
<file path=[Content_Types].xml><?xml version="1.0" encoding="utf-8"?>
<Types xmlns="http://schemas.openxmlformats.org/package/2006/content-types">
  <Default Extension="png" ContentType="image/png"/>
  <Default Extension="bin" ContentType="application/vnd.openxmlformats-officedocument.oleObject"/>
  <Default Extension="xlsm" ContentType="application/vnd.ms-excel.sheet.macroEnabled.12"/>
  <Default Extension="jpeg" ContentType="image/jpeg"/>
  <Default Extension="xls" ContentType="application/vnd.ms-excel"/>
  <Default Extension="emf" ContentType="image/x-emf"/>
  <Default Extension="rels" ContentType="application/vnd.openxmlformats-package.relationships+xml"/>
  <Default Extension="xml" ContentType="application/xml"/>
  <Default Extension="wdp" ContentType="image/vnd.ms-photo"/>
  <Default Extension="gif" ContentType="image/gif"/>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Masters/slideMaster16.xml" ContentType="application/vnd.openxmlformats-officedocument.presentationml.slideMaster+xml"/>
  <Override PartName="/ppt/slideMasters/slideMaster17.xml" ContentType="application/vnd.openxmlformats-officedocument.presentationml.slideMaster+xml"/>
  <Override PartName="/ppt/slideMasters/slideMaster18.xml" ContentType="application/vnd.openxmlformats-officedocument.presentationml.slideMaster+xml"/>
  <Override PartName="/ppt/slideMasters/slideMaster19.xml" ContentType="application/vnd.openxmlformats-officedocument.presentationml.slideMaster+xml"/>
  <Override PartName="/ppt/slideMasters/slideMaster20.xml" ContentType="application/vnd.openxmlformats-officedocument.presentationml.slideMaster+xml"/>
  <Override PartName="/ppt/slideMasters/slideMaster21.xml" ContentType="application/vnd.openxmlformats-officedocument.presentationml.slideMaster+xml"/>
  <Override PartName="/ppt/slideMasters/slideMaster22.xml" ContentType="application/vnd.openxmlformats-officedocument.presentationml.slideMaster+xml"/>
  <Override PartName="/ppt/slideMasters/slideMaster23.xml" ContentType="application/vnd.openxmlformats-officedocument.presentationml.slideMaster+xml"/>
  <Override PartName="/ppt/slideMasters/slideMaster24.xml" ContentType="application/vnd.openxmlformats-officedocument.presentationml.slideMaster+xml"/>
  <Override PartName="/ppt/slideMasters/slideMaster25.xml" ContentType="application/vnd.openxmlformats-officedocument.presentationml.slideMaster+xml"/>
  <Override PartName="/ppt/slideMasters/slideMaster26.xml" ContentType="application/vnd.openxmlformats-officedocument.presentationml.slideMaster+xml"/>
  <Override PartName="/ppt/slideMasters/slideMaster27.xml" ContentType="application/vnd.openxmlformats-officedocument.presentationml.slideMaster+xml"/>
  <Override PartName="/ppt/slideMasters/slideMaster28.xml" ContentType="application/vnd.openxmlformats-officedocument.presentationml.slideMaster+xml"/>
  <Override PartName="/ppt/slideMasters/slideMaster29.xml" ContentType="application/vnd.openxmlformats-officedocument.presentationml.slideMaster+xml"/>
  <Override PartName="/ppt/slideMasters/slideMaster30.xml" ContentType="application/vnd.openxmlformats-officedocument.presentationml.slideMaster+xml"/>
  <Override PartName="/ppt/slideMasters/slideMaster31.xml" ContentType="application/vnd.openxmlformats-officedocument.presentationml.slideMaster+xml"/>
  <Override PartName="/ppt/slideMasters/slideMaster32.xml" ContentType="application/vnd.openxmlformats-officedocument.presentationml.slideMaster+xml"/>
  <Override PartName="/ppt/slideMasters/slideMaster33.xml" ContentType="application/vnd.openxmlformats-officedocument.presentationml.slideMaster+xml"/>
  <Override PartName="/ppt/slideMasters/slideMaster34.xml" ContentType="application/vnd.openxmlformats-officedocument.presentationml.slideMaster+xml"/>
  <Override PartName="/ppt/slideMasters/slideMaster35.xml" ContentType="application/vnd.openxmlformats-officedocument.presentationml.slideMaster+xml"/>
  <Override PartName="/ppt/slideMasters/slideMaster36.xml" ContentType="application/vnd.openxmlformats-officedocument.presentationml.slideMaster+xml"/>
  <Override PartName="/ppt/slideMasters/slideMaster37.xml" ContentType="application/vnd.openxmlformats-officedocument.presentationml.slideMaster+xml"/>
  <Override PartName="/ppt/slideMasters/slideMaster38.xml" ContentType="application/vnd.openxmlformats-officedocument.presentationml.slideMaster+xml"/>
  <Override PartName="/ppt/slideMasters/slideMaster39.xml" ContentType="application/vnd.openxmlformats-officedocument.presentationml.slideMaster+xml"/>
  <Override PartName="/ppt/slideMasters/slideMaster40.xml" ContentType="application/vnd.openxmlformats-officedocument.presentationml.slideMaster+xml"/>
  <Override PartName="/ppt/slideMasters/slideMaster41.xml" ContentType="application/vnd.openxmlformats-officedocument.presentationml.slideMaster+xml"/>
  <Override PartName="/ppt/slideMasters/slideMaster42.xml" ContentType="application/vnd.openxmlformats-officedocument.presentationml.slideMaster+xml"/>
  <Override PartName="/ppt/slideMasters/slideMaster43.xml" ContentType="application/vnd.openxmlformats-officedocument.presentationml.slideMaster+xml"/>
  <Override PartName="/ppt/slideMasters/slideMaster44.xml" ContentType="application/vnd.openxmlformats-officedocument.presentationml.slideMaster+xml"/>
  <Override PartName="/ppt/slideMasters/slideMaster45.xml" ContentType="application/vnd.openxmlformats-officedocument.presentationml.slideMaster+xml"/>
  <Override PartName="/ppt/slideMasters/slideMaster46.xml" ContentType="application/vnd.openxmlformats-officedocument.presentationml.slideMaster+xml"/>
  <Override PartName="/ppt/slideMasters/slideMaster47.xml" ContentType="application/vnd.openxmlformats-officedocument.presentationml.slideMaster+xml"/>
  <Override PartName="/ppt/slideMasters/slideMaster48.xml" ContentType="application/vnd.openxmlformats-officedocument.presentationml.slideMaster+xml"/>
  <Override PartName="/ppt/slideMasters/slideMaster49.xml" ContentType="application/vnd.openxmlformats-officedocument.presentationml.slideMaster+xml"/>
  <Override PartName="/ppt/slideMasters/slideMaster50.xml" ContentType="application/vnd.openxmlformats-officedocument.presentationml.slideMaster+xml"/>
  <Override PartName="/ppt/slideMasters/slideMaster51.xml" ContentType="application/vnd.openxmlformats-officedocument.presentationml.slideMaster+xml"/>
  <Override PartName="/ppt/slideMasters/slideMaster52.xml" ContentType="application/vnd.openxmlformats-officedocument.presentationml.slideMaster+xml"/>
  <Override PartName="/ppt/slideMasters/slideMaster53.xml" ContentType="application/vnd.openxmlformats-officedocument.presentationml.slideMaster+xml"/>
  <Override PartName="/ppt/slideMasters/slideMaster54.xml" ContentType="application/vnd.openxmlformats-officedocument.presentationml.slideMaster+xml"/>
  <Override PartName="/ppt/slideMasters/slideMaster55.xml" ContentType="application/vnd.openxmlformats-officedocument.presentationml.slideMaster+xml"/>
  <Override PartName="/ppt/slideMasters/slideMaster56.xml" ContentType="application/vnd.openxmlformats-officedocument.presentationml.slideMaster+xml"/>
  <Override PartName="/ppt/slideMasters/slideMaster57.xml" ContentType="application/vnd.openxmlformats-officedocument.presentationml.slideMaster+xml"/>
  <Override PartName="/ppt/slideMasters/slideMaster58.xml" ContentType="application/vnd.openxmlformats-officedocument.presentationml.slideMaster+xml"/>
  <Override PartName="/ppt/slideMasters/slideMaster59.xml" ContentType="application/vnd.openxmlformats-officedocument.presentationml.slideMaster+xml"/>
  <Override PartName="/ppt/slideMasters/slideMaster60.xml" ContentType="application/vnd.openxmlformats-officedocument.presentationml.slideMaster+xml"/>
  <Override PartName="/ppt/slideMasters/slideMaster6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3.xml" ContentType="application/vnd.openxmlformats-officedocument.theme+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4.xml" ContentType="application/vnd.openxmlformats-officedocument.theme+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theme/theme5.xml" ContentType="application/vnd.openxmlformats-officedocument.theme+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theme/theme6.xml" ContentType="application/vnd.openxmlformats-officedocument.theme+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theme/theme7.xml" ContentType="application/vnd.openxmlformats-officedocument.theme+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theme/theme8.xml" ContentType="application/vnd.openxmlformats-officedocument.theme+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theme/theme9.xml" ContentType="application/vnd.openxmlformats-officedocument.theme+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theme/theme10.xml" ContentType="application/vnd.openxmlformats-officedocument.theme+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theme/theme11.xml" ContentType="application/vnd.openxmlformats-officedocument.theme+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theme/theme12.xml" ContentType="application/vnd.openxmlformats-officedocument.theme+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theme/theme13.xml" ContentType="application/vnd.openxmlformats-officedocument.theme+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theme/theme14.xml" ContentType="application/vnd.openxmlformats-officedocument.theme+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theme/theme15.xml" ContentType="application/vnd.openxmlformats-officedocument.theme+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theme/theme16.xml" ContentType="application/vnd.openxmlformats-officedocument.theme+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theme/theme17.xml" ContentType="application/vnd.openxmlformats-officedocument.theme+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theme/theme18.xml" ContentType="application/vnd.openxmlformats-officedocument.theme+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slideLayouts/slideLayout337.xml" ContentType="application/vnd.openxmlformats-officedocument.presentationml.slideLayout+xml"/>
  <Override PartName="/ppt/theme/theme19.xml" ContentType="application/vnd.openxmlformats-officedocument.theme+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theme/theme20.xml" ContentType="application/vnd.openxmlformats-officedocument.theme+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theme/theme21.xml" ContentType="application/vnd.openxmlformats-officedocument.theme+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theme/theme22.xml" ContentType="application/vnd.openxmlformats-officedocument.theme+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theme/theme23.xml" ContentType="application/vnd.openxmlformats-officedocument.theme+xml"/>
  <Override PartName="/ppt/slideLayouts/slideLayout407.xml" ContentType="application/vnd.openxmlformats-officedocument.presentationml.slideLayout+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slideLayouts/slideLayout424.xml" ContentType="application/vnd.openxmlformats-officedocument.presentationml.slideLayout+xml"/>
  <Override PartName="/ppt/theme/theme24.xml" ContentType="application/vnd.openxmlformats-officedocument.theme+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theme/theme25.xml" ContentType="application/vnd.openxmlformats-officedocument.theme+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theme/theme26.xml" ContentType="application/vnd.openxmlformats-officedocument.theme+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slideLayouts/slideLayout481.xml" ContentType="application/vnd.openxmlformats-officedocument.presentationml.slideLayout+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theme/theme27.xml" ContentType="application/vnd.openxmlformats-officedocument.theme+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theme/theme28.xml" ContentType="application/vnd.openxmlformats-officedocument.theme+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slideLayouts/slideLayout501.xml" ContentType="application/vnd.openxmlformats-officedocument.presentationml.slideLayout+xml"/>
  <Override PartName="/ppt/slideLayouts/slideLayout502.xml" ContentType="application/vnd.openxmlformats-officedocument.presentationml.slideLayout+xml"/>
  <Override PartName="/ppt/slideLayouts/slideLayout503.xml" ContentType="application/vnd.openxmlformats-officedocument.presentationml.slideLayout+xml"/>
  <Override PartName="/ppt/slideLayouts/slideLayout504.xml" ContentType="application/vnd.openxmlformats-officedocument.presentationml.slideLayout+xml"/>
  <Override PartName="/ppt/slideLayouts/slideLayout505.xml" ContentType="application/vnd.openxmlformats-officedocument.presentationml.slideLayout+xml"/>
  <Override PartName="/ppt/slideLayouts/slideLayout506.xml" ContentType="application/vnd.openxmlformats-officedocument.presentationml.slideLayout+xml"/>
  <Override PartName="/ppt/slideLayouts/slideLayout507.xml" ContentType="application/vnd.openxmlformats-officedocument.presentationml.slideLayout+xml"/>
  <Override PartName="/ppt/slideLayouts/slideLayout508.xml" ContentType="application/vnd.openxmlformats-officedocument.presentationml.slideLayout+xml"/>
  <Override PartName="/ppt/slideLayouts/slideLayout509.xml" ContentType="application/vnd.openxmlformats-officedocument.presentationml.slideLayout+xml"/>
  <Override PartName="/ppt/slideLayouts/slideLayout510.xml" ContentType="application/vnd.openxmlformats-officedocument.presentationml.slideLayout+xml"/>
  <Override PartName="/ppt/slideLayouts/slideLayout511.xml" ContentType="application/vnd.openxmlformats-officedocument.presentationml.slideLayout+xml"/>
  <Override PartName="/ppt/slideLayouts/slideLayout512.xml" ContentType="application/vnd.openxmlformats-officedocument.presentationml.slideLayout+xml"/>
  <Override PartName="/ppt/slideLayouts/slideLayout513.xml" ContentType="application/vnd.openxmlformats-officedocument.presentationml.slideLayout+xml"/>
  <Override PartName="/ppt/slideLayouts/slideLayout514.xml" ContentType="application/vnd.openxmlformats-officedocument.presentationml.slideLayout+xml"/>
  <Override PartName="/ppt/theme/theme29.xml" ContentType="application/vnd.openxmlformats-officedocument.theme+xml"/>
  <Override PartName="/ppt/slideLayouts/slideLayout515.xml" ContentType="application/vnd.openxmlformats-officedocument.presentationml.slideLayout+xml"/>
  <Override PartName="/ppt/slideLayouts/slideLayout516.xml" ContentType="application/vnd.openxmlformats-officedocument.presentationml.slideLayout+xml"/>
  <Override PartName="/ppt/slideLayouts/slideLayout517.xml" ContentType="application/vnd.openxmlformats-officedocument.presentationml.slideLayout+xml"/>
  <Override PartName="/ppt/slideLayouts/slideLayout518.xml" ContentType="application/vnd.openxmlformats-officedocument.presentationml.slideLayout+xml"/>
  <Override PartName="/ppt/slideLayouts/slideLayout519.xml" ContentType="application/vnd.openxmlformats-officedocument.presentationml.slideLayout+xml"/>
  <Override PartName="/ppt/slideLayouts/slideLayout520.xml" ContentType="application/vnd.openxmlformats-officedocument.presentationml.slideLayout+xml"/>
  <Override PartName="/ppt/slideLayouts/slideLayout521.xml" ContentType="application/vnd.openxmlformats-officedocument.presentationml.slideLayout+xml"/>
  <Override PartName="/ppt/slideLayouts/slideLayout522.xml" ContentType="application/vnd.openxmlformats-officedocument.presentationml.slideLayout+xml"/>
  <Override PartName="/ppt/slideLayouts/slideLayout523.xml" ContentType="application/vnd.openxmlformats-officedocument.presentationml.slideLayout+xml"/>
  <Override PartName="/ppt/slideLayouts/slideLayout524.xml" ContentType="application/vnd.openxmlformats-officedocument.presentationml.slideLayout+xml"/>
  <Override PartName="/ppt/slideLayouts/slideLayout525.xml" ContentType="application/vnd.openxmlformats-officedocument.presentationml.slideLayout+xml"/>
  <Override PartName="/ppt/slideLayouts/slideLayout526.xml" ContentType="application/vnd.openxmlformats-officedocument.presentationml.slideLayout+xml"/>
  <Override PartName="/ppt/slideLayouts/slideLayout527.xml" ContentType="application/vnd.openxmlformats-officedocument.presentationml.slideLayout+xml"/>
  <Override PartName="/ppt/slideLayouts/slideLayout528.xml" ContentType="application/vnd.openxmlformats-officedocument.presentationml.slideLayout+xml"/>
  <Override PartName="/ppt/slideLayouts/slideLayout529.xml" ContentType="application/vnd.openxmlformats-officedocument.presentationml.slideLayout+xml"/>
  <Override PartName="/ppt/slideLayouts/slideLayout530.xml" ContentType="application/vnd.openxmlformats-officedocument.presentationml.slideLayout+xml"/>
  <Override PartName="/ppt/slideLayouts/slideLayout531.xml" ContentType="application/vnd.openxmlformats-officedocument.presentationml.slideLayout+xml"/>
  <Override PartName="/ppt/slideLayouts/slideLayout532.xml" ContentType="application/vnd.openxmlformats-officedocument.presentationml.slideLayout+xml"/>
  <Override PartName="/ppt/slideLayouts/slideLayout533.xml" ContentType="application/vnd.openxmlformats-officedocument.presentationml.slideLayout+xml"/>
  <Override PartName="/ppt/slideLayouts/slideLayout534.xml" ContentType="application/vnd.openxmlformats-officedocument.presentationml.slideLayout+xml"/>
  <Override PartName="/ppt/slideLayouts/slideLayout535.xml" ContentType="application/vnd.openxmlformats-officedocument.presentationml.slideLayout+xml"/>
  <Override PartName="/ppt/theme/theme30.xml" ContentType="application/vnd.openxmlformats-officedocument.theme+xml"/>
  <Override PartName="/ppt/slideLayouts/slideLayout536.xml" ContentType="application/vnd.openxmlformats-officedocument.presentationml.slideLayout+xml"/>
  <Override PartName="/ppt/slideLayouts/slideLayout537.xml" ContentType="application/vnd.openxmlformats-officedocument.presentationml.slideLayout+xml"/>
  <Override PartName="/ppt/slideLayouts/slideLayout538.xml" ContentType="application/vnd.openxmlformats-officedocument.presentationml.slideLayout+xml"/>
  <Override PartName="/ppt/slideLayouts/slideLayout539.xml" ContentType="application/vnd.openxmlformats-officedocument.presentationml.slideLayout+xml"/>
  <Override PartName="/ppt/slideLayouts/slideLayout540.xml" ContentType="application/vnd.openxmlformats-officedocument.presentationml.slideLayout+xml"/>
  <Override PartName="/ppt/slideLayouts/slideLayout541.xml" ContentType="application/vnd.openxmlformats-officedocument.presentationml.slideLayout+xml"/>
  <Override PartName="/ppt/slideLayouts/slideLayout542.xml" ContentType="application/vnd.openxmlformats-officedocument.presentationml.slideLayout+xml"/>
  <Override PartName="/ppt/slideLayouts/slideLayout543.xml" ContentType="application/vnd.openxmlformats-officedocument.presentationml.slideLayout+xml"/>
  <Override PartName="/ppt/slideLayouts/slideLayout544.xml" ContentType="application/vnd.openxmlformats-officedocument.presentationml.slideLayout+xml"/>
  <Override PartName="/ppt/slideLayouts/slideLayout545.xml" ContentType="application/vnd.openxmlformats-officedocument.presentationml.slideLayout+xml"/>
  <Override PartName="/ppt/slideLayouts/slideLayout546.xml" ContentType="application/vnd.openxmlformats-officedocument.presentationml.slideLayout+xml"/>
  <Override PartName="/ppt/slideLayouts/slideLayout547.xml" ContentType="application/vnd.openxmlformats-officedocument.presentationml.slideLayout+xml"/>
  <Override PartName="/ppt/slideLayouts/slideLayout548.xml" ContentType="application/vnd.openxmlformats-officedocument.presentationml.slideLayout+xml"/>
  <Override PartName="/ppt/slideLayouts/slideLayout549.xml" ContentType="application/vnd.openxmlformats-officedocument.presentationml.slideLayout+xml"/>
  <Override PartName="/ppt/slideLayouts/slideLayout550.xml" ContentType="application/vnd.openxmlformats-officedocument.presentationml.slideLayout+xml"/>
  <Override PartName="/ppt/slideLayouts/slideLayout551.xml" ContentType="application/vnd.openxmlformats-officedocument.presentationml.slideLayout+xml"/>
  <Override PartName="/ppt/slideLayouts/slideLayout552.xml" ContentType="application/vnd.openxmlformats-officedocument.presentationml.slideLayout+xml"/>
  <Override PartName="/ppt/slideLayouts/slideLayout553.xml" ContentType="application/vnd.openxmlformats-officedocument.presentationml.slideLayout+xml"/>
  <Override PartName="/ppt/slideLayouts/slideLayout554.xml" ContentType="application/vnd.openxmlformats-officedocument.presentationml.slideLayout+xml"/>
  <Override PartName="/ppt/theme/theme31.xml" ContentType="application/vnd.openxmlformats-officedocument.theme+xml"/>
  <Override PartName="/ppt/slideLayouts/slideLayout555.xml" ContentType="application/vnd.openxmlformats-officedocument.presentationml.slideLayout+xml"/>
  <Override PartName="/ppt/slideLayouts/slideLayout556.xml" ContentType="application/vnd.openxmlformats-officedocument.presentationml.slideLayout+xml"/>
  <Override PartName="/ppt/slideLayouts/slideLayout557.xml" ContentType="application/vnd.openxmlformats-officedocument.presentationml.slideLayout+xml"/>
  <Override PartName="/ppt/slideLayouts/slideLayout558.xml" ContentType="application/vnd.openxmlformats-officedocument.presentationml.slideLayout+xml"/>
  <Override PartName="/ppt/slideLayouts/slideLayout559.xml" ContentType="application/vnd.openxmlformats-officedocument.presentationml.slideLayout+xml"/>
  <Override PartName="/ppt/slideLayouts/slideLayout560.xml" ContentType="application/vnd.openxmlformats-officedocument.presentationml.slideLayout+xml"/>
  <Override PartName="/ppt/slideLayouts/slideLayout561.xml" ContentType="application/vnd.openxmlformats-officedocument.presentationml.slideLayout+xml"/>
  <Override PartName="/ppt/slideLayouts/slideLayout562.xml" ContentType="application/vnd.openxmlformats-officedocument.presentationml.slideLayout+xml"/>
  <Override PartName="/ppt/slideLayouts/slideLayout563.xml" ContentType="application/vnd.openxmlformats-officedocument.presentationml.slideLayout+xml"/>
  <Override PartName="/ppt/slideLayouts/slideLayout564.xml" ContentType="application/vnd.openxmlformats-officedocument.presentationml.slideLayout+xml"/>
  <Override PartName="/ppt/slideLayouts/slideLayout565.xml" ContentType="application/vnd.openxmlformats-officedocument.presentationml.slideLayout+xml"/>
  <Override PartName="/ppt/slideLayouts/slideLayout566.xml" ContentType="application/vnd.openxmlformats-officedocument.presentationml.slideLayout+xml"/>
  <Override PartName="/ppt/slideLayouts/slideLayout567.xml" ContentType="application/vnd.openxmlformats-officedocument.presentationml.slideLayout+xml"/>
  <Override PartName="/ppt/slideLayouts/slideLayout568.xml" ContentType="application/vnd.openxmlformats-officedocument.presentationml.slideLayout+xml"/>
  <Override PartName="/ppt/slideLayouts/slideLayout569.xml" ContentType="application/vnd.openxmlformats-officedocument.presentationml.slideLayout+xml"/>
  <Override PartName="/ppt/slideLayouts/slideLayout570.xml" ContentType="application/vnd.openxmlformats-officedocument.presentationml.slideLayout+xml"/>
  <Override PartName="/ppt/slideLayouts/slideLayout571.xml" ContentType="application/vnd.openxmlformats-officedocument.presentationml.slideLayout+xml"/>
  <Override PartName="/ppt/slideLayouts/slideLayout572.xml" ContentType="application/vnd.openxmlformats-officedocument.presentationml.slideLayout+xml"/>
  <Override PartName="/ppt/slideLayouts/slideLayout573.xml" ContentType="application/vnd.openxmlformats-officedocument.presentationml.slideLayout+xml"/>
  <Override PartName="/ppt/theme/theme32.xml" ContentType="application/vnd.openxmlformats-officedocument.theme+xml"/>
  <Override PartName="/ppt/slideLayouts/slideLayout574.xml" ContentType="application/vnd.openxmlformats-officedocument.presentationml.slideLayout+xml"/>
  <Override PartName="/ppt/slideLayouts/slideLayout575.xml" ContentType="application/vnd.openxmlformats-officedocument.presentationml.slideLayout+xml"/>
  <Override PartName="/ppt/slideLayouts/slideLayout576.xml" ContentType="application/vnd.openxmlformats-officedocument.presentationml.slideLayout+xml"/>
  <Override PartName="/ppt/slideLayouts/slideLayout577.xml" ContentType="application/vnd.openxmlformats-officedocument.presentationml.slideLayout+xml"/>
  <Override PartName="/ppt/slideLayouts/slideLayout578.xml" ContentType="application/vnd.openxmlformats-officedocument.presentationml.slideLayout+xml"/>
  <Override PartName="/ppt/slideLayouts/slideLayout579.xml" ContentType="application/vnd.openxmlformats-officedocument.presentationml.slideLayout+xml"/>
  <Override PartName="/ppt/slideLayouts/slideLayout580.xml" ContentType="application/vnd.openxmlformats-officedocument.presentationml.slideLayout+xml"/>
  <Override PartName="/ppt/slideLayouts/slideLayout581.xml" ContentType="application/vnd.openxmlformats-officedocument.presentationml.slideLayout+xml"/>
  <Override PartName="/ppt/slideLayouts/slideLayout582.xml" ContentType="application/vnd.openxmlformats-officedocument.presentationml.slideLayout+xml"/>
  <Override PartName="/ppt/slideLayouts/slideLayout583.xml" ContentType="application/vnd.openxmlformats-officedocument.presentationml.slideLayout+xml"/>
  <Override PartName="/ppt/slideLayouts/slideLayout584.xml" ContentType="application/vnd.openxmlformats-officedocument.presentationml.slideLayout+xml"/>
  <Override PartName="/ppt/slideLayouts/slideLayout585.xml" ContentType="application/vnd.openxmlformats-officedocument.presentationml.slideLayout+xml"/>
  <Override PartName="/ppt/slideLayouts/slideLayout586.xml" ContentType="application/vnd.openxmlformats-officedocument.presentationml.slideLayout+xml"/>
  <Override PartName="/ppt/slideLayouts/slideLayout587.xml" ContentType="application/vnd.openxmlformats-officedocument.presentationml.slideLayout+xml"/>
  <Override PartName="/ppt/slideLayouts/slideLayout588.xml" ContentType="application/vnd.openxmlformats-officedocument.presentationml.slideLayout+xml"/>
  <Override PartName="/ppt/slideLayouts/slideLayout589.xml" ContentType="application/vnd.openxmlformats-officedocument.presentationml.slideLayout+xml"/>
  <Override PartName="/ppt/slideLayouts/slideLayout590.xml" ContentType="application/vnd.openxmlformats-officedocument.presentationml.slideLayout+xml"/>
  <Override PartName="/ppt/slideLayouts/slideLayout591.xml" ContentType="application/vnd.openxmlformats-officedocument.presentationml.slideLayout+xml"/>
  <Override PartName="/ppt/slideLayouts/slideLayout592.xml" ContentType="application/vnd.openxmlformats-officedocument.presentationml.slideLayout+xml"/>
  <Override PartName="/ppt/slideLayouts/slideLayout593.xml" ContentType="application/vnd.openxmlformats-officedocument.presentationml.slideLayout+xml"/>
  <Override PartName="/ppt/slideLayouts/slideLayout594.xml" ContentType="application/vnd.openxmlformats-officedocument.presentationml.slideLayout+xml"/>
  <Override PartName="/ppt/theme/theme33.xml" ContentType="application/vnd.openxmlformats-officedocument.theme+xml"/>
  <Override PartName="/ppt/slideLayouts/slideLayout595.xml" ContentType="application/vnd.openxmlformats-officedocument.presentationml.slideLayout+xml"/>
  <Override PartName="/ppt/slideLayouts/slideLayout596.xml" ContentType="application/vnd.openxmlformats-officedocument.presentationml.slideLayout+xml"/>
  <Override PartName="/ppt/slideLayouts/slideLayout597.xml" ContentType="application/vnd.openxmlformats-officedocument.presentationml.slideLayout+xml"/>
  <Override PartName="/ppt/slideLayouts/slideLayout598.xml" ContentType="application/vnd.openxmlformats-officedocument.presentationml.slideLayout+xml"/>
  <Override PartName="/ppt/slideLayouts/slideLayout599.xml" ContentType="application/vnd.openxmlformats-officedocument.presentationml.slideLayout+xml"/>
  <Override PartName="/ppt/slideLayouts/slideLayout600.xml" ContentType="application/vnd.openxmlformats-officedocument.presentationml.slideLayout+xml"/>
  <Override PartName="/ppt/slideLayouts/slideLayout601.xml" ContentType="application/vnd.openxmlformats-officedocument.presentationml.slideLayout+xml"/>
  <Override PartName="/ppt/slideLayouts/slideLayout602.xml" ContentType="application/vnd.openxmlformats-officedocument.presentationml.slideLayout+xml"/>
  <Override PartName="/ppt/slideLayouts/slideLayout603.xml" ContentType="application/vnd.openxmlformats-officedocument.presentationml.slideLayout+xml"/>
  <Override PartName="/ppt/slideLayouts/slideLayout604.xml" ContentType="application/vnd.openxmlformats-officedocument.presentationml.slideLayout+xml"/>
  <Override PartName="/ppt/slideLayouts/slideLayout605.xml" ContentType="application/vnd.openxmlformats-officedocument.presentationml.slideLayout+xml"/>
  <Override PartName="/ppt/slideLayouts/slideLayout606.xml" ContentType="application/vnd.openxmlformats-officedocument.presentationml.slideLayout+xml"/>
  <Override PartName="/ppt/slideLayouts/slideLayout607.xml" ContentType="application/vnd.openxmlformats-officedocument.presentationml.slideLayout+xml"/>
  <Override PartName="/ppt/slideLayouts/slideLayout608.xml" ContentType="application/vnd.openxmlformats-officedocument.presentationml.slideLayout+xml"/>
  <Override PartName="/ppt/slideLayouts/slideLayout609.xml" ContentType="application/vnd.openxmlformats-officedocument.presentationml.slideLayout+xml"/>
  <Override PartName="/ppt/slideLayouts/slideLayout610.xml" ContentType="application/vnd.openxmlformats-officedocument.presentationml.slideLayout+xml"/>
  <Override PartName="/ppt/slideLayouts/slideLayout611.xml" ContentType="application/vnd.openxmlformats-officedocument.presentationml.slideLayout+xml"/>
  <Override PartName="/ppt/slideLayouts/slideLayout612.xml" ContentType="application/vnd.openxmlformats-officedocument.presentationml.slideLayout+xml"/>
  <Override PartName="/ppt/slideLayouts/slideLayout613.xml" ContentType="application/vnd.openxmlformats-officedocument.presentationml.slideLayout+xml"/>
  <Override PartName="/ppt/slideLayouts/slideLayout614.xml" ContentType="application/vnd.openxmlformats-officedocument.presentationml.slideLayout+xml"/>
  <Override PartName="/ppt/slideLayouts/slideLayout615.xml" ContentType="application/vnd.openxmlformats-officedocument.presentationml.slideLayout+xml"/>
  <Override PartName="/ppt/theme/theme34.xml" ContentType="application/vnd.openxmlformats-officedocument.theme+xml"/>
  <Override PartName="/ppt/slideLayouts/slideLayout616.xml" ContentType="application/vnd.openxmlformats-officedocument.presentationml.slideLayout+xml"/>
  <Override PartName="/ppt/slideLayouts/slideLayout617.xml" ContentType="application/vnd.openxmlformats-officedocument.presentationml.slideLayout+xml"/>
  <Override PartName="/ppt/slideLayouts/slideLayout618.xml" ContentType="application/vnd.openxmlformats-officedocument.presentationml.slideLayout+xml"/>
  <Override PartName="/ppt/slideLayouts/slideLayout619.xml" ContentType="application/vnd.openxmlformats-officedocument.presentationml.slideLayout+xml"/>
  <Override PartName="/ppt/slideLayouts/slideLayout620.xml" ContentType="application/vnd.openxmlformats-officedocument.presentationml.slideLayout+xml"/>
  <Override PartName="/ppt/slideLayouts/slideLayout621.xml" ContentType="application/vnd.openxmlformats-officedocument.presentationml.slideLayout+xml"/>
  <Override PartName="/ppt/slideLayouts/slideLayout622.xml" ContentType="application/vnd.openxmlformats-officedocument.presentationml.slideLayout+xml"/>
  <Override PartName="/ppt/slideLayouts/slideLayout623.xml" ContentType="application/vnd.openxmlformats-officedocument.presentationml.slideLayout+xml"/>
  <Override PartName="/ppt/slideLayouts/slideLayout624.xml" ContentType="application/vnd.openxmlformats-officedocument.presentationml.slideLayout+xml"/>
  <Override PartName="/ppt/slideLayouts/slideLayout625.xml" ContentType="application/vnd.openxmlformats-officedocument.presentationml.slideLayout+xml"/>
  <Override PartName="/ppt/slideLayouts/slideLayout626.xml" ContentType="application/vnd.openxmlformats-officedocument.presentationml.slideLayout+xml"/>
  <Override PartName="/ppt/slideLayouts/slideLayout627.xml" ContentType="application/vnd.openxmlformats-officedocument.presentationml.slideLayout+xml"/>
  <Override PartName="/ppt/slideLayouts/slideLayout628.xml" ContentType="application/vnd.openxmlformats-officedocument.presentationml.slideLayout+xml"/>
  <Override PartName="/ppt/slideLayouts/slideLayout629.xml" ContentType="application/vnd.openxmlformats-officedocument.presentationml.slideLayout+xml"/>
  <Override PartName="/ppt/slideLayouts/slideLayout630.xml" ContentType="application/vnd.openxmlformats-officedocument.presentationml.slideLayout+xml"/>
  <Override PartName="/ppt/slideLayouts/slideLayout631.xml" ContentType="application/vnd.openxmlformats-officedocument.presentationml.slideLayout+xml"/>
  <Override PartName="/ppt/slideLayouts/slideLayout632.xml" ContentType="application/vnd.openxmlformats-officedocument.presentationml.slideLayout+xml"/>
  <Override PartName="/ppt/slideLayouts/slideLayout633.xml" ContentType="application/vnd.openxmlformats-officedocument.presentationml.slideLayout+xml"/>
  <Override PartName="/ppt/slideLayouts/slideLayout634.xml" ContentType="application/vnd.openxmlformats-officedocument.presentationml.slideLayout+xml"/>
  <Override PartName="/ppt/theme/theme35.xml" ContentType="application/vnd.openxmlformats-officedocument.theme+xml"/>
  <Override PartName="/ppt/slideLayouts/slideLayout635.xml" ContentType="application/vnd.openxmlformats-officedocument.presentationml.slideLayout+xml"/>
  <Override PartName="/ppt/slideLayouts/slideLayout636.xml" ContentType="application/vnd.openxmlformats-officedocument.presentationml.slideLayout+xml"/>
  <Override PartName="/ppt/slideLayouts/slideLayout637.xml" ContentType="application/vnd.openxmlformats-officedocument.presentationml.slideLayout+xml"/>
  <Override PartName="/ppt/slideLayouts/slideLayout638.xml" ContentType="application/vnd.openxmlformats-officedocument.presentationml.slideLayout+xml"/>
  <Override PartName="/ppt/slideLayouts/slideLayout639.xml" ContentType="application/vnd.openxmlformats-officedocument.presentationml.slideLayout+xml"/>
  <Override PartName="/ppt/slideLayouts/slideLayout640.xml" ContentType="application/vnd.openxmlformats-officedocument.presentationml.slideLayout+xml"/>
  <Override PartName="/ppt/slideLayouts/slideLayout641.xml" ContentType="application/vnd.openxmlformats-officedocument.presentationml.slideLayout+xml"/>
  <Override PartName="/ppt/slideLayouts/slideLayout642.xml" ContentType="application/vnd.openxmlformats-officedocument.presentationml.slideLayout+xml"/>
  <Override PartName="/ppt/slideLayouts/slideLayout643.xml" ContentType="application/vnd.openxmlformats-officedocument.presentationml.slideLayout+xml"/>
  <Override PartName="/ppt/slideLayouts/slideLayout644.xml" ContentType="application/vnd.openxmlformats-officedocument.presentationml.slideLayout+xml"/>
  <Override PartName="/ppt/slideLayouts/slideLayout645.xml" ContentType="application/vnd.openxmlformats-officedocument.presentationml.slideLayout+xml"/>
  <Override PartName="/ppt/slideLayouts/slideLayout646.xml" ContentType="application/vnd.openxmlformats-officedocument.presentationml.slideLayout+xml"/>
  <Override PartName="/ppt/slideLayouts/slideLayout647.xml" ContentType="application/vnd.openxmlformats-officedocument.presentationml.slideLayout+xml"/>
  <Override PartName="/ppt/slideLayouts/slideLayout648.xml" ContentType="application/vnd.openxmlformats-officedocument.presentationml.slideLayout+xml"/>
  <Override PartName="/ppt/slideLayouts/slideLayout649.xml" ContentType="application/vnd.openxmlformats-officedocument.presentationml.slideLayout+xml"/>
  <Override PartName="/ppt/slideLayouts/slideLayout650.xml" ContentType="application/vnd.openxmlformats-officedocument.presentationml.slideLayout+xml"/>
  <Override PartName="/ppt/slideLayouts/slideLayout651.xml" ContentType="application/vnd.openxmlformats-officedocument.presentationml.slideLayout+xml"/>
  <Override PartName="/ppt/slideLayouts/slideLayout652.xml" ContentType="application/vnd.openxmlformats-officedocument.presentationml.slideLayout+xml"/>
  <Override PartName="/ppt/slideLayouts/slideLayout653.xml" ContentType="application/vnd.openxmlformats-officedocument.presentationml.slideLayout+xml"/>
  <Override PartName="/ppt/theme/theme36.xml" ContentType="application/vnd.openxmlformats-officedocument.theme+xml"/>
  <Override PartName="/ppt/slideLayouts/slideLayout654.xml" ContentType="application/vnd.openxmlformats-officedocument.presentationml.slideLayout+xml"/>
  <Override PartName="/ppt/slideLayouts/slideLayout655.xml" ContentType="application/vnd.openxmlformats-officedocument.presentationml.slideLayout+xml"/>
  <Override PartName="/ppt/slideLayouts/slideLayout656.xml" ContentType="application/vnd.openxmlformats-officedocument.presentationml.slideLayout+xml"/>
  <Override PartName="/ppt/slideLayouts/slideLayout657.xml" ContentType="application/vnd.openxmlformats-officedocument.presentationml.slideLayout+xml"/>
  <Override PartName="/ppt/slideLayouts/slideLayout658.xml" ContentType="application/vnd.openxmlformats-officedocument.presentationml.slideLayout+xml"/>
  <Override PartName="/ppt/slideLayouts/slideLayout659.xml" ContentType="application/vnd.openxmlformats-officedocument.presentationml.slideLayout+xml"/>
  <Override PartName="/ppt/slideLayouts/slideLayout660.xml" ContentType="application/vnd.openxmlformats-officedocument.presentationml.slideLayout+xml"/>
  <Override PartName="/ppt/slideLayouts/slideLayout661.xml" ContentType="application/vnd.openxmlformats-officedocument.presentationml.slideLayout+xml"/>
  <Override PartName="/ppt/slideLayouts/slideLayout662.xml" ContentType="application/vnd.openxmlformats-officedocument.presentationml.slideLayout+xml"/>
  <Override PartName="/ppt/slideLayouts/slideLayout663.xml" ContentType="application/vnd.openxmlformats-officedocument.presentationml.slideLayout+xml"/>
  <Override PartName="/ppt/slideLayouts/slideLayout664.xml" ContentType="application/vnd.openxmlformats-officedocument.presentationml.slideLayout+xml"/>
  <Override PartName="/ppt/slideLayouts/slideLayout665.xml" ContentType="application/vnd.openxmlformats-officedocument.presentationml.slideLayout+xml"/>
  <Override PartName="/ppt/slideLayouts/slideLayout666.xml" ContentType="application/vnd.openxmlformats-officedocument.presentationml.slideLayout+xml"/>
  <Override PartName="/ppt/slideLayouts/slideLayout667.xml" ContentType="application/vnd.openxmlformats-officedocument.presentationml.slideLayout+xml"/>
  <Override PartName="/ppt/slideLayouts/slideLayout668.xml" ContentType="application/vnd.openxmlformats-officedocument.presentationml.slideLayout+xml"/>
  <Override PartName="/ppt/slideLayouts/slideLayout669.xml" ContentType="application/vnd.openxmlformats-officedocument.presentationml.slideLayout+xml"/>
  <Override PartName="/ppt/slideLayouts/slideLayout670.xml" ContentType="application/vnd.openxmlformats-officedocument.presentationml.slideLayout+xml"/>
  <Override PartName="/ppt/slideLayouts/slideLayout671.xml" ContentType="application/vnd.openxmlformats-officedocument.presentationml.slideLayout+xml"/>
  <Override PartName="/ppt/slideLayouts/slideLayout672.xml" ContentType="application/vnd.openxmlformats-officedocument.presentationml.slideLayout+xml"/>
  <Override PartName="/ppt/theme/theme37.xml" ContentType="application/vnd.openxmlformats-officedocument.theme+xml"/>
  <Override PartName="/ppt/slideLayouts/slideLayout673.xml" ContentType="application/vnd.openxmlformats-officedocument.presentationml.slideLayout+xml"/>
  <Override PartName="/ppt/slideLayouts/slideLayout674.xml" ContentType="application/vnd.openxmlformats-officedocument.presentationml.slideLayout+xml"/>
  <Override PartName="/ppt/slideLayouts/slideLayout675.xml" ContentType="application/vnd.openxmlformats-officedocument.presentationml.slideLayout+xml"/>
  <Override PartName="/ppt/slideLayouts/slideLayout676.xml" ContentType="application/vnd.openxmlformats-officedocument.presentationml.slideLayout+xml"/>
  <Override PartName="/ppt/slideLayouts/slideLayout677.xml" ContentType="application/vnd.openxmlformats-officedocument.presentationml.slideLayout+xml"/>
  <Override PartName="/ppt/slideLayouts/slideLayout678.xml" ContentType="application/vnd.openxmlformats-officedocument.presentationml.slideLayout+xml"/>
  <Override PartName="/ppt/slideLayouts/slideLayout679.xml" ContentType="application/vnd.openxmlformats-officedocument.presentationml.slideLayout+xml"/>
  <Override PartName="/ppt/slideLayouts/slideLayout680.xml" ContentType="application/vnd.openxmlformats-officedocument.presentationml.slideLayout+xml"/>
  <Override PartName="/ppt/slideLayouts/slideLayout681.xml" ContentType="application/vnd.openxmlformats-officedocument.presentationml.slideLayout+xml"/>
  <Override PartName="/ppt/slideLayouts/slideLayout682.xml" ContentType="application/vnd.openxmlformats-officedocument.presentationml.slideLayout+xml"/>
  <Override PartName="/ppt/slideLayouts/slideLayout683.xml" ContentType="application/vnd.openxmlformats-officedocument.presentationml.slideLayout+xml"/>
  <Override PartName="/ppt/slideLayouts/slideLayout684.xml" ContentType="application/vnd.openxmlformats-officedocument.presentationml.slideLayout+xml"/>
  <Override PartName="/ppt/slideLayouts/slideLayout685.xml" ContentType="application/vnd.openxmlformats-officedocument.presentationml.slideLayout+xml"/>
  <Override PartName="/ppt/slideLayouts/slideLayout686.xml" ContentType="application/vnd.openxmlformats-officedocument.presentationml.slideLayout+xml"/>
  <Override PartName="/ppt/slideLayouts/slideLayout687.xml" ContentType="application/vnd.openxmlformats-officedocument.presentationml.slideLayout+xml"/>
  <Override PartName="/ppt/slideLayouts/slideLayout688.xml" ContentType="application/vnd.openxmlformats-officedocument.presentationml.slideLayout+xml"/>
  <Override PartName="/ppt/slideLayouts/slideLayout689.xml" ContentType="application/vnd.openxmlformats-officedocument.presentationml.slideLayout+xml"/>
  <Override PartName="/ppt/slideLayouts/slideLayout690.xml" ContentType="application/vnd.openxmlformats-officedocument.presentationml.slideLayout+xml"/>
  <Override PartName="/ppt/slideLayouts/slideLayout691.xml" ContentType="application/vnd.openxmlformats-officedocument.presentationml.slideLayout+xml"/>
  <Override PartName="/ppt/theme/theme38.xml" ContentType="application/vnd.openxmlformats-officedocument.theme+xml"/>
  <Override PartName="/ppt/slideLayouts/slideLayout692.xml" ContentType="application/vnd.openxmlformats-officedocument.presentationml.slideLayout+xml"/>
  <Override PartName="/ppt/slideLayouts/slideLayout693.xml" ContentType="application/vnd.openxmlformats-officedocument.presentationml.slideLayout+xml"/>
  <Override PartName="/ppt/slideLayouts/slideLayout694.xml" ContentType="application/vnd.openxmlformats-officedocument.presentationml.slideLayout+xml"/>
  <Override PartName="/ppt/slideLayouts/slideLayout695.xml" ContentType="application/vnd.openxmlformats-officedocument.presentationml.slideLayout+xml"/>
  <Override PartName="/ppt/slideLayouts/slideLayout696.xml" ContentType="application/vnd.openxmlformats-officedocument.presentationml.slideLayout+xml"/>
  <Override PartName="/ppt/slideLayouts/slideLayout697.xml" ContentType="application/vnd.openxmlformats-officedocument.presentationml.slideLayout+xml"/>
  <Override PartName="/ppt/slideLayouts/slideLayout698.xml" ContentType="application/vnd.openxmlformats-officedocument.presentationml.slideLayout+xml"/>
  <Override PartName="/ppt/slideLayouts/slideLayout699.xml" ContentType="application/vnd.openxmlformats-officedocument.presentationml.slideLayout+xml"/>
  <Override PartName="/ppt/slideLayouts/slideLayout700.xml" ContentType="application/vnd.openxmlformats-officedocument.presentationml.slideLayout+xml"/>
  <Override PartName="/ppt/slideLayouts/slideLayout701.xml" ContentType="application/vnd.openxmlformats-officedocument.presentationml.slideLayout+xml"/>
  <Override PartName="/ppt/slideLayouts/slideLayout702.xml" ContentType="application/vnd.openxmlformats-officedocument.presentationml.slideLayout+xml"/>
  <Override PartName="/ppt/slideLayouts/slideLayout703.xml" ContentType="application/vnd.openxmlformats-officedocument.presentationml.slideLayout+xml"/>
  <Override PartName="/ppt/slideLayouts/slideLayout704.xml" ContentType="application/vnd.openxmlformats-officedocument.presentationml.slideLayout+xml"/>
  <Override PartName="/ppt/slideLayouts/slideLayout705.xml" ContentType="application/vnd.openxmlformats-officedocument.presentationml.slideLayout+xml"/>
  <Override PartName="/ppt/slideLayouts/slideLayout706.xml" ContentType="application/vnd.openxmlformats-officedocument.presentationml.slideLayout+xml"/>
  <Override PartName="/ppt/slideLayouts/slideLayout707.xml" ContentType="application/vnd.openxmlformats-officedocument.presentationml.slideLayout+xml"/>
  <Override PartName="/ppt/slideLayouts/slideLayout708.xml" ContentType="application/vnd.openxmlformats-officedocument.presentationml.slideLayout+xml"/>
  <Override PartName="/ppt/slideLayouts/slideLayout709.xml" ContentType="application/vnd.openxmlformats-officedocument.presentationml.slideLayout+xml"/>
  <Override PartName="/ppt/slideLayouts/slideLayout710.xml" ContentType="application/vnd.openxmlformats-officedocument.presentationml.slideLayout+xml"/>
  <Override PartName="/ppt/theme/theme39.xml" ContentType="application/vnd.openxmlformats-officedocument.theme+xml"/>
  <Override PartName="/ppt/slideLayouts/slideLayout711.xml" ContentType="application/vnd.openxmlformats-officedocument.presentationml.slideLayout+xml"/>
  <Override PartName="/ppt/slideLayouts/slideLayout712.xml" ContentType="application/vnd.openxmlformats-officedocument.presentationml.slideLayout+xml"/>
  <Override PartName="/ppt/slideLayouts/slideLayout713.xml" ContentType="application/vnd.openxmlformats-officedocument.presentationml.slideLayout+xml"/>
  <Override PartName="/ppt/slideLayouts/slideLayout714.xml" ContentType="application/vnd.openxmlformats-officedocument.presentationml.slideLayout+xml"/>
  <Override PartName="/ppt/slideLayouts/slideLayout715.xml" ContentType="application/vnd.openxmlformats-officedocument.presentationml.slideLayout+xml"/>
  <Override PartName="/ppt/slideLayouts/slideLayout716.xml" ContentType="application/vnd.openxmlformats-officedocument.presentationml.slideLayout+xml"/>
  <Override PartName="/ppt/slideLayouts/slideLayout717.xml" ContentType="application/vnd.openxmlformats-officedocument.presentationml.slideLayout+xml"/>
  <Override PartName="/ppt/slideLayouts/slideLayout718.xml" ContentType="application/vnd.openxmlformats-officedocument.presentationml.slideLayout+xml"/>
  <Override PartName="/ppt/slideLayouts/slideLayout719.xml" ContentType="application/vnd.openxmlformats-officedocument.presentationml.slideLayout+xml"/>
  <Override PartName="/ppt/slideLayouts/slideLayout720.xml" ContentType="application/vnd.openxmlformats-officedocument.presentationml.slideLayout+xml"/>
  <Override PartName="/ppt/slideLayouts/slideLayout721.xml" ContentType="application/vnd.openxmlformats-officedocument.presentationml.slideLayout+xml"/>
  <Override PartName="/ppt/slideLayouts/slideLayout722.xml" ContentType="application/vnd.openxmlformats-officedocument.presentationml.slideLayout+xml"/>
  <Override PartName="/ppt/slideLayouts/slideLayout723.xml" ContentType="application/vnd.openxmlformats-officedocument.presentationml.slideLayout+xml"/>
  <Override PartName="/ppt/slideLayouts/slideLayout724.xml" ContentType="application/vnd.openxmlformats-officedocument.presentationml.slideLayout+xml"/>
  <Override PartName="/ppt/slideLayouts/slideLayout725.xml" ContentType="application/vnd.openxmlformats-officedocument.presentationml.slideLayout+xml"/>
  <Override PartName="/ppt/slideLayouts/slideLayout726.xml" ContentType="application/vnd.openxmlformats-officedocument.presentationml.slideLayout+xml"/>
  <Override PartName="/ppt/slideLayouts/slideLayout727.xml" ContentType="application/vnd.openxmlformats-officedocument.presentationml.slideLayout+xml"/>
  <Override PartName="/ppt/slideLayouts/slideLayout728.xml" ContentType="application/vnd.openxmlformats-officedocument.presentationml.slideLayout+xml"/>
  <Override PartName="/ppt/slideLayouts/slideLayout729.xml" ContentType="application/vnd.openxmlformats-officedocument.presentationml.slideLayout+xml"/>
  <Override PartName="/ppt/theme/theme40.xml" ContentType="application/vnd.openxmlformats-officedocument.theme+xml"/>
  <Override PartName="/ppt/slideLayouts/slideLayout730.xml" ContentType="application/vnd.openxmlformats-officedocument.presentationml.slideLayout+xml"/>
  <Override PartName="/ppt/slideLayouts/slideLayout731.xml" ContentType="application/vnd.openxmlformats-officedocument.presentationml.slideLayout+xml"/>
  <Override PartName="/ppt/slideLayouts/slideLayout732.xml" ContentType="application/vnd.openxmlformats-officedocument.presentationml.slideLayout+xml"/>
  <Override PartName="/ppt/slideLayouts/slideLayout733.xml" ContentType="application/vnd.openxmlformats-officedocument.presentationml.slideLayout+xml"/>
  <Override PartName="/ppt/slideLayouts/slideLayout734.xml" ContentType="application/vnd.openxmlformats-officedocument.presentationml.slideLayout+xml"/>
  <Override PartName="/ppt/slideLayouts/slideLayout735.xml" ContentType="application/vnd.openxmlformats-officedocument.presentationml.slideLayout+xml"/>
  <Override PartName="/ppt/slideLayouts/slideLayout736.xml" ContentType="application/vnd.openxmlformats-officedocument.presentationml.slideLayout+xml"/>
  <Override PartName="/ppt/slideLayouts/slideLayout737.xml" ContentType="application/vnd.openxmlformats-officedocument.presentationml.slideLayout+xml"/>
  <Override PartName="/ppt/slideLayouts/slideLayout738.xml" ContentType="application/vnd.openxmlformats-officedocument.presentationml.slideLayout+xml"/>
  <Override PartName="/ppt/slideLayouts/slideLayout739.xml" ContentType="application/vnd.openxmlformats-officedocument.presentationml.slideLayout+xml"/>
  <Override PartName="/ppt/slideLayouts/slideLayout740.xml" ContentType="application/vnd.openxmlformats-officedocument.presentationml.slideLayout+xml"/>
  <Override PartName="/ppt/slideLayouts/slideLayout741.xml" ContentType="application/vnd.openxmlformats-officedocument.presentationml.slideLayout+xml"/>
  <Override PartName="/ppt/slideLayouts/slideLayout742.xml" ContentType="application/vnd.openxmlformats-officedocument.presentationml.slideLayout+xml"/>
  <Override PartName="/ppt/slideLayouts/slideLayout743.xml" ContentType="application/vnd.openxmlformats-officedocument.presentationml.slideLayout+xml"/>
  <Override PartName="/ppt/slideLayouts/slideLayout744.xml" ContentType="application/vnd.openxmlformats-officedocument.presentationml.slideLayout+xml"/>
  <Override PartName="/ppt/slideLayouts/slideLayout745.xml" ContentType="application/vnd.openxmlformats-officedocument.presentationml.slideLayout+xml"/>
  <Override PartName="/ppt/slideLayouts/slideLayout746.xml" ContentType="application/vnd.openxmlformats-officedocument.presentationml.slideLayout+xml"/>
  <Override PartName="/ppt/slideLayouts/slideLayout747.xml" ContentType="application/vnd.openxmlformats-officedocument.presentationml.slideLayout+xml"/>
  <Override PartName="/ppt/slideLayouts/slideLayout748.xml" ContentType="application/vnd.openxmlformats-officedocument.presentationml.slideLayout+xml"/>
  <Override PartName="/ppt/theme/theme41.xml" ContentType="application/vnd.openxmlformats-officedocument.theme+xml"/>
  <Override PartName="/ppt/slideLayouts/slideLayout749.xml" ContentType="application/vnd.openxmlformats-officedocument.presentationml.slideLayout+xml"/>
  <Override PartName="/ppt/slideLayouts/slideLayout750.xml" ContentType="application/vnd.openxmlformats-officedocument.presentationml.slideLayout+xml"/>
  <Override PartName="/ppt/slideLayouts/slideLayout751.xml" ContentType="application/vnd.openxmlformats-officedocument.presentationml.slideLayout+xml"/>
  <Override PartName="/ppt/slideLayouts/slideLayout752.xml" ContentType="application/vnd.openxmlformats-officedocument.presentationml.slideLayout+xml"/>
  <Override PartName="/ppt/slideLayouts/slideLayout753.xml" ContentType="application/vnd.openxmlformats-officedocument.presentationml.slideLayout+xml"/>
  <Override PartName="/ppt/slideLayouts/slideLayout754.xml" ContentType="application/vnd.openxmlformats-officedocument.presentationml.slideLayout+xml"/>
  <Override PartName="/ppt/slideLayouts/slideLayout755.xml" ContentType="application/vnd.openxmlformats-officedocument.presentationml.slideLayout+xml"/>
  <Override PartName="/ppt/slideLayouts/slideLayout756.xml" ContentType="application/vnd.openxmlformats-officedocument.presentationml.slideLayout+xml"/>
  <Override PartName="/ppt/slideLayouts/slideLayout757.xml" ContentType="application/vnd.openxmlformats-officedocument.presentationml.slideLayout+xml"/>
  <Override PartName="/ppt/slideLayouts/slideLayout758.xml" ContentType="application/vnd.openxmlformats-officedocument.presentationml.slideLayout+xml"/>
  <Override PartName="/ppt/slideLayouts/slideLayout759.xml" ContentType="application/vnd.openxmlformats-officedocument.presentationml.slideLayout+xml"/>
  <Override PartName="/ppt/slideLayouts/slideLayout760.xml" ContentType="application/vnd.openxmlformats-officedocument.presentationml.slideLayout+xml"/>
  <Override PartName="/ppt/slideLayouts/slideLayout761.xml" ContentType="application/vnd.openxmlformats-officedocument.presentationml.slideLayout+xml"/>
  <Override PartName="/ppt/slideLayouts/slideLayout762.xml" ContentType="application/vnd.openxmlformats-officedocument.presentationml.slideLayout+xml"/>
  <Override PartName="/ppt/slideLayouts/slideLayout763.xml" ContentType="application/vnd.openxmlformats-officedocument.presentationml.slideLayout+xml"/>
  <Override PartName="/ppt/slideLayouts/slideLayout764.xml" ContentType="application/vnd.openxmlformats-officedocument.presentationml.slideLayout+xml"/>
  <Override PartName="/ppt/slideLayouts/slideLayout765.xml" ContentType="application/vnd.openxmlformats-officedocument.presentationml.slideLayout+xml"/>
  <Override PartName="/ppt/slideLayouts/slideLayout766.xml" ContentType="application/vnd.openxmlformats-officedocument.presentationml.slideLayout+xml"/>
  <Override PartName="/ppt/slideLayouts/slideLayout767.xml" ContentType="application/vnd.openxmlformats-officedocument.presentationml.slideLayout+xml"/>
  <Override PartName="/ppt/theme/theme42.xml" ContentType="application/vnd.openxmlformats-officedocument.theme+xml"/>
  <Override PartName="/ppt/slideLayouts/slideLayout768.xml" ContentType="application/vnd.openxmlformats-officedocument.presentationml.slideLayout+xml"/>
  <Override PartName="/ppt/slideLayouts/slideLayout769.xml" ContentType="application/vnd.openxmlformats-officedocument.presentationml.slideLayout+xml"/>
  <Override PartName="/ppt/slideLayouts/slideLayout770.xml" ContentType="application/vnd.openxmlformats-officedocument.presentationml.slideLayout+xml"/>
  <Override PartName="/ppt/slideLayouts/slideLayout771.xml" ContentType="application/vnd.openxmlformats-officedocument.presentationml.slideLayout+xml"/>
  <Override PartName="/ppt/slideLayouts/slideLayout772.xml" ContentType="application/vnd.openxmlformats-officedocument.presentationml.slideLayout+xml"/>
  <Override PartName="/ppt/slideLayouts/slideLayout773.xml" ContentType="application/vnd.openxmlformats-officedocument.presentationml.slideLayout+xml"/>
  <Override PartName="/ppt/slideLayouts/slideLayout774.xml" ContentType="application/vnd.openxmlformats-officedocument.presentationml.slideLayout+xml"/>
  <Override PartName="/ppt/slideLayouts/slideLayout775.xml" ContentType="application/vnd.openxmlformats-officedocument.presentationml.slideLayout+xml"/>
  <Override PartName="/ppt/slideLayouts/slideLayout776.xml" ContentType="application/vnd.openxmlformats-officedocument.presentationml.slideLayout+xml"/>
  <Override PartName="/ppt/slideLayouts/slideLayout777.xml" ContentType="application/vnd.openxmlformats-officedocument.presentationml.slideLayout+xml"/>
  <Override PartName="/ppt/slideLayouts/slideLayout778.xml" ContentType="application/vnd.openxmlformats-officedocument.presentationml.slideLayout+xml"/>
  <Override PartName="/ppt/slideLayouts/slideLayout779.xml" ContentType="application/vnd.openxmlformats-officedocument.presentationml.slideLayout+xml"/>
  <Override PartName="/ppt/slideLayouts/slideLayout780.xml" ContentType="application/vnd.openxmlformats-officedocument.presentationml.slideLayout+xml"/>
  <Override PartName="/ppt/slideLayouts/slideLayout781.xml" ContentType="application/vnd.openxmlformats-officedocument.presentationml.slideLayout+xml"/>
  <Override PartName="/ppt/slideLayouts/slideLayout782.xml" ContentType="application/vnd.openxmlformats-officedocument.presentationml.slideLayout+xml"/>
  <Override PartName="/ppt/slideLayouts/slideLayout783.xml" ContentType="application/vnd.openxmlformats-officedocument.presentationml.slideLayout+xml"/>
  <Override PartName="/ppt/slideLayouts/slideLayout784.xml" ContentType="application/vnd.openxmlformats-officedocument.presentationml.slideLayout+xml"/>
  <Override PartName="/ppt/theme/theme43.xml" ContentType="application/vnd.openxmlformats-officedocument.theme+xml"/>
  <Override PartName="/ppt/slideLayouts/slideLayout785.xml" ContentType="application/vnd.openxmlformats-officedocument.presentationml.slideLayout+xml"/>
  <Override PartName="/ppt/slideLayouts/slideLayout786.xml" ContentType="application/vnd.openxmlformats-officedocument.presentationml.slideLayout+xml"/>
  <Override PartName="/ppt/slideLayouts/slideLayout787.xml" ContentType="application/vnd.openxmlformats-officedocument.presentationml.slideLayout+xml"/>
  <Override PartName="/ppt/slideLayouts/slideLayout788.xml" ContentType="application/vnd.openxmlformats-officedocument.presentationml.slideLayout+xml"/>
  <Override PartName="/ppt/slideLayouts/slideLayout789.xml" ContentType="application/vnd.openxmlformats-officedocument.presentationml.slideLayout+xml"/>
  <Override PartName="/ppt/slideLayouts/slideLayout790.xml" ContentType="application/vnd.openxmlformats-officedocument.presentationml.slideLayout+xml"/>
  <Override PartName="/ppt/slideLayouts/slideLayout791.xml" ContentType="application/vnd.openxmlformats-officedocument.presentationml.slideLayout+xml"/>
  <Override PartName="/ppt/slideLayouts/slideLayout792.xml" ContentType="application/vnd.openxmlformats-officedocument.presentationml.slideLayout+xml"/>
  <Override PartName="/ppt/slideLayouts/slideLayout793.xml" ContentType="application/vnd.openxmlformats-officedocument.presentationml.slideLayout+xml"/>
  <Override PartName="/ppt/slideLayouts/slideLayout794.xml" ContentType="application/vnd.openxmlformats-officedocument.presentationml.slideLayout+xml"/>
  <Override PartName="/ppt/slideLayouts/slideLayout795.xml" ContentType="application/vnd.openxmlformats-officedocument.presentationml.slideLayout+xml"/>
  <Override PartName="/ppt/slideLayouts/slideLayout796.xml" ContentType="application/vnd.openxmlformats-officedocument.presentationml.slideLayout+xml"/>
  <Override PartName="/ppt/slideLayouts/slideLayout797.xml" ContentType="application/vnd.openxmlformats-officedocument.presentationml.slideLayout+xml"/>
  <Override PartName="/ppt/slideLayouts/slideLayout798.xml" ContentType="application/vnd.openxmlformats-officedocument.presentationml.slideLayout+xml"/>
  <Override PartName="/ppt/slideLayouts/slideLayout799.xml" ContentType="application/vnd.openxmlformats-officedocument.presentationml.slideLayout+xml"/>
  <Override PartName="/ppt/slideLayouts/slideLayout800.xml" ContentType="application/vnd.openxmlformats-officedocument.presentationml.slideLayout+xml"/>
  <Override PartName="/ppt/slideLayouts/slideLayout801.xml" ContentType="application/vnd.openxmlformats-officedocument.presentationml.slideLayout+xml"/>
  <Override PartName="/ppt/theme/theme44.xml" ContentType="application/vnd.openxmlformats-officedocument.theme+xml"/>
  <Override PartName="/ppt/slideLayouts/slideLayout802.xml" ContentType="application/vnd.openxmlformats-officedocument.presentationml.slideLayout+xml"/>
  <Override PartName="/ppt/slideLayouts/slideLayout803.xml" ContentType="application/vnd.openxmlformats-officedocument.presentationml.slideLayout+xml"/>
  <Override PartName="/ppt/slideLayouts/slideLayout804.xml" ContentType="application/vnd.openxmlformats-officedocument.presentationml.slideLayout+xml"/>
  <Override PartName="/ppt/theme/theme45.xml" ContentType="application/vnd.openxmlformats-officedocument.theme+xml"/>
  <Override PartName="/ppt/slideLayouts/slideLayout805.xml" ContentType="application/vnd.openxmlformats-officedocument.presentationml.slideLayout+xml"/>
  <Override PartName="/ppt/slideLayouts/slideLayout806.xml" ContentType="application/vnd.openxmlformats-officedocument.presentationml.slideLayout+xml"/>
  <Override PartName="/ppt/slideLayouts/slideLayout807.xml" ContentType="application/vnd.openxmlformats-officedocument.presentationml.slideLayout+xml"/>
  <Override PartName="/ppt/slideLayouts/slideLayout808.xml" ContentType="application/vnd.openxmlformats-officedocument.presentationml.slideLayout+xml"/>
  <Override PartName="/ppt/slideLayouts/slideLayout809.xml" ContentType="application/vnd.openxmlformats-officedocument.presentationml.slideLayout+xml"/>
  <Override PartName="/ppt/slideLayouts/slideLayout810.xml" ContentType="application/vnd.openxmlformats-officedocument.presentationml.slideLayout+xml"/>
  <Override PartName="/ppt/slideLayouts/slideLayout811.xml" ContentType="application/vnd.openxmlformats-officedocument.presentationml.slideLayout+xml"/>
  <Override PartName="/ppt/slideLayouts/slideLayout812.xml" ContentType="application/vnd.openxmlformats-officedocument.presentationml.slideLayout+xml"/>
  <Override PartName="/ppt/slideLayouts/slideLayout813.xml" ContentType="application/vnd.openxmlformats-officedocument.presentationml.slideLayout+xml"/>
  <Override PartName="/ppt/slideLayouts/slideLayout814.xml" ContentType="application/vnd.openxmlformats-officedocument.presentationml.slideLayout+xml"/>
  <Override PartName="/ppt/slideLayouts/slideLayout815.xml" ContentType="application/vnd.openxmlformats-officedocument.presentationml.slideLayout+xml"/>
  <Override PartName="/ppt/slideLayouts/slideLayout816.xml" ContentType="application/vnd.openxmlformats-officedocument.presentationml.slideLayout+xml"/>
  <Override PartName="/ppt/slideLayouts/slideLayout817.xml" ContentType="application/vnd.openxmlformats-officedocument.presentationml.slideLayout+xml"/>
  <Override PartName="/ppt/slideLayouts/slideLayout818.xml" ContentType="application/vnd.openxmlformats-officedocument.presentationml.slideLayout+xml"/>
  <Override PartName="/ppt/slideLayouts/slideLayout819.xml" ContentType="application/vnd.openxmlformats-officedocument.presentationml.slideLayout+xml"/>
  <Override PartName="/ppt/slideLayouts/slideLayout820.xml" ContentType="application/vnd.openxmlformats-officedocument.presentationml.slideLayout+xml"/>
  <Override PartName="/ppt/slideLayouts/slideLayout821.xml" ContentType="application/vnd.openxmlformats-officedocument.presentationml.slideLayout+xml"/>
  <Override PartName="/ppt/slideLayouts/slideLayout822.xml" ContentType="application/vnd.openxmlformats-officedocument.presentationml.slideLayout+xml"/>
  <Override PartName="/ppt/slideLayouts/slideLayout823.xml" ContentType="application/vnd.openxmlformats-officedocument.presentationml.slideLayout+xml"/>
  <Override PartName="/ppt/slideLayouts/slideLayout824.xml" ContentType="application/vnd.openxmlformats-officedocument.presentationml.slideLayout+xml"/>
  <Override PartName="/ppt/slideLayouts/slideLayout825.xml" ContentType="application/vnd.openxmlformats-officedocument.presentationml.slideLayout+xml"/>
  <Override PartName="/ppt/slideLayouts/slideLayout826.xml" ContentType="application/vnd.openxmlformats-officedocument.presentationml.slideLayout+xml"/>
  <Override PartName="/ppt/slideLayouts/slideLayout827.xml" ContentType="application/vnd.openxmlformats-officedocument.presentationml.slideLayout+xml"/>
  <Override PartName="/ppt/slideLayouts/slideLayout828.xml" ContentType="application/vnd.openxmlformats-officedocument.presentationml.slideLayout+xml"/>
  <Override PartName="/ppt/slideLayouts/slideLayout829.xml" ContentType="application/vnd.openxmlformats-officedocument.presentationml.slideLayout+xml"/>
  <Override PartName="/ppt/slideLayouts/slideLayout830.xml" ContentType="application/vnd.openxmlformats-officedocument.presentationml.slideLayout+xml"/>
  <Override PartName="/ppt/slideLayouts/slideLayout831.xml" ContentType="application/vnd.openxmlformats-officedocument.presentationml.slideLayout+xml"/>
  <Override PartName="/ppt/slideLayouts/slideLayout832.xml" ContentType="application/vnd.openxmlformats-officedocument.presentationml.slideLayout+xml"/>
  <Override PartName="/ppt/slideLayouts/slideLayout833.xml" ContentType="application/vnd.openxmlformats-officedocument.presentationml.slideLayout+xml"/>
  <Override PartName="/ppt/slideLayouts/slideLayout834.xml" ContentType="application/vnd.openxmlformats-officedocument.presentationml.slideLayout+xml"/>
  <Override PartName="/ppt/slideLayouts/slideLayout835.xml" ContentType="application/vnd.openxmlformats-officedocument.presentationml.slideLayout+xml"/>
  <Override PartName="/ppt/theme/theme46.xml" ContentType="application/vnd.openxmlformats-officedocument.theme+xml"/>
  <Override PartName="/ppt/slideLayouts/slideLayout836.xml" ContentType="application/vnd.openxmlformats-officedocument.presentationml.slideLayout+xml"/>
  <Override PartName="/ppt/slideLayouts/slideLayout837.xml" ContentType="application/vnd.openxmlformats-officedocument.presentationml.slideLayout+xml"/>
  <Override PartName="/ppt/slideLayouts/slideLayout838.xml" ContentType="application/vnd.openxmlformats-officedocument.presentationml.slideLayout+xml"/>
  <Override PartName="/ppt/slideLayouts/slideLayout839.xml" ContentType="application/vnd.openxmlformats-officedocument.presentationml.slideLayout+xml"/>
  <Override PartName="/ppt/slideLayouts/slideLayout840.xml" ContentType="application/vnd.openxmlformats-officedocument.presentationml.slideLayout+xml"/>
  <Override PartName="/ppt/slideLayouts/slideLayout841.xml" ContentType="application/vnd.openxmlformats-officedocument.presentationml.slideLayout+xml"/>
  <Override PartName="/ppt/slideLayouts/slideLayout842.xml" ContentType="application/vnd.openxmlformats-officedocument.presentationml.slideLayout+xml"/>
  <Override PartName="/ppt/slideLayouts/slideLayout843.xml" ContentType="application/vnd.openxmlformats-officedocument.presentationml.slideLayout+xml"/>
  <Override PartName="/ppt/slideLayouts/slideLayout844.xml" ContentType="application/vnd.openxmlformats-officedocument.presentationml.slideLayout+xml"/>
  <Override PartName="/ppt/slideLayouts/slideLayout845.xml" ContentType="application/vnd.openxmlformats-officedocument.presentationml.slideLayout+xml"/>
  <Override PartName="/ppt/slideLayouts/slideLayout846.xml" ContentType="application/vnd.openxmlformats-officedocument.presentationml.slideLayout+xml"/>
  <Override PartName="/ppt/slideLayouts/slideLayout847.xml" ContentType="application/vnd.openxmlformats-officedocument.presentationml.slideLayout+xml"/>
  <Override PartName="/ppt/slideLayouts/slideLayout848.xml" ContentType="application/vnd.openxmlformats-officedocument.presentationml.slideLayout+xml"/>
  <Override PartName="/ppt/theme/theme47.xml" ContentType="application/vnd.openxmlformats-officedocument.theme+xml"/>
  <Override PartName="/ppt/slideLayouts/slideLayout849.xml" ContentType="application/vnd.openxmlformats-officedocument.presentationml.slideLayout+xml"/>
  <Override PartName="/ppt/slideLayouts/slideLayout850.xml" ContentType="application/vnd.openxmlformats-officedocument.presentationml.slideLayout+xml"/>
  <Override PartName="/ppt/slideLayouts/slideLayout851.xml" ContentType="application/vnd.openxmlformats-officedocument.presentationml.slideLayout+xml"/>
  <Override PartName="/ppt/slideLayouts/slideLayout852.xml" ContentType="application/vnd.openxmlformats-officedocument.presentationml.slideLayout+xml"/>
  <Override PartName="/ppt/slideLayouts/slideLayout853.xml" ContentType="application/vnd.openxmlformats-officedocument.presentationml.slideLayout+xml"/>
  <Override PartName="/ppt/slideLayouts/slideLayout854.xml" ContentType="application/vnd.openxmlformats-officedocument.presentationml.slideLayout+xml"/>
  <Override PartName="/ppt/slideLayouts/slideLayout855.xml" ContentType="application/vnd.openxmlformats-officedocument.presentationml.slideLayout+xml"/>
  <Override PartName="/ppt/slideLayouts/slideLayout856.xml" ContentType="application/vnd.openxmlformats-officedocument.presentationml.slideLayout+xml"/>
  <Override PartName="/ppt/slideLayouts/slideLayout857.xml" ContentType="application/vnd.openxmlformats-officedocument.presentationml.slideLayout+xml"/>
  <Override PartName="/ppt/slideLayouts/slideLayout858.xml" ContentType="application/vnd.openxmlformats-officedocument.presentationml.slideLayout+xml"/>
  <Override PartName="/ppt/slideLayouts/slideLayout859.xml" ContentType="application/vnd.openxmlformats-officedocument.presentationml.slideLayout+xml"/>
  <Override PartName="/ppt/slideLayouts/slideLayout860.xml" ContentType="application/vnd.openxmlformats-officedocument.presentationml.slideLayout+xml"/>
  <Override PartName="/ppt/slideLayouts/slideLayout861.xml" ContentType="application/vnd.openxmlformats-officedocument.presentationml.slideLayout+xml"/>
  <Override PartName="/ppt/slideLayouts/slideLayout862.xml" ContentType="application/vnd.openxmlformats-officedocument.presentationml.slideLayout+xml"/>
  <Override PartName="/ppt/slideLayouts/slideLayout863.xml" ContentType="application/vnd.openxmlformats-officedocument.presentationml.slideLayout+xml"/>
  <Override PartName="/ppt/slideLayouts/slideLayout864.xml" ContentType="application/vnd.openxmlformats-officedocument.presentationml.slideLayout+xml"/>
  <Override PartName="/ppt/slideLayouts/slideLayout865.xml" ContentType="application/vnd.openxmlformats-officedocument.presentationml.slideLayout+xml"/>
  <Override PartName="/ppt/slideLayouts/slideLayout866.xml" ContentType="application/vnd.openxmlformats-officedocument.presentationml.slideLayout+xml"/>
  <Override PartName="/ppt/slideLayouts/slideLayout867.xml" ContentType="application/vnd.openxmlformats-officedocument.presentationml.slideLayout+xml"/>
  <Override PartName="/ppt/theme/theme48.xml" ContentType="application/vnd.openxmlformats-officedocument.theme+xml"/>
  <Override PartName="/ppt/slideLayouts/slideLayout868.xml" ContentType="application/vnd.openxmlformats-officedocument.presentationml.slideLayout+xml"/>
  <Override PartName="/ppt/slideLayouts/slideLayout869.xml" ContentType="application/vnd.openxmlformats-officedocument.presentationml.slideLayout+xml"/>
  <Override PartName="/ppt/slideLayouts/slideLayout870.xml" ContentType="application/vnd.openxmlformats-officedocument.presentationml.slideLayout+xml"/>
  <Override PartName="/ppt/slideLayouts/slideLayout871.xml" ContentType="application/vnd.openxmlformats-officedocument.presentationml.slideLayout+xml"/>
  <Override PartName="/ppt/slideLayouts/slideLayout872.xml" ContentType="application/vnd.openxmlformats-officedocument.presentationml.slideLayout+xml"/>
  <Override PartName="/ppt/slideLayouts/slideLayout873.xml" ContentType="application/vnd.openxmlformats-officedocument.presentationml.slideLayout+xml"/>
  <Override PartName="/ppt/slideLayouts/slideLayout874.xml" ContentType="application/vnd.openxmlformats-officedocument.presentationml.slideLayout+xml"/>
  <Override PartName="/ppt/slideLayouts/slideLayout875.xml" ContentType="application/vnd.openxmlformats-officedocument.presentationml.slideLayout+xml"/>
  <Override PartName="/ppt/slideLayouts/slideLayout876.xml" ContentType="application/vnd.openxmlformats-officedocument.presentationml.slideLayout+xml"/>
  <Override PartName="/ppt/slideLayouts/slideLayout877.xml" ContentType="application/vnd.openxmlformats-officedocument.presentationml.slideLayout+xml"/>
  <Override PartName="/ppt/slideLayouts/slideLayout878.xml" ContentType="application/vnd.openxmlformats-officedocument.presentationml.slideLayout+xml"/>
  <Override PartName="/ppt/slideLayouts/slideLayout879.xml" ContentType="application/vnd.openxmlformats-officedocument.presentationml.slideLayout+xml"/>
  <Override PartName="/ppt/slideLayouts/slideLayout880.xml" ContentType="application/vnd.openxmlformats-officedocument.presentationml.slideLayout+xml"/>
  <Override PartName="/ppt/slideLayouts/slideLayout881.xml" ContentType="application/vnd.openxmlformats-officedocument.presentationml.slideLayout+xml"/>
  <Override PartName="/ppt/slideLayouts/slideLayout882.xml" ContentType="application/vnd.openxmlformats-officedocument.presentationml.slideLayout+xml"/>
  <Override PartName="/ppt/slideLayouts/slideLayout883.xml" ContentType="application/vnd.openxmlformats-officedocument.presentationml.slideLayout+xml"/>
  <Override PartName="/ppt/slideLayouts/slideLayout884.xml" ContentType="application/vnd.openxmlformats-officedocument.presentationml.slideLayout+xml"/>
  <Override PartName="/ppt/slideLayouts/slideLayout885.xml" ContentType="application/vnd.openxmlformats-officedocument.presentationml.slideLayout+xml"/>
  <Override PartName="/ppt/slideLayouts/slideLayout886.xml" ContentType="application/vnd.openxmlformats-officedocument.presentationml.slideLayout+xml"/>
  <Override PartName="/ppt/slideLayouts/slideLayout887.xml" ContentType="application/vnd.openxmlformats-officedocument.presentationml.slideLayout+xml"/>
  <Override PartName="/ppt/slideLayouts/slideLayout888.xml" ContentType="application/vnd.openxmlformats-officedocument.presentationml.slideLayout+xml"/>
  <Override PartName="/ppt/theme/theme49.xml" ContentType="application/vnd.openxmlformats-officedocument.theme+xml"/>
  <Override PartName="/ppt/slideLayouts/slideLayout889.xml" ContentType="application/vnd.openxmlformats-officedocument.presentationml.slideLayout+xml"/>
  <Override PartName="/ppt/slideLayouts/slideLayout890.xml" ContentType="application/vnd.openxmlformats-officedocument.presentationml.slideLayout+xml"/>
  <Override PartName="/ppt/slideLayouts/slideLayout891.xml" ContentType="application/vnd.openxmlformats-officedocument.presentationml.slideLayout+xml"/>
  <Override PartName="/ppt/slideLayouts/slideLayout892.xml" ContentType="application/vnd.openxmlformats-officedocument.presentationml.slideLayout+xml"/>
  <Override PartName="/ppt/slideLayouts/slideLayout893.xml" ContentType="application/vnd.openxmlformats-officedocument.presentationml.slideLayout+xml"/>
  <Override PartName="/ppt/slideLayouts/slideLayout894.xml" ContentType="application/vnd.openxmlformats-officedocument.presentationml.slideLayout+xml"/>
  <Override PartName="/ppt/slideLayouts/slideLayout895.xml" ContentType="application/vnd.openxmlformats-officedocument.presentationml.slideLayout+xml"/>
  <Override PartName="/ppt/slideLayouts/slideLayout896.xml" ContentType="application/vnd.openxmlformats-officedocument.presentationml.slideLayout+xml"/>
  <Override PartName="/ppt/slideLayouts/slideLayout897.xml" ContentType="application/vnd.openxmlformats-officedocument.presentationml.slideLayout+xml"/>
  <Override PartName="/ppt/slideLayouts/slideLayout898.xml" ContentType="application/vnd.openxmlformats-officedocument.presentationml.slideLayout+xml"/>
  <Override PartName="/ppt/slideLayouts/slideLayout899.xml" ContentType="application/vnd.openxmlformats-officedocument.presentationml.slideLayout+xml"/>
  <Override PartName="/ppt/slideLayouts/slideLayout900.xml" ContentType="application/vnd.openxmlformats-officedocument.presentationml.slideLayout+xml"/>
  <Override PartName="/ppt/slideLayouts/slideLayout901.xml" ContentType="application/vnd.openxmlformats-officedocument.presentationml.slideLayout+xml"/>
  <Override PartName="/ppt/slideLayouts/slideLayout902.xml" ContentType="application/vnd.openxmlformats-officedocument.presentationml.slideLayout+xml"/>
  <Override PartName="/ppt/slideLayouts/slideLayout903.xml" ContentType="application/vnd.openxmlformats-officedocument.presentationml.slideLayout+xml"/>
  <Override PartName="/ppt/slideLayouts/slideLayout904.xml" ContentType="application/vnd.openxmlformats-officedocument.presentationml.slideLayout+xml"/>
  <Override PartName="/ppt/slideLayouts/slideLayout905.xml" ContentType="application/vnd.openxmlformats-officedocument.presentationml.slideLayout+xml"/>
  <Override PartName="/ppt/slideLayouts/slideLayout906.xml" ContentType="application/vnd.openxmlformats-officedocument.presentationml.slideLayout+xml"/>
  <Override PartName="/ppt/slideLayouts/slideLayout907.xml" ContentType="application/vnd.openxmlformats-officedocument.presentationml.slideLayout+xml"/>
  <Override PartName="/ppt/slideLayouts/slideLayout908.xml" ContentType="application/vnd.openxmlformats-officedocument.presentationml.slideLayout+xml"/>
  <Override PartName="/ppt/theme/theme50.xml" ContentType="application/vnd.openxmlformats-officedocument.theme+xml"/>
  <Override PartName="/ppt/slideLayouts/slideLayout909.xml" ContentType="application/vnd.openxmlformats-officedocument.presentationml.slideLayout+xml"/>
  <Override PartName="/ppt/slideLayouts/slideLayout910.xml" ContentType="application/vnd.openxmlformats-officedocument.presentationml.slideLayout+xml"/>
  <Override PartName="/ppt/slideLayouts/slideLayout911.xml" ContentType="application/vnd.openxmlformats-officedocument.presentationml.slideLayout+xml"/>
  <Override PartName="/ppt/slideLayouts/slideLayout912.xml" ContentType="application/vnd.openxmlformats-officedocument.presentationml.slideLayout+xml"/>
  <Override PartName="/ppt/slideLayouts/slideLayout913.xml" ContentType="application/vnd.openxmlformats-officedocument.presentationml.slideLayout+xml"/>
  <Override PartName="/ppt/slideLayouts/slideLayout914.xml" ContentType="application/vnd.openxmlformats-officedocument.presentationml.slideLayout+xml"/>
  <Override PartName="/ppt/slideLayouts/slideLayout915.xml" ContentType="application/vnd.openxmlformats-officedocument.presentationml.slideLayout+xml"/>
  <Override PartName="/ppt/slideLayouts/slideLayout916.xml" ContentType="application/vnd.openxmlformats-officedocument.presentationml.slideLayout+xml"/>
  <Override PartName="/ppt/slideLayouts/slideLayout917.xml" ContentType="application/vnd.openxmlformats-officedocument.presentationml.slideLayout+xml"/>
  <Override PartName="/ppt/slideLayouts/slideLayout918.xml" ContentType="application/vnd.openxmlformats-officedocument.presentationml.slideLayout+xml"/>
  <Override PartName="/ppt/slideLayouts/slideLayout919.xml" ContentType="application/vnd.openxmlformats-officedocument.presentationml.slideLayout+xml"/>
  <Override PartName="/ppt/slideLayouts/slideLayout920.xml" ContentType="application/vnd.openxmlformats-officedocument.presentationml.slideLayout+xml"/>
  <Override PartName="/ppt/slideLayouts/slideLayout921.xml" ContentType="application/vnd.openxmlformats-officedocument.presentationml.slideLayout+xml"/>
  <Override PartName="/ppt/slideLayouts/slideLayout922.xml" ContentType="application/vnd.openxmlformats-officedocument.presentationml.slideLayout+xml"/>
  <Override PartName="/ppt/slideLayouts/slideLayout923.xml" ContentType="application/vnd.openxmlformats-officedocument.presentationml.slideLayout+xml"/>
  <Override PartName="/ppt/slideLayouts/slideLayout924.xml" ContentType="application/vnd.openxmlformats-officedocument.presentationml.slideLayout+xml"/>
  <Override PartName="/ppt/slideLayouts/slideLayout925.xml" ContentType="application/vnd.openxmlformats-officedocument.presentationml.slideLayout+xml"/>
  <Override PartName="/ppt/slideLayouts/slideLayout926.xml" ContentType="application/vnd.openxmlformats-officedocument.presentationml.slideLayout+xml"/>
  <Override PartName="/ppt/slideLayouts/slideLayout927.xml" ContentType="application/vnd.openxmlformats-officedocument.presentationml.slideLayout+xml"/>
  <Override PartName="/ppt/theme/theme51.xml" ContentType="application/vnd.openxmlformats-officedocument.theme+xml"/>
  <Override PartName="/ppt/slideLayouts/slideLayout928.xml" ContentType="application/vnd.openxmlformats-officedocument.presentationml.slideLayout+xml"/>
  <Override PartName="/ppt/slideLayouts/slideLayout929.xml" ContentType="application/vnd.openxmlformats-officedocument.presentationml.slideLayout+xml"/>
  <Override PartName="/ppt/slideLayouts/slideLayout930.xml" ContentType="application/vnd.openxmlformats-officedocument.presentationml.slideLayout+xml"/>
  <Override PartName="/ppt/slideLayouts/slideLayout931.xml" ContentType="application/vnd.openxmlformats-officedocument.presentationml.slideLayout+xml"/>
  <Override PartName="/ppt/slideLayouts/slideLayout932.xml" ContentType="application/vnd.openxmlformats-officedocument.presentationml.slideLayout+xml"/>
  <Override PartName="/ppt/slideLayouts/slideLayout933.xml" ContentType="application/vnd.openxmlformats-officedocument.presentationml.slideLayout+xml"/>
  <Override PartName="/ppt/slideLayouts/slideLayout934.xml" ContentType="application/vnd.openxmlformats-officedocument.presentationml.slideLayout+xml"/>
  <Override PartName="/ppt/slideLayouts/slideLayout935.xml" ContentType="application/vnd.openxmlformats-officedocument.presentationml.slideLayout+xml"/>
  <Override PartName="/ppt/slideLayouts/slideLayout936.xml" ContentType="application/vnd.openxmlformats-officedocument.presentationml.slideLayout+xml"/>
  <Override PartName="/ppt/slideLayouts/slideLayout937.xml" ContentType="application/vnd.openxmlformats-officedocument.presentationml.slideLayout+xml"/>
  <Override PartName="/ppt/slideLayouts/slideLayout938.xml" ContentType="application/vnd.openxmlformats-officedocument.presentationml.slideLayout+xml"/>
  <Override PartName="/ppt/slideLayouts/slideLayout939.xml" ContentType="application/vnd.openxmlformats-officedocument.presentationml.slideLayout+xml"/>
  <Override PartName="/ppt/slideLayouts/slideLayout940.xml" ContentType="application/vnd.openxmlformats-officedocument.presentationml.slideLayout+xml"/>
  <Override PartName="/ppt/slideLayouts/slideLayout941.xml" ContentType="application/vnd.openxmlformats-officedocument.presentationml.slideLayout+xml"/>
  <Override PartName="/ppt/slideLayouts/slideLayout942.xml" ContentType="application/vnd.openxmlformats-officedocument.presentationml.slideLayout+xml"/>
  <Override PartName="/ppt/slideLayouts/slideLayout943.xml" ContentType="application/vnd.openxmlformats-officedocument.presentationml.slideLayout+xml"/>
  <Override PartName="/ppt/slideLayouts/slideLayout944.xml" ContentType="application/vnd.openxmlformats-officedocument.presentationml.slideLayout+xml"/>
  <Override PartName="/ppt/slideLayouts/slideLayout945.xml" ContentType="application/vnd.openxmlformats-officedocument.presentationml.slideLayout+xml"/>
  <Override PartName="/ppt/slideLayouts/slideLayout946.xml" ContentType="application/vnd.openxmlformats-officedocument.presentationml.slideLayout+xml"/>
  <Override PartName="/ppt/theme/theme52.xml" ContentType="application/vnd.openxmlformats-officedocument.theme+xml"/>
  <Override PartName="/ppt/slideLayouts/slideLayout947.xml" ContentType="application/vnd.openxmlformats-officedocument.presentationml.slideLayout+xml"/>
  <Override PartName="/ppt/slideLayouts/slideLayout948.xml" ContentType="application/vnd.openxmlformats-officedocument.presentationml.slideLayout+xml"/>
  <Override PartName="/ppt/slideLayouts/slideLayout949.xml" ContentType="application/vnd.openxmlformats-officedocument.presentationml.slideLayout+xml"/>
  <Override PartName="/ppt/slideLayouts/slideLayout950.xml" ContentType="application/vnd.openxmlformats-officedocument.presentationml.slideLayout+xml"/>
  <Override PartName="/ppt/slideLayouts/slideLayout951.xml" ContentType="application/vnd.openxmlformats-officedocument.presentationml.slideLayout+xml"/>
  <Override PartName="/ppt/slideLayouts/slideLayout952.xml" ContentType="application/vnd.openxmlformats-officedocument.presentationml.slideLayout+xml"/>
  <Override PartName="/ppt/slideLayouts/slideLayout953.xml" ContentType="application/vnd.openxmlformats-officedocument.presentationml.slideLayout+xml"/>
  <Override PartName="/ppt/slideLayouts/slideLayout954.xml" ContentType="application/vnd.openxmlformats-officedocument.presentationml.slideLayout+xml"/>
  <Override PartName="/ppt/slideLayouts/slideLayout955.xml" ContentType="application/vnd.openxmlformats-officedocument.presentationml.slideLayout+xml"/>
  <Override PartName="/ppt/slideLayouts/slideLayout956.xml" ContentType="application/vnd.openxmlformats-officedocument.presentationml.slideLayout+xml"/>
  <Override PartName="/ppt/slideLayouts/slideLayout957.xml" ContentType="application/vnd.openxmlformats-officedocument.presentationml.slideLayout+xml"/>
  <Override PartName="/ppt/slideLayouts/slideLayout958.xml" ContentType="application/vnd.openxmlformats-officedocument.presentationml.slideLayout+xml"/>
  <Override PartName="/ppt/slideLayouts/slideLayout959.xml" ContentType="application/vnd.openxmlformats-officedocument.presentationml.slideLayout+xml"/>
  <Override PartName="/ppt/slideLayouts/slideLayout960.xml" ContentType="application/vnd.openxmlformats-officedocument.presentationml.slideLayout+xml"/>
  <Override PartName="/ppt/slideLayouts/slideLayout961.xml" ContentType="application/vnd.openxmlformats-officedocument.presentationml.slideLayout+xml"/>
  <Override PartName="/ppt/slideLayouts/slideLayout962.xml" ContentType="application/vnd.openxmlformats-officedocument.presentationml.slideLayout+xml"/>
  <Override PartName="/ppt/slideLayouts/slideLayout963.xml" ContentType="application/vnd.openxmlformats-officedocument.presentationml.slideLayout+xml"/>
  <Override PartName="/ppt/slideLayouts/slideLayout964.xml" ContentType="application/vnd.openxmlformats-officedocument.presentationml.slideLayout+xml"/>
  <Override PartName="/ppt/theme/theme53.xml" ContentType="application/vnd.openxmlformats-officedocument.theme+xml"/>
  <Override PartName="/ppt/slideLayouts/slideLayout965.xml" ContentType="application/vnd.openxmlformats-officedocument.presentationml.slideLayout+xml"/>
  <Override PartName="/ppt/slideLayouts/slideLayout966.xml" ContentType="application/vnd.openxmlformats-officedocument.presentationml.slideLayout+xml"/>
  <Override PartName="/ppt/slideLayouts/slideLayout967.xml" ContentType="application/vnd.openxmlformats-officedocument.presentationml.slideLayout+xml"/>
  <Override PartName="/ppt/slideLayouts/slideLayout968.xml" ContentType="application/vnd.openxmlformats-officedocument.presentationml.slideLayout+xml"/>
  <Override PartName="/ppt/slideLayouts/slideLayout969.xml" ContentType="application/vnd.openxmlformats-officedocument.presentationml.slideLayout+xml"/>
  <Override PartName="/ppt/slideLayouts/slideLayout970.xml" ContentType="application/vnd.openxmlformats-officedocument.presentationml.slideLayout+xml"/>
  <Override PartName="/ppt/slideLayouts/slideLayout971.xml" ContentType="application/vnd.openxmlformats-officedocument.presentationml.slideLayout+xml"/>
  <Override PartName="/ppt/slideLayouts/slideLayout972.xml" ContentType="application/vnd.openxmlformats-officedocument.presentationml.slideLayout+xml"/>
  <Override PartName="/ppt/slideLayouts/slideLayout973.xml" ContentType="application/vnd.openxmlformats-officedocument.presentationml.slideLayout+xml"/>
  <Override PartName="/ppt/slideLayouts/slideLayout974.xml" ContentType="application/vnd.openxmlformats-officedocument.presentationml.slideLayout+xml"/>
  <Override PartName="/ppt/slideLayouts/slideLayout975.xml" ContentType="application/vnd.openxmlformats-officedocument.presentationml.slideLayout+xml"/>
  <Override PartName="/ppt/slideLayouts/slideLayout976.xml" ContentType="application/vnd.openxmlformats-officedocument.presentationml.slideLayout+xml"/>
  <Override PartName="/ppt/slideLayouts/slideLayout977.xml" ContentType="application/vnd.openxmlformats-officedocument.presentationml.slideLayout+xml"/>
  <Override PartName="/ppt/slideLayouts/slideLayout978.xml" ContentType="application/vnd.openxmlformats-officedocument.presentationml.slideLayout+xml"/>
  <Override PartName="/ppt/slideLayouts/slideLayout979.xml" ContentType="application/vnd.openxmlformats-officedocument.presentationml.slideLayout+xml"/>
  <Override PartName="/ppt/slideLayouts/slideLayout980.xml" ContentType="application/vnd.openxmlformats-officedocument.presentationml.slideLayout+xml"/>
  <Override PartName="/ppt/slideLayouts/slideLayout981.xml" ContentType="application/vnd.openxmlformats-officedocument.presentationml.slideLayout+xml"/>
  <Override PartName="/ppt/slideLayouts/slideLayout982.xml" ContentType="application/vnd.openxmlformats-officedocument.presentationml.slideLayout+xml"/>
  <Override PartName="/ppt/slideLayouts/slideLayout983.xml" ContentType="application/vnd.openxmlformats-officedocument.presentationml.slideLayout+xml"/>
  <Override PartName="/ppt/theme/theme54.xml" ContentType="application/vnd.openxmlformats-officedocument.theme+xml"/>
  <Override PartName="/ppt/slideLayouts/slideLayout984.xml" ContentType="application/vnd.openxmlformats-officedocument.presentationml.slideLayout+xml"/>
  <Override PartName="/ppt/slideLayouts/slideLayout985.xml" ContentType="application/vnd.openxmlformats-officedocument.presentationml.slideLayout+xml"/>
  <Override PartName="/ppt/slideLayouts/slideLayout986.xml" ContentType="application/vnd.openxmlformats-officedocument.presentationml.slideLayout+xml"/>
  <Override PartName="/ppt/slideLayouts/slideLayout987.xml" ContentType="application/vnd.openxmlformats-officedocument.presentationml.slideLayout+xml"/>
  <Override PartName="/ppt/slideLayouts/slideLayout988.xml" ContentType="application/vnd.openxmlformats-officedocument.presentationml.slideLayout+xml"/>
  <Override PartName="/ppt/slideLayouts/slideLayout989.xml" ContentType="application/vnd.openxmlformats-officedocument.presentationml.slideLayout+xml"/>
  <Override PartName="/ppt/slideLayouts/slideLayout990.xml" ContentType="application/vnd.openxmlformats-officedocument.presentationml.slideLayout+xml"/>
  <Override PartName="/ppt/slideLayouts/slideLayout991.xml" ContentType="application/vnd.openxmlformats-officedocument.presentationml.slideLayout+xml"/>
  <Override PartName="/ppt/slideLayouts/slideLayout992.xml" ContentType="application/vnd.openxmlformats-officedocument.presentationml.slideLayout+xml"/>
  <Override PartName="/ppt/slideLayouts/slideLayout993.xml" ContentType="application/vnd.openxmlformats-officedocument.presentationml.slideLayout+xml"/>
  <Override PartName="/ppt/slideLayouts/slideLayout994.xml" ContentType="application/vnd.openxmlformats-officedocument.presentationml.slideLayout+xml"/>
  <Override PartName="/ppt/slideLayouts/slideLayout995.xml" ContentType="application/vnd.openxmlformats-officedocument.presentationml.slideLayout+xml"/>
  <Override PartName="/ppt/slideLayouts/slideLayout996.xml" ContentType="application/vnd.openxmlformats-officedocument.presentationml.slideLayout+xml"/>
  <Override PartName="/ppt/slideLayouts/slideLayout997.xml" ContentType="application/vnd.openxmlformats-officedocument.presentationml.slideLayout+xml"/>
  <Override PartName="/ppt/slideLayouts/slideLayout998.xml" ContentType="application/vnd.openxmlformats-officedocument.presentationml.slideLayout+xml"/>
  <Override PartName="/ppt/slideLayouts/slideLayout999.xml" ContentType="application/vnd.openxmlformats-officedocument.presentationml.slideLayout+xml"/>
  <Override PartName="/ppt/slideLayouts/slideLayout1000.xml" ContentType="application/vnd.openxmlformats-officedocument.presentationml.slideLayout+xml"/>
  <Override PartName="/ppt/theme/theme55.xml" ContentType="application/vnd.openxmlformats-officedocument.theme+xml"/>
  <Override PartName="/ppt/slideLayouts/slideLayout1001.xml" ContentType="application/vnd.openxmlformats-officedocument.presentationml.slideLayout+xml"/>
  <Override PartName="/ppt/slideLayouts/slideLayout1002.xml" ContentType="application/vnd.openxmlformats-officedocument.presentationml.slideLayout+xml"/>
  <Override PartName="/ppt/slideLayouts/slideLayout1003.xml" ContentType="application/vnd.openxmlformats-officedocument.presentationml.slideLayout+xml"/>
  <Override PartName="/ppt/slideLayouts/slideLayout1004.xml" ContentType="application/vnd.openxmlformats-officedocument.presentationml.slideLayout+xml"/>
  <Override PartName="/ppt/slideLayouts/slideLayout1005.xml" ContentType="application/vnd.openxmlformats-officedocument.presentationml.slideLayout+xml"/>
  <Override PartName="/ppt/slideLayouts/slideLayout1006.xml" ContentType="application/vnd.openxmlformats-officedocument.presentationml.slideLayout+xml"/>
  <Override PartName="/ppt/slideLayouts/slideLayout1007.xml" ContentType="application/vnd.openxmlformats-officedocument.presentationml.slideLayout+xml"/>
  <Override PartName="/ppt/slideLayouts/slideLayout1008.xml" ContentType="application/vnd.openxmlformats-officedocument.presentationml.slideLayout+xml"/>
  <Override PartName="/ppt/slideLayouts/slideLayout1009.xml" ContentType="application/vnd.openxmlformats-officedocument.presentationml.slideLayout+xml"/>
  <Override PartName="/ppt/slideLayouts/slideLayout1010.xml" ContentType="application/vnd.openxmlformats-officedocument.presentationml.slideLayout+xml"/>
  <Override PartName="/ppt/slideLayouts/slideLayout1011.xml" ContentType="application/vnd.openxmlformats-officedocument.presentationml.slideLayout+xml"/>
  <Override PartName="/ppt/slideLayouts/slideLayout1012.xml" ContentType="application/vnd.openxmlformats-officedocument.presentationml.slideLayout+xml"/>
  <Override PartName="/ppt/slideLayouts/slideLayout1013.xml" ContentType="application/vnd.openxmlformats-officedocument.presentationml.slideLayout+xml"/>
  <Override PartName="/ppt/slideLayouts/slideLayout1014.xml" ContentType="application/vnd.openxmlformats-officedocument.presentationml.slideLayout+xml"/>
  <Override PartName="/ppt/slideLayouts/slideLayout1015.xml" ContentType="application/vnd.openxmlformats-officedocument.presentationml.slideLayout+xml"/>
  <Override PartName="/ppt/slideLayouts/slideLayout1016.xml" ContentType="application/vnd.openxmlformats-officedocument.presentationml.slideLayout+xml"/>
  <Override PartName="/ppt/slideLayouts/slideLayout1017.xml" ContentType="application/vnd.openxmlformats-officedocument.presentationml.slideLayout+xml"/>
  <Override PartName="/ppt/slideLayouts/slideLayout1018.xml" ContentType="application/vnd.openxmlformats-officedocument.presentationml.slideLayout+xml"/>
  <Override PartName="/ppt/slideLayouts/slideLayout1019.xml" ContentType="application/vnd.openxmlformats-officedocument.presentationml.slideLayout+xml"/>
  <Override PartName="/ppt/theme/theme56.xml" ContentType="application/vnd.openxmlformats-officedocument.theme+xml"/>
  <Override PartName="/ppt/slideLayouts/slideLayout1020.xml" ContentType="application/vnd.openxmlformats-officedocument.presentationml.slideLayout+xml"/>
  <Override PartName="/ppt/slideLayouts/slideLayout1021.xml" ContentType="application/vnd.openxmlformats-officedocument.presentationml.slideLayout+xml"/>
  <Override PartName="/ppt/slideLayouts/slideLayout1022.xml" ContentType="application/vnd.openxmlformats-officedocument.presentationml.slideLayout+xml"/>
  <Override PartName="/ppt/slideLayouts/slideLayout1023.xml" ContentType="application/vnd.openxmlformats-officedocument.presentationml.slideLayout+xml"/>
  <Override PartName="/ppt/slideLayouts/slideLayout1024.xml" ContentType="application/vnd.openxmlformats-officedocument.presentationml.slideLayout+xml"/>
  <Override PartName="/ppt/slideLayouts/slideLayout1025.xml" ContentType="application/vnd.openxmlformats-officedocument.presentationml.slideLayout+xml"/>
  <Override PartName="/ppt/slideLayouts/slideLayout1026.xml" ContentType="application/vnd.openxmlformats-officedocument.presentationml.slideLayout+xml"/>
  <Override PartName="/ppt/slideLayouts/slideLayout1027.xml" ContentType="application/vnd.openxmlformats-officedocument.presentationml.slideLayout+xml"/>
  <Override PartName="/ppt/slideLayouts/slideLayout1028.xml" ContentType="application/vnd.openxmlformats-officedocument.presentationml.slideLayout+xml"/>
  <Override PartName="/ppt/slideLayouts/slideLayout1029.xml" ContentType="application/vnd.openxmlformats-officedocument.presentationml.slideLayout+xml"/>
  <Override PartName="/ppt/slideLayouts/slideLayout1030.xml" ContentType="application/vnd.openxmlformats-officedocument.presentationml.slideLayout+xml"/>
  <Override PartName="/ppt/slideLayouts/slideLayout1031.xml" ContentType="application/vnd.openxmlformats-officedocument.presentationml.slideLayout+xml"/>
  <Override PartName="/ppt/slideLayouts/slideLayout1032.xml" ContentType="application/vnd.openxmlformats-officedocument.presentationml.slideLayout+xml"/>
  <Override PartName="/ppt/slideLayouts/slideLayout1033.xml" ContentType="application/vnd.openxmlformats-officedocument.presentationml.slideLayout+xml"/>
  <Override PartName="/ppt/slideLayouts/slideLayout1034.xml" ContentType="application/vnd.openxmlformats-officedocument.presentationml.slideLayout+xml"/>
  <Override PartName="/ppt/slideLayouts/slideLayout1035.xml" ContentType="application/vnd.openxmlformats-officedocument.presentationml.slideLayout+xml"/>
  <Override PartName="/ppt/slideLayouts/slideLayout1036.xml" ContentType="application/vnd.openxmlformats-officedocument.presentationml.slideLayout+xml"/>
  <Override PartName="/ppt/slideLayouts/slideLayout1037.xml" ContentType="application/vnd.openxmlformats-officedocument.presentationml.slideLayout+xml"/>
  <Override PartName="/ppt/slideLayouts/slideLayout1038.xml" ContentType="application/vnd.openxmlformats-officedocument.presentationml.slideLayout+xml"/>
  <Override PartName="/ppt/theme/theme57.xml" ContentType="application/vnd.openxmlformats-officedocument.theme+xml"/>
  <Override PartName="/ppt/slideLayouts/slideLayout1039.xml" ContentType="application/vnd.openxmlformats-officedocument.presentationml.slideLayout+xml"/>
  <Override PartName="/ppt/slideLayouts/slideLayout1040.xml" ContentType="application/vnd.openxmlformats-officedocument.presentationml.slideLayout+xml"/>
  <Override PartName="/ppt/slideLayouts/slideLayout1041.xml" ContentType="application/vnd.openxmlformats-officedocument.presentationml.slideLayout+xml"/>
  <Override PartName="/ppt/slideLayouts/slideLayout1042.xml" ContentType="application/vnd.openxmlformats-officedocument.presentationml.slideLayout+xml"/>
  <Override PartName="/ppt/slideLayouts/slideLayout1043.xml" ContentType="application/vnd.openxmlformats-officedocument.presentationml.slideLayout+xml"/>
  <Override PartName="/ppt/slideLayouts/slideLayout1044.xml" ContentType="application/vnd.openxmlformats-officedocument.presentationml.slideLayout+xml"/>
  <Override PartName="/ppt/slideLayouts/slideLayout1045.xml" ContentType="application/vnd.openxmlformats-officedocument.presentationml.slideLayout+xml"/>
  <Override PartName="/ppt/slideLayouts/slideLayout1046.xml" ContentType="application/vnd.openxmlformats-officedocument.presentationml.slideLayout+xml"/>
  <Override PartName="/ppt/slideLayouts/slideLayout1047.xml" ContentType="application/vnd.openxmlformats-officedocument.presentationml.slideLayout+xml"/>
  <Override PartName="/ppt/slideLayouts/slideLayout1048.xml" ContentType="application/vnd.openxmlformats-officedocument.presentationml.slideLayout+xml"/>
  <Override PartName="/ppt/slideLayouts/slideLayout1049.xml" ContentType="application/vnd.openxmlformats-officedocument.presentationml.slideLayout+xml"/>
  <Override PartName="/ppt/slideLayouts/slideLayout1050.xml" ContentType="application/vnd.openxmlformats-officedocument.presentationml.slideLayout+xml"/>
  <Override PartName="/ppt/theme/theme58.xml" ContentType="application/vnd.openxmlformats-officedocument.theme+xml"/>
  <Override PartName="/ppt/slideLayouts/slideLayout1051.xml" ContentType="application/vnd.openxmlformats-officedocument.presentationml.slideLayout+xml"/>
  <Override PartName="/ppt/slideLayouts/slideLayout1052.xml" ContentType="application/vnd.openxmlformats-officedocument.presentationml.slideLayout+xml"/>
  <Override PartName="/ppt/slideLayouts/slideLayout1053.xml" ContentType="application/vnd.openxmlformats-officedocument.presentationml.slideLayout+xml"/>
  <Override PartName="/ppt/slideLayouts/slideLayout1054.xml" ContentType="application/vnd.openxmlformats-officedocument.presentationml.slideLayout+xml"/>
  <Override PartName="/ppt/slideLayouts/slideLayout1055.xml" ContentType="application/vnd.openxmlformats-officedocument.presentationml.slideLayout+xml"/>
  <Override PartName="/ppt/slideLayouts/slideLayout1056.xml" ContentType="application/vnd.openxmlformats-officedocument.presentationml.slideLayout+xml"/>
  <Override PartName="/ppt/slideLayouts/slideLayout1057.xml" ContentType="application/vnd.openxmlformats-officedocument.presentationml.slideLayout+xml"/>
  <Override PartName="/ppt/slideLayouts/slideLayout1058.xml" ContentType="application/vnd.openxmlformats-officedocument.presentationml.slideLayout+xml"/>
  <Override PartName="/ppt/slideLayouts/slideLayout1059.xml" ContentType="application/vnd.openxmlformats-officedocument.presentationml.slideLayout+xml"/>
  <Override PartName="/ppt/slideLayouts/slideLayout1060.xml" ContentType="application/vnd.openxmlformats-officedocument.presentationml.slideLayout+xml"/>
  <Override PartName="/ppt/slideLayouts/slideLayout1061.xml" ContentType="application/vnd.openxmlformats-officedocument.presentationml.slideLayout+xml"/>
  <Override PartName="/ppt/slideLayouts/slideLayout1062.xml" ContentType="application/vnd.openxmlformats-officedocument.presentationml.slideLayout+xml"/>
  <Override PartName="/ppt/slideLayouts/slideLayout1063.xml" ContentType="application/vnd.openxmlformats-officedocument.presentationml.slideLayout+xml"/>
  <Override PartName="/ppt/slideLayouts/slideLayout1064.xml" ContentType="application/vnd.openxmlformats-officedocument.presentationml.slideLayout+xml"/>
  <Override PartName="/ppt/slideLayouts/slideLayout1065.xml" ContentType="application/vnd.openxmlformats-officedocument.presentationml.slideLayout+xml"/>
  <Override PartName="/ppt/slideLayouts/slideLayout1066.xml" ContentType="application/vnd.openxmlformats-officedocument.presentationml.slideLayout+xml"/>
  <Override PartName="/ppt/slideLayouts/slideLayout1067.xml" ContentType="application/vnd.openxmlformats-officedocument.presentationml.slideLayout+xml"/>
  <Override PartName="/ppt/slideLayouts/slideLayout1068.xml" ContentType="application/vnd.openxmlformats-officedocument.presentationml.slideLayout+xml"/>
  <Override PartName="/ppt/slideLayouts/slideLayout1069.xml" ContentType="application/vnd.openxmlformats-officedocument.presentationml.slideLayout+xml"/>
  <Override PartName="/ppt/theme/theme59.xml" ContentType="application/vnd.openxmlformats-officedocument.theme+xml"/>
  <Override PartName="/ppt/slideLayouts/slideLayout1070.xml" ContentType="application/vnd.openxmlformats-officedocument.presentationml.slideLayout+xml"/>
  <Override PartName="/ppt/slideLayouts/slideLayout1071.xml" ContentType="application/vnd.openxmlformats-officedocument.presentationml.slideLayout+xml"/>
  <Override PartName="/ppt/slideLayouts/slideLayout1072.xml" ContentType="application/vnd.openxmlformats-officedocument.presentationml.slideLayout+xml"/>
  <Override PartName="/ppt/slideLayouts/slideLayout1073.xml" ContentType="application/vnd.openxmlformats-officedocument.presentationml.slideLayout+xml"/>
  <Override PartName="/ppt/slideLayouts/slideLayout1074.xml" ContentType="application/vnd.openxmlformats-officedocument.presentationml.slideLayout+xml"/>
  <Override PartName="/ppt/slideLayouts/slideLayout1075.xml" ContentType="application/vnd.openxmlformats-officedocument.presentationml.slideLayout+xml"/>
  <Override PartName="/ppt/slideLayouts/slideLayout1076.xml" ContentType="application/vnd.openxmlformats-officedocument.presentationml.slideLayout+xml"/>
  <Override PartName="/ppt/slideLayouts/slideLayout1077.xml" ContentType="application/vnd.openxmlformats-officedocument.presentationml.slideLayout+xml"/>
  <Override PartName="/ppt/slideLayouts/slideLayout1078.xml" ContentType="application/vnd.openxmlformats-officedocument.presentationml.slideLayout+xml"/>
  <Override PartName="/ppt/slideLayouts/slideLayout1079.xml" ContentType="application/vnd.openxmlformats-officedocument.presentationml.slideLayout+xml"/>
  <Override PartName="/ppt/slideLayouts/slideLayout1080.xml" ContentType="application/vnd.openxmlformats-officedocument.presentationml.slideLayout+xml"/>
  <Override PartName="/ppt/slideLayouts/slideLayout1081.xml" ContentType="application/vnd.openxmlformats-officedocument.presentationml.slideLayout+xml"/>
  <Override PartName="/ppt/slideLayouts/slideLayout1082.xml" ContentType="application/vnd.openxmlformats-officedocument.presentationml.slideLayout+xml"/>
  <Override PartName="/ppt/slideLayouts/slideLayout1083.xml" ContentType="application/vnd.openxmlformats-officedocument.presentationml.slideLayout+xml"/>
  <Override PartName="/ppt/slideLayouts/slideLayout1084.xml" ContentType="application/vnd.openxmlformats-officedocument.presentationml.slideLayout+xml"/>
  <Override PartName="/ppt/slideLayouts/slideLayout1085.xml" ContentType="application/vnd.openxmlformats-officedocument.presentationml.slideLayout+xml"/>
  <Override PartName="/ppt/slideLayouts/slideLayout1086.xml" ContentType="application/vnd.openxmlformats-officedocument.presentationml.slideLayout+xml"/>
  <Override PartName="/ppt/slideLayouts/slideLayout1087.xml" ContentType="application/vnd.openxmlformats-officedocument.presentationml.slideLayout+xml"/>
  <Override PartName="/ppt/slideLayouts/slideLayout1088.xml" ContentType="application/vnd.openxmlformats-officedocument.presentationml.slideLayout+xml"/>
  <Override PartName="/ppt/theme/theme60.xml" ContentType="application/vnd.openxmlformats-officedocument.theme+xml"/>
  <Override PartName="/ppt/slideLayouts/slideLayout1089.xml" ContentType="application/vnd.openxmlformats-officedocument.presentationml.slideLayout+xml"/>
  <Override PartName="/ppt/slideLayouts/slideLayout1090.xml" ContentType="application/vnd.openxmlformats-officedocument.presentationml.slideLayout+xml"/>
  <Override PartName="/ppt/slideLayouts/slideLayout1091.xml" ContentType="application/vnd.openxmlformats-officedocument.presentationml.slideLayout+xml"/>
  <Override PartName="/ppt/slideLayouts/slideLayout1092.xml" ContentType="application/vnd.openxmlformats-officedocument.presentationml.slideLayout+xml"/>
  <Override PartName="/ppt/slideLayouts/slideLayout1093.xml" ContentType="application/vnd.openxmlformats-officedocument.presentationml.slideLayout+xml"/>
  <Override PartName="/ppt/slideLayouts/slideLayout1094.xml" ContentType="application/vnd.openxmlformats-officedocument.presentationml.slideLayout+xml"/>
  <Override PartName="/ppt/slideLayouts/slideLayout1095.xml" ContentType="application/vnd.openxmlformats-officedocument.presentationml.slideLayout+xml"/>
  <Override PartName="/ppt/slideLayouts/slideLayout1096.xml" ContentType="application/vnd.openxmlformats-officedocument.presentationml.slideLayout+xml"/>
  <Override PartName="/ppt/theme/theme61.xml" ContentType="application/vnd.openxmlformats-officedocument.theme+xml"/>
  <Override PartName="/ppt/theme/theme62.xml" ContentType="application/vnd.openxmlformats-officedocument.theme+xml"/>
  <Override PartName="/ppt/theme/theme6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rts/chart2.xml" ContentType="application/vnd.openxmlformats-officedocument.drawingml.chart+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charts/chart4.xml" ContentType="application/vnd.openxmlformats-officedocument.drawingml.chart+xml"/>
  <Override PartName="/ppt/notesSlides/notesSlide37.xml" ContentType="application/vnd.openxmlformats-officedocument.presentationml.notesSlide+xml"/>
  <Override PartName="/ppt/charts/chart5.xml" ContentType="application/vnd.openxmlformats-officedocument.drawingml.chart+xml"/>
  <Override PartName="/ppt/notesSlides/notesSlide38.xml" ContentType="application/vnd.openxmlformats-officedocument.presentationml.notesSlide+xml"/>
  <Override PartName="/ppt/charts/chart6.xml" ContentType="application/vnd.openxmlformats-officedocument.drawingml.chart+xml"/>
  <Override PartName="/ppt/notesSlides/notesSlide39.xml" ContentType="application/vnd.openxmlformats-officedocument.presentationml.notesSlide+xml"/>
  <Override PartName="/ppt/charts/chart7.xml" ContentType="application/vnd.openxmlformats-officedocument.drawingml.chart+xml"/>
  <Override PartName="/ppt/notesSlides/notesSlide40.xml" ContentType="application/vnd.openxmlformats-officedocument.presentationml.notesSlide+xml"/>
  <Override PartName="/ppt/charts/chart8.xml" ContentType="application/vnd.openxmlformats-officedocument.drawingml.chart+xml"/>
  <Override PartName="/ppt/notesSlides/notesSlide41.xml" ContentType="application/vnd.openxmlformats-officedocument.presentationml.notesSlide+xml"/>
  <Override PartName="/ppt/charts/chart9.xml" ContentType="application/vnd.openxmlformats-officedocument.drawingml.chart+xml"/>
  <Override PartName="/ppt/notesSlides/notesSlide42.xml" ContentType="application/vnd.openxmlformats-officedocument.presentationml.notesSlide+xml"/>
  <Override PartName="/ppt/charts/chart10.xml" ContentType="application/vnd.openxmlformats-officedocument.drawingml.chart+xml"/>
  <Override PartName="/ppt/notesSlides/notesSlide43.xml" ContentType="application/vnd.openxmlformats-officedocument.presentationml.notesSlide+xml"/>
  <Override PartName="/ppt/charts/chart11.xml" ContentType="application/vnd.openxmlformats-officedocument.drawingml.chart+xml"/>
  <Override PartName="/ppt/notesSlides/notesSlide44.xml" ContentType="application/vnd.openxmlformats-officedocument.presentationml.notesSlide+xml"/>
  <Override PartName="/ppt/charts/chart12.xml" ContentType="application/vnd.openxmlformats-officedocument.drawingml.chart+xml"/>
  <Override PartName="/ppt/notesSlides/notesSlide45.xml" ContentType="application/vnd.openxmlformats-officedocument.presentationml.notesSlide+xml"/>
  <Override PartName="/ppt/charts/chart13.xml" ContentType="application/vnd.openxmlformats-officedocument.drawingml.chart+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charts/chart14.xml" ContentType="application/vnd.openxmlformats-officedocument.drawingml.chart+xml"/>
  <Override PartName="/ppt/notesSlides/notesSlide49.xml" ContentType="application/vnd.openxmlformats-officedocument.presentationml.notesSlide+xml"/>
  <Override PartName="/ppt/charts/chart15.xml" ContentType="application/vnd.openxmlformats-officedocument.drawingml.chart+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charts/chart16.xml" ContentType="application/vnd.openxmlformats-officedocument.drawingml.chart+xml"/>
  <Override PartName="/ppt/theme/themeOverride3.xml" ContentType="application/vnd.openxmlformats-officedocument.themeOverride+xml"/>
  <Override PartName="/ppt/charts/chart17.xml" ContentType="application/vnd.openxmlformats-officedocument.drawingml.chart+xml"/>
  <Override PartName="/ppt/theme/themeOverride4.xml" ContentType="application/vnd.openxmlformats-officedocument.themeOverride+xml"/>
  <Override PartName="/ppt/charts/chart18.xml" ContentType="application/vnd.openxmlformats-officedocument.drawingml.chart+xml"/>
  <Override PartName="/ppt/theme/themeOverride5.xml" ContentType="application/vnd.openxmlformats-officedocument.themeOverride+xml"/>
  <Override PartName="/ppt/notesSlides/notesSlide52.xml" ContentType="application/vnd.openxmlformats-officedocument.presentationml.notesSlide+xml"/>
  <Override PartName="/ppt/charts/chart19.xml" ContentType="application/vnd.openxmlformats-officedocument.drawingml.chart+xml"/>
  <Override PartName="/ppt/notesSlides/notesSlide53.xml" ContentType="application/vnd.openxmlformats-officedocument.presentationml.notesSlide+xml"/>
  <Override PartName="/ppt/charts/chart20.xml" ContentType="application/vnd.openxmlformats-officedocument.drawingml.chart+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charts/chart21.xml" ContentType="application/vnd.openxmlformats-officedocument.drawingml.chart+xml"/>
  <Override PartName="/ppt/tags/tag1.xml" ContentType="application/vnd.openxmlformats-officedocument.presentationml.tags+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96.xml" ContentType="application/vnd.openxmlformats-officedocument.presentationml.notesSlide+xml"/>
  <Override PartName="/ppt/tags/tag57.xml" ContentType="application/vnd.openxmlformats-officedocument.presentationml.tags+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charts/chart22.xml" ContentType="application/vnd.openxmlformats-officedocument.drawingml.chart+xml"/>
  <Override PartName="/ppt/notesSlides/notesSlide100.xml" ContentType="application/vnd.openxmlformats-officedocument.presentationml.notesSlide+xml"/>
  <Override PartName="/ppt/charts/chart23.xml" ContentType="application/vnd.openxmlformats-officedocument.drawingml.chart+xml"/>
  <Override PartName="/ppt/notesSlides/notesSlide101.xml" ContentType="application/vnd.openxmlformats-officedocument.presentationml.notesSlide+xml"/>
  <Override PartName="/ppt/charts/chart24.xml" ContentType="application/vnd.openxmlformats-officedocument.drawingml.chart+xml"/>
  <Override PartName="/ppt/notesSlides/notesSlide102.xml" ContentType="application/vnd.openxmlformats-officedocument.presentationml.notesSlide+xml"/>
  <Override PartName="/ppt/charts/chart25.xml" ContentType="application/vnd.openxmlformats-officedocument.drawingml.chart+xml"/>
  <Override PartName="/ppt/tags/tag58.xml" ContentType="application/vnd.openxmlformats-officedocument.presentationml.tags+xml"/>
  <Override PartName="/ppt/notesSlides/notesSlide103.xml" ContentType="application/vnd.openxmlformats-officedocument.presentationml.notesSlide+xml"/>
  <Override PartName="/ppt/notesSlides/notesSlide104.xml" ContentType="application/vnd.openxmlformats-officedocument.presentationml.notesSlide+xml"/>
  <Override PartName="/ppt/notesSlides/notesSlide105.xml" ContentType="application/vnd.openxmlformats-officedocument.presentationml.notesSlide+xml"/>
  <Override PartName="/ppt/notesSlides/notesSlide106.xml" ContentType="application/vnd.openxmlformats-officedocument.presentationml.notesSlide+xml"/>
  <Override PartName="/ppt/notesSlides/notesSlide107.xml" ContentType="application/vnd.openxmlformats-officedocument.presentationml.notesSlide+xml"/>
  <Override PartName="/ppt/tags/tag59.xml" ContentType="application/vnd.openxmlformats-officedocument.presentationml.tags+xml"/>
  <Override PartName="/ppt/notesSlides/notesSlide108.xml" ContentType="application/vnd.openxmlformats-officedocument.presentationml.notesSlide+xml"/>
  <Override PartName="/ppt/notesSlides/notesSlide109.xml" ContentType="application/vnd.openxmlformats-officedocument.presentationml.notesSlide+xml"/>
  <Override PartName="/ppt/charts/chart26.xml" ContentType="application/vnd.openxmlformats-officedocument.drawingml.chart+xml"/>
  <Override PartName="/ppt/notesSlides/notesSlide110.xml" ContentType="application/vnd.openxmlformats-officedocument.presentationml.notesSlide+xml"/>
  <Override PartName="/ppt/notesSlides/notesSlide111.xml" ContentType="application/vnd.openxmlformats-officedocument.presentationml.notesSlide+xml"/>
  <Override PartName="/ppt/tags/tag60.xml" ContentType="application/vnd.openxmlformats-officedocument.presentationml.tags+xml"/>
  <Override PartName="/ppt/notesSlides/notesSlide112.xml" ContentType="application/vnd.openxmlformats-officedocument.presentationml.notesSlide+xml"/>
  <Override PartName="/ppt/notesSlides/notesSlide113.xml" ContentType="application/vnd.openxmlformats-officedocument.presentationml.notesSlide+xml"/>
  <Override PartName="/ppt/notesSlides/notesSlide114.xml" ContentType="application/vnd.openxmlformats-officedocument.presentationml.notesSlide+xml"/>
  <Override PartName="/ppt/tags/tag61.xml" ContentType="application/vnd.openxmlformats-officedocument.presentationml.tags+xml"/>
  <Override PartName="/ppt/notesSlides/notesSlide115.xml" ContentType="application/vnd.openxmlformats-officedocument.presentationml.notesSlide+xml"/>
  <Override PartName="/ppt/notesSlides/notesSlide116.xml" ContentType="application/vnd.openxmlformats-officedocument.presentationml.notesSlide+xml"/>
  <Override PartName="/ppt/notesSlides/notesSlide117.xml" ContentType="application/vnd.openxmlformats-officedocument.presentationml.notesSlide+xml"/>
  <Override PartName="/ppt/tags/tag62.xml" ContentType="application/vnd.openxmlformats-officedocument.presentationml.tags+xml"/>
  <Override PartName="/ppt/notesSlides/notesSlide118.xml" ContentType="application/vnd.openxmlformats-officedocument.presentationml.notesSlide+xml"/>
  <Override PartName="/ppt/notesSlides/notesSlide119.xml" ContentType="application/vnd.openxmlformats-officedocument.presentationml.notesSlide+xml"/>
  <Override PartName="/ppt/notesSlides/notesSlide120.xml" ContentType="application/vnd.openxmlformats-officedocument.presentationml.notesSlide+xml"/>
  <Override PartName="/ppt/notesSlides/notesSlide121.xml" ContentType="application/vnd.openxmlformats-officedocument.presentationml.notesSlide+xml"/>
  <Override PartName="/ppt/notesSlides/notesSlide122.xml" ContentType="application/vnd.openxmlformats-officedocument.presentationml.notesSlide+xml"/>
  <Override PartName="/ppt/notesSlides/notesSlide123.xml" ContentType="application/vnd.openxmlformats-officedocument.presentationml.notesSlide+xml"/>
  <Override PartName="/ppt/charts/chart27.xml" ContentType="application/vnd.openxmlformats-officedocument.drawingml.chart+xml"/>
  <Override PartName="/ppt/theme/themeOverride6.xml" ContentType="application/vnd.openxmlformats-officedocument.themeOverride+xml"/>
  <Override PartName="/ppt/notesSlides/notesSlide124.xml" ContentType="application/vnd.openxmlformats-officedocument.presentationml.notesSlide+xml"/>
  <Override PartName="/ppt/notesSlides/notesSlide125.xml" ContentType="application/vnd.openxmlformats-officedocument.presentationml.notesSlide+xml"/>
  <Override PartName="/ppt/notesSlides/notesSlide126.xml" ContentType="application/vnd.openxmlformats-officedocument.presentationml.notesSlide+xml"/>
  <Override PartName="/ppt/notesSlides/notesSlide127.xml" ContentType="application/vnd.openxmlformats-officedocument.presentationml.notesSlide+xml"/>
  <Override PartName="/ppt/notesSlides/notesSlide128.xml" ContentType="application/vnd.openxmlformats-officedocument.presentationml.notesSlide+xml"/>
  <Override PartName="/ppt/notesSlides/notesSlide129.xml" ContentType="application/vnd.openxmlformats-officedocument.presentationml.notesSlide+xml"/>
  <Override PartName="/ppt/notesSlides/notesSlide130.xml" ContentType="application/vnd.openxmlformats-officedocument.presentationml.notesSlide+xml"/>
  <Override PartName="/ppt/notesSlides/notesSlide131.xml" ContentType="application/vnd.openxmlformats-officedocument.presentationml.notesSlide+xml"/>
  <Override PartName="/ppt/notesSlides/notesSlide132.xml" ContentType="application/vnd.openxmlformats-officedocument.presentationml.notesSlide+xml"/>
  <Override PartName="/ppt/notesSlides/notesSlide133.xml" ContentType="application/vnd.openxmlformats-officedocument.presentationml.notesSlide+xml"/>
  <Override PartName="/ppt/charts/chart28.xml" ContentType="application/vnd.openxmlformats-officedocument.drawingml.chart+xml"/>
  <Override PartName="/ppt/notesSlides/notesSlide134.xml" ContentType="application/vnd.openxmlformats-officedocument.presentationml.notesSlide+xml"/>
  <Override PartName="/ppt/charts/chart29.xml" ContentType="application/vnd.openxmlformats-officedocument.drawingml.chart+xml"/>
  <Override PartName="/ppt/theme/themeOverride7.xml" ContentType="application/vnd.openxmlformats-officedocument.themeOverride+xml"/>
  <Override PartName="/ppt/notesSlides/notesSlide135.xml" ContentType="application/vnd.openxmlformats-officedocument.presentationml.notesSlide+xml"/>
  <Override PartName="/ppt/notesSlides/notesSlide136.xml" ContentType="application/vnd.openxmlformats-officedocument.presentationml.notesSlide+xml"/>
  <Override PartName="/ppt/notesSlides/notesSlide137.xml" ContentType="application/vnd.openxmlformats-officedocument.presentationml.notesSlide+xml"/>
  <Override PartName="/ppt/notesSlides/notesSlide138.xml" ContentType="application/vnd.openxmlformats-officedocument.presentationml.notesSlide+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notesSlides/notesSlide139.xml" ContentType="application/vnd.openxmlformats-officedocument.presentationml.notesSlide+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notesSlides/notesSlide140.xml" ContentType="application/vnd.openxmlformats-officedocument.presentationml.notesSlide+xml"/>
  <Override PartName="/ppt/notesSlides/notesSlide141.xml" ContentType="application/vnd.openxmlformats-officedocument.presentationml.notesSlide+xml"/>
  <Override PartName="/ppt/notesSlides/notesSlide142.xml" ContentType="application/vnd.openxmlformats-officedocument.presentationml.notesSlide+xml"/>
  <Override PartName="/ppt/notesSlides/notesSlide143.xml" ContentType="application/vnd.openxmlformats-officedocument.presentationml.notesSlide+xml"/>
  <Override PartName="/ppt/notesSlides/notesSlide144.xml" ContentType="application/vnd.openxmlformats-officedocument.presentationml.notesSlide+xml"/>
  <Override PartName="/ppt/notesSlides/notesSlide145.xml" ContentType="application/vnd.openxmlformats-officedocument.presentationml.notesSlide+xml"/>
  <Override PartName="/ppt/notesSlides/notesSlide146.xml" ContentType="application/vnd.openxmlformats-officedocument.presentationml.notesSlide+xml"/>
  <Override PartName="/ppt/notesSlides/notesSlide147.xml" ContentType="application/vnd.openxmlformats-officedocument.presentationml.notesSlide+xml"/>
  <Override PartName="/ppt/notesSlides/notesSlide148.xml" ContentType="application/vnd.openxmlformats-officedocument.presentationml.notesSlide+xml"/>
  <Override PartName="/ppt/notesSlides/notesSlide149.xml" ContentType="application/vnd.openxmlformats-officedocument.presentationml.notesSlide+xml"/>
  <Override PartName="/ppt/notesSlides/notesSlide150.xml" ContentType="application/vnd.openxmlformats-officedocument.presentationml.notesSlide+xml"/>
  <Override PartName="/ppt/notesSlides/notesSlide151.xml" ContentType="application/vnd.openxmlformats-officedocument.presentationml.notesSlide+xml"/>
  <Override PartName="/ppt/charts/chart30.xml" ContentType="application/vnd.openxmlformats-officedocument.drawingml.chart+xml"/>
  <Override PartName="/ppt/notesSlides/notesSlide152.xml" ContentType="application/vnd.openxmlformats-officedocument.presentationml.notesSlide+xml"/>
  <Override PartName="/ppt/charts/chart31.xml" ContentType="application/vnd.openxmlformats-officedocument.drawingml.chart+xml"/>
  <Override PartName="/ppt/notesSlides/notesSlide153.xml" ContentType="application/vnd.openxmlformats-officedocument.presentationml.notesSlide+xml"/>
  <Override PartName="/ppt/notesSlides/notesSlide154.xml" ContentType="application/vnd.openxmlformats-officedocument.presentationml.notesSlide+xml"/>
  <Override PartName="/ppt/notesSlides/notesSlide155.xml" ContentType="application/vnd.openxmlformats-officedocument.presentationml.notesSlide+xml"/>
  <Override PartName="/ppt/notesSlides/notesSlide156.xml" ContentType="application/vnd.openxmlformats-officedocument.presentationml.notesSlide+xml"/>
  <Override PartName="/ppt/notesSlides/notesSlide157.xml" ContentType="application/vnd.openxmlformats-officedocument.presentationml.notesSlide+xml"/>
  <Override PartName="/ppt/charts/chart32.xml" ContentType="application/vnd.openxmlformats-officedocument.drawingml.chart+xml"/>
  <Override PartName="/ppt/notesSlides/notesSlide158.xml" ContentType="application/vnd.openxmlformats-officedocument.presentationml.notesSlide+xml"/>
  <Override PartName="/ppt/notesSlides/notesSlide159.xml" ContentType="application/vnd.openxmlformats-officedocument.presentationml.notesSlide+xml"/>
  <Override PartName="/ppt/notesSlides/notesSlide160.xml" ContentType="application/vnd.openxmlformats-officedocument.presentationml.notesSlide+xml"/>
  <Override PartName="/ppt/notesSlides/notesSlide161.xml" ContentType="application/vnd.openxmlformats-officedocument.presentationml.notesSlide+xml"/>
  <Override PartName="/ppt/notesSlides/notesSlide162.xml" ContentType="application/vnd.openxmlformats-officedocument.presentationml.notesSlide+xml"/>
  <Override PartName="/ppt/charts/chart33.xml" ContentType="application/vnd.openxmlformats-officedocument.drawingml.chart+xml"/>
  <Override PartName="/ppt/notesSlides/notesSlide163.xml" ContentType="application/vnd.openxmlformats-officedocument.presentationml.notesSlide+xml"/>
  <Override PartName="/ppt/charts/chart34.xml" ContentType="application/vnd.openxmlformats-officedocument.drawingml.chart+xml"/>
  <Override PartName="/ppt/notesSlides/notesSlide164.xml" ContentType="application/vnd.openxmlformats-officedocument.presentationml.notesSlide+xml"/>
  <Override PartName="/ppt/charts/chart35.xml" ContentType="application/vnd.openxmlformats-officedocument.drawingml.chart+xml"/>
  <Override PartName="/ppt/notesSlides/notesSlide165.xml" ContentType="application/vnd.openxmlformats-officedocument.presentationml.notesSlide+xml"/>
  <Override PartName="/ppt/charts/chart36.xml" ContentType="application/vnd.openxmlformats-officedocument.drawingml.chart+xml"/>
  <Override PartName="/ppt/notesSlides/notesSlide166.xml" ContentType="application/vnd.openxmlformats-officedocument.presentationml.notesSlide+xml"/>
  <Override PartName="/ppt/charts/chart37.xml" ContentType="application/vnd.openxmlformats-officedocument.drawingml.chart+xml"/>
  <Override PartName="/ppt/notesSlides/notesSlide167.xml" ContentType="application/vnd.openxmlformats-officedocument.presentationml.notesSlide+xml"/>
  <Override PartName="/ppt/charts/chart38.xml" ContentType="application/vnd.openxmlformats-officedocument.drawingml.chart+xml"/>
  <Override PartName="/ppt/notesSlides/notesSlide168.xml" ContentType="application/vnd.openxmlformats-officedocument.presentationml.notesSlide+xml"/>
  <Override PartName="/ppt/charts/chart39.xml" ContentType="application/vnd.openxmlformats-officedocument.drawingml.chart+xml"/>
  <Override PartName="/ppt/notesSlides/notesSlide169.xml" ContentType="application/vnd.openxmlformats-officedocument.presentationml.notesSlide+xml"/>
  <Override PartName="/ppt/charts/chart40.xml" ContentType="application/vnd.openxmlformats-officedocument.drawingml.chart+xml"/>
  <Override PartName="/ppt/notesSlides/notesSlide170.xml" ContentType="application/vnd.openxmlformats-officedocument.presentationml.notesSlide+xml"/>
  <Override PartName="/ppt/notesSlides/notesSlide171.xml" ContentType="application/vnd.openxmlformats-officedocument.presentationml.notesSlide+xml"/>
  <Override PartName="/ppt/notesSlides/notesSlide172.xml" ContentType="application/vnd.openxmlformats-officedocument.presentationml.notesSlide+xml"/>
  <Override PartName="/ppt/notesSlides/notesSlide173.xml" ContentType="application/vnd.openxmlformats-officedocument.presentationml.notesSlide+xml"/>
  <Override PartName="/ppt/notesSlides/notesSlide174.xml" ContentType="application/vnd.openxmlformats-officedocument.presentationml.notesSlide+xml"/>
  <Override PartName="/ppt/notesSlides/notesSlide175.xml" ContentType="application/vnd.openxmlformats-officedocument.presentationml.notesSlide+xml"/>
  <Override PartName="/ppt/charts/chart41.xml" ContentType="application/vnd.openxmlformats-officedocument.drawingml.chart+xml"/>
  <Override PartName="/ppt/theme/themeOverride8.xml" ContentType="application/vnd.openxmlformats-officedocument.themeOverride+xml"/>
  <Override PartName="/ppt/notesSlides/notesSlide176.xml" ContentType="application/vnd.openxmlformats-officedocument.presentationml.notesSlide+xml"/>
  <Override PartName="/ppt/charts/chart42.xml" ContentType="application/vnd.openxmlformats-officedocument.drawingml.chart+xml"/>
  <Override PartName="/ppt/theme/themeOverride9.xml" ContentType="application/vnd.openxmlformats-officedocument.themeOverride+xml"/>
  <Override PartName="/ppt/notesSlides/notesSlide177.xml" ContentType="application/vnd.openxmlformats-officedocument.presentationml.notesSlide+xml"/>
  <Override PartName="/ppt/charts/chart43.xml" ContentType="application/vnd.openxmlformats-officedocument.drawingml.chart+xml"/>
  <Override PartName="/ppt/theme/themeOverride10.xml" ContentType="application/vnd.openxmlformats-officedocument.themeOverride+xml"/>
  <Override PartName="/ppt/notesSlides/notesSlide178.xml" ContentType="application/vnd.openxmlformats-officedocument.presentationml.notesSlide+xml"/>
  <Override PartName="/ppt/charts/chart44.xml" ContentType="application/vnd.openxmlformats-officedocument.drawingml.chart+xml"/>
  <Override PartName="/ppt/theme/themeOverride11.xml" ContentType="application/vnd.openxmlformats-officedocument.themeOverride+xml"/>
  <Override PartName="/ppt/notesSlides/notesSlide179.xml" ContentType="application/vnd.openxmlformats-officedocument.presentationml.notesSlide+xml"/>
  <Override PartName="/ppt/charts/chart45.xml" ContentType="application/vnd.openxmlformats-officedocument.drawingml.chart+xml"/>
  <Override PartName="/ppt/notesSlides/notesSlide180.xml" ContentType="application/vnd.openxmlformats-officedocument.presentationml.notesSlide+xml"/>
  <Override PartName="/ppt/notesSlides/notesSlide181.xml" ContentType="application/vnd.openxmlformats-officedocument.presentationml.notesSlide+xml"/>
  <Override PartName="/ppt/notesSlides/notesSlide18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2" r:id="rId1"/>
    <p:sldMasterId id="2147483875" r:id="rId2"/>
    <p:sldMasterId id="2147483896" r:id="rId3"/>
    <p:sldMasterId id="2147483917" r:id="rId4"/>
    <p:sldMasterId id="2147483939" r:id="rId5"/>
    <p:sldMasterId id="2147483961" r:id="rId6"/>
    <p:sldMasterId id="2147483981" r:id="rId7"/>
    <p:sldMasterId id="2147484001" r:id="rId8"/>
    <p:sldMasterId id="2147484021" r:id="rId9"/>
    <p:sldMasterId id="2147484041" r:id="rId10"/>
    <p:sldMasterId id="2147484061" r:id="rId11"/>
    <p:sldMasterId id="2147484083" r:id="rId12"/>
    <p:sldMasterId id="2147484105" r:id="rId13"/>
    <p:sldMasterId id="2147484127" r:id="rId14"/>
    <p:sldMasterId id="2147484147" r:id="rId15"/>
    <p:sldMasterId id="2147484150" r:id="rId16"/>
    <p:sldMasterId id="2147484165" r:id="rId17"/>
    <p:sldMasterId id="2147484183" r:id="rId18"/>
    <p:sldMasterId id="2147484201" r:id="rId19"/>
    <p:sldMasterId id="2147484212" r:id="rId20"/>
    <p:sldMasterId id="2147484234" r:id="rId21"/>
    <p:sldMasterId id="2147484254" r:id="rId22"/>
    <p:sldMasterId id="2147484267" r:id="rId23"/>
    <p:sldMasterId id="2147484285" r:id="rId24"/>
    <p:sldMasterId id="2147484305" r:id="rId25"/>
    <p:sldMasterId id="2147484325" r:id="rId26"/>
    <p:sldMasterId id="2147484345" r:id="rId27"/>
    <p:sldMasterId id="2147484367" r:id="rId28"/>
    <p:sldMasterId id="2147484380" r:id="rId29"/>
    <p:sldMasterId id="2147484400" r:id="rId30"/>
    <p:sldMasterId id="2147484422" r:id="rId31"/>
    <p:sldMasterId id="2147484442" r:id="rId32"/>
    <p:sldMasterId id="2147484462" r:id="rId33"/>
    <p:sldMasterId id="2147484484" r:id="rId34"/>
    <p:sldMasterId id="2147484506" r:id="rId35"/>
    <p:sldMasterId id="2147484526" r:id="rId36"/>
    <p:sldMasterId id="2147484546" r:id="rId37"/>
    <p:sldMasterId id="2147484566" r:id="rId38"/>
    <p:sldMasterId id="2147484586" r:id="rId39"/>
    <p:sldMasterId id="2147484606" r:id="rId40"/>
    <p:sldMasterId id="2147484626" r:id="rId41"/>
    <p:sldMasterId id="2147484646" r:id="rId42"/>
    <p:sldMasterId id="2147484666" r:id="rId43"/>
    <p:sldMasterId id="2147484685" r:id="rId44"/>
    <p:sldMasterId id="2147484703" r:id="rId45"/>
    <p:sldMasterId id="2147484707" r:id="rId46"/>
    <p:sldMasterId id="2147484739" r:id="rId47"/>
    <p:sldMasterId id="2147484753" r:id="rId48"/>
    <p:sldMasterId id="2147484773" r:id="rId49"/>
    <p:sldMasterId id="2147484795" r:id="rId50"/>
    <p:sldMasterId id="2147484816" r:id="rId51"/>
    <p:sldMasterId id="2147484836" r:id="rId52"/>
    <p:sldMasterId id="2147484856" r:id="rId53"/>
    <p:sldMasterId id="2147484876" r:id="rId54"/>
    <p:sldMasterId id="2147484896" r:id="rId55"/>
    <p:sldMasterId id="2147484914" r:id="rId56"/>
    <p:sldMasterId id="2147484934" r:id="rId57"/>
    <p:sldMasterId id="2147484954" r:id="rId58"/>
    <p:sldMasterId id="2147484967" r:id="rId59"/>
    <p:sldMasterId id="2147484987" r:id="rId60"/>
    <p:sldMasterId id="2147485007" r:id="rId61"/>
  </p:sldMasterIdLst>
  <p:notesMasterIdLst>
    <p:notesMasterId r:id="rId273"/>
  </p:notesMasterIdLst>
  <p:handoutMasterIdLst>
    <p:handoutMasterId r:id="rId274"/>
  </p:handoutMasterIdLst>
  <p:sldIdLst>
    <p:sldId id="2694" r:id="rId62"/>
    <p:sldId id="2699" r:id="rId63"/>
    <p:sldId id="2700" r:id="rId64"/>
    <p:sldId id="2570" r:id="rId65"/>
    <p:sldId id="2695" r:id="rId66"/>
    <p:sldId id="2697" r:id="rId67"/>
    <p:sldId id="2698" r:id="rId68"/>
    <p:sldId id="2676" r:id="rId69"/>
    <p:sldId id="2199" r:id="rId70"/>
    <p:sldId id="2638" r:id="rId71"/>
    <p:sldId id="2626" r:id="rId72"/>
    <p:sldId id="2500" r:id="rId73"/>
    <p:sldId id="2501" r:id="rId74"/>
    <p:sldId id="2652" r:id="rId75"/>
    <p:sldId id="2207" r:id="rId76"/>
    <p:sldId id="2517" r:id="rId77"/>
    <p:sldId id="2650" r:id="rId78"/>
    <p:sldId id="2651" r:id="rId79"/>
    <p:sldId id="2502" r:id="rId80"/>
    <p:sldId id="2506" r:id="rId81"/>
    <p:sldId id="2508" r:id="rId82"/>
    <p:sldId id="2628" r:id="rId83"/>
    <p:sldId id="2545" r:id="rId84"/>
    <p:sldId id="2567" r:id="rId85"/>
    <p:sldId id="2574" r:id="rId86"/>
    <p:sldId id="2621" r:id="rId87"/>
    <p:sldId id="2211" r:id="rId88"/>
    <p:sldId id="2515" r:id="rId89"/>
    <p:sldId id="2541" r:id="rId90"/>
    <p:sldId id="2617" r:id="rId91"/>
    <p:sldId id="2685" r:id="rId92"/>
    <p:sldId id="2598" r:id="rId93"/>
    <p:sldId id="2510" r:id="rId94"/>
    <p:sldId id="2511" r:id="rId95"/>
    <p:sldId id="2681" r:id="rId96"/>
    <p:sldId id="2678" r:id="rId97"/>
    <p:sldId id="2687" r:id="rId98"/>
    <p:sldId id="2215" r:id="rId99"/>
    <p:sldId id="2572" r:id="rId100"/>
    <p:sldId id="2539" r:id="rId101"/>
    <p:sldId id="2573" r:id="rId102"/>
    <p:sldId id="2600" r:id="rId103"/>
    <p:sldId id="2602" r:id="rId104"/>
    <p:sldId id="2611" r:id="rId105"/>
    <p:sldId id="2604" r:id="rId106"/>
    <p:sldId id="2605" r:id="rId107"/>
    <p:sldId id="2609" r:id="rId108"/>
    <p:sldId id="2603" r:id="rId109"/>
    <p:sldId id="2682" r:id="rId110"/>
    <p:sldId id="2606" r:id="rId111"/>
    <p:sldId id="2624" r:id="rId112"/>
    <p:sldId id="2639" r:id="rId113"/>
    <p:sldId id="2220" r:id="rId114"/>
    <p:sldId id="2549" r:id="rId115"/>
    <p:sldId id="2550" r:id="rId116"/>
    <p:sldId id="2696" r:id="rId117"/>
    <p:sldId id="2560" r:id="rId118"/>
    <p:sldId id="2559" r:id="rId119"/>
    <p:sldId id="2555" r:id="rId120"/>
    <p:sldId id="2556" r:id="rId121"/>
    <p:sldId id="2653" r:id="rId122"/>
    <p:sldId id="2557" r:id="rId123"/>
    <p:sldId id="2558" r:id="rId124"/>
    <p:sldId id="2622" r:id="rId125"/>
    <p:sldId id="2599" r:id="rId126"/>
    <p:sldId id="2251" r:id="rId127"/>
    <p:sldId id="2686" r:id="rId128"/>
    <p:sldId id="2701" r:id="rId129"/>
    <p:sldId id="2591" r:id="rId130"/>
    <p:sldId id="2587" r:id="rId131"/>
    <p:sldId id="2641" r:id="rId132"/>
    <p:sldId id="2582" r:id="rId133"/>
    <p:sldId id="2583" r:id="rId134"/>
    <p:sldId id="2584" r:id="rId135"/>
    <p:sldId id="2253" r:id="rId136"/>
    <p:sldId id="2554" r:id="rId137"/>
    <p:sldId id="2566" r:id="rId138"/>
    <p:sldId id="2576" r:id="rId139"/>
    <p:sldId id="2577" r:id="rId140"/>
    <p:sldId id="2254" r:id="rId141"/>
    <p:sldId id="2562" r:id="rId142"/>
    <p:sldId id="2563" r:id="rId143"/>
    <p:sldId id="2564" r:id="rId144"/>
    <p:sldId id="2565" r:id="rId145"/>
    <p:sldId id="2561" r:id="rId146"/>
    <p:sldId id="2648" r:id="rId147"/>
    <p:sldId id="2649" r:id="rId148"/>
    <p:sldId id="2614" r:id="rId149"/>
    <p:sldId id="2615" r:id="rId150"/>
    <p:sldId id="2616" r:id="rId151"/>
    <p:sldId id="2620" r:id="rId152"/>
    <p:sldId id="2256" r:id="rId153"/>
    <p:sldId id="2257" r:id="rId154"/>
    <p:sldId id="2680" r:id="rId155"/>
    <p:sldId id="2487" r:id="rId156"/>
    <p:sldId id="2490" r:id="rId157"/>
    <p:sldId id="2491" r:id="rId158"/>
    <p:sldId id="2492" r:id="rId159"/>
    <p:sldId id="2493" r:id="rId160"/>
    <p:sldId id="2494" r:id="rId161"/>
    <p:sldId id="2436" r:id="rId162"/>
    <p:sldId id="2437" r:id="rId163"/>
    <p:sldId id="2438" r:id="rId164"/>
    <p:sldId id="2334" r:id="rId165"/>
    <p:sldId id="2335" r:id="rId166"/>
    <p:sldId id="2336" r:id="rId167"/>
    <p:sldId id="2497" r:id="rId168"/>
    <p:sldId id="2464" r:id="rId169"/>
    <p:sldId id="2637" r:id="rId170"/>
    <p:sldId id="2471" r:id="rId171"/>
    <p:sldId id="2496" r:id="rId172"/>
    <p:sldId id="2266" r:id="rId173"/>
    <p:sldId id="2675" r:id="rId174"/>
    <p:sldId id="2673" r:id="rId175"/>
    <p:sldId id="2674" r:id="rId176"/>
    <p:sldId id="2268" r:id="rId177"/>
    <p:sldId id="2269" r:id="rId178"/>
    <p:sldId id="2275" r:id="rId179"/>
    <p:sldId id="2276" r:id="rId180"/>
    <p:sldId id="2277" r:id="rId181"/>
    <p:sldId id="2280" r:id="rId182"/>
    <p:sldId id="2279" r:id="rId183"/>
    <p:sldId id="2365" r:id="rId184"/>
    <p:sldId id="2325" r:id="rId185"/>
    <p:sldId id="2326" r:id="rId186"/>
    <p:sldId id="2327" r:id="rId187"/>
    <p:sldId id="2272" r:id="rId188"/>
    <p:sldId id="2273" r:id="rId189"/>
    <p:sldId id="2274" r:id="rId190"/>
    <p:sldId id="2364" r:id="rId191"/>
    <p:sldId id="2644" r:id="rId192"/>
    <p:sldId id="2645" r:id="rId193"/>
    <p:sldId id="2642" r:id="rId194"/>
    <p:sldId id="2359" r:id="rId195"/>
    <p:sldId id="2360" r:id="rId196"/>
    <p:sldId id="2361" r:id="rId197"/>
    <p:sldId id="2362" r:id="rId198"/>
    <p:sldId id="2363" r:id="rId199"/>
    <p:sldId id="2446" r:id="rId200"/>
    <p:sldId id="2448" r:id="rId201"/>
    <p:sldId id="2449" r:id="rId202"/>
    <p:sldId id="2450" r:id="rId203"/>
    <p:sldId id="2451" r:id="rId204"/>
    <p:sldId id="2452" r:id="rId205"/>
    <p:sldId id="2453" r:id="rId206"/>
    <p:sldId id="2454" r:id="rId207"/>
    <p:sldId id="2640" r:id="rId208"/>
    <p:sldId id="2402" r:id="rId209"/>
    <p:sldId id="2214" r:id="rId210"/>
    <p:sldId id="2718" r:id="rId211"/>
    <p:sldId id="2719" r:id="rId212"/>
    <p:sldId id="2720" r:id="rId213"/>
    <p:sldId id="2721" r:id="rId214"/>
    <p:sldId id="2722" r:id="rId215"/>
    <p:sldId id="2723" r:id="rId216"/>
    <p:sldId id="2724" r:id="rId217"/>
    <p:sldId id="2725" r:id="rId218"/>
    <p:sldId id="2726" r:id="rId219"/>
    <p:sldId id="2727" r:id="rId220"/>
    <p:sldId id="2728" r:id="rId221"/>
    <p:sldId id="2729" r:id="rId222"/>
    <p:sldId id="2730" r:id="rId223"/>
    <p:sldId id="2731" r:id="rId224"/>
    <p:sldId id="2416" r:id="rId225"/>
    <p:sldId id="2419" r:id="rId226"/>
    <p:sldId id="2420" r:id="rId227"/>
    <p:sldId id="2421" r:id="rId228"/>
    <p:sldId id="2422" r:id="rId229"/>
    <p:sldId id="2423" r:id="rId230"/>
    <p:sldId id="2424" r:id="rId231"/>
    <p:sldId id="2425" r:id="rId232"/>
    <p:sldId id="2441" r:id="rId233"/>
    <p:sldId id="2417" r:id="rId234"/>
    <p:sldId id="2683" r:id="rId235"/>
    <p:sldId id="2283" r:id="rId236"/>
    <p:sldId id="2284" r:id="rId237"/>
    <p:sldId id="2404" r:id="rId238"/>
    <p:sldId id="2302" r:id="rId239"/>
    <p:sldId id="2312" r:id="rId240"/>
    <p:sldId id="2635" r:id="rId241"/>
    <p:sldId id="2654" r:id="rId242"/>
    <p:sldId id="2655" r:id="rId243"/>
    <p:sldId id="2636" r:id="rId244"/>
    <p:sldId id="2317" r:id="rId245"/>
    <p:sldId id="2318" r:id="rId246"/>
    <p:sldId id="2319" r:id="rId247"/>
    <p:sldId id="2320" r:id="rId248"/>
    <p:sldId id="2321" r:id="rId249"/>
    <p:sldId id="2322" r:id="rId250"/>
    <p:sldId id="2323" r:id="rId251"/>
    <p:sldId id="2324" r:id="rId252"/>
    <p:sldId id="2520" r:id="rId253"/>
    <p:sldId id="2530" r:id="rId254"/>
    <p:sldId id="2531" r:id="rId255"/>
    <p:sldId id="2660" r:id="rId256"/>
    <p:sldId id="2661" r:id="rId257"/>
    <p:sldId id="2662" r:id="rId258"/>
    <p:sldId id="2663" r:id="rId259"/>
    <p:sldId id="2664" r:id="rId260"/>
    <p:sldId id="2665" r:id="rId261"/>
    <p:sldId id="2666" r:id="rId262"/>
    <p:sldId id="2667" r:id="rId263"/>
    <p:sldId id="2669" r:id="rId264"/>
    <p:sldId id="2670" r:id="rId265"/>
    <p:sldId id="2671" r:id="rId266"/>
    <p:sldId id="2672" r:id="rId267"/>
    <p:sldId id="2717" r:id="rId268"/>
    <p:sldId id="2713" r:id="rId269"/>
    <p:sldId id="2714" r:id="rId270"/>
    <p:sldId id="2715" r:id="rId271"/>
    <p:sldId id="2716" r:id="rId272"/>
  </p:sldIdLst>
  <p:sldSz cx="9144000" cy="6858000" type="screen4x3"/>
  <p:notesSz cx="9236075" cy="7010400"/>
  <p:defaultTextStyle>
    <a:defPPr>
      <a:defRPr lang="en-US"/>
    </a:defPPr>
    <a:lvl1pPr algn="l" rtl="0" fontAlgn="base">
      <a:spcBef>
        <a:spcPct val="0"/>
      </a:spcBef>
      <a:spcAft>
        <a:spcPct val="0"/>
      </a:spcAft>
      <a:defRPr kern="1200">
        <a:solidFill>
          <a:schemeClr val="tx1"/>
        </a:solidFill>
        <a:latin typeface="Arial" pitchFamily="34" charset="0"/>
        <a:ea typeface="+mn-ea"/>
        <a:cs typeface="Arial" pitchFamily="34" charset="0"/>
      </a:defRPr>
    </a:lvl1pPr>
    <a:lvl2pPr marL="457200" algn="l" rtl="0" fontAlgn="base">
      <a:spcBef>
        <a:spcPct val="0"/>
      </a:spcBef>
      <a:spcAft>
        <a:spcPct val="0"/>
      </a:spcAft>
      <a:defRPr kern="1200">
        <a:solidFill>
          <a:schemeClr val="tx1"/>
        </a:solidFill>
        <a:latin typeface="Arial" pitchFamily="34" charset="0"/>
        <a:ea typeface="+mn-ea"/>
        <a:cs typeface="Arial" pitchFamily="34" charset="0"/>
      </a:defRPr>
    </a:lvl2pPr>
    <a:lvl3pPr marL="914400" algn="l" rtl="0" fontAlgn="base">
      <a:spcBef>
        <a:spcPct val="0"/>
      </a:spcBef>
      <a:spcAft>
        <a:spcPct val="0"/>
      </a:spcAft>
      <a:defRPr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kern="1200">
        <a:solidFill>
          <a:schemeClr val="tx1"/>
        </a:solidFill>
        <a:latin typeface="Arial" pitchFamily="34" charset="0"/>
        <a:ea typeface="+mn-ea"/>
        <a:cs typeface="Arial" pitchFamily="34" charset="0"/>
      </a:defRPr>
    </a:lvl5pPr>
    <a:lvl6pPr marL="2286000" algn="l" defTabSz="914400" rtl="0" eaLnBrk="1" latinLnBrk="0" hangingPunct="1">
      <a:defRPr kern="1200">
        <a:solidFill>
          <a:schemeClr val="tx1"/>
        </a:solidFill>
        <a:latin typeface="Arial" pitchFamily="34" charset="0"/>
        <a:ea typeface="+mn-ea"/>
        <a:cs typeface="Arial" pitchFamily="34" charset="0"/>
      </a:defRPr>
    </a:lvl6pPr>
    <a:lvl7pPr marL="2743200" algn="l" defTabSz="914400" rtl="0" eaLnBrk="1" latinLnBrk="0" hangingPunct="1">
      <a:defRPr kern="1200">
        <a:solidFill>
          <a:schemeClr val="tx1"/>
        </a:solidFill>
        <a:latin typeface="Arial" pitchFamily="34" charset="0"/>
        <a:ea typeface="+mn-ea"/>
        <a:cs typeface="Arial" pitchFamily="34" charset="0"/>
      </a:defRPr>
    </a:lvl7pPr>
    <a:lvl8pPr marL="3200400" algn="l" defTabSz="914400" rtl="0" eaLnBrk="1" latinLnBrk="0" hangingPunct="1">
      <a:defRPr kern="1200">
        <a:solidFill>
          <a:schemeClr val="tx1"/>
        </a:solidFill>
        <a:latin typeface="Arial" pitchFamily="34" charset="0"/>
        <a:ea typeface="+mn-ea"/>
        <a:cs typeface="Arial" pitchFamily="34" charset="0"/>
      </a:defRPr>
    </a:lvl8pPr>
    <a:lvl9pPr marL="3657600" algn="l" defTabSz="914400" rtl="0" eaLnBrk="1" latinLnBrk="0" hangingPunct="1">
      <a:defRPr kern="1200">
        <a:solidFill>
          <a:schemeClr val="tx1"/>
        </a:solidFill>
        <a:latin typeface="Arial" pitchFamily="34" charset="0"/>
        <a:ea typeface="+mn-ea"/>
        <a:cs typeface="Arial" pitchFamily="34" charset="0"/>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0000"/>
    <a:srgbClr val="FF0000"/>
    <a:srgbClr val="FFFFCC"/>
    <a:srgbClr val="55ADC9"/>
    <a:srgbClr val="9966FF"/>
    <a:srgbClr val="CC9900"/>
    <a:srgbClr val="FF9933"/>
    <a:srgbClr val="0070C0"/>
    <a:srgbClr val="996600"/>
    <a:srgbClr val="6633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91EBBBCC-DAD2-459C-BE2E-F6DE35CF9A28}" styleName="Dark Style 2 - Accent 3/Accent 4">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3">
              <a:tint val="20000"/>
            </a:schemeClr>
          </a:solidFill>
        </a:fill>
      </a:tcStyle>
    </a:lastRow>
    <a:firstRow>
      <a:tcTxStyle b="on">
        <a:fontRef idx="minor">
          <a:scrgbClr r="0" g="0" b="0"/>
        </a:fontRef>
        <a:schemeClr val="lt1"/>
      </a:tcTxStyle>
      <a:tcStyle>
        <a:tcBdr/>
        <a:fill>
          <a:solidFill>
            <a:schemeClr val="accent4"/>
          </a:solidFill>
        </a:fill>
      </a:tcStyle>
    </a:firstRow>
  </a:tblStyle>
  <a:tblStyle styleId="{8FD4443E-F989-4FC4-A0C8-D5A2AF1F390B}" styleName="Dark Style 1 - Accent 5">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5"/>
          </a:solidFill>
        </a:fill>
      </a:tcStyle>
    </a:wholeTbl>
    <a:band1H>
      <a:tcStyle>
        <a:tcBdr/>
        <a:fill>
          <a:solidFill>
            <a:schemeClr val="accent5">
              <a:shade val="60000"/>
            </a:schemeClr>
          </a:solidFill>
        </a:fill>
      </a:tcStyle>
    </a:band1H>
    <a:band1V>
      <a:tcStyle>
        <a:tcBdr/>
        <a:fill>
          <a:solidFill>
            <a:schemeClr val="accent5">
              <a:shade val="60000"/>
            </a:schemeClr>
          </a:solidFill>
        </a:fill>
      </a:tcStyle>
    </a:band1V>
    <a:lastCol>
      <a:tcTxStyle b="on"/>
      <a:tcStyle>
        <a:tcBdr>
          <a:left>
            <a:ln w="25400" cmpd="sng">
              <a:solidFill>
                <a:schemeClr val="lt1"/>
              </a:solidFill>
            </a:ln>
          </a:left>
        </a:tcBdr>
        <a:fill>
          <a:solidFill>
            <a:schemeClr val="accent5">
              <a:shade val="60000"/>
            </a:schemeClr>
          </a:solidFill>
        </a:fill>
      </a:tcStyle>
    </a:lastCol>
    <a:firstCol>
      <a:tcTxStyle b="on"/>
      <a:tcStyle>
        <a:tcBdr>
          <a:right>
            <a:ln w="25400" cmpd="sng">
              <a:solidFill>
                <a:schemeClr val="lt1"/>
              </a:solidFill>
            </a:ln>
          </a:right>
        </a:tcBdr>
        <a:fill>
          <a:solidFill>
            <a:schemeClr val="accent5">
              <a:shade val="60000"/>
            </a:schemeClr>
          </a:solidFill>
        </a:fill>
      </a:tcStyle>
    </a:firstCol>
    <a:lastRow>
      <a:tcTxStyle b="on"/>
      <a:tcStyle>
        <a:tcBdr>
          <a:top>
            <a:ln w="25400" cmpd="sng">
              <a:solidFill>
                <a:schemeClr val="lt1"/>
              </a:solidFill>
            </a:ln>
          </a:top>
        </a:tcBdr>
        <a:fill>
          <a:solidFill>
            <a:schemeClr val="accent5">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E929F9F4-4A8F-4326-A1B4-22849713DDAB}" styleName="Dark Style 1 - Accent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327F97BB-C833-4FB7-BDE5-3F7075034690}" styleName="Themed Style 2 - Accent 5">
    <a:tblBg>
      <a:fillRef idx="3">
        <a:schemeClr val="accent5"/>
      </a:fillRef>
      <a:effectRef idx="3">
        <a:schemeClr val="accent5"/>
      </a:effectRef>
    </a:tblBg>
    <a:wholeTbl>
      <a:tcTxStyle>
        <a:fontRef idx="minor">
          <a:scrgbClr r="0" g="0" b="0"/>
        </a:fontRef>
        <a:schemeClr val="lt1"/>
      </a:tcTxStyle>
      <a:tcStyle>
        <a:tcBdr>
          <a:left>
            <a:lnRef idx="1">
              <a:schemeClr val="accent5">
                <a:tint val="50000"/>
              </a:schemeClr>
            </a:lnRef>
          </a:left>
          <a:right>
            <a:lnRef idx="1">
              <a:schemeClr val="accent5">
                <a:tint val="50000"/>
              </a:schemeClr>
            </a:lnRef>
          </a:right>
          <a:top>
            <a:lnRef idx="1">
              <a:schemeClr val="accent5">
                <a:tint val="50000"/>
              </a:schemeClr>
            </a:lnRef>
          </a:top>
          <a:bottom>
            <a:lnRef idx="1">
              <a:schemeClr val="accent5">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E269D01E-BC32-4049-B463-5C60D7B0CCD2}" styleName="Themed Style 2 - Accent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46F890A9-2807-4EBB-B81D-B2AA78EC7F39}" styleName="Dark Style 2 - Accent 5/Accent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 styleId="{AF606853-7671-496A-8E4F-DF71F8EC918B}" styleName="Dark Style 1 - Accent 6">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6"/>
          </a:solidFill>
        </a:fill>
      </a:tcStyle>
    </a:wholeTbl>
    <a:band1H>
      <a:tcStyle>
        <a:tcBdr/>
        <a:fill>
          <a:solidFill>
            <a:schemeClr val="accent6">
              <a:shade val="60000"/>
            </a:schemeClr>
          </a:solidFill>
        </a:fill>
      </a:tcStyle>
    </a:band1H>
    <a:band1V>
      <a:tcStyle>
        <a:tcBdr/>
        <a:fill>
          <a:solidFill>
            <a:schemeClr val="accent6">
              <a:shade val="60000"/>
            </a:schemeClr>
          </a:solidFill>
        </a:fill>
      </a:tcStyle>
    </a:band1V>
    <a:lastCol>
      <a:tcTxStyle b="on"/>
      <a:tcStyle>
        <a:tcBdr>
          <a:left>
            <a:ln w="25400" cmpd="sng">
              <a:solidFill>
                <a:schemeClr val="lt1"/>
              </a:solidFill>
            </a:ln>
          </a:left>
        </a:tcBdr>
        <a:fill>
          <a:solidFill>
            <a:schemeClr val="accent6">
              <a:shade val="60000"/>
            </a:schemeClr>
          </a:solidFill>
        </a:fill>
      </a:tcStyle>
    </a:lastCol>
    <a:firstCol>
      <a:tcTxStyle b="on"/>
      <a:tcStyle>
        <a:tcBdr>
          <a:right>
            <a:ln w="25400" cmpd="sng">
              <a:solidFill>
                <a:schemeClr val="lt1"/>
              </a:solidFill>
            </a:ln>
          </a:right>
        </a:tcBdr>
        <a:fill>
          <a:solidFill>
            <a:schemeClr val="accent6">
              <a:shade val="60000"/>
            </a:schemeClr>
          </a:solidFill>
        </a:fill>
      </a:tcStyle>
    </a:firstCol>
    <a:lastRow>
      <a:tcTxStyle b="on"/>
      <a:tcStyle>
        <a:tcBdr>
          <a:top>
            <a:ln w="25400" cmpd="sng">
              <a:solidFill>
                <a:schemeClr val="lt1"/>
              </a:solidFill>
            </a:ln>
          </a:top>
        </a:tcBdr>
        <a:fill>
          <a:solidFill>
            <a:schemeClr val="accent6">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74C1A8A3-306A-4EB7-A6B1-4F7E0EB9C5D6}" styleName="Medium Style 3 - Accent 5">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5"/>
          </a:solidFill>
        </a:fill>
      </a:tcStyle>
    </a:lastCol>
    <a:firstCol>
      <a:tcTxStyle b="on">
        <a:fontRef idx="minor">
          <a:scrgbClr r="0" g="0" b="0"/>
        </a:fontRef>
        <a:schemeClr val="lt1"/>
      </a:tcTxStyle>
      <a:tcStyle>
        <a:tcBdr/>
        <a:fill>
          <a:solidFill>
            <a:schemeClr val="accent5"/>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5"/>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353" autoAdjust="0"/>
    <p:restoredTop sz="88840" autoAdjust="0"/>
  </p:normalViewPr>
  <p:slideViewPr>
    <p:cSldViewPr showGuides="1">
      <p:cViewPr>
        <p:scale>
          <a:sx n="60" d="100"/>
          <a:sy n="60" d="100"/>
        </p:scale>
        <p:origin x="-2976" y="-1050"/>
      </p:cViewPr>
      <p:guideLst>
        <p:guide orient="horz"/>
        <p:guide/>
      </p:guideLst>
    </p:cSldViewPr>
  </p:slideViewPr>
  <p:outlineViewPr>
    <p:cViewPr>
      <p:scale>
        <a:sx n="33" d="100"/>
        <a:sy n="33" d="100"/>
      </p:scale>
      <p:origin x="0" y="2556"/>
    </p:cViewPr>
  </p:outlineViewPr>
  <p:notesTextViewPr>
    <p:cViewPr>
      <p:scale>
        <a:sx n="125" d="100"/>
        <a:sy n="125" d="100"/>
      </p:scale>
      <p:origin x="0" y="0"/>
    </p:cViewPr>
  </p:notesTextViewPr>
  <p:sorterViewPr>
    <p:cViewPr>
      <p:scale>
        <a:sx n="100" d="100"/>
        <a:sy n="100" d="100"/>
      </p:scale>
      <p:origin x="0" y="8844"/>
    </p:cViewPr>
  </p:sorterViewPr>
  <p:notesViewPr>
    <p:cSldViewPr showGuides="1">
      <p:cViewPr varScale="1">
        <p:scale>
          <a:sx n="61" d="100"/>
          <a:sy n="61" d="100"/>
        </p:scale>
        <p:origin x="-3130" y="-86"/>
      </p:cViewPr>
      <p:guideLst>
        <p:guide orient="horz" pos="4080"/>
        <p:guide/>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56.xml"/><Relationship Id="rId21" Type="http://schemas.openxmlformats.org/officeDocument/2006/relationships/slideMaster" Target="slideMasters/slideMaster21.xml"/><Relationship Id="rId42" Type="http://schemas.openxmlformats.org/officeDocument/2006/relationships/slideMaster" Target="slideMasters/slideMaster42.xml"/><Relationship Id="rId63" Type="http://schemas.openxmlformats.org/officeDocument/2006/relationships/slide" Target="slides/slide2.xml"/><Relationship Id="rId84" Type="http://schemas.openxmlformats.org/officeDocument/2006/relationships/slide" Target="slides/slide23.xml"/><Relationship Id="rId138" Type="http://schemas.openxmlformats.org/officeDocument/2006/relationships/slide" Target="slides/slide77.xml"/><Relationship Id="rId159" Type="http://schemas.openxmlformats.org/officeDocument/2006/relationships/slide" Target="slides/slide98.xml"/><Relationship Id="rId170" Type="http://schemas.openxmlformats.org/officeDocument/2006/relationships/slide" Target="slides/slide109.xml"/><Relationship Id="rId191" Type="http://schemas.openxmlformats.org/officeDocument/2006/relationships/slide" Target="slides/slide130.xml"/><Relationship Id="rId205" Type="http://schemas.openxmlformats.org/officeDocument/2006/relationships/slide" Target="slides/slide144.xml"/><Relationship Id="rId226" Type="http://schemas.openxmlformats.org/officeDocument/2006/relationships/slide" Target="slides/slide165.xml"/><Relationship Id="rId247" Type="http://schemas.openxmlformats.org/officeDocument/2006/relationships/slide" Target="slides/slide186.xml"/><Relationship Id="rId107" Type="http://schemas.openxmlformats.org/officeDocument/2006/relationships/slide" Target="slides/slide46.xml"/><Relationship Id="rId268" Type="http://schemas.openxmlformats.org/officeDocument/2006/relationships/slide" Target="slides/slide207.xml"/><Relationship Id="rId11" Type="http://schemas.openxmlformats.org/officeDocument/2006/relationships/slideMaster" Target="slideMasters/slideMaster11.xml"/><Relationship Id="rId32" Type="http://schemas.openxmlformats.org/officeDocument/2006/relationships/slideMaster" Target="slideMasters/slideMaster32.xml"/><Relationship Id="rId53" Type="http://schemas.openxmlformats.org/officeDocument/2006/relationships/slideMaster" Target="slideMasters/slideMaster53.xml"/><Relationship Id="rId74" Type="http://schemas.openxmlformats.org/officeDocument/2006/relationships/slide" Target="slides/slide13.xml"/><Relationship Id="rId128" Type="http://schemas.openxmlformats.org/officeDocument/2006/relationships/slide" Target="slides/slide67.xml"/><Relationship Id="rId149" Type="http://schemas.openxmlformats.org/officeDocument/2006/relationships/slide" Target="slides/slide88.xml"/><Relationship Id="rId5" Type="http://schemas.openxmlformats.org/officeDocument/2006/relationships/slideMaster" Target="slideMasters/slideMaster5.xml"/><Relationship Id="rId95" Type="http://schemas.openxmlformats.org/officeDocument/2006/relationships/slide" Target="slides/slide34.xml"/><Relationship Id="rId160" Type="http://schemas.openxmlformats.org/officeDocument/2006/relationships/slide" Target="slides/slide99.xml"/><Relationship Id="rId181" Type="http://schemas.openxmlformats.org/officeDocument/2006/relationships/slide" Target="slides/slide120.xml"/><Relationship Id="rId216" Type="http://schemas.openxmlformats.org/officeDocument/2006/relationships/slide" Target="slides/slide155.xml"/><Relationship Id="rId237" Type="http://schemas.openxmlformats.org/officeDocument/2006/relationships/slide" Target="slides/slide176.xml"/><Relationship Id="rId258" Type="http://schemas.openxmlformats.org/officeDocument/2006/relationships/slide" Target="slides/slide197.xml"/><Relationship Id="rId22" Type="http://schemas.openxmlformats.org/officeDocument/2006/relationships/slideMaster" Target="slideMasters/slideMaster22.xml"/><Relationship Id="rId43" Type="http://schemas.openxmlformats.org/officeDocument/2006/relationships/slideMaster" Target="slideMasters/slideMaster43.xml"/><Relationship Id="rId64" Type="http://schemas.openxmlformats.org/officeDocument/2006/relationships/slide" Target="slides/slide3.xml"/><Relationship Id="rId118" Type="http://schemas.openxmlformats.org/officeDocument/2006/relationships/slide" Target="slides/slide57.xml"/><Relationship Id="rId139" Type="http://schemas.openxmlformats.org/officeDocument/2006/relationships/slide" Target="slides/slide78.xml"/><Relationship Id="rId85" Type="http://schemas.openxmlformats.org/officeDocument/2006/relationships/slide" Target="slides/slide24.xml"/><Relationship Id="rId150" Type="http://schemas.openxmlformats.org/officeDocument/2006/relationships/slide" Target="slides/slide89.xml"/><Relationship Id="rId171" Type="http://schemas.openxmlformats.org/officeDocument/2006/relationships/slide" Target="slides/slide110.xml"/><Relationship Id="rId192" Type="http://schemas.openxmlformats.org/officeDocument/2006/relationships/slide" Target="slides/slide131.xml"/><Relationship Id="rId206" Type="http://schemas.openxmlformats.org/officeDocument/2006/relationships/slide" Target="slides/slide145.xml"/><Relationship Id="rId227" Type="http://schemas.openxmlformats.org/officeDocument/2006/relationships/slide" Target="slides/slide166.xml"/><Relationship Id="rId248" Type="http://schemas.openxmlformats.org/officeDocument/2006/relationships/slide" Target="slides/slide187.xml"/><Relationship Id="rId269" Type="http://schemas.openxmlformats.org/officeDocument/2006/relationships/slide" Target="slides/slide208.xml"/><Relationship Id="rId12" Type="http://schemas.openxmlformats.org/officeDocument/2006/relationships/slideMaster" Target="slideMasters/slideMaster12.xml"/><Relationship Id="rId33" Type="http://schemas.openxmlformats.org/officeDocument/2006/relationships/slideMaster" Target="slideMasters/slideMaster33.xml"/><Relationship Id="rId108" Type="http://schemas.openxmlformats.org/officeDocument/2006/relationships/slide" Target="slides/slide47.xml"/><Relationship Id="rId129" Type="http://schemas.openxmlformats.org/officeDocument/2006/relationships/slide" Target="slides/slide68.xml"/><Relationship Id="rId54" Type="http://schemas.openxmlformats.org/officeDocument/2006/relationships/slideMaster" Target="slideMasters/slideMaster54.xml"/><Relationship Id="rId75" Type="http://schemas.openxmlformats.org/officeDocument/2006/relationships/slide" Target="slides/slide14.xml"/><Relationship Id="rId96" Type="http://schemas.openxmlformats.org/officeDocument/2006/relationships/slide" Target="slides/slide35.xml"/><Relationship Id="rId140" Type="http://schemas.openxmlformats.org/officeDocument/2006/relationships/slide" Target="slides/slide79.xml"/><Relationship Id="rId161" Type="http://schemas.openxmlformats.org/officeDocument/2006/relationships/slide" Target="slides/slide100.xml"/><Relationship Id="rId182" Type="http://schemas.openxmlformats.org/officeDocument/2006/relationships/slide" Target="slides/slide121.xml"/><Relationship Id="rId217" Type="http://schemas.openxmlformats.org/officeDocument/2006/relationships/slide" Target="slides/slide156.xml"/><Relationship Id="rId6" Type="http://schemas.openxmlformats.org/officeDocument/2006/relationships/slideMaster" Target="slideMasters/slideMaster6.xml"/><Relationship Id="rId238" Type="http://schemas.openxmlformats.org/officeDocument/2006/relationships/slide" Target="slides/slide177.xml"/><Relationship Id="rId259" Type="http://schemas.openxmlformats.org/officeDocument/2006/relationships/slide" Target="slides/slide198.xml"/><Relationship Id="rId23" Type="http://schemas.openxmlformats.org/officeDocument/2006/relationships/slideMaster" Target="slideMasters/slideMaster23.xml"/><Relationship Id="rId119" Type="http://schemas.openxmlformats.org/officeDocument/2006/relationships/slide" Target="slides/slide58.xml"/><Relationship Id="rId270" Type="http://schemas.openxmlformats.org/officeDocument/2006/relationships/slide" Target="slides/slide209.xml"/><Relationship Id="rId44" Type="http://schemas.openxmlformats.org/officeDocument/2006/relationships/slideMaster" Target="slideMasters/slideMaster44.xml"/><Relationship Id="rId65" Type="http://schemas.openxmlformats.org/officeDocument/2006/relationships/slide" Target="slides/slide4.xml"/><Relationship Id="rId86" Type="http://schemas.openxmlformats.org/officeDocument/2006/relationships/slide" Target="slides/slide25.xml"/><Relationship Id="rId130" Type="http://schemas.openxmlformats.org/officeDocument/2006/relationships/slide" Target="slides/slide69.xml"/><Relationship Id="rId151" Type="http://schemas.openxmlformats.org/officeDocument/2006/relationships/slide" Target="slides/slide90.xml"/><Relationship Id="rId172" Type="http://schemas.openxmlformats.org/officeDocument/2006/relationships/slide" Target="slides/slide111.xml"/><Relationship Id="rId193" Type="http://schemas.openxmlformats.org/officeDocument/2006/relationships/slide" Target="slides/slide132.xml"/><Relationship Id="rId202" Type="http://schemas.openxmlformats.org/officeDocument/2006/relationships/slide" Target="slides/slide141.xml"/><Relationship Id="rId207" Type="http://schemas.openxmlformats.org/officeDocument/2006/relationships/slide" Target="slides/slide146.xml"/><Relationship Id="rId223" Type="http://schemas.openxmlformats.org/officeDocument/2006/relationships/slide" Target="slides/slide162.xml"/><Relationship Id="rId228" Type="http://schemas.openxmlformats.org/officeDocument/2006/relationships/slide" Target="slides/slide167.xml"/><Relationship Id="rId244" Type="http://schemas.openxmlformats.org/officeDocument/2006/relationships/slide" Target="slides/slide183.xml"/><Relationship Id="rId249" Type="http://schemas.openxmlformats.org/officeDocument/2006/relationships/slide" Target="slides/slide188.xml"/><Relationship Id="rId13" Type="http://schemas.openxmlformats.org/officeDocument/2006/relationships/slideMaster" Target="slideMasters/slideMaster13.xml"/><Relationship Id="rId18" Type="http://schemas.openxmlformats.org/officeDocument/2006/relationships/slideMaster" Target="slideMasters/slideMaster18.xml"/><Relationship Id="rId39" Type="http://schemas.openxmlformats.org/officeDocument/2006/relationships/slideMaster" Target="slideMasters/slideMaster39.xml"/><Relationship Id="rId109" Type="http://schemas.openxmlformats.org/officeDocument/2006/relationships/slide" Target="slides/slide48.xml"/><Relationship Id="rId260" Type="http://schemas.openxmlformats.org/officeDocument/2006/relationships/slide" Target="slides/slide199.xml"/><Relationship Id="rId265" Type="http://schemas.openxmlformats.org/officeDocument/2006/relationships/slide" Target="slides/slide204.xml"/><Relationship Id="rId34" Type="http://schemas.openxmlformats.org/officeDocument/2006/relationships/slideMaster" Target="slideMasters/slideMaster34.xml"/><Relationship Id="rId50" Type="http://schemas.openxmlformats.org/officeDocument/2006/relationships/slideMaster" Target="slideMasters/slideMaster50.xml"/><Relationship Id="rId55" Type="http://schemas.openxmlformats.org/officeDocument/2006/relationships/slideMaster" Target="slideMasters/slideMaster55.xml"/><Relationship Id="rId76" Type="http://schemas.openxmlformats.org/officeDocument/2006/relationships/slide" Target="slides/slide15.xml"/><Relationship Id="rId97" Type="http://schemas.openxmlformats.org/officeDocument/2006/relationships/slide" Target="slides/slide36.xml"/><Relationship Id="rId104" Type="http://schemas.openxmlformats.org/officeDocument/2006/relationships/slide" Target="slides/slide43.xml"/><Relationship Id="rId120" Type="http://schemas.openxmlformats.org/officeDocument/2006/relationships/slide" Target="slides/slide59.xml"/><Relationship Id="rId125" Type="http://schemas.openxmlformats.org/officeDocument/2006/relationships/slide" Target="slides/slide64.xml"/><Relationship Id="rId141" Type="http://schemas.openxmlformats.org/officeDocument/2006/relationships/slide" Target="slides/slide80.xml"/><Relationship Id="rId146" Type="http://schemas.openxmlformats.org/officeDocument/2006/relationships/slide" Target="slides/slide85.xml"/><Relationship Id="rId167" Type="http://schemas.openxmlformats.org/officeDocument/2006/relationships/slide" Target="slides/slide106.xml"/><Relationship Id="rId188" Type="http://schemas.openxmlformats.org/officeDocument/2006/relationships/slide" Target="slides/slide127.xml"/><Relationship Id="rId7" Type="http://schemas.openxmlformats.org/officeDocument/2006/relationships/slideMaster" Target="slideMasters/slideMaster7.xml"/><Relationship Id="rId71" Type="http://schemas.openxmlformats.org/officeDocument/2006/relationships/slide" Target="slides/slide10.xml"/><Relationship Id="rId92" Type="http://schemas.openxmlformats.org/officeDocument/2006/relationships/slide" Target="slides/slide31.xml"/><Relationship Id="rId162" Type="http://schemas.openxmlformats.org/officeDocument/2006/relationships/slide" Target="slides/slide101.xml"/><Relationship Id="rId183" Type="http://schemas.openxmlformats.org/officeDocument/2006/relationships/slide" Target="slides/slide122.xml"/><Relationship Id="rId213" Type="http://schemas.openxmlformats.org/officeDocument/2006/relationships/slide" Target="slides/slide152.xml"/><Relationship Id="rId218" Type="http://schemas.openxmlformats.org/officeDocument/2006/relationships/slide" Target="slides/slide157.xml"/><Relationship Id="rId234" Type="http://schemas.openxmlformats.org/officeDocument/2006/relationships/slide" Target="slides/slide173.xml"/><Relationship Id="rId239" Type="http://schemas.openxmlformats.org/officeDocument/2006/relationships/slide" Target="slides/slide178.xml"/><Relationship Id="rId2" Type="http://schemas.openxmlformats.org/officeDocument/2006/relationships/slideMaster" Target="slideMasters/slideMaster2.xml"/><Relationship Id="rId29" Type="http://schemas.openxmlformats.org/officeDocument/2006/relationships/slideMaster" Target="slideMasters/slideMaster29.xml"/><Relationship Id="rId250" Type="http://schemas.openxmlformats.org/officeDocument/2006/relationships/slide" Target="slides/slide189.xml"/><Relationship Id="rId255" Type="http://schemas.openxmlformats.org/officeDocument/2006/relationships/slide" Target="slides/slide194.xml"/><Relationship Id="rId271" Type="http://schemas.openxmlformats.org/officeDocument/2006/relationships/slide" Target="slides/slide210.xml"/><Relationship Id="rId276" Type="http://schemas.openxmlformats.org/officeDocument/2006/relationships/viewProps" Target="viewProps.xml"/><Relationship Id="rId24" Type="http://schemas.openxmlformats.org/officeDocument/2006/relationships/slideMaster" Target="slideMasters/slideMaster24.xml"/><Relationship Id="rId40" Type="http://schemas.openxmlformats.org/officeDocument/2006/relationships/slideMaster" Target="slideMasters/slideMaster40.xml"/><Relationship Id="rId45" Type="http://schemas.openxmlformats.org/officeDocument/2006/relationships/slideMaster" Target="slideMasters/slideMaster45.xml"/><Relationship Id="rId66" Type="http://schemas.openxmlformats.org/officeDocument/2006/relationships/slide" Target="slides/slide5.xml"/><Relationship Id="rId87" Type="http://schemas.openxmlformats.org/officeDocument/2006/relationships/slide" Target="slides/slide26.xml"/><Relationship Id="rId110" Type="http://schemas.openxmlformats.org/officeDocument/2006/relationships/slide" Target="slides/slide49.xml"/><Relationship Id="rId115" Type="http://schemas.openxmlformats.org/officeDocument/2006/relationships/slide" Target="slides/slide54.xml"/><Relationship Id="rId131" Type="http://schemas.openxmlformats.org/officeDocument/2006/relationships/slide" Target="slides/slide70.xml"/><Relationship Id="rId136" Type="http://schemas.openxmlformats.org/officeDocument/2006/relationships/slide" Target="slides/slide75.xml"/><Relationship Id="rId157" Type="http://schemas.openxmlformats.org/officeDocument/2006/relationships/slide" Target="slides/slide96.xml"/><Relationship Id="rId178" Type="http://schemas.openxmlformats.org/officeDocument/2006/relationships/slide" Target="slides/slide117.xml"/><Relationship Id="rId61" Type="http://schemas.openxmlformats.org/officeDocument/2006/relationships/slideMaster" Target="slideMasters/slideMaster61.xml"/><Relationship Id="rId82" Type="http://schemas.openxmlformats.org/officeDocument/2006/relationships/slide" Target="slides/slide21.xml"/><Relationship Id="rId152" Type="http://schemas.openxmlformats.org/officeDocument/2006/relationships/slide" Target="slides/slide91.xml"/><Relationship Id="rId173" Type="http://schemas.openxmlformats.org/officeDocument/2006/relationships/slide" Target="slides/slide112.xml"/><Relationship Id="rId194" Type="http://schemas.openxmlformats.org/officeDocument/2006/relationships/slide" Target="slides/slide133.xml"/><Relationship Id="rId199" Type="http://schemas.openxmlformats.org/officeDocument/2006/relationships/slide" Target="slides/slide138.xml"/><Relationship Id="rId203" Type="http://schemas.openxmlformats.org/officeDocument/2006/relationships/slide" Target="slides/slide142.xml"/><Relationship Id="rId208" Type="http://schemas.openxmlformats.org/officeDocument/2006/relationships/slide" Target="slides/slide147.xml"/><Relationship Id="rId229" Type="http://schemas.openxmlformats.org/officeDocument/2006/relationships/slide" Target="slides/slide168.xml"/><Relationship Id="rId19" Type="http://schemas.openxmlformats.org/officeDocument/2006/relationships/slideMaster" Target="slideMasters/slideMaster19.xml"/><Relationship Id="rId224" Type="http://schemas.openxmlformats.org/officeDocument/2006/relationships/slide" Target="slides/slide163.xml"/><Relationship Id="rId240" Type="http://schemas.openxmlformats.org/officeDocument/2006/relationships/slide" Target="slides/slide179.xml"/><Relationship Id="rId245" Type="http://schemas.openxmlformats.org/officeDocument/2006/relationships/slide" Target="slides/slide184.xml"/><Relationship Id="rId261" Type="http://schemas.openxmlformats.org/officeDocument/2006/relationships/slide" Target="slides/slide200.xml"/><Relationship Id="rId266" Type="http://schemas.openxmlformats.org/officeDocument/2006/relationships/slide" Target="slides/slide205.xml"/><Relationship Id="rId14" Type="http://schemas.openxmlformats.org/officeDocument/2006/relationships/slideMaster" Target="slideMasters/slideMaster14.xml"/><Relationship Id="rId30" Type="http://schemas.openxmlformats.org/officeDocument/2006/relationships/slideMaster" Target="slideMasters/slideMaster30.xml"/><Relationship Id="rId35" Type="http://schemas.openxmlformats.org/officeDocument/2006/relationships/slideMaster" Target="slideMasters/slideMaster35.xml"/><Relationship Id="rId56" Type="http://schemas.openxmlformats.org/officeDocument/2006/relationships/slideMaster" Target="slideMasters/slideMaster56.xml"/><Relationship Id="rId77" Type="http://schemas.openxmlformats.org/officeDocument/2006/relationships/slide" Target="slides/slide16.xml"/><Relationship Id="rId100" Type="http://schemas.openxmlformats.org/officeDocument/2006/relationships/slide" Target="slides/slide39.xml"/><Relationship Id="rId105" Type="http://schemas.openxmlformats.org/officeDocument/2006/relationships/slide" Target="slides/slide44.xml"/><Relationship Id="rId126" Type="http://schemas.openxmlformats.org/officeDocument/2006/relationships/slide" Target="slides/slide65.xml"/><Relationship Id="rId147" Type="http://schemas.openxmlformats.org/officeDocument/2006/relationships/slide" Target="slides/slide86.xml"/><Relationship Id="rId168" Type="http://schemas.openxmlformats.org/officeDocument/2006/relationships/slide" Target="slides/slide107.xml"/><Relationship Id="rId8" Type="http://schemas.openxmlformats.org/officeDocument/2006/relationships/slideMaster" Target="slideMasters/slideMaster8.xml"/><Relationship Id="rId51" Type="http://schemas.openxmlformats.org/officeDocument/2006/relationships/slideMaster" Target="slideMasters/slideMaster51.xml"/><Relationship Id="rId72" Type="http://schemas.openxmlformats.org/officeDocument/2006/relationships/slide" Target="slides/slide11.xml"/><Relationship Id="rId93" Type="http://schemas.openxmlformats.org/officeDocument/2006/relationships/slide" Target="slides/slide32.xml"/><Relationship Id="rId98" Type="http://schemas.openxmlformats.org/officeDocument/2006/relationships/slide" Target="slides/slide37.xml"/><Relationship Id="rId121" Type="http://schemas.openxmlformats.org/officeDocument/2006/relationships/slide" Target="slides/slide60.xml"/><Relationship Id="rId142" Type="http://schemas.openxmlformats.org/officeDocument/2006/relationships/slide" Target="slides/slide81.xml"/><Relationship Id="rId163" Type="http://schemas.openxmlformats.org/officeDocument/2006/relationships/slide" Target="slides/slide102.xml"/><Relationship Id="rId184" Type="http://schemas.openxmlformats.org/officeDocument/2006/relationships/slide" Target="slides/slide123.xml"/><Relationship Id="rId189" Type="http://schemas.openxmlformats.org/officeDocument/2006/relationships/slide" Target="slides/slide128.xml"/><Relationship Id="rId219" Type="http://schemas.openxmlformats.org/officeDocument/2006/relationships/slide" Target="slides/slide158.xml"/><Relationship Id="rId3" Type="http://schemas.openxmlformats.org/officeDocument/2006/relationships/slideMaster" Target="slideMasters/slideMaster3.xml"/><Relationship Id="rId214" Type="http://schemas.openxmlformats.org/officeDocument/2006/relationships/slide" Target="slides/slide153.xml"/><Relationship Id="rId230" Type="http://schemas.openxmlformats.org/officeDocument/2006/relationships/slide" Target="slides/slide169.xml"/><Relationship Id="rId235" Type="http://schemas.openxmlformats.org/officeDocument/2006/relationships/slide" Target="slides/slide174.xml"/><Relationship Id="rId251" Type="http://schemas.openxmlformats.org/officeDocument/2006/relationships/slide" Target="slides/slide190.xml"/><Relationship Id="rId256" Type="http://schemas.openxmlformats.org/officeDocument/2006/relationships/slide" Target="slides/slide195.xml"/><Relationship Id="rId277" Type="http://schemas.openxmlformats.org/officeDocument/2006/relationships/theme" Target="theme/theme1.xml"/><Relationship Id="rId25" Type="http://schemas.openxmlformats.org/officeDocument/2006/relationships/slideMaster" Target="slideMasters/slideMaster25.xml"/><Relationship Id="rId46" Type="http://schemas.openxmlformats.org/officeDocument/2006/relationships/slideMaster" Target="slideMasters/slideMaster46.xml"/><Relationship Id="rId67" Type="http://schemas.openxmlformats.org/officeDocument/2006/relationships/slide" Target="slides/slide6.xml"/><Relationship Id="rId116" Type="http://schemas.openxmlformats.org/officeDocument/2006/relationships/slide" Target="slides/slide55.xml"/><Relationship Id="rId137" Type="http://schemas.openxmlformats.org/officeDocument/2006/relationships/slide" Target="slides/slide76.xml"/><Relationship Id="rId158" Type="http://schemas.openxmlformats.org/officeDocument/2006/relationships/slide" Target="slides/slide97.xml"/><Relationship Id="rId272" Type="http://schemas.openxmlformats.org/officeDocument/2006/relationships/slide" Target="slides/slide211.xml"/><Relationship Id="rId20" Type="http://schemas.openxmlformats.org/officeDocument/2006/relationships/slideMaster" Target="slideMasters/slideMaster20.xml"/><Relationship Id="rId41" Type="http://schemas.openxmlformats.org/officeDocument/2006/relationships/slideMaster" Target="slideMasters/slideMaster41.xml"/><Relationship Id="rId62" Type="http://schemas.openxmlformats.org/officeDocument/2006/relationships/slide" Target="slides/slide1.xml"/><Relationship Id="rId83" Type="http://schemas.openxmlformats.org/officeDocument/2006/relationships/slide" Target="slides/slide22.xml"/><Relationship Id="rId88" Type="http://schemas.openxmlformats.org/officeDocument/2006/relationships/slide" Target="slides/slide27.xml"/><Relationship Id="rId111" Type="http://schemas.openxmlformats.org/officeDocument/2006/relationships/slide" Target="slides/slide50.xml"/><Relationship Id="rId132" Type="http://schemas.openxmlformats.org/officeDocument/2006/relationships/slide" Target="slides/slide71.xml"/><Relationship Id="rId153" Type="http://schemas.openxmlformats.org/officeDocument/2006/relationships/slide" Target="slides/slide92.xml"/><Relationship Id="rId174" Type="http://schemas.openxmlformats.org/officeDocument/2006/relationships/slide" Target="slides/slide113.xml"/><Relationship Id="rId179" Type="http://schemas.openxmlformats.org/officeDocument/2006/relationships/slide" Target="slides/slide118.xml"/><Relationship Id="rId195" Type="http://schemas.openxmlformats.org/officeDocument/2006/relationships/slide" Target="slides/slide134.xml"/><Relationship Id="rId209" Type="http://schemas.openxmlformats.org/officeDocument/2006/relationships/slide" Target="slides/slide148.xml"/><Relationship Id="rId190" Type="http://schemas.openxmlformats.org/officeDocument/2006/relationships/slide" Target="slides/slide129.xml"/><Relationship Id="rId204" Type="http://schemas.openxmlformats.org/officeDocument/2006/relationships/slide" Target="slides/slide143.xml"/><Relationship Id="rId220" Type="http://schemas.openxmlformats.org/officeDocument/2006/relationships/slide" Target="slides/slide159.xml"/><Relationship Id="rId225" Type="http://schemas.openxmlformats.org/officeDocument/2006/relationships/slide" Target="slides/slide164.xml"/><Relationship Id="rId241" Type="http://schemas.openxmlformats.org/officeDocument/2006/relationships/slide" Target="slides/slide180.xml"/><Relationship Id="rId246" Type="http://schemas.openxmlformats.org/officeDocument/2006/relationships/slide" Target="slides/slide185.xml"/><Relationship Id="rId267" Type="http://schemas.openxmlformats.org/officeDocument/2006/relationships/slide" Target="slides/slide206.xml"/><Relationship Id="rId15" Type="http://schemas.openxmlformats.org/officeDocument/2006/relationships/slideMaster" Target="slideMasters/slideMaster15.xml"/><Relationship Id="rId36" Type="http://schemas.openxmlformats.org/officeDocument/2006/relationships/slideMaster" Target="slideMasters/slideMaster36.xml"/><Relationship Id="rId57" Type="http://schemas.openxmlformats.org/officeDocument/2006/relationships/slideMaster" Target="slideMasters/slideMaster57.xml"/><Relationship Id="rId106" Type="http://schemas.openxmlformats.org/officeDocument/2006/relationships/slide" Target="slides/slide45.xml"/><Relationship Id="rId127" Type="http://schemas.openxmlformats.org/officeDocument/2006/relationships/slide" Target="slides/slide66.xml"/><Relationship Id="rId262" Type="http://schemas.openxmlformats.org/officeDocument/2006/relationships/slide" Target="slides/slide201.xml"/><Relationship Id="rId10" Type="http://schemas.openxmlformats.org/officeDocument/2006/relationships/slideMaster" Target="slideMasters/slideMaster10.xml"/><Relationship Id="rId31" Type="http://schemas.openxmlformats.org/officeDocument/2006/relationships/slideMaster" Target="slideMasters/slideMaster31.xml"/><Relationship Id="rId52" Type="http://schemas.openxmlformats.org/officeDocument/2006/relationships/slideMaster" Target="slideMasters/slideMaster52.xml"/><Relationship Id="rId73" Type="http://schemas.openxmlformats.org/officeDocument/2006/relationships/slide" Target="slides/slide12.xml"/><Relationship Id="rId78" Type="http://schemas.openxmlformats.org/officeDocument/2006/relationships/slide" Target="slides/slide17.xml"/><Relationship Id="rId94" Type="http://schemas.openxmlformats.org/officeDocument/2006/relationships/slide" Target="slides/slide33.xml"/><Relationship Id="rId99" Type="http://schemas.openxmlformats.org/officeDocument/2006/relationships/slide" Target="slides/slide38.xml"/><Relationship Id="rId101" Type="http://schemas.openxmlformats.org/officeDocument/2006/relationships/slide" Target="slides/slide40.xml"/><Relationship Id="rId122" Type="http://schemas.openxmlformats.org/officeDocument/2006/relationships/slide" Target="slides/slide61.xml"/><Relationship Id="rId143" Type="http://schemas.openxmlformats.org/officeDocument/2006/relationships/slide" Target="slides/slide82.xml"/><Relationship Id="rId148" Type="http://schemas.openxmlformats.org/officeDocument/2006/relationships/slide" Target="slides/slide87.xml"/><Relationship Id="rId164" Type="http://schemas.openxmlformats.org/officeDocument/2006/relationships/slide" Target="slides/slide103.xml"/><Relationship Id="rId169" Type="http://schemas.openxmlformats.org/officeDocument/2006/relationships/slide" Target="slides/slide108.xml"/><Relationship Id="rId185" Type="http://schemas.openxmlformats.org/officeDocument/2006/relationships/slide" Target="slides/slide124.xml"/><Relationship Id="rId4" Type="http://schemas.openxmlformats.org/officeDocument/2006/relationships/slideMaster" Target="slideMasters/slideMaster4.xml"/><Relationship Id="rId9" Type="http://schemas.openxmlformats.org/officeDocument/2006/relationships/slideMaster" Target="slideMasters/slideMaster9.xml"/><Relationship Id="rId180" Type="http://schemas.openxmlformats.org/officeDocument/2006/relationships/slide" Target="slides/slide119.xml"/><Relationship Id="rId210" Type="http://schemas.openxmlformats.org/officeDocument/2006/relationships/slide" Target="slides/slide149.xml"/><Relationship Id="rId215" Type="http://schemas.openxmlformats.org/officeDocument/2006/relationships/slide" Target="slides/slide154.xml"/><Relationship Id="rId236" Type="http://schemas.openxmlformats.org/officeDocument/2006/relationships/slide" Target="slides/slide175.xml"/><Relationship Id="rId257" Type="http://schemas.openxmlformats.org/officeDocument/2006/relationships/slide" Target="slides/slide196.xml"/><Relationship Id="rId278" Type="http://schemas.openxmlformats.org/officeDocument/2006/relationships/tableStyles" Target="tableStyles.xml"/><Relationship Id="rId26" Type="http://schemas.openxmlformats.org/officeDocument/2006/relationships/slideMaster" Target="slideMasters/slideMaster26.xml"/><Relationship Id="rId231" Type="http://schemas.openxmlformats.org/officeDocument/2006/relationships/slide" Target="slides/slide170.xml"/><Relationship Id="rId252" Type="http://schemas.openxmlformats.org/officeDocument/2006/relationships/slide" Target="slides/slide191.xml"/><Relationship Id="rId273" Type="http://schemas.openxmlformats.org/officeDocument/2006/relationships/notesMaster" Target="notesMasters/notesMaster1.xml"/><Relationship Id="rId47" Type="http://schemas.openxmlformats.org/officeDocument/2006/relationships/slideMaster" Target="slideMasters/slideMaster47.xml"/><Relationship Id="rId68" Type="http://schemas.openxmlformats.org/officeDocument/2006/relationships/slide" Target="slides/slide7.xml"/><Relationship Id="rId89" Type="http://schemas.openxmlformats.org/officeDocument/2006/relationships/slide" Target="slides/slide28.xml"/><Relationship Id="rId112" Type="http://schemas.openxmlformats.org/officeDocument/2006/relationships/slide" Target="slides/slide51.xml"/><Relationship Id="rId133" Type="http://schemas.openxmlformats.org/officeDocument/2006/relationships/slide" Target="slides/slide72.xml"/><Relationship Id="rId154" Type="http://schemas.openxmlformats.org/officeDocument/2006/relationships/slide" Target="slides/slide93.xml"/><Relationship Id="rId175" Type="http://schemas.openxmlformats.org/officeDocument/2006/relationships/slide" Target="slides/slide114.xml"/><Relationship Id="rId196" Type="http://schemas.openxmlformats.org/officeDocument/2006/relationships/slide" Target="slides/slide135.xml"/><Relationship Id="rId200" Type="http://schemas.openxmlformats.org/officeDocument/2006/relationships/slide" Target="slides/slide139.xml"/><Relationship Id="rId16" Type="http://schemas.openxmlformats.org/officeDocument/2006/relationships/slideMaster" Target="slideMasters/slideMaster16.xml"/><Relationship Id="rId221" Type="http://schemas.openxmlformats.org/officeDocument/2006/relationships/slide" Target="slides/slide160.xml"/><Relationship Id="rId242" Type="http://schemas.openxmlformats.org/officeDocument/2006/relationships/slide" Target="slides/slide181.xml"/><Relationship Id="rId263" Type="http://schemas.openxmlformats.org/officeDocument/2006/relationships/slide" Target="slides/slide202.xml"/><Relationship Id="rId37" Type="http://schemas.openxmlformats.org/officeDocument/2006/relationships/slideMaster" Target="slideMasters/slideMaster37.xml"/><Relationship Id="rId58" Type="http://schemas.openxmlformats.org/officeDocument/2006/relationships/slideMaster" Target="slideMasters/slideMaster58.xml"/><Relationship Id="rId79" Type="http://schemas.openxmlformats.org/officeDocument/2006/relationships/slide" Target="slides/slide18.xml"/><Relationship Id="rId102" Type="http://schemas.openxmlformats.org/officeDocument/2006/relationships/slide" Target="slides/slide41.xml"/><Relationship Id="rId123" Type="http://schemas.openxmlformats.org/officeDocument/2006/relationships/slide" Target="slides/slide62.xml"/><Relationship Id="rId144" Type="http://schemas.openxmlformats.org/officeDocument/2006/relationships/slide" Target="slides/slide83.xml"/><Relationship Id="rId90" Type="http://schemas.openxmlformats.org/officeDocument/2006/relationships/slide" Target="slides/slide29.xml"/><Relationship Id="rId165" Type="http://schemas.openxmlformats.org/officeDocument/2006/relationships/slide" Target="slides/slide104.xml"/><Relationship Id="rId186" Type="http://schemas.openxmlformats.org/officeDocument/2006/relationships/slide" Target="slides/slide125.xml"/><Relationship Id="rId211" Type="http://schemas.openxmlformats.org/officeDocument/2006/relationships/slide" Target="slides/slide150.xml"/><Relationship Id="rId232" Type="http://schemas.openxmlformats.org/officeDocument/2006/relationships/slide" Target="slides/slide171.xml"/><Relationship Id="rId253" Type="http://schemas.openxmlformats.org/officeDocument/2006/relationships/slide" Target="slides/slide192.xml"/><Relationship Id="rId274" Type="http://schemas.openxmlformats.org/officeDocument/2006/relationships/handoutMaster" Target="handoutMasters/handoutMaster1.xml"/><Relationship Id="rId27" Type="http://schemas.openxmlformats.org/officeDocument/2006/relationships/slideMaster" Target="slideMasters/slideMaster27.xml"/><Relationship Id="rId48" Type="http://schemas.openxmlformats.org/officeDocument/2006/relationships/slideMaster" Target="slideMasters/slideMaster48.xml"/><Relationship Id="rId69" Type="http://schemas.openxmlformats.org/officeDocument/2006/relationships/slide" Target="slides/slide8.xml"/><Relationship Id="rId113" Type="http://schemas.openxmlformats.org/officeDocument/2006/relationships/slide" Target="slides/slide52.xml"/><Relationship Id="rId134" Type="http://schemas.openxmlformats.org/officeDocument/2006/relationships/slide" Target="slides/slide73.xml"/><Relationship Id="rId80" Type="http://schemas.openxmlformats.org/officeDocument/2006/relationships/slide" Target="slides/slide19.xml"/><Relationship Id="rId155" Type="http://schemas.openxmlformats.org/officeDocument/2006/relationships/slide" Target="slides/slide94.xml"/><Relationship Id="rId176" Type="http://schemas.openxmlformats.org/officeDocument/2006/relationships/slide" Target="slides/slide115.xml"/><Relationship Id="rId197" Type="http://schemas.openxmlformats.org/officeDocument/2006/relationships/slide" Target="slides/slide136.xml"/><Relationship Id="rId201" Type="http://schemas.openxmlformats.org/officeDocument/2006/relationships/slide" Target="slides/slide140.xml"/><Relationship Id="rId222" Type="http://schemas.openxmlformats.org/officeDocument/2006/relationships/slide" Target="slides/slide161.xml"/><Relationship Id="rId243" Type="http://schemas.openxmlformats.org/officeDocument/2006/relationships/slide" Target="slides/slide182.xml"/><Relationship Id="rId264" Type="http://schemas.openxmlformats.org/officeDocument/2006/relationships/slide" Target="slides/slide203.xml"/><Relationship Id="rId17" Type="http://schemas.openxmlformats.org/officeDocument/2006/relationships/slideMaster" Target="slideMasters/slideMaster17.xml"/><Relationship Id="rId38" Type="http://schemas.openxmlformats.org/officeDocument/2006/relationships/slideMaster" Target="slideMasters/slideMaster38.xml"/><Relationship Id="rId59" Type="http://schemas.openxmlformats.org/officeDocument/2006/relationships/slideMaster" Target="slideMasters/slideMaster59.xml"/><Relationship Id="rId103" Type="http://schemas.openxmlformats.org/officeDocument/2006/relationships/slide" Target="slides/slide42.xml"/><Relationship Id="rId124" Type="http://schemas.openxmlformats.org/officeDocument/2006/relationships/slide" Target="slides/slide63.xml"/><Relationship Id="rId70" Type="http://schemas.openxmlformats.org/officeDocument/2006/relationships/slide" Target="slides/slide9.xml"/><Relationship Id="rId91" Type="http://schemas.openxmlformats.org/officeDocument/2006/relationships/slide" Target="slides/slide30.xml"/><Relationship Id="rId145" Type="http://schemas.openxmlformats.org/officeDocument/2006/relationships/slide" Target="slides/slide84.xml"/><Relationship Id="rId166" Type="http://schemas.openxmlformats.org/officeDocument/2006/relationships/slide" Target="slides/slide105.xml"/><Relationship Id="rId187" Type="http://schemas.openxmlformats.org/officeDocument/2006/relationships/slide" Target="slides/slide126.xml"/><Relationship Id="rId1" Type="http://schemas.openxmlformats.org/officeDocument/2006/relationships/slideMaster" Target="slideMasters/slideMaster1.xml"/><Relationship Id="rId212" Type="http://schemas.openxmlformats.org/officeDocument/2006/relationships/slide" Target="slides/slide151.xml"/><Relationship Id="rId233" Type="http://schemas.openxmlformats.org/officeDocument/2006/relationships/slide" Target="slides/slide172.xml"/><Relationship Id="rId254" Type="http://schemas.openxmlformats.org/officeDocument/2006/relationships/slide" Target="slides/slide193.xml"/><Relationship Id="rId28" Type="http://schemas.openxmlformats.org/officeDocument/2006/relationships/slideMaster" Target="slideMasters/slideMaster28.xml"/><Relationship Id="rId49" Type="http://schemas.openxmlformats.org/officeDocument/2006/relationships/slideMaster" Target="slideMasters/slideMaster49.xml"/><Relationship Id="rId114" Type="http://schemas.openxmlformats.org/officeDocument/2006/relationships/slide" Target="slides/slide53.xml"/><Relationship Id="rId275" Type="http://schemas.openxmlformats.org/officeDocument/2006/relationships/presProps" Target="presProps.xml"/><Relationship Id="rId60" Type="http://schemas.openxmlformats.org/officeDocument/2006/relationships/slideMaster" Target="slideMasters/slideMaster60.xml"/><Relationship Id="rId81" Type="http://schemas.openxmlformats.org/officeDocument/2006/relationships/slide" Target="slides/slide20.xml"/><Relationship Id="rId135" Type="http://schemas.openxmlformats.org/officeDocument/2006/relationships/slide" Target="slides/slide74.xml"/><Relationship Id="rId156" Type="http://schemas.openxmlformats.org/officeDocument/2006/relationships/slide" Target="slides/slide95.xml"/><Relationship Id="rId177" Type="http://schemas.openxmlformats.org/officeDocument/2006/relationships/slide" Target="slides/slide116.xml"/><Relationship Id="rId198" Type="http://schemas.openxmlformats.org/officeDocument/2006/relationships/slide" Target="slides/slide137.xml"/></Relationships>
</file>

<file path=ppt/charts/_rels/chart1.xml.rels><?xml version="1.0" encoding="UTF-8" standalone="yes"?>
<Relationships xmlns="http://schemas.openxmlformats.org/package/2006/relationships"><Relationship Id="rId2" Type="http://schemas.openxmlformats.org/officeDocument/2006/relationships/package" Target="../embeddings/Microsoft_Excel_Worksheet1.xlsx"/><Relationship Id="rId1" Type="http://schemas.openxmlformats.org/officeDocument/2006/relationships/themeOverride" Target="../theme/themeOverride1.xml"/></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Worksheet10.xlsx"/></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Worksheet11.xlsx"/></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Worksheet12.xlsx"/></Relationships>
</file>

<file path=ppt/charts/_rels/chart13.xml.rels><?xml version="1.0" encoding="UTF-8" standalone="yes"?>
<Relationships xmlns="http://schemas.openxmlformats.org/package/2006/relationships"><Relationship Id="rId1" Type="http://schemas.openxmlformats.org/officeDocument/2006/relationships/package" Target="../embeddings/Microsoft_Excel_Worksheet13.xlsx"/></Relationships>
</file>

<file path=ppt/charts/_rels/chart14.xml.rels><?xml version="1.0" encoding="UTF-8" standalone="yes"?>
<Relationships xmlns="http://schemas.openxmlformats.org/package/2006/relationships"><Relationship Id="rId1" Type="http://schemas.openxmlformats.org/officeDocument/2006/relationships/package" Target="../embeddings/Microsoft_Excel_Worksheet14.xlsx"/></Relationships>
</file>

<file path=ppt/charts/_rels/chart15.xml.rels><?xml version="1.0" encoding="UTF-8" standalone="yes"?>
<Relationships xmlns="http://schemas.openxmlformats.org/package/2006/relationships"><Relationship Id="rId1" Type="http://schemas.openxmlformats.org/officeDocument/2006/relationships/package" Target="../embeddings/Microsoft_Excel_Worksheet15.xlsx"/></Relationships>
</file>

<file path=ppt/charts/_rels/chart16.xml.rels><?xml version="1.0" encoding="UTF-8" standalone="yes"?>
<Relationships xmlns="http://schemas.openxmlformats.org/package/2006/relationships"><Relationship Id="rId2" Type="http://schemas.openxmlformats.org/officeDocument/2006/relationships/package" Target="../embeddings/Microsoft_Excel_Worksheet16.xlsx"/><Relationship Id="rId1" Type="http://schemas.openxmlformats.org/officeDocument/2006/relationships/themeOverride" Target="../theme/themeOverride3.xml"/></Relationships>
</file>

<file path=ppt/charts/_rels/chart17.xml.rels><?xml version="1.0" encoding="UTF-8" standalone="yes"?>
<Relationships xmlns="http://schemas.openxmlformats.org/package/2006/relationships"><Relationship Id="rId2" Type="http://schemas.openxmlformats.org/officeDocument/2006/relationships/package" Target="../embeddings/Microsoft_Excel_Worksheet17.xlsx"/><Relationship Id="rId1" Type="http://schemas.openxmlformats.org/officeDocument/2006/relationships/themeOverride" Target="../theme/themeOverride4.xml"/></Relationships>
</file>

<file path=ppt/charts/_rels/chart18.xml.rels><?xml version="1.0" encoding="UTF-8" standalone="yes"?>
<Relationships xmlns="http://schemas.openxmlformats.org/package/2006/relationships"><Relationship Id="rId2" Type="http://schemas.openxmlformats.org/officeDocument/2006/relationships/package" Target="../embeddings/Microsoft_Excel_Worksheet18.xlsx"/><Relationship Id="rId1" Type="http://schemas.openxmlformats.org/officeDocument/2006/relationships/themeOverride" Target="../theme/themeOverride5.xml"/></Relationships>
</file>

<file path=ppt/charts/_rels/chart19.xml.rels><?xml version="1.0" encoding="UTF-8" standalone="yes"?>
<Relationships xmlns="http://schemas.openxmlformats.org/package/2006/relationships"><Relationship Id="rId1" Type="http://schemas.openxmlformats.org/officeDocument/2006/relationships/package" Target="../embeddings/Microsoft_Excel_Worksheet19.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20.xml.rels><?xml version="1.0" encoding="UTF-8" standalone="yes"?>
<Relationships xmlns="http://schemas.openxmlformats.org/package/2006/relationships"><Relationship Id="rId1" Type="http://schemas.openxmlformats.org/officeDocument/2006/relationships/package" Target="../embeddings/Microsoft_Excel_Worksheet20.xlsx"/></Relationships>
</file>

<file path=ppt/charts/_rels/chart21.xml.rels><?xml version="1.0" encoding="UTF-8" standalone="yes"?>
<Relationships xmlns="http://schemas.openxmlformats.org/package/2006/relationships"><Relationship Id="rId1" Type="http://schemas.openxmlformats.org/officeDocument/2006/relationships/package" Target="../embeddings/Microsoft_Excel_Worksheet21.xlsx"/></Relationships>
</file>

<file path=ppt/charts/_rels/chart22.xml.rels><?xml version="1.0" encoding="UTF-8" standalone="yes"?>
<Relationships xmlns="http://schemas.openxmlformats.org/package/2006/relationships"><Relationship Id="rId1" Type="http://schemas.openxmlformats.org/officeDocument/2006/relationships/package" Target="../embeddings/Microsoft_Excel_Worksheet22.xlsx"/></Relationships>
</file>

<file path=ppt/charts/_rels/chart23.xml.rels><?xml version="1.0" encoding="UTF-8" standalone="yes"?>
<Relationships xmlns="http://schemas.openxmlformats.org/package/2006/relationships"><Relationship Id="rId1" Type="http://schemas.openxmlformats.org/officeDocument/2006/relationships/package" Target="../embeddings/Microsoft_Excel_Worksheet23.xlsx"/></Relationships>
</file>

<file path=ppt/charts/_rels/chart24.xml.rels><?xml version="1.0" encoding="UTF-8" standalone="yes"?>
<Relationships xmlns="http://schemas.openxmlformats.org/package/2006/relationships"><Relationship Id="rId1" Type="http://schemas.openxmlformats.org/officeDocument/2006/relationships/package" Target="../embeddings/Microsoft_Excel_Macro-Enabled_Worksheet24.xlsm"/></Relationships>
</file>

<file path=ppt/charts/_rels/chart25.xml.rels><?xml version="1.0" encoding="UTF-8" standalone="yes"?>
<Relationships xmlns="http://schemas.openxmlformats.org/package/2006/relationships"><Relationship Id="rId1" Type="http://schemas.openxmlformats.org/officeDocument/2006/relationships/package" Target="../embeddings/Microsoft_Excel_Macro-Enabled_Worksheet25.xlsm"/></Relationships>
</file>

<file path=ppt/charts/_rels/chart26.xml.rels><?xml version="1.0" encoding="UTF-8" standalone="yes"?>
<Relationships xmlns="http://schemas.openxmlformats.org/package/2006/relationships"><Relationship Id="rId1" Type="http://schemas.openxmlformats.org/officeDocument/2006/relationships/package" Target="../embeddings/Microsoft_Excel_Worksheet26.xlsx"/></Relationships>
</file>

<file path=ppt/charts/_rels/chart27.xml.rels><?xml version="1.0" encoding="UTF-8" standalone="yes"?>
<Relationships xmlns="http://schemas.openxmlformats.org/package/2006/relationships"><Relationship Id="rId2" Type="http://schemas.openxmlformats.org/officeDocument/2006/relationships/package" Target="../embeddings/Microsoft_Excel_Worksheet27.xlsx"/><Relationship Id="rId1" Type="http://schemas.openxmlformats.org/officeDocument/2006/relationships/themeOverride" Target="../theme/themeOverride6.xml"/></Relationships>
</file>

<file path=ppt/charts/_rels/chart28.xml.rels><?xml version="1.0" encoding="UTF-8" standalone="yes"?>
<Relationships xmlns="http://schemas.openxmlformats.org/package/2006/relationships"><Relationship Id="rId1" Type="http://schemas.openxmlformats.org/officeDocument/2006/relationships/package" Target="../embeddings/Microsoft_Excel_Worksheet28.xlsx"/></Relationships>
</file>

<file path=ppt/charts/_rels/chart29.xml.rels><?xml version="1.0" encoding="UTF-8" standalone="yes"?>
<Relationships xmlns="http://schemas.openxmlformats.org/package/2006/relationships"><Relationship Id="rId2" Type="http://schemas.openxmlformats.org/officeDocument/2006/relationships/package" Target="../embeddings/Microsoft_Excel_Macro-Enabled_Worksheet29.xlsm"/><Relationship Id="rId1" Type="http://schemas.openxmlformats.org/officeDocument/2006/relationships/themeOverride" Target="../theme/themeOverride7.xml"/></Relationships>
</file>

<file path=ppt/charts/_rels/chart3.xml.rels><?xml version="1.0" encoding="UTF-8" standalone="yes"?>
<Relationships xmlns="http://schemas.openxmlformats.org/package/2006/relationships"><Relationship Id="rId2" Type="http://schemas.openxmlformats.org/officeDocument/2006/relationships/package" Target="../embeddings/Microsoft_Excel_Worksheet3.xlsx"/><Relationship Id="rId1" Type="http://schemas.openxmlformats.org/officeDocument/2006/relationships/themeOverride" Target="../theme/themeOverride2.xml"/></Relationships>
</file>

<file path=ppt/charts/_rels/chart30.xml.rels><?xml version="1.0" encoding="UTF-8" standalone="yes"?>
<Relationships xmlns="http://schemas.openxmlformats.org/package/2006/relationships"><Relationship Id="rId1" Type="http://schemas.openxmlformats.org/officeDocument/2006/relationships/package" Target="../embeddings/Microsoft_Excel_Worksheet30.xlsx"/></Relationships>
</file>

<file path=ppt/charts/_rels/chart31.xml.rels><?xml version="1.0" encoding="UTF-8" standalone="yes"?>
<Relationships xmlns="http://schemas.openxmlformats.org/package/2006/relationships"><Relationship Id="rId1" Type="http://schemas.openxmlformats.org/officeDocument/2006/relationships/package" Target="../embeddings/Microsoft_Excel_Worksheet31.xlsx"/></Relationships>
</file>

<file path=ppt/charts/_rels/chart32.xml.rels><?xml version="1.0" encoding="UTF-8" standalone="yes"?>
<Relationships xmlns="http://schemas.openxmlformats.org/package/2006/relationships"><Relationship Id="rId1" Type="http://schemas.openxmlformats.org/officeDocument/2006/relationships/oleObject" Target="Book1" TargetMode="External"/></Relationships>
</file>

<file path=ppt/charts/_rels/chart33.xml.rels><?xml version="1.0" encoding="UTF-8" standalone="yes"?>
<Relationships xmlns="http://schemas.openxmlformats.org/package/2006/relationships"><Relationship Id="rId1" Type="http://schemas.openxmlformats.org/officeDocument/2006/relationships/package" Target="../embeddings/Microsoft_Excel_Worksheet32.xlsx"/></Relationships>
</file>

<file path=ppt/charts/_rels/chart34.xml.rels><?xml version="1.0" encoding="UTF-8" standalone="yes"?>
<Relationships xmlns="http://schemas.openxmlformats.org/package/2006/relationships"><Relationship Id="rId1" Type="http://schemas.openxmlformats.org/officeDocument/2006/relationships/package" Target="../embeddings/Microsoft_Excel_Worksheet33.xlsx"/></Relationships>
</file>

<file path=ppt/charts/_rels/chart35.xml.rels><?xml version="1.0" encoding="UTF-8" standalone="yes"?>
<Relationships xmlns="http://schemas.openxmlformats.org/package/2006/relationships"><Relationship Id="rId1" Type="http://schemas.openxmlformats.org/officeDocument/2006/relationships/package" Target="../embeddings/Microsoft_Excel_Worksheet34.xlsx"/></Relationships>
</file>

<file path=ppt/charts/_rels/chart36.xml.rels><?xml version="1.0" encoding="UTF-8" standalone="yes"?>
<Relationships xmlns="http://schemas.openxmlformats.org/package/2006/relationships"><Relationship Id="rId1" Type="http://schemas.openxmlformats.org/officeDocument/2006/relationships/package" Target="../embeddings/Microsoft_Excel_Worksheet35.xlsx"/></Relationships>
</file>

<file path=ppt/charts/_rels/chart37.xml.rels><?xml version="1.0" encoding="UTF-8" standalone="yes"?>
<Relationships xmlns="http://schemas.openxmlformats.org/package/2006/relationships"><Relationship Id="rId1" Type="http://schemas.openxmlformats.org/officeDocument/2006/relationships/package" Target="../embeddings/Microsoft_Excel_Worksheet36.xlsx"/></Relationships>
</file>

<file path=ppt/charts/_rels/chart38.xml.rels><?xml version="1.0" encoding="UTF-8" standalone="yes"?>
<Relationships xmlns="http://schemas.openxmlformats.org/package/2006/relationships"><Relationship Id="rId1" Type="http://schemas.openxmlformats.org/officeDocument/2006/relationships/package" Target="../embeddings/Microsoft_Excel_Worksheet37.xlsx"/></Relationships>
</file>

<file path=ppt/charts/_rels/chart39.xml.rels><?xml version="1.0" encoding="UTF-8" standalone="yes"?>
<Relationships xmlns="http://schemas.openxmlformats.org/package/2006/relationships"><Relationship Id="rId1" Type="http://schemas.openxmlformats.org/officeDocument/2006/relationships/package" Target="../embeddings/Microsoft_Excel_Worksheet38.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40.xml.rels><?xml version="1.0" encoding="UTF-8" standalone="yes"?>
<Relationships xmlns="http://schemas.openxmlformats.org/package/2006/relationships"><Relationship Id="rId1" Type="http://schemas.openxmlformats.org/officeDocument/2006/relationships/package" Target="../embeddings/Microsoft_Excel_Worksheet39.xlsx"/></Relationships>
</file>

<file path=ppt/charts/_rels/chart41.xml.rels><?xml version="1.0" encoding="UTF-8" standalone="yes"?>
<Relationships xmlns="http://schemas.openxmlformats.org/package/2006/relationships"><Relationship Id="rId2" Type="http://schemas.openxmlformats.org/officeDocument/2006/relationships/package" Target="../embeddings/Microsoft_Excel_Worksheet40.xlsx"/><Relationship Id="rId1" Type="http://schemas.openxmlformats.org/officeDocument/2006/relationships/themeOverride" Target="../theme/themeOverride8.xml"/></Relationships>
</file>

<file path=ppt/charts/_rels/chart42.xml.rels><?xml version="1.0" encoding="UTF-8" standalone="yes"?>
<Relationships xmlns="http://schemas.openxmlformats.org/package/2006/relationships"><Relationship Id="rId2" Type="http://schemas.openxmlformats.org/officeDocument/2006/relationships/package" Target="../embeddings/Microsoft_Excel_Worksheet41.xlsx"/><Relationship Id="rId1" Type="http://schemas.openxmlformats.org/officeDocument/2006/relationships/themeOverride" Target="../theme/themeOverride9.xml"/></Relationships>
</file>

<file path=ppt/charts/_rels/chart43.xml.rels><?xml version="1.0" encoding="UTF-8" standalone="yes"?>
<Relationships xmlns="http://schemas.openxmlformats.org/package/2006/relationships"><Relationship Id="rId2" Type="http://schemas.openxmlformats.org/officeDocument/2006/relationships/package" Target="../embeddings/Microsoft_Excel_Worksheet42.xlsx"/><Relationship Id="rId1" Type="http://schemas.openxmlformats.org/officeDocument/2006/relationships/themeOverride" Target="../theme/themeOverride10.xml"/></Relationships>
</file>

<file path=ppt/charts/_rels/chart44.xml.rels><?xml version="1.0" encoding="UTF-8" standalone="yes"?>
<Relationships xmlns="http://schemas.openxmlformats.org/package/2006/relationships"><Relationship Id="rId2" Type="http://schemas.openxmlformats.org/officeDocument/2006/relationships/package" Target="../embeddings/Microsoft_Excel_Worksheet43.xlsx"/><Relationship Id="rId1" Type="http://schemas.openxmlformats.org/officeDocument/2006/relationships/themeOverride" Target="../theme/themeOverride11.xml"/></Relationships>
</file>

<file path=ppt/charts/_rels/chart45.xml.rels><?xml version="1.0" encoding="UTF-8" standalone="yes"?>
<Relationships xmlns="http://schemas.openxmlformats.org/package/2006/relationships"><Relationship Id="rId1" Type="http://schemas.openxmlformats.org/officeDocument/2006/relationships/package" Target="../embeddings/Microsoft_Excel_Worksheet44.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7.xlsx"/></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Worksheet8.xlsx"/></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Worksheet9.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9.7362317856819619E-2"/>
          <c:y val="4.3681640204810461E-2"/>
          <c:w val="0.90263768214318052"/>
          <c:h val="0.61217770482498357"/>
        </c:manualLayout>
      </c:layout>
      <c:barChart>
        <c:barDir val="col"/>
        <c:grouping val="stacked"/>
        <c:varyColors val="0"/>
        <c:ser>
          <c:idx val="0"/>
          <c:order val="0"/>
          <c:tx>
            <c:strRef>
              <c:f>Sheet1!$B$1</c:f>
              <c:strCache>
                <c:ptCount val="1"/>
                <c:pt idx="0">
                  <c:v>South Delta</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a:gsLst>
                  <a:gs pos="1000">
                    <a:srgbClr val="002148"/>
                  </a:gs>
                  <a:gs pos="44000">
                    <a:srgbClr val="0070C0"/>
                  </a:gs>
                  <a:gs pos="100000">
                    <a:srgbClr val="002148"/>
                  </a:gs>
                </a:gsLst>
                <a:lin ang="16200000" scaled="1"/>
              </a:gradFill>
              <a:ln>
                <a:noFill/>
              </a:ln>
              <a:scene3d>
                <a:camera prst="orthographicFront"/>
                <a:lightRig rig="threePt" dir="t"/>
              </a:scene3d>
              <a:sp3d>
                <a:bevelT/>
              </a:sp3d>
            </c:spPr>
          </c:dPt>
          <c:dLbls>
            <c:dLbl>
              <c:idx val="3"/>
              <c:layout/>
              <c:tx>
                <c:rich>
                  <a:bodyPr/>
                  <a:lstStyle/>
                  <a:p>
                    <a:r>
                      <a:rPr lang="en-US" sz="2200" dirty="0" smtClean="0">
                        <a:solidFill>
                          <a:schemeClr val="tx1"/>
                        </a:solidFill>
                      </a:rPr>
                      <a:t>4.7 - 5.3</a:t>
                    </a:r>
                    <a:endParaRPr lang="en-US" dirty="0"/>
                  </a:p>
                </c:rich>
              </c:tx>
              <c:showLegendKey val="0"/>
              <c:showVal val="1"/>
              <c:showCatName val="0"/>
              <c:showSerName val="0"/>
              <c:showPercent val="0"/>
              <c:showBubbleSize val="0"/>
            </c:dLbl>
            <c:dLbl>
              <c:idx val="4"/>
              <c:tx>
                <c:rich>
                  <a:bodyPr/>
                  <a:lstStyle/>
                  <a:p>
                    <a:r>
                      <a:rPr lang="en-US" sz="2200" b="1" dirty="0" smtClean="0">
                        <a:solidFill>
                          <a:schemeClr val="tx1"/>
                        </a:solidFill>
                      </a:rPr>
                      <a:t>4.7 - 5.6</a:t>
                    </a:r>
                    <a:endParaRPr lang="en-US" dirty="0"/>
                  </a:p>
                </c:rich>
              </c:tx>
              <c:showLegendKey val="0"/>
              <c:showVal val="1"/>
              <c:showCatName val="0"/>
              <c:showSerName val="0"/>
              <c:showPercent val="0"/>
              <c:showBubbleSize val="0"/>
            </c:dLbl>
            <c:txPr>
              <a:bodyPr/>
              <a:lstStyle/>
              <a:p>
                <a:pPr>
                  <a:defRPr sz="2200" b="1">
                    <a:solidFill>
                      <a:schemeClr val="tx1"/>
                    </a:solidFill>
                  </a:defRPr>
                </a:pPr>
                <a:endParaRPr lang="en-US"/>
              </a:p>
            </c:txPr>
            <c:showLegendKey val="0"/>
            <c:showVal val="1"/>
            <c:showCatName val="0"/>
            <c:showSerName val="0"/>
            <c:showPercent val="0"/>
            <c:showBubbleSize val="0"/>
            <c:showLeaderLines val="0"/>
          </c:dLbls>
          <c:cat>
            <c:strRef>
              <c:f>Sheet1!$A$2:$A$5</c:f>
              <c:strCache>
                <c:ptCount val="4"/>
                <c:pt idx="0">
                  <c:v>No Action 
(with Existing Regs)</c:v>
                </c:pt>
                <c:pt idx="1">
                  <c:v>No Action 
(with BDCP Regs)</c:v>
                </c:pt>
                <c:pt idx="2">
                  <c:v>Earthquake 
Scenario</c:v>
                </c:pt>
                <c:pt idx="3">
                  <c:v>BDCP/Cal Water Fix Preferred Alt.</c:v>
                </c:pt>
              </c:strCache>
            </c:strRef>
          </c:cat>
          <c:val>
            <c:numRef>
              <c:f>Sheet1!$B$2:$B$5</c:f>
              <c:numCache>
                <c:formatCode>General</c:formatCode>
                <c:ptCount val="4"/>
                <c:pt idx="0">
                  <c:v>4.7</c:v>
                </c:pt>
                <c:pt idx="1">
                  <c:v>3.5</c:v>
                </c:pt>
                <c:pt idx="2">
                  <c:v>1.5</c:v>
                </c:pt>
                <c:pt idx="3">
                  <c:v>5.3</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5</c:f>
              <c:strCache>
                <c:ptCount val="4"/>
                <c:pt idx="0">
                  <c:v>No Action 
(with Existing Regs)</c:v>
                </c:pt>
                <c:pt idx="1">
                  <c:v>No Action 
(with BDCP Regs)</c:v>
                </c:pt>
                <c:pt idx="2">
                  <c:v>Earthquake 
Scenario</c:v>
                </c:pt>
                <c:pt idx="3">
                  <c:v>BDCP/Cal Water Fix Preferred Alt.</c:v>
                </c:pt>
              </c:strCache>
            </c:strRef>
          </c:cat>
          <c:val>
            <c:numRef>
              <c:f>Sheet1!$C$2:$C$5</c:f>
            </c:numRef>
          </c:val>
        </c:ser>
        <c:dLbls>
          <c:showLegendKey val="0"/>
          <c:showVal val="0"/>
          <c:showCatName val="0"/>
          <c:showSerName val="0"/>
          <c:showPercent val="0"/>
          <c:showBubbleSize val="0"/>
        </c:dLbls>
        <c:gapWidth val="80"/>
        <c:overlap val="100"/>
        <c:axId val="321008000"/>
        <c:axId val="321009536"/>
      </c:barChart>
      <c:catAx>
        <c:axId val="321008000"/>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321009536"/>
        <c:crosses val="autoZero"/>
        <c:auto val="1"/>
        <c:lblAlgn val="ctr"/>
        <c:lblOffset val="100"/>
        <c:noMultiLvlLbl val="0"/>
      </c:catAx>
      <c:valAx>
        <c:axId val="321009536"/>
        <c:scaling>
          <c:orientation val="minMax"/>
          <c:max val="6.8"/>
          <c:min val="0"/>
        </c:scaling>
        <c:delete val="0"/>
        <c:axPos val="l"/>
        <c:majorGridlines>
          <c:spPr>
            <a:ln>
              <a:solidFill>
                <a:srgbClr val="00297A"/>
              </a:solidFill>
            </a:ln>
          </c:spPr>
        </c:majorGridlines>
        <c:title>
          <c:tx>
            <c:rich>
              <a:bodyPr rot="-5400000" vert="horz"/>
              <a:lstStyle/>
              <a:p>
                <a:pPr>
                  <a:defRPr sz="1600"/>
                </a:pPr>
                <a:r>
                  <a:rPr lang="en-US" sz="1600" b="1" i="0" baseline="0" dirty="0" smtClean="0">
                    <a:effectLst/>
                  </a:rPr>
                  <a:t>SWP-CVP Exports (million AF)</a:t>
                </a:r>
                <a:endParaRPr lang="en-US" sz="1600" dirty="0">
                  <a:effectLst/>
                </a:endParaRPr>
              </a:p>
            </c:rich>
          </c:tx>
          <c:layout>
            <c:manualLayout>
              <c:xMode val="edge"/>
              <c:yMode val="edge"/>
              <c:x val="1.4367816091954023E-3"/>
              <c:y val="0.14744326450117887"/>
            </c:manualLayout>
          </c:layout>
          <c:overlay val="0"/>
        </c:title>
        <c:numFmt formatCode="General" sourceLinked="0"/>
        <c:majorTickMark val="out"/>
        <c:minorTickMark val="none"/>
        <c:tickLblPos val="nextTo"/>
        <c:txPr>
          <a:bodyPr/>
          <a:lstStyle/>
          <a:p>
            <a:pPr>
              <a:defRPr sz="2200"/>
            </a:pPr>
            <a:endParaRPr lang="en-US"/>
          </a:p>
        </c:txPr>
        <c:crossAx val="321008000"/>
        <c:crosses val="autoZero"/>
        <c:crossBetween val="between"/>
        <c:majorUnit val="1"/>
      </c:valAx>
    </c:plotArea>
    <c:plotVisOnly val="1"/>
    <c:dispBlanksAs val="gap"/>
    <c:showDLblsOverMax val="0"/>
  </c:chart>
  <c:txPr>
    <a:bodyPr/>
    <a:lstStyle/>
    <a:p>
      <a:pPr>
        <a:defRPr sz="1800"/>
      </a:pPr>
      <a:endParaRPr lang="en-US"/>
    </a:p>
  </c:txPr>
  <c:externalData r:id="rId2">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214509370539208"/>
          <c:y val="4.8353441706883417E-2"/>
          <c:w val="0.86782002578625039"/>
          <c:h val="0.79062060790788247"/>
        </c:manualLayout>
      </c:layout>
      <c:barChart>
        <c:barDir val="col"/>
        <c:grouping val="stacked"/>
        <c:varyColors val="0"/>
        <c:ser>
          <c:idx val="0"/>
          <c:order val="0"/>
          <c:tx>
            <c:strRef>
              <c:f>Sheet1!$A$7</c:f>
              <c:strCache>
                <c:ptCount val="1"/>
                <c:pt idx="0">
                  <c:v>Acre-Ft.</c:v>
                </c:pt>
              </c:strCache>
            </c:strRef>
          </c:tx>
          <c:spPr>
            <a:solidFill>
              <a:srgbClr val="00B0F0"/>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4">
                  <a:satMod val="300000"/>
                </a:schemeClr>
              </a:contourClr>
            </a:sp3d>
          </c:spPr>
          <c:invertIfNegative val="0"/>
          <c:cat>
            <c:strRef>
              <c:f>Sheet1!$B$6:$DF$6</c:f>
              <c:strCache>
                <c:ptCount val="109"/>
                <c:pt idx="0">
                  <c:v>1977</c:v>
                </c:pt>
                <c:pt idx="1">
                  <c:v>2002</c:v>
                </c:pt>
                <c:pt idx="2">
                  <c:v>1934</c:v>
                </c:pt>
                <c:pt idx="3">
                  <c:v>1954</c:v>
                </c:pt>
                <c:pt idx="4">
                  <c:v>1931</c:v>
                </c:pt>
                <c:pt idx="5">
                  <c:v>1981</c:v>
                </c:pt>
                <c:pt idx="6">
                  <c:v>1959</c:v>
                </c:pt>
                <c:pt idx="7">
                  <c:v>1961</c:v>
                </c:pt>
                <c:pt idx="8">
                  <c:v>1963</c:v>
                </c:pt>
                <c:pt idx="9">
                  <c:v>1990</c:v>
                </c:pt>
                <c:pt idx="10">
                  <c:v>1940</c:v>
                </c:pt>
                <c:pt idx="11">
                  <c:v>2004</c:v>
                </c:pt>
                <c:pt idx="12">
                  <c:v>2012</c:v>
                </c:pt>
                <c:pt idx="13">
                  <c:v>1955</c:v>
                </c:pt>
                <c:pt idx="14">
                  <c:v>1989</c:v>
                </c:pt>
                <c:pt idx="15">
                  <c:v>2013</c:v>
                </c:pt>
                <c:pt idx="16">
                  <c:v>2003</c:v>
                </c:pt>
                <c:pt idx="17">
                  <c:v>1994</c:v>
                </c:pt>
                <c:pt idx="18">
                  <c:v>1964</c:v>
                </c:pt>
                <c:pt idx="19">
                  <c:v>1992</c:v>
                </c:pt>
                <c:pt idx="20">
                  <c:v>2000</c:v>
                </c:pt>
                <c:pt idx="21">
                  <c:v>1946</c:v>
                </c:pt>
                <c:pt idx="22">
                  <c:v>2001</c:v>
                </c:pt>
                <c:pt idx="23">
                  <c:v>1953</c:v>
                </c:pt>
                <c:pt idx="24">
                  <c:v>1976</c:v>
                </c:pt>
                <c:pt idx="25">
                  <c:v>1956</c:v>
                </c:pt>
                <c:pt idx="26">
                  <c:v>1966</c:v>
                </c:pt>
                <c:pt idx="27">
                  <c:v>1939</c:v>
                </c:pt>
                <c:pt idx="28">
                  <c:v>1908</c:v>
                </c:pt>
                <c:pt idx="29">
                  <c:v>1988</c:v>
                </c:pt>
                <c:pt idx="30">
                  <c:v>1967</c:v>
                </c:pt>
                <c:pt idx="31">
                  <c:v>1960</c:v>
                </c:pt>
                <c:pt idx="32">
                  <c:v>1933</c:v>
                </c:pt>
                <c:pt idx="33">
                  <c:v>2007</c:v>
                </c:pt>
                <c:pt idx="34">
                  <c:v>1935</c:v>
                </c:pt>
                <c:pt idx="35">
                  <c:v>1991</c:v>
                </c:pt>
                <c:pt idx="36">
                  <c:v>2006</c:v>
                </c:pt>
                <c:pt idx="37">
                  <c:v>1951</c:v>
                </c:pt>
                <c:pt idx="38">
                  <c:v>1972</c:v>
                </c:pt>
                <c:pt idx="39">
                  <c:v>1919</c:v>
                </c:pt>
                <c:pt idx="40">
                  <c:v>2010</c:v>
                </c:pt>
                <c:pt idx="41">
                  <c:v>1950</c:v>
                </c:pt>
                <c:pt idx="42">
                  <c:v>1925</c:v>
                </c:pt>
                <c:pt idx="43">
                  <c:v>1974</c:v>
                </c:pt>
                <c:pt idx="44">
                  <c:v>1968</c:v>
                </c:pt>
                <c:pt idx="45">
                  <c:v>1943</c:v>
                </c:pt>
                <c:pt idx="46">
                  <c:v>1945</c:v>
                </c:pt>
                <c:pt idx="47">
                  <c:v>1915</c:v>
                </c:pt>
                <c:pt idx="48">
                  <c:v>1937</c:v>
                </c:pt>
                <c:pt idx="49">
                  <c:v>1913</c:v>
                </c:pt>
                <c:pt idx="50">
                  <c:v>1936</c:v>
                </c:pt>
                <c:pt idx="51">
                  <c:v>1996</c:v>
                </c:pt>
                <c:pt idx="52">
                  <c:v>1924</c:v>
                </c:pt>
                <c:pt idx="53">
                  <c:v>1910</c:v>
                </c:pt>
                <c:pt idx="54">
                  <c:v>1969</c:v>
                </c:pt>
                <c:pt idx="55">
                  <c:v>1978</c:v>
                </c:pt>
                <c:pt idx="56">
                  <c:v>1911</c:v>
                </c:pt>
                <c:pt idx="57">
                  <c:v>2009</c:v>
                </c:pt>
                <c:pt idx="58">
                  <c:v>1930</c:v>
                </c:pt>
                <c:pt idx="59">
                  <c:v>1970</c:v>
                </c:pt>
                <c:pt idx="60">
                  <c:v>1971</c:v>
                </c:pt>
                <c:pt idx="61">
                  <c:v>1944</c:v>
                </c:pt>
                <c:pt idx="62">
                  <c:v>1918</c:v>
                </c:pt>
                <c:pt idx="63">
                  <c:v>1948</c:v>
                </c:pt>
                <c:pt idx="64">
                  <c:v>1947</c:v>
                </c:pt>
                <c:pt idx="65">
                  <c:v>1926</c:v>
                </c:pt>
                <c:pt idx="66">
                  <c:v>2008</c:v>
                </c:pt>
                <c:pt idx="67">
                  <c:v>1949</c:v>
                </c:pt>
                <c:pt idx="68">
                  <c:v>1999</c:v>
                </c:pt>
                <c:pt idx="69">
                  <c:v>1982</c:v>
                </c:pt>
                <c:pt idx="70">
                  <c:v>2005</c:v>
                </c:pt>
                <c:pt idx="71">
                  <c:v>1958</c:v>
                </c:pt>
                <c:pt idx="72">
                  <c:v>1987</c:v>
                </c:pt>
                <c:pt idx="73">
                  <c:v>1975</c:v>
                </c:pt>
                <c:pt idx="74">
                  <c:v>1998</c:v>
                </c:pt>
                <c:pt idx="75">
                  <c:v>1932</c:v>
                </c:pt>
                <c:pt idx="76">
                  <c:v>1928</c:v>
                </c:pt>
                <c:pt idx="77">
                  <c:v>1980</c:v>
                </c:pt>
                <c:pt idx="78">
                  <c:v>1962</c:v>
                </c:pt>
                <c:pt idx="79">
                  <c:v>1938</c:v>
                </c:pt>
                <c:pt idx="80">
                  <c:v>1979</c:v>
                </c:pt>
                <c:pt idx="81">
                  <c:v>1993</c:v>
                </c:pt>
                <c:pt idx="82">
                  <c:v>1906</c:v>
                </c:pt>
                <c:pt idx="83">
                  <c:v>1941</c:v>
                </c:pt>
                <c:pt idx="84">
                  <c:v>1923</c:v>
                </c:pt>
                <c:pt idx="85">
                  <c:v>1927</c:v>
                </c:pt>
                <c:pt idx="86">
                  <c:v>1922</c:v>
                </c:pt>
                <c:pt idx="87">
                  <c:v>1965</c:v>
                </c:pt>
                <c:pt idx="88">
                  <c:v>1912</c:v>
                </c:pt>
                <c:pt idx="89">
                  <c:v>1916</c:v>
                </c:pt>
                <c:pt idx="90">
                  <c:v>1942</c:v>
                </c:pt>
                <c:pt idx="91">
                  <c:v>1973</c:v>
                </c:pt>
                <c:pt idx="92">
                  <c:v>1995</c:v>
                </c:pt>
                <c:pt idx="93">
                  <c:v>1957</c:v>
                </c:pt>
                <c:pt idx="94">
                  <c:v>1952</c:v>
                </c:pt>
                <c:pt idx="95">
                  <c:v>1914</c:v>
                </c:pt>
                <c:pt idx="96">
                  <c:v>1997</c:v>
                </c:pt>
                <c:pt idx="97">
                  <c:v>1985</c:v>
                </c:pt>
                <c:pt idx="98">
                  <c:v>1907</c:v>
                </c:pt>
                <c:pt idx="99">
                  <c:v>2011</c:v>
                </c:pt>
                <c:pt idx="100">
                  <c:v>1929</c:v>
                </c:pt>
                <c:pt idx="101">
                  <c:v>1909</c:v>
                </c:pt>
                <c:pt idx="102">
                  <c:v>1920</c:v>
                </c:pt>
                <c:pt idx="103">
                  <c:v>1986</c:v>
                </c:pt>
                <c:pt idx="104">
                  <c:v>1921</c:v>
                </c:pt>
                <c:pt idx="105">
                  <c:v>1917</c:v>
                </c:pt>
                <c:pt idx="106">
                  <c:v>1983</c:v>
                </c:pt>
                <c:pt idx="107">
                  <c:v>1984</c:v>
                </c:pt>
                <c:pt idx="108">
                  <c:v>2014</c:v>
                </c:pt>
              </c:strCache>
            </c:strRef>
          </c:cat>
          <c:val>
            <c:numRef>
              <c:f>Sheet1!$B$7:$DE$7</c:f>
              <c:numCache>
                <c:formatCode>#,##0;#,##0</c:formatCode>
                <c:ptCount val="108"/>
                <c:pt idx="0">
                  <c:v>5557901</c:v>
                </c:pt>
                <c:pt idx="1">
                  <c:v>6259139</c:v>
                </c:pt>
                <c:pt idx="2">
                  <c:v>6627514</c:v>
                </c:pt>
                <c:pt idx="3" formatCode="#,##0">
                  <c:v>8368141</c:v>
                </c:pt>
                <c:pt idx="4">
                  <c:v>8631719</c:v>
                </c:pt>
                <c:pt idx="5">
                  <c:v>8757295</c:v>
                </c:pt>
                <c:pt idx="6" formatCode="#,##0">
                  <c:v>9232537</c:v>
                </c:pt>
                <c:pt idx="7" formatCode="#,##0">
                  <c:v>9247778</c:v>
                </c:pt>
                <c:pt idx="8" formatCode="#,##0">
                  <c:v>9259450</c:v>
                </c:pt>
                <c:pt idx="9">
                  <c:v>9280125</c:v>
                </c:pt>
                <c:pt idx="10" formatCode="#,##0">
                  <c:v>9380279</c:v>
                </c:pt>
                <c:pt idx="11">
                  <c:v>9449044</c:v>
                </c:pt>
                <c:pt idx="12">
                  <c:v>9450000</c:v>
                </c:pt>
                <c:pt idx="13" formatCode="#,##0">
                  <c:v>9795470</c:v>
                </c:pt>
                <c:pt idx="14">
                  <c:v>10129185</c:v>
                </c:pt>
                <c:pt idx="15">
                  <c:v>10350000</c:v>
                </c:pt>
                <c:pt idx="16">
                  <c:v>10471025</c:v>
                </c:pt>
                <c:pt idx="17">
                  <c:v>10661079</c:v>
                </c:pt>
                <c:pt idx="18" formatCode="#,##0">
                  <c:v>10801202</c:v>
                </c:pt>
                <c:pt idx="19">
                  <c:v>11003445</c:v>
                </c:pt>
                <c:pt idx="20">
                  <c:v>11029758</c:v>
                </c:pt>
                <c:pt idx="21" formatCode="#,##0">
                  <c:v>11062728</c:v>
                </c:pt>
                <c:pt idx="22">
                  <c:v>11097981</c:v>
                </c:pt>
                <c:pt idx="23" formatCode="#,##0">
                  <c:v>11204001</c:v>
                </c:pt>
                <c:pt idx="24">
                  <c:v>11432486</c:v>
                </c:pt>
                <c:pt idx="25" formatCode="#,##0">
                  <c:v>11505097</c:v>
                </c:pt>
                <c:pt idx="26" formatCode="#,##0">
                  <c:v>11622229</c:v>
                </c:pt>
                <c:pt idx="27">
                  <c:v>11718056</c:v>
                </c:pt>
                <c:pt idx="28">
                  <c:v>11773952</c:v>
                </c:pt>
                <c:pt idx="29">
                  <c:v>11808300</c:v>
                </c:pt>
                <c:pt idx="30" formatCode="#,##0">
                  <c:v>11808474</c:v>
                </c:pt>
                <c:pt idx="31" formatCode="#,##0">
                  <c:v>11974847</c:v>
                </c:pt>
                <c:pt idx="32">
                  <c:v>12130063</c:v>
                </c:pt>
                <c:pt idx="33">
                  <c:v>12172204</c:v>
                </c:pt>
                <c:pt idx="34">
                  <c:v>12280022</c:v>
                </c:pt>
                <c:pt idx="35">
                  <c:v>12300965</c:v>
                </c:pt>
                <c:pt idx="36">
                  <c:v>12455033</c:v>
                </c:pt>
                <c:pt idx="37" formatCode="#,##0">
                  <c:v>12485833</c:v>
                </c:pt>
                <c:pt idx="38" formatCode="#,##0">
                  <c:v>12591185</c:v>
                </c:pt>
                <c:pt idx="39">
                  <c:v>12951469</c:v>
                </c:pt>
                <c:pt idx="40">
                  <c:v>13270000</c:v>
                </c:pt>
                <c:pt idx="41" formatCode="#,##0">
                  <c:v>13317921</c:v>
                </c:pt>
                <c:pt idx="42">
                  <c:v>13410821</c:v>
                </c:pt>
                <c:pt idx="43">
                  <c:v>13498864</c:v>
                </c:pt>
                <c:pt idx="44" formatCode="#,##0">
                  <c:v>13508237</c:v>
                </c:pt>
                <c:pt idx="45" formatCode="#,##0">
                  <c:v>13624479</c:v>
                </c:pt>
                <c:pt idx="46" formatCode="#,##0">
                  <c:v>13912713</c:v>
                </c:pt>
                <c:pt idx="47">
                  <c:v>14137603</c:v>
                </c:pt>
                <c:pt idx="48">
                  <c:v>14161753</c:v>
                </c:pt>
                <c:pt idx="49">
                  <c:v>14472192</c:v>
                </c:pt>
                <c:pt idx="50">
                  <c:v>14485382</c:v>
                </c:pt>
                <c:pt idx="51">
                  <c:v>14527134</c:v>
                </c:pt>
                <c:pt idx="52">
                  <c:v>14639094</c:v>
                </c:pt>
                <c:pt idx="53">
                  <c:v>14736670</c:v>
                </c:pt>
                <c:pt idx="54" formatCode="#,##0">
                  <c:v>14849712</c:v>
                </c:pt>
                <c:pt idx="55">
                  <c:v>15097665</c:v>
                </c:pt>
                <c:pt idx="56">
                  <c:v>15125081</c:v>
                </c:pt>
                <c:pt idx="57">
                  <c:v>15280000</c:v>
                </c:pt>
                <c:pt idx="58">
                  <c:v>15283505</c:v>
                </c:pt>
                <c:pt idx="59" formatCode="#,##0">
                  <c:v>15344263</c:v>
                </c:pt>
                <c:pt idx="60" formatCode="#,##0">
                  <c:v>15351440</c:v>
                </c:pt>
                <c:pt idx="61" formatCode="#,##0">
                  <c:v>15512509</c:v>
                </c:pt>
                <c:pt idx="62">
                  <c:v>15750724</c:v>
                </c:pt>
                <c:pt idx="63" formatCode="#,##0">
                  <c:v>15880189</c:v>
                </c:pt>
                <c:pt idx="64" formatCode="#,##0">
                  <c:v>15916279</c:v>
                </c:pt>
                <c:pt idx="65">
                  <c:v>16114020</c:v>
                </c:pt>
                <c:pt idx="66">
                  <c:v>16556814</c:v>
                </c:pt>
                <c:pt idx="67" formatCode="#,##0">
                  <c:v>16662172</c:v>
                </c:pt>
                <c:pt idx="68">
                  <c:v>16688728</c:v>
                </c:pt>
                <c:pt idx="69">
                  <c:v>16703137</c:v>
                </c:pt>
                <c:pt idx="70">
                  <c:v>16848520</c:v>
                </c:pt>
                <c:pt idx="71" formatCode="#,##0">
                  <c:v>16899937</c:v>
                </c:pt>
                <c:pt idx="72">
                  <c:v>16920586</c:v>
                </c:pt>
                <c:pt idx="73">
                  <c:v>17024877</c:v>
                </c:pt>
                <c:pt idx="74">
                  <c:v>17160877</c:v>
                </c:pt>
                <c:pt idx="75">
                  <c:v>17545522</c:v>
                </c:pt>
                <c:pt idx="76">
                  <c:v>17577859</c:v>
                </c:pt>
                <c:pt idx="77">
                  <c:v>17666804</c:v>
                </c:pt>
                <c:pt idx="78" formatCode="#,##0">
                  <c:v>17769350</c:v>
                </c:pt>
                <c:pt idx="79">
                  <c:v>17920064</c:v>
                </c:pt>
                <c:pt idx="80">
                  <c:v>18042232</c:v>
                </c:pt>
                <c:pt idx="81">
                  <c:v>18140047</c:v>
                </c:pt>
                <c:pt idx="82">
                  <c:v>18214678</c:v>
                </c:pt>
                <c:pt idx="83" formatCode="#,##0">
                  <c:v>18319340</c:v>
                </c:pt>
                <c:pt idx="84">
                  <c:v>18343663</c:v>
                </c:pt>
                <c:pt idx="85">
                  <c:v>18551860</c:v>
                </c:pt>
                <c:pt idx="86">
                  <c:v>18669586</c:v>
                </c:pt>
                <c:pt idx="87" formatCode="#,##0">
                  <c:v>18866401</c:v>
                </c:pt>
                <c:pt idx="88">
                  <c:v>19082127</c:v>
                </c:pt>
                <c:pt idx="89">
                  <c:v>19187542</c:v>
                </c:pt>
                <c:pt idx="90" formatCode="#,##0">
                  <c:v>19428259</c:v>
                </c:pt>
                <c:pt idx="91" formatCode="#,##0">
                  <c:v>19513657</c:v>
                </c:pt>
                <c:pt idx="92">
                  <c:v>20146544</c:v>
                </c:pt>
                <c:pt idx="93" formatCode="#,##0">
                  <c:v>20159803</c:v>
                </c:pt>
                <c:pt idx="94" formatCode="#,##0">
                  <c:v>20900043</c:v>
                </c:pt>
                <c:pt idx="95">
                  <c:v>21066767</c:v>
                </c:pt>
                <c:pt idx="96">
                  <c:v>21156610</c:v>
                </c:pt>
                <c:pt idx="97">
                  <c:v>21192825</c:v>
                </c:pt>
                <c:pt idx="98">
                  <c:v>21234305</c:v>
                </c:pt>
                <c:pt idx="99">
                  <c:v>21330000</c:v>
                </c:pt>
                <c:pt idx="100">
                  <c:v>21407051</c:v>
                </c:pt>
                <c:pt idx="101">
                  <c:v>21841427</c:v>
                </c:pt>
                <c:pt idx="102">
                  <c:v>21927976</c:v>
                </c:pt>
                <c:pt idx="103">
                  <c:v>22592385</c:v>
                </c:pt>
                <c:pt idx="104">
                  <c:v>22703070</c:v>
                </c:pt>
                <c:pt idx="105">
                  <c:v>23849259</c:v>
                </c:pt>
                <c:pt idx="106">
                  <c:v>24417964</c:v>
                </c:pt>
                <c:pt idx="107">
                  <c:v>25227272</c:v>
                </c:pt>
              </c:numCache>
            </c:numRef>
          </c:val>
        </c:ser>
        <c:dLbls>
          <c:showLegendKey val="0"/>
          <c:showVal val="0"/>
          <c:showCatName val="0"/>
          <c:showSerName val="0"/>
          <c:showPercent val="0"/>
          <c:showBubbleSize val="0"/>
        </c:dLbls>
        <c:gapWidth val="20"/>
        <c:overlap val="100"/>
        <c:axId val="330133504"/>
        <c:axId val="330135040"/>
      </c:barChart>
      <c:catAx>
        <c:axId val="330133504"/>
        <c:scaling>
          <c:orientation val="minMax"/>
        </c:scaling>
        <c:delete val="0"/>
        <c:axPos val="b"/>
        <c:majorTickMark val="out"/>
        <c:minorTickMark val="none"/>
        <c:tickLblPos val="nextTo"/>
        <c:crossAx val="330135040"/>
        <c:crosses val="autoZero"/>
        <c:auto val="1"/>
        <c:lblAlgn val="ctr"/>
        <c:lblOffset val="100"/>
        <c:tickLblSkip val="4"/>
        <c:noMultiLvlLbl val="0"/>
      </c:catAx>
      <c:valAx>
        <c:axId val="330135040"/>
        <c:scaling>
          <c:orientation val="minMax"/>
          <c:max val="40000000"/>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0" sourceLinked="0"/>
        <c:majorTickMark val="out"/>
        <c:minorTickMark val="none"/>
        <c:tickLblPos val="nextTo"/>
        <c:crossAx val="330133504"/>
        <c:crosses val="autoZero"/>
        <c:crossBetween val="between"/>
        <c:dispUnits>
          <c:builtInUnit val="millions"/>
        </c:dispUnits>
      </c:valAx>
      <c:spPr>
        <a:noFill/>
        <a:ln>
          <a:noFill/>
        </a:ln>
      </c:spPr>
    </c:plotArea>
    <c:plotVisOnly val="1"/>
    <c:dispBlanksAs val="gap"/>
    <c:showDLblsOverMax val="0"/>
  </c:chart>
  <c:txPr>
    <a:bodyPr/>
    <a:lstStyle/>
    <a:p>
      <a:pPr>
        <a:defRPr sz="1800"/>
      </a:pPr>
      <a:endParaRPr lang="en-US"/>
    </a:p>
  </c:txPr>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9.6710884112458893E-3"/>
          <c:y val="4.3921649216924805E-2"/>
          <c:w val="0.97259972570996189"/>
          <c:h val="0.80655425283378035"/>
        </c:manualLayout>
      </c:layout>
      <c:barChart>
        <c:barDir val="col"/>
        <c:grouping val="stacked"/>
        <c:varyColors val="0"/>
        <c:ser>
          <c:idx val="0"/>
          <c:order val="0"/>
          <c:tx>
            <c:strRef>
              <c:f>Sheet1!$A$2</c:f>
              <c:strCache>
                <c:ptCount val="1"/>
                <c:pt idx="0">
                  <c:v>Wet </c:v>
                </c:pt>
              </c:strCache>
            </c:strRef>
          </c:tx>
          <c:spPr>
            <a:gradFill flip="none" rotWithShape="1">
              <a:gsLst>
                <a:gs pos="0">
                  <a:srgbClr val="0033CC">
                    <a:shade val="30000"/>
                    <a:satMod val="115000"/>
                  </a:srgbClr>
                </a:gs>
                <a:gs pos="50000">
                  <a:srgbClr val="0033CC">
                    <a:shade val="67500"/>
                    <a:satMod val="115000"/>
                  </a:srgbClr>
                </a:gs>
                <a:gs pos="100000">
                  <a:srgbClr val="0033CC">
                    <a:shade val="100000"/>
                    <a:satMod val="115000"/>
                  </a:srgbClr>
                </a:gs>
              </a:gsLst>
              <a:lin ang="0" scaled="1"/>
              <a:tileRect/>
            </a:gradFill>
          </c:spPr>
          <c:invertIfNegative val="0"/>
          <c:dLbls>
            <c:txPr>
              <a:bodyPr rot="-5400000" vert="horz"/>
              <a:lstStyle/>
              <a:p>
                <a:pPr>
                  <a:defRPr sz="1000"/>
                </a:pPr>
                <a:endParaRPr lang="en-US"/>
              </a:p>
            </c:txPr>
            <c:dLblPos val="inEnd"/>
            <c:showLegendKey val="0"/>
            <c:showVal val="1"/>
            <c:showCatName val="0"/>
            <c:showSerName val="0"/>
            <c:showPercent val="0"/>
            <c:showBubbleSize val="0"/>
            <c:showLeaderLines val="0"/>
          </c:dLbls>
          <c:cat>
            <c:strRef>
              <c:f>Sheet1!$B$1:$AW$1</c:f>
              <c:strCache>
                <c:ptCount val="48"/>
                <c:pt idx="0">
                  <c:v>1968</c:v>
                </c:pt>
                <c:pt idx="1">
                  <c:v>1969</c:v>
                </c:pt>
                <c:pt idx="2">
                  <c:v>1970</c:v>
                </c:pt>
                <c:pt idx="3">
                  <c:v>1971</c:v>
                </c:pt>
                <c:pt idx="4">
                  <c:v>1972</c:v>
                </c:pt>
                <c:pt idx="5">
                  <c:v>1973</c:v>
                </c:pt>
                <c:pt idx="6">
                  <c:v>1974</c:v>
                </c:pt>
                <c:pt idx="7">
                  <c:v>1975</c:v>
                </c:pt>
                <c:pt idx="8">
                  <c:v>1976</c:v>
                </c:pt>
                <c:pt idx="9">
                  <c:v>1977</c:v>
                </c:pt>
                <c:pt idx="10">
                  <c:v>1978</c:v>
                </c:pt>
                <c:pt idx="11">
                  <c:v>1979</c:v>
                </c:pt>
                <c:pt idx="12">
                  <c:v>1980</c:v>
                </c:pt>
                <c:pt idx="13">
                  <c:v>1981</c:v>
                </c:pt>
                <c:pt idx="14">
                  <c:v>1982</c:v>
                </c:pt>
                <c:pt idx="15">
                  <c:v>1983</c:v>
                </c:pt>
                <c:pt idx="16">
                  <c:v>1984</c:v>
                </c:pt>
                <c:pt idx="17">
                  <c:v>1985</c:v>
                </c:pt>
                <c:pt idx="18">
                  <c:v>1986</c:v>
                </c:pt>
                <c:pt idx="19">
                  <c:v>1987</c:v>
                </c:pt>
                <c:pt idx="20">
                  <c:v>1988</c:v>
                </c:pt>
                <c:pt idx="21">
                  <c:v>1989</c:v>
                </c:pt>
                <c:pt idx="22">
                  <c:v>1990</c:v>
                </c:pt>
                <c:pt idx="23">
                  <c:v>1991</c:v>
                </c:pt>
                <c:pt idx="24">
                  <c:v>1992</c:v>
                </c:pt>
                <c:pt idx="25">
                  <c:v>1993</c:v>
                </c:pt>
                <c:pt idx="26">
                  <c:v>1994</c:v>
                </c:pt>
                <c:pt idx="27">
                  <c:v>1995</c:v>
                </c:pt>
                <c:pt idx="28">
                  <c:v>1996</c:v>
                </c:pt>
                <c:pt idx="29">
                  <c:v>1997</c:v>
                </c:pt>
                <c:pt idx="30">
                  <c:v>1998</c:v>
                </c:pt>
                <c:pt idx="31">
                  <c:v>1999</c:v>
                </c:pt>
                <c:pt idx="32">
                  <c:v>2000</c:v>
                </c:pt>
                <c:pt idx="33">
                  <c:v>2001</c:v>
                </c:pt>
                <c:pt idx="34">
                  <c:v>2002</c:v>
                </c:pt>
                <c:pt idx="35">
                  <c:v>2003</c:v>
                </c:pt>
                <c:pt idx="36">
                  <c:v>2004</c:v>
                </c:pt>
                <c:pt idx="37">
                  <c:v>2005</c:v>
                </c:pt>
                <c:pt idx="38">
                  <c:v>2006</c:v>
                </c:pt>
                <c:pt idx="39">
                  <c:v>2007</c:v>
                </c:pt>
                <c:pt idx="40">
                  <c:v>2008</c:v>
                </c:pt>
                <c:pt idx="41">
                  <c:v>2009</c:v>
                </c:pt>
                <c:pt idx="42">
                  <c:v>2010</c:v>
                </c:pt>
                <c:pt idx="43">
                  <c:v>2011</c:v>
                </c:pt>
                <c:pt idx="44">
                  <c:v>2012</c:v>
                </c:pt>
                <c:pt idx="45">
                  <c:v>2013</c:v>
                </c:pt>
                <c:pt idx="46">
                  <c:v>2014</c:v>
                </c:pt>
                <c:pt idx="47">
                  <c:v>2015</c:v>
                </c:pt>
              </c:strCache>
            </c:strRef>
          </c:cat>
          <c:val>
            <c:numRef>
              <c:f>Sheet1!$B$2:$AW$2</c:f>
              <c:numCache>
                <c:formatCode>0%</c:formatCode>
                <c:ptCount val="48"/>
                <c:pt idx="1">
                  <c:v>1</c:v>
                </c:pt>
                <c:pt idx="2">
                  <c:v>1</c:v>
                </c:pt>
                <c:pt idx="3">
                  <c:v>1</c:v>
                </c:pt>
                <c:pt idx="6">
                  <c:v>1</c:v>
                </c:pt>
                <c:pt idx="7">
                  <c:v>1</c:v>
                </c:pt>
                <c:pt idx="14">
                  <c:v>1</c:v>
                </c:pt>
                <c:pt idx="15">
                  <c:v>1</c:v>
                </c:pt>
                <c:pt idx="16">
                  <c:v>1</c:v>
                </c:pt>
                <c:pt idx="18">
                  <c:v>1</c:v>
                </c:pt>
                <c:pt idx="27">
                  <c:v>1</c:v>
                </c:pt>
                <c:pt idx="28">
                  <c:v>1</c:v>
                </c:pt>
                <c:pt idx="29">
                  <c:v>1</c:v>
                </c:pt>
                <c:pt idx="30">
                  <c:v>1</c:v>
                </c:pt>
                <c:pt idx="31">
                  <c:v>1</c:v>
                </c:pt>
                <c:pt idx="38">
                  <c:v>1</c:v>
                </c:pt>
                <c:pt idx="43">
                  <c:v>0.8</c:v>
                </c:pt>
              </c:numCache>
            </c:numRef>
          </c:val>
        </c:ser>
        <c:ser>
          <c:idx val="1"/>
          <c:order val="1"/>
          <c:tx>
            <c:strRef>
              <c:f>Sheet1!$A$3</c:f>
              <c:strCache>
                <c:ptCount val="1"/>
                <c:pt idx="0">
                  <c:v>Above Normal</c:v>
                </c:pt>
              </c:strCache>
            </c:strRef>
          </c:tx>
          <c:spPr>
            <a:gradFill flip="none" rotWithShape="1">
              <a:gsLst>
                <a:gs pos="0">
                  <a:srgbClr val="00B050">
                    <a:shade val="30000"/>
                    <a:satMod val="115000"/>
                  </a:srgbClr>
                </a:gs>
                <a:gs pos="50000">
                  <a:srgbClr val="00B050">
                    <a:shade val="67500"/>
                    <a:satMod val="115000"/>
                  </a:srgbClr>
                </a:gs>
                <a:gs pos="100000">
                  <a:srgbClr val="00B050">
                    <a:shade val="100000"/>
                    <a:satMod val="115000"/>
                  </a:srgbClr>
                </a:gs>
              </a:gsLst>
              <a:lin ang="0" scaled="1"/>
              <a:tileRect/>
            </a:gradFill>
          </c:spPr>
          <c:invertIfNegative val="0"/>
          <c:dLbls>
            <c:txPr>
              <a:bodyPr rot="-5400000" vert="horz"/>
              <a:lstStyle/>
              <a:p>
                <a:pPr>
                  <a:defRPr sz="1000"/>
                </a:pPr>
                <a:endParaRPr lang="en-US"/>
              </a:p>
            </c:txPr>
            <c:dLblPos val="inEnd"/>
            <c:showLegendKey val="0"/>
            <c:showVal val="1"/>
            <c:showCatName val="0"/>
            <c:showSerName val="0"/>
            <c:showPercent val="0"/>
            <c:showBubbleSize val="0"/>
            <c:showLeaderLines val="0"/>
          </c:dLbls>
          <c:cat>
            <c:strRef>
              <c:f>Sheet1!$B$1:$AW$1</c:f>
              <c:strCache>
                <c:ptCount val="48"/>
                <c:pt idx="0">
                  <c:v>1968</c:v>
                </c:pt>
                <c:pt idx="1">
                  <c:v>1969</c:v>
                </c:pt>
                <c:pt idx="2">
                  <c:v>1970</c:v>
                </c:pt>
                <c:pt idx="3">
                  <c:v>1971</c:v>
                </c:pt>
                <c:pt idx="4">
                  <c:v>1972</c:v>
                </c:pt>
                <c:pt idx="5">
                  <c:v>1973</c:v>
                </c:pt>
                <c:pt idx="6">
                  <c:v>1974</c:v>
                </c:pt>
                <c:pt idx="7">
                  <c:v>1975</c:v>
                </c:pt>
                <c:pt idx="8">
                  <c:v>1976</c:v>
                </c:pt>
                <c:pt idx="9">
                  <c:v>1977</c:v>
                </c:pt>
                <c:pt idx="10">
                  <c:v>1978</c:v>
                </c:pt>
                <c:pt idx="11">
                  <c:v>1979</c:v>
                </c:pt>
                <c:pt idx="12">
                  <c:v>1980</c:v>
                </c:pt>
                <c:pt idx="13">
                  <c:v>1981</c:v>
                </c:pt>
                <c:pt idx="14">
                  <c:v>1982</c:v>
                </c:pt>
                <c:pt idx="15">
                  <c:v>1983</c:v>
                </c:pt>
                <c:pt idx="16">
                  <c:v>1984</c:v>
                </c:pt>
                <c:pt idx="17">
                  <c:v>1985</c:v>
                </c:pt>
                <c:pt idx="18">
                  <c:v>1986</c:v>
                </c:pt>
                <c:pt idx="19">
                  <c:v>1987</c:v>
                </c:pt>
                <c:pt idx="20">
                  <c:v>1988</c:v>
                </c:pt>
                <c:pt idx="21">
                  <c:v>1989</c:v>
                </c:pt>
                <c:pt idx="22">
                  <c:v>1990</c:v>
                </c:pt>
                <c:pt idx="23">
                  <c:v>1991</c:v>
                </c:pt>
                <c:pt idx="24">
                  <c:v>1992</c:v>
                </c:pt>
                <c:pt idx="25">
                  <c:v>1993</c:v>
                </c:pt>
                <c:pt idx="26">
                  <c:v>1994</c:v>
                </c:pt>
                <c:pt idx="27">
                  <c:v>1995</c:v>
                </c:pt>
                <c:pt idx="28">
                  <c:v>1996</c:v>
                </c:pt>
                <c:pt idx="29">
                  <c:v>1997</c:v>
                </c:pt>
                <c:pt idx="30">
                  <c:v>1998</c:v>
                </c:pt>
                <c:pt idx="31">
                  <c:v>1999</c:v>
                </c:pt>
                <c:pt idx="32">
                  <c:v>2000</c:v>
                </c:pt>
                <c:pt idx="33">
                  <c:v>2001</c:v>
                </c:pt>
                <c:pt idx="34">
                  <c:v>2002</c:v>
                </c:pt>
                <c:pt idx="35">
                  <c:v>2003</c:v>
                </c:pt>
                <c:pt idx="36">
                  <c:v>2004</c:v>
                </c:pt>
                <c:pt idx="37">
                  <c:v>2005</c:v>
                </c:pt>
                <c:pt idx="38">
                  <c:v>2006</c:v>
                </c:pt>
                <c:pt idx="39">
                  <c:v>2007</c:v>
                </c:pt>
                <c:pt idx="40">
                  <c:v>2008</c:v>
                </c:pt>
                <c:pt idx="41">
                  <c:v>2009</c:v>
                </c:pt>
                <c:pt idx="42">
                  <c:v>2010</c:v>
                </c:pt>
                <c:pt idx="43">
                  <c:v>2011</c:v>
                </c:pt>
                <c:pt idx="44">
                  <c:v>2012</c:v>
                </c:pt>
                <c:pt idx="45">
                  <c:v>2013</c:v>
                </c:pt>
                <c:pt idx="46">
                  <c:v>2014</c:v>
                </c:pt>
                <c:pt idx="47">
                  <c:v>2015</c:v>
                </c:pt>
              </c:strCache>
            </c:strRef>
          </c:cat>
          <c:val>
            <c:numRef>
              <c:f>Sheet1!$B$3:$AW$3</c:f>
              <c:numCache>
                <c:formatCode>General</c:formatCode>
                <c:ptCount val="48"/>
                <c:pt idx="5" formatCode="0%">
                  <c:v>1</c:v>
                </c:pt>
                <c:pt idx="10" formatCode="0%">
                  <c:v>1</c:v>
                </c:pt>
                <c:pt idx="12" formatCode="0%">
                  <c:v>1</c:v>
                </c:pt>
                <c:pt idx="25" formatCode="0%">
                  <c:v>1</c:v>
                </c:pt>
                <c:pt idx="32" formatCode="0%">
                  <c:v>0.9</c:v>
                </c:pt>
                <c:pt idx="35" formatCode="0%">
                  <c:v>0.9</c:v>
                </c:pt>
                <c:pt idx="37" formatCode="0%">
                  <c:v>0.9</c:v>
                </c:pt>
              </c:numCache>
            </c:numRef>
          </c:val>
        </c:ser>
        <c:ser>
          <c:idx val="2"/>
          <c:order val="2"/>
          <c:tx>
            <c:strRef>
              <c:f>Sheet1!$A$4</c:f>
              <c:strCache>
                <c:ptCount val="1"/>
                <c:pt idx="0">
                  <c:v>Below Normal</c:v>
                </c:pt>
              </c:strCache>
            </c:strRef>
          </c:tx>
          <c:spPr>
            <a:gradFill flip="none" rotWithShape="1">
              <a:gsLst>
                <a:gs pos="0">
                  <a:schemeClr val="accent2">
                    <a:lumMod val="75000"/>
                    <a:shade val="30000"/>
                    <a:satMod val="115000"/>
                  </a:schemeClr>
                </a:gs>
                <a:gs pos="50000">
                  <a:schemeClr val="accent2">
                    <a:lumMod val="75000"/>
                    <a:shade val="67500"/>
                    <a:satMod val="115000"/>
                  </a:schemeClr>
                </a:gs>
                <a:gs pos="100000">
                  <a:schemeClr val="accent2">
                    <a:lumMod val="75000"/>
                    <a:shade val="100000"/>
                    <a:satMod val="115000"/>
                  </a:schemeClr>
                </a:gs>
              </a:gsLst>
              <a:lin ang="0" scaled="1"/>
              <a:tileRect/>
            </a:gradFill>
          </c:spPr>
          <c:invertIfNegative val="0"/>
          <c:dLbls>
            <c:txPr>
              <a:bodyPr rot="-5400000" vert="horz"/>
              <a:lstStyle/>
              <a:p>
                <a:pPr>
                  <a:defRPr sz="1000"/>
                </a:pPr>
                <a:endParaRPr lang="en-US"/>
              </a:p>
            </c:txPr>
            <c:dLblPos val="inEnd"/>
            <c:showLegendKey val="0"/>
            <c:showVal val="1"/>
            <c:showCatName val="0"/>
            <c:showSerName val="0"/>
            <c:showPercent val="0"/>
            <c:showBubbleSize val="0"/>
            <c:showLeaderLines val="0"/>
          </c:dLbls>
          <c:cat>
            <c:strRef>
              <c:f>Sheet1!$B$1:$AW$1</c:f>
              <c:strCache>
                <c:ptCount val="48"/>
                <c:pt idx="0">
                  <c:v>1968</c:v>
                </c:pt>
                <c:pt idx="1">
                  <c:v>1969</c:v>
                </c:pt>
                <c:pt idx="2">
                  <c:v>1970</c:v>
                </c:pt>
                <c:pt idx="3">
                  <c:v>1971</c:v>
                </c:pt>
                <c:pt idx="4">
                  <c:v>1972</c:v>
                </c:pt>
                <c:pt idx="5">
                  <c:v>1973</c:v>
                </c:pt>
                <c:pt idx="6">
                  <c:v>1974</c:v>
                </c:pt>
                <c:pt idx="7">
                  <c:v>1975</c:v>
                </c:pt>
                <c:pt idx="8">
                  <c:v>1976</c:v>
                </c:pt>
                <c:pt idx="9">
                  <c:v>1977</c:v>
                </c:pt>
                <c:pt idx="10">
                  <c:v>1978</c:v>
                </c:pt>
                <c:pt idx="11">
                  <c:v>1979</c:v>
                </c:pt>
                <c:pt idx="12">
                  <c:v>1980</c:v>
                </c:pt>
                <c:pt idx="13">
                  <c:v>1981</c:v>
                </c:pt>
                <c:pt idx="14">
                  <c:v>1982</c:v>
                </c:pt>
                <c:pt idx="15">
                  <c:v>1983</c:v>
                </c:pt>
                <c:pt idx="16">
                  <c:v>1984</c:v>
                </c:pt>
                <c:pt idx="17">
                  <c:v>1985</c:v>
                </c:pt>
                <c:pt idx="18">
                  <c:v>1986</c:v>
                </c:pt>
                <c:pt idx="19">
                  <c:v>1987</c:v>
                </c:pt>
                <c:pt idx="20">
                  <c:v>1988</c:v>
                </c:pt>
                <c:pt idx="21">
                  <c:v>1989</c:v>
                </c:pt>
                <c:pt idx="22">
                  <c:v>1990</c:v>
                </c:pt>
                <c:pt idx="23">
                  <c:v>1991</c:v>
                </c:pt>
                <c:pt idx="24">
                  <c:v>1992</c:v>
                </c:pt>
                <c:pt idx="25">
                  <c:v>1993</c:v>
                </c:pt>
                <c:pt idx="26">
                  <c:v>1994</c:v>
                </c:pt>
                <c:pt idx="27">
                  <c:v>1995</c:v>
                </c:pt>
                <c:pt idx="28">
                  <c:v>1996</c:v>
                </c:pt>
                <c:pt idx="29">
                  <c:v>1997</c:v>
                </c:pt>
                <c:pt idx="30">
                  <c:v>1998</c:v>
                </c:pt>
                <c:pt idx="31">
                  <c:v>1999</c:v>
                </c:pt>
                <c:pt idx="32">
                  <c:v>2000</c:v>
                </c:pt>
                <c:pt idx="33">
                  <c:v>2001</c:v>
                </c:pt>
                <c:pt idx="34">
                  <c:v>2002</c:v>
                </c:pt>
                <c:pt idx="35">
                  <c:v>2003</c:v>
                </c:pt>
                <c:pt idx="36">
                  <c:v>2004</c:v>
                </c:pt>
                <c:pt idx="37">
                  <c:v>2005</c:v>
                </c:pt>
                <c:pt idx="38">
                  <c:v>2006</c:v>
                </c:pt>
                <c:pt idx="39">
                  <c:v>2007</c:v>
                </c:pt>
                <c:pt idx="40">
                  <c:v>2008</c:v>
                </c:pt>
                <c:pt idx="41">
                  <c:v>2009</c:v>
                </c:pt>
                <c:pt idx="42">
                  <c:v>2010</c:v>
                </c:pt>
                <c:pt idx="43">
                  <c:v>2011</c:v>
                </c:pt>
                <c:pt idx="44">
                  <c:v>2012</c:v>
                </c:pt>
                <c:pt idx="45">
                  <c:v>2013</c:v>
                </c:pt>
                <c:pt idx="46">
                  <c:v>2014</c:v>
                </c:pt>
                <c:pt idx="47">
                  <c:v>2015</c:v>
                </c:pt>
              </c:strCache>
            </c:strRef>
          </c:cat>
          <c:val>
            <c:numRef>
              <c:f>Sheet1!$B$4:$AW$4</c:f>
              <c:numCache>
                <c:formatCode>General</c:formatCode>
                <c:ptCount val="48"/>
                <c:pt idx="0" formatCode="0%">
                  <c:v>1</c:v>
                </c:pt>
                <c:pt idx="4" formatCode="0%">
                  <c:v>1</c:v>
                </c:pt>
                <c:pt idx="11" formatCode="0%">
                  <c:v>1</c:v>
                </c:pt>
                <c:pt idx="36" formatCode="0%">
                  <c:v>0.65</c:v>
                </c:pt>
                <c:pt idx="42" formatCode="0%">
                  <c:v>0.5</c:v>
                </c:pt>
                <c:pt idx="44" formatCode="0%">
                  <c:v>0.65</c:v>
                </c:pt>
              </c:numCache>
            </c:numRef>
          </c:val>
        </c:ser>
        <c:ser>
          <c:idx val="3"/>
          <c:order val="3"/>
          <c:tx>
            <c:strRef>
              <c:f>Sheet1!$A$5</c:f>
              <c:strCache>
                <c:ptCount val="1"/>
                <c:pt idx="0">
                  <c:v>Dry</c:v>
                </c:pt>
              </c:strCache>
            </c:strRef>
          </c:tx>
          <c:spPr>
            <a:gradFill flip="none" rotWithShape="1">
              <a:gsLst>
                <a:gs pos="0">
                  <a:srgbClr val="FFC000">
                    <a:shade val="30000"/>
                    <a:satMod val="115000"/>
                  </a:srgbClr>
                </a:gs>
                <a:gs pos="50000">
                  <a:srgbClr val="FFC000">
                    <a:shade val="67500"/>
                    <a:satMod val="115000"/>
                  </a:srgbClr>
                </a:gs>
                <a:gs pos="100000">
                  <a:srgbClr val="FFC000">
                    <a:shade val="100000"/>
                    <a:satMod val="115000"/>
                  </a:srgbClr>
                </a:gs>
              </a:gsLst>
              <a:lin ang="0" scaled="1"/>
              <a:tileRect/>
            </a:gradFill>
          </c:spPr>
          <c:invertIfNegative val="0"/>
          <c:dLbls>
            <c:txPr>
              <a:bodyPr rot="-5400000" vert="horz"/>
              <a:lstStyle/>
              <a:p>
                <a:pPr>
                  <a:defRPr sz="1000"/>
                </a:pPr>
                <a:endParaRPr lang="en-US"/>
              </a:p>
            </c:txPr>
            <c:dLblPos val="inEnd"/>
            <c:showLegendKey val="0"/>
            <c:showVal val="1"/>
            <c:showCatName val="0"/>
            <c:showSerName val="0"/>
            <c:showPercent val="0"/>
            <c:showBubbleSize val="0"/>
            <c:showLeaderLines val="0"/>
          </c:dLbls>
          <c:cat>
            <c:strRef>
              <c:f>Sheet1!$B$1:$AW$1</c:f>
              <c:strCache>
                <c:ptCount val="48"/>
                <c:pt idx="0">
                  <c:v>1968</c:v>
                </c:pt>
                <c:pt idx="1">
                  <c:v>1969</c:v>
                </c:pt>
                <c:pt idx="2">
                  <c:v>1970</c:v>
                </c:pt>
                <c:pt idx="3">
                  <c:v>1971</c:v>
                </c:pt>
                <c:pt idx="4">
                  <c:v>1972</c:v>
                </c:pt>
                <c:pt idx="5">
                  <c:v>1973</c:v>
                </c:pt>
                <c:pt idx="6">
                  <c:v>1974</c:v>
                </c:pt>
                <c:pt idx="7">
                  <c:v>1975</c:v>
                </c:pt>
                <c:pt idx="8">
                  <c:v>1976</c:v>
                </c:pt>
                <c:pt idx="9">
                  <c:v>1977</c:v>
                </c:pt>
                <c:pt idx="10">
                  <c:v>1978</c:v>
                </c:pt>
                <c:pt idx="11">
                  <c:v>1979</c:v>
                </c:pt>
                <c:pt idx="12">
                  <c:v>1980</c:v>
                </c:pt>
                <c:pt idx="13">
                  <c:v>1981</c:v>
                </c:pt>
                <c:pt idx="14">
                  <c:v>1982</c:v>
                </c:pt>
                <c:pt idx="15">
                  <c:v>1983</c:v>
                </c:pt>
                <c:pt idx="16">
                  <c:v>1984</c:v>
                </c:pt>
                <c:pt idx="17">
                  <c:v>1985</c:v>
                </c:pt>
                <c:pt idx="18">
                  <c:v>1986</c:v>
                </c:pt>
                <c:pt idx="19">
                  <c:v>1987</c:v>
                </c:pt>
                <c:pt idx="20">
                  <c:v>1988</c:v>
                </c:pt>
                <c:pt idx="21">
                  <c:v>1989</c:v>
                </c:pt>
                <c:pt idx="22">
                  <c:v>1990</c:v>
                </c:pt>
                <c:pt idx="23">
                  <c:v>1991</c:v>
                </c:pt>
                <c:pt idx="24">
                  <c:v>1992</c:v>
                </c:pt>
                <c:pt idx="25">
                  <c:v>1993</c:v>
                </c:pt>
                <c:pt idx="26">
                  <c:v>1994</c:v>
                </c:pt>
                <c:pt idx="27">
                  <c:v>1995</c:v>
                </c:pt>
                <c:pt idx="28">
                  <c:v>1996</c:v>
                </c:pt>
                <c:pt idx="29">
                  <c:v>1997</c:v>
                </c:pt>
                <c:pt idx="30">
                  <c:v>1998</c:v>
                </c:pt>
                <c:pt idx="31">
                  <c:v>1999</c:v>
                </c:pt>
                <c:pt idx="32">
                  <c:v>2000</c:v>
                </c:pt>
                <c:pt idx="33">
                  <c:v>2001</c:v>
                </c:pt>
                <c:pt idx="34">
                  <c:v>2002</c:v>
                </c:pt>
                <c:pt idx="35">
                  <c:v>2003</c:v>
                </c:pt>
                <c:pt idx="36">
                  <c:v>2004</c:v>
                </c:pt>
                <c:pt idx="37">
                  <c:v>2005</c:v>
                </c:pt>
                <c:pt idx="38">
                  <c:v>2006</c:v>
                </c:pt>
                <c:pt idx="39">
                  <c:v>2007</c:v>
                </c:pt>
                <c:pt idx="40">
                  <c:v>2008</c:v>
                </c:pt>
                <c:pt idx="41">
                  <c:v>2009</c:v>
                </c:pt>
                <c:pt idx="42">
                  <c:v>2010</c:v>
                </c:pt>
                <c:pt idx="43">
                  <c:v>2011</c:v>
                </c:pt>
                <c:pt idx="44">
                  <c:v>2012</c:v>
                </c:pt>
                <c:pt idx="45">
                  <c:v>2013</c:v>
                </c:pt>
                <c:pt idx="46">
                  <c:v>2014</c:v>
                </c:pt>
                <c:pt idx="47">
                  <c:v>2015</c:v>
                </c:pt>
              </c:strCache>
            </c:strRef>
          </c:cat>
          <c:val>
            <c:numRef>
              <c:f>Sheet1!$B$5:$AW$5</c:f>
              <c:numCache>
                <c:formatCode>General</c:formatCode>
                <c:ptCount val="48"/>
                <c:pt idx="13" formatCode="0%">
                  <c:v>1</c:v>
                </c:pt>
                <c:pt idx="17" formatCode="0%">
                  <c:v>1</c:v>
                </c:pt>
                <c:pt idx="19" formatCode="0%">
                  <c:v>1</c:v>
                </c:pt>
                <c:pt idx="21" formatCode="0%">
                  <c:v>1</c:v>
                </c:pt>
                <c:pt idx="33" formatCode="0%">
                  <c:v>0.39</c:v>
                </c:pt>
                <c:pt idx="34" formatCode="0%">
                  <c:v>0.7</c:v>
                </c:pt>
                <c:pt idx="39" formatCode="0%">
                  <c:v>0.65</c:v>
                </c:pt>
                <c:pt idx="41" formatCode="0%">
                  <c:v>0.4</c:v>
                </c:pt>
                <c:pt idx="45" formatCode="0%">
                  <c:v>0.35</c:v>
                </c:pt>
              </c:numCache>
            </c:numRef>
          </c:val>
        </c:ser>
        <c:ser>
          <c:idx val="4"/>
          <c:order val="4"/>
          <c:tx>
            <c:strRef>
              <c:f>Sheet1!$A$6</c:f>
              <c:strCache>
                <c:ptCount val="1"/>
                <c:pt idx="0">
                  <c:v>Critical</c:v>
                </c:pt>
              </c:strCache>
            </c:strRef>
          </c:tx>
          <c:spPr>
            <a:gradFill flip="none" rotWithShape="1">
              <a:gsLst>
                <a:gs pos="0">
                  <a:srgbClr val="C00000">
                    <a:shade val="30000"/>
                    <a:satMod val="115000"/>
                  </a:srgbClr>
                </a:gs>
                <a:gs pos="50000">
                  <a:srgbClr val="C00000">
                    <a:shade val="67500"/>
                    <a:satMod val="115000"/>
                  </a:srgbClr>
                </a:gs>
                <a:gs pos="100000">
                  <a:srgbClr val="770000"/>
                </a:gs>
              </a:gsLst>
              <a:lin ang="10800000" scaled="1"/>
              <a:tileRect/>
            </a:gradFill>
          </c:spPr>
          <c:invertIfNegative val="0"/>
          <c:dLbls>
            <c:dLbl>
              <c:idx val="46"/>
              <c:layout>
                <c:manualLayout>
                  <c:x val="1.5015015015016116E-3"/>
                  <c:y val="-4.282274811802371E-2"/>
                </c:manualLayout>
              </c:layout>
              <c:spPr/>
              <c:txPr>
                <a:bodyPr rot="-5400000" vert="horz"/>
                <a:lstStyle/>
                <a:p>
                  <a:pPr>
                    <a:defRPr sz="1200" b="1">
                      <a:solidFill>
                        <a:schemeClr val="tx1"/>
                      </a:solidFill>
                      <a:effectLst>
                        <a:outerShdw blurRad="38100" dist="38100" dir="2700000" algn="tl">
                          <a:srgbClr val="000000">
                            <a:alpha val="43137"/>
                          </a:srgbClr>
                        </a:outerShdw>
                      </a:effectLst>
                    </a:defRPr>
                  </a:pPr>
                  <a:endParaRPr lang="en-US"/>
                </a:p>
              </c:txPr>
              <c:dLblPos val="ctr"/>
              <c:showLegendKey val="0"/>
              <c:showVal val="1"/>
              <c:showCatName val="0"/>
              <c:showSerName val="0"/>
              <c:showPercent val="0"/>
              <c:showBubbleSize val="0"/>
            </c:dLbl>
            <c:txPr>
              <a:bodyPr rot="-5400000" vert="horz"/>
              <a:lstStyle/>
              <a:p>
                <a:pPr>
                  <a:defRPr sz="1200" b="1"/>
                </a:pPr>
                <a:endParaRPr lang="en-US"/>
              </a:p>
            </c:txPr>
            <c:dLblPos val="inEnd"/>
            <c:showLegendKey val="0"/>
            <c:showVal val="1"/>
            <c:showCatName val="0"/>
            <c:showSerName val="0"/>
            <c:showPercent val="0"/>
            <c:showBubbleSize val="0"/>
            <c:showLeaderLines val="0"/>
          </c:dLbls>
          <c:cat>
            <c:strRef>
              <c:f>Sheet1!$B$1:$AW$1</c:f>
              <c:strCache>
                <c:ptCount val="48"/>
                <c:pt idx="0">
                  <c:v>1968</c:v>
                </c:pt>
                <c:pt idx="1">
                  <c:v>1969</c:v>
                </c:pt>
                <c:pt idx="2">
                  <c:v>1970</c:v>
                </c:pt>
                <c:pt idx="3">
                  <c:v>1971</c:v>
                </c:pt>
                <c:pt idx="4">
                  <c:v>1972</c:v>
                </c:pt>
                <c:pt idx="5">
                  <c:v>1973</c:v>
                </c:pt>
                <c:pt idx="6">
                  <c:v>1974</c:v>
                </c:pt>
                <c:pt idx="7">
                  <c:v>1975</c:v>
                </c:pt>
                <c:pt idx="8">
                  <c:v>1976</c:v>
                </c:pt>
                <c:pt idx="9">
                  <c:v>1977</c:v>
                </c:pt>
                <c:pt idx="10">
                  <c:v>1978</c:v>
                </c:pt>
                <c:pt idx="11">
                  <c:v>1979</c:v>
                </c:pt>
                <c:pt idx="12">
                  <c:v>1980</c:v>
                </c:pt>
                <c:pt idx="13">
                  <c:v>1981</c:v>
                </c:pt>
                <c:pt idx="14">
                  <c:v>1982</c:v>
                </c:pt>
                <c:pt idx="15">
                  <c:v>1983</c:v>
                </c:pt>
                <c:pt idx="16">
                  <c:v>1984</c:v>
                </c:pt>
                <c:pt idx="17">
                  <c:v>1985</c:v>
                </c:pt>
                <c:pt idx="18">
                  <c:v>1986</c:v>
                </c:pt>
                <c:pt idx="19">
                  <c:v>1987</c:v>
                </c:pt>
                <c:pt idx="20">
                  <c:v>1988</c:v>
                </c:pt>
                <c:pt idx="21">
                  <c:v>1989</c:v>
                </c:pt>
                <c:pt idx="22">
                  <c:v>1990</c:v>
                </c:pt>
                <c:pt idx="23">
                  <c:v>1991</c:v>
                </c:pt>
                <c:pt idx="24">
                  <c:v>1992</c:v>
                </c:pt>
                <c:pt idx="25">
                  <c:v>1993</c:v>
                </c:pt>
                <c:pt idx="26">
                  <c:v>1994</c:v>
                </c:pt>
                <c:pt idx="27">
                  <c:v>1995</c:v>
                </c:pt>
                <c:pt idx="28">
                  <c:v>1996</c:v>
                </c:pt>
                <c:pt idx="29">
                  <c:v>1997</c:v>
                </c:pt>
                <c:pt idx="30">
                  <c:v>1998</c:v>
                </c:pt>
                <c:pt idx="31">
                  <c:v>1999</c:v>
                </c:pt>
                <c:pt idx="32">
                  <c:v>2000</c:v>
                </c:pt>
                <c:pt idx="33">
                  <c:v>2001</c:v>
                </c:pt>
                <c:pt idx="34">
                  <c:v>2002</c:v>
                </c:pt>
                <c:pt idx="35">
                  <c:v>2003</c:v>
                </c:pt>
                <c:pt idx="36">
                  <c:v>2004</c:v>
                </c:pt>
                <c:pt idx="37">
                  <c:v>2005</c:v>
                </c:pt>
                <c:pt idx="38">
                  <c:v>2006</c:v>
                </c:pt>
                <c:pt idx="39">
                  <c:v>2007</c:v>
                </c:pt>
                <c:pt idx="40">
                  <c:v>2008</c:v>
                </c:pt>
                <c:pt idx="41">
                  <c:v>2009</c:v>
                </c:pt>
                <c:pt idx="42">
                  <c:v>2010</c:v>
                </c:pt>
                <c:pt idx="43">
                  <c:v>2011</c:v>
                </c:pt>
                <c:pt idx="44">
                  <c:v>2012</c:v>
                </c:pt>
                <c:pt idx="45">
                  <c:v>2013</c:v>
                </c:pt>
                <c:pt idx="46">
                  <c:v>2014</c:v>
                </c:pt>
                <c:pt idx="47">
                  <c:v>2015</c:v>
                </c:pt>
              </c:strCache>
            </c:strRef>
          </c:cat>
          <c:val>
            <c:numRef>
              <c:f>Sheet1!$B$6:$AW$6</c:f>
              <c:numCache>
                <c:formatCode>General</c:formatCode>
                <c:ptCount val="48"/>
                <c:pt idx="8" formatCode="0%">
                  <c:v>1</c:v>
                </c:pt>
                <c:pt idx="9" formatCode="0%">
                  <c:v>0.9</c:v>
                </c:pt>
                <c:pt idx="20" formatCode="0%">
                  <c:v>1</c:v>
                </c:pt>
                <c:pt idx="22" formatCode="0%">
                  <c:v>1</c:v>
                </c:pt>
                <c:pt idx="23" formatCode="0%">
                  <c:v>0.3</c:v>
                </c:pt>
                <c:pt idx="24" formatCode="0%">
                  <c:v>0.45</c:v>
                </c:pt>
                <c:pt idx="26" formatCode="0%">
                  <c:v>0.5</c:v>
                </c:pt>
                <c:pt idx="40" formatCode="0%">
                  <c:v>0.35</c:v>
                </c:pt>
                <c:pt idx="46" formatCode="0%">
                  <c:v>0.2</c:v>
                </c:pt>
                <c:pt idx="47" formatCode="0%">
                  <c:v>0.2</c:v>
                </c:pt>
              </c:numCache>
            </c:numRef>
          </c:val>
        </c:ser>
        <c:dLbls>
          <c:showLegendKey val="0"/>
          <c:showVal val="0"/>
          <c:showCatName val="0"/>
          <c:showSerName val="0"/>
          <c:showPercent val="0"/>
          <c:showBubbleSize val="0"/>
        </c:dLbls>
        <c:gapWidth val="50"/>
        <c:overlap val="100"/>
        <c:axId val="330273152"/>
        <c:axId val="330274688"/>
      </c:barChart>
      <c:catAx>
        <c:axId val="330273152"/>
        <c:scaling>
          <c:orientation val="minMax"/>
        </c:scaling>
        <c:delete val="0"/>
        <c:axPos val="b"/>
        <c:majorTickMark val="out"/>
        <c:minorTickMark val="none"/>
        <c:tickLblPos val="nextTo"/>
        <c:crossAx val="330274688"/>
        <c:crosses val="autoZero"/>
        <c:auto val="1"/>
        <c:lblAlgn val="ctr"/>
        <c:lblOffset val="100"/>
        <c:tickLblSkip val="3"/>
        <c:noMultiLvlLbl val="0"/>
      </c:catAx>
      <c:valAx>
        <c:axId val="330274688"/>
        <c:scaling>
          <c:orientation val="minMax"/>
        </c:scaling>
        <c:delete val="1"/>
        <c:axPos val="l"/>
        <c:majorGridlines>
          <c:spPr>
            <a:ln>
              <a:solidFill>
                <a:srgbClr val="002060"/>
              </a:solidFill>
            </a:ln>
          </c:spPr>
        </c:majorGridlines>
        <c:numFmt formatCode="0%" sourceLinked="1"/>
        <c:majorTickMark val="out"/>
        <c:minorTickMark val="none"/>
        <c:tickLblPos val="nextTo"/>
        <c:crossAx val="330273152"/>
        <c:crosses val="autoZero"/>
        <c:crossBetween val="between"/>
      </c:valAx>
    </c:plotArea>
    <c:legend>
      <c:legendPos val="r"/>
      <c:layout>
        <c:manualLayout>
          <c:xMode val="edge"/>
          <c:yMode val="edge"/>
          <c:x val="3.6324868175261878E-2"/>
          <c:y val="4.5637276109717052E-2"/>
          <c:w val="0.92763909578870207"/>
          <c:h val="0.16421973695595746"/>
        </c:manualLayout>
      </c:layout>
      <c:overlay val="0"/>
      <c:txPr>
        <a:bodyPr/>
        <a:lstStyle/>
        <a:p>
          <a:pPr>
            <a:defRPr sz="24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9.6710884112458893E-3"/>
          <c:y val="4.3921649216924805E-2"/>
          <c:w val="0.97259972570996189"/>
          <c:h val="0.80655425283378035"/>
        </c:manualLayout>
      </c:layout>
      <c:barChart>
        <c:barDir val="col"/>
        <c:grouping val="stacked"/>
        <c:varyColors val="0"/>
        <c:ser>
          <c:idx val="0"/>
          <c:order val="0"/>
          <c:tx>
            <c:strRef>
              <c:f>Sheet1!$A$2</c:f>
              <c:strCache>
                <c:ptCount val="1"/>
                <c:pt idx="0">
                  <c:v>Wet </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76200" dir="13500000" sy="23000" kx="1200000" algn="br" rotWithShape="0">
                <a:prstClr val="black">
                  <a:alpha val="90000"/>
                </a:prst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dLbl>
              <c:idx val="12"/>
              <c:layout/>
              <c:tx>
                <c:rich>
                  <a:bodyPr/>
                  <a:lstStyle/>
                  <a:p>
                    <a:r>
                      <a:rPr lang="en-US" dirty="0" smtClean="0"/>
                      <a:t>80</a:t>
                    </a:r>
                    <a:r>
                      <a:rPr lang="en-US" dirty="0"/>
                      <a:t>%</a:t>
                    </a:r>
                  </a:p>
                </c:rich>
              </c:tx>
              <c:dLblPos val="inEnd"/>
              <c:showLegendKey val="0"/>
              <c:showVal val="1"/>
              <c:showCatName val="0"/>
              <c:showSerName val="0"/>
              <c:showPercent val="0"/>
              <c:showBubbleSize val="0"/>
            </c:dLbl>
            <c:txPr>
              <a:bodyPr rot="-5400000" vert="horz"/>
              <a:lstStyle/>
              <a:p>
                <a:pPr>
                  <a:defRPr sz="2400">
                    <a:effectLst>
                      <a:outerShdw blurRad="50800" dist="38100" dir="2700000" algn="tl" rotWithShape="0">
                        <a:prstClr val="black"/>
                      </a:outerShdw>
                    </a:effectLst>
                  </a:defRPr>
                </a:pPr>
                <a:endParaRPr lang="en-US"/>
              </a:p>
            </c:txPr>
            <c:dLblPos val="inEnd"/>
            <c:showLegendKey val="0"/>
            <c:showVal val="1"/>
            <c:showCatName val="0"/>
            <c:showSerName val="0"/>
            <c:showPercent val="0"/>
            <c:showBubbleSize val="0"/>
            <c:showLeaderLines val="0"/>
          </c:dLbls>
          <c:cat>
            <c:strRef>
              <c:f>Sheet1!$B$1:$S$1</c:f>
              <c:strCache>
                <c:ptCount val="18"/>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strCache>
            </c:strRef>
          </c:cat>
          <c:val>
            <c:numRef>
              <c:f>Sheet1!$B$2:$S$2</c:f>
              <c:numCache>
                <c:formatCode>General</c:formatCode>
                <c:ptCount val="18"/>
                <c:pt idx="0" formatCode="0%">
                  <c:v>1</c:v>
                </c:pt>
                <c:pt idx="7" formatCode="0%">
                  <c:v>1</c:v>
                </c:pt>
                <c:pt idx="12" formatCode="0%">
                  <c:v>0.8</c:v>
                </c:pt>
              </c:numCache>
            </c:numRef>
          </c:val>
        </c:ser>
        <c:ser>
          <c:idx val="1"/>
          <c:order val="1"/>
          <c:tx>
            <c:strRef>
              <c:f>Sheet1!$A$3</c:f>
              <c:strCache>
                <c:ptCount val="1"/>
                <c:pt idx="0">
                  <c:v>Above Normal</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76200" dir="13500000" sy="23000" kx="1200000" algn="br" rotWithShape="0">
                <a:prstClr val="black">
                  <a:alpha val="86000"/>
                </a:prst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txPr>
              <a:bodyPr rot="-5400000" vert="horz"/>
              <a:lstStyle/>
              <a:p>
                <a:pPr>
                  <a:defRPr sz="2400">
                    <a:effectLst>
                      <a:outerShdw blurRad="50800" dist="38100" dir="2700000" algn="tl" rotWithShape="0">
                        <a:prstClr val="black"/>
                      </a:outerShdw>
                    </a:effectLst>
                  </a:defRPr>
                </a:pPr>
                <a:endParaRPr lang="en-US"/>
              </a:p>
            </c:txPr>
            <c:dLblPos val="inEnd"/>
            <c:showLegendKey val="0"/>
            <c:showVal val="1"/>
            <c:showCatName val="0"/>
            <c:showSerName val="0"/>
            <c:showPercent val="0"/>
            <c:showBubbleSize val="0"/>
            <c:showLeaderLines val="0"/>
          </c:dLbls>
          <c:cat>
            <c:strRef>
              <c:f>Sheet1!$B$1:$S$1</c:f>
              <c:strCache>
                <c:ptCount val="18"/>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strCache>
            </c:strRef>
          </c:cat>
          <c:val>
            <c:numRef>
              <c:f>Sheet1!$B$3:$S$3</c:f>
              <c:numCache>
                <c:formatCode>0%</c:formatCode>
                <c:ptCount val="18"/>
                <c:pt idx="1">
                  <c:v>0.9</c:v>
                </c:pt>
                <c:pt idx="4">
                  <c:v>0.9</c:v>
                </c:pt>
                <c:pt idx="6">
                  <c:v>0.9</c:v>
                </c:pt>
              </c:numCache>
            </c:numRef>
          </c:val>
        </c:ser>
        <c:ser>
          <c:idx val="2"/>
          <c:order val="2"/>
          <c:tx>
            <c:strRef>
              <c:f>Sheet1!$A$4</c:f>
              <c:strCache>
                <c:ptCount val="1"/>
                <c:pt idx="0">
                  <c:v>Below Normal</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76200" dir="13500000" sy="23000" kx="1200000" algn="br" rotWithShape="0">
                <a:prstClr val="black">
                  <a:alpha val="90000"/>
                </a:prst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txPr>
              <a:bodyPr rot="-5400000" vert="horz"/>
              <a:lstStyle/>
              <a:p>
                <a:pPr>
                  <a:defRPr sz="2400">
                    <a:effectLst>
                      <a:outerShdw blurRad="50800" dist="38100" dir="2700000" algn="tl" rotWithShape="0">
                        <a:prstClr val="black"/>
                      </a:outerShdw>
                    </a:effectLst>
                  </a:defRPr>
                </a:pPr>
                <a:endParaRPr lang="en-US"/>
              </a:p>
            </c:txPr>
            <c:dLblPos val="inEnd"/>
            <c:showLegendKey val="0"/>
            <c:showVal val="1"/>
            <c:showCatName val="0"/>
            <c:showSerName val="0"/>
            <c:showPercent val="0"/>
            <c:showBubbleSize val="0"/>
            <c:showLeaderLines val="0"/>
          </c:dLbls>
          <c:cat>
            <c:strRef>
              <c:f>Sheet1!$B$1:$S$1</c:f>
              <c:strCache>
                <c:ptCount val="18"/>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strCache>
            </c:strRef>
          </c:cat>
          <c:val>
            <c:numRef>
              <c:f>Sheet1!$B$4:$S$4</c:f>
              <c:numCache>
                <c:formatCode>General</c:formatCode>
                <c:ptCount val="18"/>
                <c:pt idx="5" formatCode="0%">
                  <c:v>0.65</c:v>
                </c:pt>
                <c:pt idx="11" formatCode="0%">
                  <c:v>0.5</c:v>
                </c:pt>
                <c:pt idx="13" formatCode="0%">
                  <c:v>0.65</c:v>
                </c:pt>
              </c:numCache>
            </c:numRef>
          </c:val>
        </c:ser>
        <c:ser>
          <c:idx val="3"/>
          <c:order val="3"/>
          <c:tx>
            <c:strRef>
              <c:f>Sheet1!$A$5</c:f>
              <c:strCache>
                <c:ptCount val="1"/>
                <c:pt idx="0">
                  <c:v>Dry</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76200" dir="13500000" sy="23000" kx="1200000" algn="br" rotWithShape="0">
                <a:prstClr val="black">
                  <a:alpha val="90000"/>
                </a:prst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txPr>
              <a:bodyPr rot="-5400000" vert="horz"/>
              <a:lstStyle/>
              <a:p>
                <a:pPr>
                  <a:defRPr sz="2400">
                    <a:effectLst>
                      <a:outerShdw blurRad="50800" dist="38100" dir="2700000" algn="tl" rotWithShape="0">
                        <a:prstClr val="black"/>
                      </a:outerShdw>
                    </a:effectLst>
                  </a:defRPr>
                </a:pPr>
                <a:endParaRPr lang="en-US"/>
              </a:p>
            </c:txPr>
            <c:dLblPos val="inEnd"/>
            <c:showLegendKey val="0"/>
            <c:showVal val="1"/>
            <c:showCatName val="0"/>
            <c:showSerName val="0"/>
            <c:showPercent val="0"/>
            <c:showBubbleSize val="0"/>
            <c:showLeaderLines val="0"/>
          </c:dLbls>
          <c:cat>
            <c:strRef>
              <c:f>Sheet1!$B$1:$S$1</c:f>
              <c:strCache>
                <c:ptCount val="18"/>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strCache>
            </c:strRef>
          </c:cat>
          <c:val>
            <c:numRef>
              <c:f>Sheet1!$B$5:$S$5</c:f>
              <c:numCache>
                <c:formatCode>General</c:formatCode>
                <c:ptCount val="18"/>
                <c:pt idx="2" formatCode="0%">
                  <c:v>0.39</c:v>
                </c:pt>
                <c:pt idx="3" formatCode="0%">
                  <c:v>0.7</c:v>
                </c:pt>
                <c:pt idx="8" formatCode="0%">
                  <c:v>0.65</c:v>
                </c:pt>
                <c:pt idx="10" formatCode="0%">
                  <c:v>0.4</c:v>
                </c:pt>
                <c:pt idx="14" formatCode="0%">
                  <c:v>0.35</c:v>
                </c:pt>
              </c:numCache>
            </c:numRef>
          </c:val>
        </c:ser>
        <c:ser>
          <c:idx val="4"/>
          <c:order val="4"/>
          <c:tx>
            <c:strRef>
              <c:f>Sheet1!$A$6</c:f>
              <c:strCache>
                <c:ptCount val="1"/>
                <c:pt idx="0">
                  <c:v>Critical</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76200" dir="13500000" sy="23000" kx="1200000" algn="br" rotWithShape="0">
                <a:prstClr val="black">
                  <a:alpha val="90000"/>
                </a:prst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dLbl>
              <c:idx val="9"/>
              <c:layout/>
              <c:spPr/>
              <c:txPr>
                <a:bodyPr rot="-5400000" vert="horz"/>
                <a:lstStyle/>
                <a:p>
                  <a:pPr>
                    <a:defRPr sz="2400">
                      <a:effectLst>
                        <a:outerShdw blurRad="50800" dist="38100" dir="2700000" algn="tl" rotWithShape="0">
                          <a:prstClr val="black"/>
                        </a:outerShdw>
                      </a:effectLst>
                    </a:defRPr>
                  </a:pPr>
                  <a:endParaRPr lang="en-US"/>
                </a:p>
              </c:txPr>
              <c:dLblPos val="inEnd"/>
              <c:showLegendKey val="0"/>
              <c:showVal val="1"/>
              <c:showCatName val="0"/>
              <c:showSerName val="0"/>
              <c:showPercent val="0"/>
              <c:showBubbleSize val="0"/>
            </c:dLbl>
            <c:dLbl>
              <c:idx val="15"/>
              <c:delete val="1"/>
            </c:dLbl>
            <c:dLbl>
              <c:idx val="16"/>
              <c:delete val="1"/>
            </c:dLbl>
            <c:dLbl>
              <c:idx val="17"/>
              <c:spPr/>
              <c:txPr>
                <a:bodyPr rot="-5400000" vert="horz"/>
                <a:lstStyle/>
                <a:p>
                  <a:pPr>
                    <a:defRPr sz="2400">
                      <a:effectLst>
                        <a:outerShdw blurRad="50800" dist="38100" dir="2700000" algn="tl" rotWithShape="0">
                          <a:prstClr val="black"/>
                        </a:outerShdw>
                      </a:effectLst>
                    </a:defRPr>
                  </a:pPr>
                  <a:endParaRPr lang="en-US"/>
                </a:p>
              </c:txPr>
              <c:showLegendKey val="0"/>
              <c:showVal val="1"/>
              <c:showCatName val="0"/>
              <c:showSerName val="0"/>
              <c:showPercent val="0"/>
              <c:showBubbleSize val="0"/>
            </c:dLbl>
            <c:txPr>
              <a:bodyPr/>
              <a:lstStyle/>
              <a:p>
                <a:pPr>
                  <a:defRPr sz="2400">
                    <a:effectLst>
                      <a:outerShdw blurRad="50800" dist="38100" dir="2700000" algn="tl" rotWithShape="0">
                        <a:prstClr val="black"/>
                      </a:outerShdw>
                    </a:effectLst>
                  </a:defRPr>
                </a:pPr>
                <a:endParaRPr lang="en-US"/>
              </a:p>
            </c:txPr>
            <c:showLegendKey val="0"/>
            <c:showVal val="1"/>
            <c:showCatName val="0"/>
            <c:showSerName val="0"/>
            <c:showPercent val="0"/>
            <c:showBubbleSize val="0"/>
            <c:showLeaderLines val="0"/>
          </c:dLbls>
          <c:cat>
            <c:strRef>
              <c:f>Sheet1!$B$1:$S$1</c:f>
              <c:strCache>
                <c:ptCount val="18"/>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strCache>
            </c:strRef>
          </c:cat>
          <c:val>
            <c:numRef>
              <c:f>Sheet1!$B$6:$S$6</c:f>
              <c:numCache>
                <c:formatCode>General</c:formatCode>
                <c:ptCount val="18"/>
                <c:pt idx="9" formatCode="0%">
                  <c:v>0.35</c:v>
                </c:pt>
                <c:pt idx="15" formatCode="0%">
                  <c:v>0.05</c:v>
                </c:pt>
                <c:pt idx="16" formatCode="0%">
                  <c:v>0.2</c:v>
                </c:pt>
                <c:pt idx="17" formatCode="0%">
                  <c:v>0.45</c:v>
                </c:pt>
              </c:numCache>
            </c:numRef>
          </c:val>
        </c:ser>
        <c:dLbls>
          <c:showLegendKey val="0"/>
          <c:showVal val="0"/>
          <c:showCatName val="0"/>
          <c:showSerName val="0"/>
          <c:showPercent val="0"/>
          <c:showBubbleSize val="0"/>
        </c:dLbls>
        <c:gapWidth val="50"/>
        <c:overlap val="100"/>
        <c:axId val="330786304"/>
        <c:axId val="330787840"/>
      </c:barChart>
      <c:catAx>
        <c:axId val="330786304"/>
        <c:scaling>
          <c:orientation val="minMax"/>
        </c:scaling>
        <c:delete val="0"/>
        <c:axPos val="b"/>
        <c:majorTickMark val="out"/>
        <c:minorTickMark val="none"/>
        <c:tickLblPos val="nextTo"/>
        <c:txPr>
          <a:bodyPr/>
          <a:lstStyle/>
          <a:p>
            <a:pPr>
              <a:defRPr sz="2200" b="1">
                <a:effectLst>
                  <a:outerShdw dist="50800" dir="5400000" algn="ctr" rotWithShape="0">
                    <a:prstClr val="black"/>
                  </a:outerShdw>
                </a:effectLst>
              </a:defRPr>
            </a:pPr>
            <a:endParaRPr lang="en-US"/>
          </a:p>
        </c:txPr>
        <c:crossAx val="330787840"/>
        <c:crosses val="autoZero"/>
        <c:auto val="1"/>
        <c:lblAlgn val="ctr"/>
        <c:lblOffset val="100"/>
        <c:tickLblSkip val="3"/>
        <c:noMultiLvlLbl val="0"/>
      </c:catAx>
      <c:valAx>
        <c:axId val="330787840"/>
        <c:scaling>
          <c:orientation val="minMax"/>
        </c:scaling>
        <c:delete val="1"/>
        <c:axPos val="l"/>
        <c:numFmt formatCode="0%" sourceLinked="1"/>
        <c:majorTickMark val="out"/>
        <c:minorTickMark val="none"/>
        <c:tickLblPos val="nextTo"/>
        <c:crossAx val="330786304"/>
        <c:crosses val="autoZero"/>
        <c:crossBetween val="between"/>
      </c:valAx>
      <c:spPr>
        <a:noFill/>
        <a:ln w="25400">
          <a:noFill/>
        </a:ln>
      </c:spPr>
    </c:plotArea>
    <c:plotVisOnly val="1"/>
    <c:dispBlanksAs val="gap"/>
    <c:showDLblsOverMax val="0"/>
  </c:chart>
  <c:txPr>
    <a:bodyPr/>
    <a:lstStyle/>
    <a:p>
      <a:pPr>
        <a:defRPr sz="1800"/>
      </a:pPr>
      <a:endParaRPr lang="en-US"/>
    </a:p>
  </c:txPr>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4583464566929133"/>
          <c:y val="6.4482473964947926E-2"/>
          <c:w val="0.81465592937246478"/>
          <c:h val="0.6783244433155533"/>
        </c:manualLayout>
      </c:layout>
      <c:lineChart>
        <c:grouping val="standard"/>
        <c:varyColors val="0"/>
        <c:ser>
          <c:idx val="0"/>
          <c:order val="0"/>
          <c:tx>
            <c:strRef>
              <c:f>Sheet1!$C$1</c:f>
              <c:strCache>
                <c:ptCount val="1"/>
                <c:pt idx="0">
                  <c:v>BDCP No Action Alternative 
(with Fall X2 in 2025 ELT)</c:v>
                </c:pt>
              </c:strCache>
            </c:strRef>
          </c:tx>
          <c:spPr>
            <a:ln w="57150">
              <a:solidFill>
                <a:schemeClr val="accent4">
                  <a:lumMod val="75000"/>
                </a:schemeClr>
              </a:solidFill>
            </a:ln>
          </c:spPr>
          <c:marker>
            <c:symbol val="none"/>
          </c:marker>
          <c:cat>
            <c:numRef>
              <c:f>Sheet1!$B$2:$B$102</c:f>
              <c:numCache>
                <c:formatCode>0%</c:formatCode>
                <c:ptCount val="101"/>
                <c:pt idx="0">
                  <c:v>0</c:v>
                </c:pt>
                <c:pt idx="1">
                  <c:v>1.2345679012345678E-2</c:v>
                </c:pt>
                <c:pt idx="2">
                  <c:v>2.4691358024691357E-2</c:v>
                </c:pt>
                <c:pt idx="4">
                  <c:v>3.7037037037037035E-2</c:v>
                </c:pt>
                <c:pt idx="5">
                  <c:v>4.9382716049382713E-2</c:v>
                </c:pt>
                <c:pt idx="6">
                  <c:v>6.1728395061728392E-2</c:v>
                </c:pt>
                <c:pt idx="7">
                  <c:v>7.407407407407407E-2</c:v>
                </c:pt>
                <c:pt idx="9">
                  <c:v>8.6419753086419748E-2</c:v>
                </c:pt>
                <c:pt idx="10">
                  <c:v>9.8765432098765427E-2</c:v>
                </c:pt>
                <c:pt idx="11">
                  <c:v>0.1111111111111111</c:v>
                </c:pt>
                <c:pt idx="12">
                  <c:v>0.12345679012345678</c:v>
                </c:pt>
                <c:pt idx="14">
                  <c:v>0.13580246913580246</c:v>
                </c:pt>
                <c:pt idx="15">
                  <c:v>0.14814814814814814</c:v>
                </c:pt>
                <c:pt idx="16">
                  <c:v>0.16049382716049382</c:v>
                </c:pt>
                <c:pt idx="17">
                  <c:v>0.1728395061728395</c:v>
                </c:pt>
                <c:pt idx="19">
                  <c:v>0.18518518518518517</c:v>
                </c:pt>
                <c:pt idx="20">
                  <c:v>0.19753086419753085</c:v>
                </c:pt>
                <c:pt idx="21">
                  <c:v>0.20987654320987653</c:v>
                </c:pt>
                <c:pt idx="22">
                  <c:v>0.22222222222222221</c:v>
                </c:pt>
                <c:pt idx="23">
                  <c:v>0.23456790123456789</c:v>
                </c:pt>
                <c:pt idx="25">
                  <c:v>0.24691358024691357</c:v>
                </c:pt>
                <c:pt idx="26">
                  <c:v>0.25925925925925924</c:v>
                </c:pt>
                <c:pt idx="27">
                  <c:v>0.27160493827160492</c:v>
                </c:pt>
                <c:pt idx="28">
                  <c:v>0.2839506172839506</c:v>
                </c:pt>
                <c:pt idx="30">
                  <c:v>0.29629629629629628</c:v>
                </c:pt>
                <c:pt idx="31">
                  <c:v>0.30864197530864196</c:v>
                </c:pt>
                <c:pt idx="32">
                  <c:v>0.32098765432098764</c:v>
                </c:pt>
                <c:pt idx="33">
                  <c:v>0.33333333333333331</c:v>
                </c:pt>
                <c:pt idx="35">
                  <c:v>0.34567901234567899</c:v>
                </c:pt>
                <c:pt idx="36">
                  <c:v>0.35802469135802467</c:v>
                </c:pt>
                <c:pt idx="37">
                  <c:v>0.37037037037037035</c:v>
                </c:pt>
                <c:pt idx="38">
                  <c:v>0.38271604938271603</c:v>
                </c:pt>
                <c:pt idx="40">
                  <c:v>0.39506172839506171</c:v>
                </c:pt>
                <c:pt idx="41">
                  <c:v>0.40740740740740738</c:v>
                </c:pt>
                <c:pt idx="42">
                  <c:v>0.41975308641975306</c:v>
                </c:pt>
                <c:pt idx="43">
                  <c:v>0.43209876543209874</c:v>
                </c:pt>
                <c:pt idx="44">
                  <c:v>0.44444444444444442</c:v>
                </c:pt>
                <c:pt idx="46">
                  <c:v>0.4567901234567901</c:v>
                </c:pt>
                <c:pt idx="47">
                  <c:v>0.46913580246913578</c:v>
                </c:pt>
                <c:pt idx="48">
                  <c:v>0.48148148148148145</c:v>
                </c:pt>
                <c:pt idx="49">
                  <c:v>0.49382716049382713</c:v>
                </c:pt>
                <c:pt idx="50">
                  <c:v>0.5</c:v>
                </c:pt>
                <c:pt idx="51">
                  <c:v>0.50617283950617287</c:v>
                </c:pt>
                <c:pt idx="52">
                  <c:v>0.51851851851851849</c:v>
                </c:pt>
                <c:pt idx="53">
                  <c:v>0.53086419753086422</c:v>
                </c:pt>
                <c:pt idx="54">
                  <c:v>0.54320987654320985</c:v>
                </c:pt>
                <c:pt idx="56">
                  <c:v>0.55555555555555558</c:v>
                </c:pt>
                <c:pt idx="57">
                  <c:v>0.5679012345679012</c:v>
                </c:pt>
                <c:pt idx="58">
                  <c:v>0.58024691358024694</c:v>
                </c:pt>
                <c:pt idx="59">
                  <c:v>0.59259259259259256</c:v>
                </c:pt>
                <c:pt idx="60">
                  <c:v>0.60493827160493829</c:v>
                </c:pt>
                <c:pt idx="62">
                  <c:v>0.61728395061728392</c:v>
                </c:pt>
                <c:pt idx="63">
                  <c:v>0.62962962962962965</c:v>
                </c:pt>
                <c:pt idx="64">
                  <c:v>0.64197530864197527</c:v>
                </c:pt>
                <c:pt idx="65">
                  <c:v>0.65432098765432101</c:v>
                </c:pt>
                <c:pt idx="67">
                  <c:v>0.66666666666666663</c:v>
                </c:pt>
                <c:pt idx="68">
                  <c:v>0.67901234567901236</c:v>
                </c:pt>
                <c:pt idx="69">
                  <c:v>0.69135802469135799</c:v>
                </c:pt>
                <c:pt idx="70">
                  <c:v>0.70370370370370372</c:v>
                </c:pt>
                <c:pt idx="72">
                  <c:v>0.71604938271604934</c:v>
                </c:pt>
                <c:pt idx="73">
                  <c:v>0.72839506172839508</c:v>
                </c:pt>
                <c:pt idx="74">
                  <c:v>0.7407407407407407</c:v>
                </c:pt>
                <c:pt idx="75">
                  <c:v>0.75308641975308643</c:v>
                </c:pt>
                <c:pt idx="77">
                  <c:v>0.76543209876543206</c:v>
                </c:pt>
                <c:pt idx="78">
                  <c:v>0.77777777777777779</c:v>
                </c:pt>
                <c:pt idx="79">
                  <c:v>0.79012345679012341</c:v>
                </c:pt>
                <c:pt idx="80">
                  <c:v>0.80246913580246915</c:v>
                </c:pt>
                <c:pt idx="81">
                  <c:v>0.81481481481481477</c:v>
                </c:pt>
                <c:pt idx="83">
                  <c:v>0.8271604938271605</c:v>
                </c:pt>
                <c:pt idx="84">
                  <c:v>0.83950617283950613</c:v>
                </c:pt>
                <c:pt idx="85">
                  <c:v>0.85185185185185186</c:v>
                </c:pt>
                <c:pt idx="86">
                  <c:v>0.86419753086419748</c:v>
                </c:pt>
                <c:pt idx="88">
                  <c:v>0.87654320987654322</c:v>
                </c:pt>
                <c:pt idx="89">
                  <c:v>0.88888888888888884</c:v>
                </c:pt>
                <c:pt idx="90">
                  <c:v>0.90123456790123457</c:v>
                </c:pt>
                <c:pt idx="91">
                  <c:v>0.9135802469135802</c:v>
                </c:pt>
                <c:pt idx="93">
                  <c:v>0.92592592592592593</c:v>
                </c:pt>
                <c:pt idx="94">
                  <c:v>0.93827160493827155</c:v>
                </c:pt>
                <c:pt idx="95">
                  <c:v>0.95061728395061729</c:v>
                </c:pt>
                <c:pt idx="96">
                  <c:v>0.96296296296296291</c:v>
                </c:pt>
                <c:pt idx="98">
                  <c:v>0.97530864197530864</c:v>
                </c:pt>
                <c:pt idx="99">
                  <c:v>0.98765432098765427</c:v>
                </c:pt>
                <c:pt idx="100">
                  <c:v>1</c:v>
                </c:pt>
              </c:numCache>
            </c:numRef>
          </c:cat>
          <c:val>
            <c:numRef>
              <c:f>Sheet1!$C$2:$C$102</c:f>
              <c:numCache>
                <c:formatCode>_(* #,##0_);_(* \(#,##0\);_(* "-"??_);_(@_)</c:formatCode>
                <c:ptCount val="101"/>
                <c:pt idx="0">
                  <c:v>702561.4502760194</c:v>
                </c:pt>
                <c:pt idx="1">
                  <c:v>686151.99021016189</c:v>
                </c:pt>
                <c:pt idx="2">
                  <c:v>647151.65099593159</c:v>
                </c:pt>
                <c:pt idx="4">
                  <c:v>623508.55908606609</c:v>
                </c:pt>
                <c:pt idx="5">
                  <c:v>617449.55741945305</c:v>
                </c:pt>
                <c:pt idx="6">
                  <c:v>601208.33671632805</c:v>
                </c:pt>
                <c:pt idx="7">
                  <c:v>596682.88638784795</c:v>
                </c:pt>
                <c:pt idx="9">
                  <c:v>579449.73166725796</c:v>
                </c:pt>
                <c:pt idx="10">
                  <c:v>573082.90628228243</c:v>
                </c:pt>
                <c:pt idx="11">
                  <c:v>567281.05751226691</c:v>
                </c:pt>
                <c:pt idx="12">
                  <c:v>543600.13867590972</c:v>
                </c:pt>
                <c:pt idx="14">
                  <c:v>538746.70111537899</c:v>
                </c:pt>
                <c:pt idx="15">
                  <c:v>526919.94770144566</c:v>
                </c:pt>
                <c:pt idx="16">
                  <c:v>516211.0552928067</c:v>
                </c:pt>
                <c:pt idx="17">
                  <c:v>502504.15216619265</c:v>
                </c:pt>
                <c:pt idx="19">
                  <c:v>498756.36371707072</c:v>
                </c:pt>
                <c:pt idx="20">
                  <c:v>497442.38519337494</c:v>
                </c:pt>
                <c:pt idx="21">
                  <c:v>455655.87043194688</c:v>
                </c:pt>
                <c:pt idx="22">
                  <c:v>420124.1654829536</c:v>
                </c:pt>
                <c:pt idx="23">
                  <c:v>418912.96584452433</c:v>
                </c:pt>
                <c:pt idx="25">
                  <c:v>414142.40411931777</c:v>
                </c:pt>
                <c:pt idx="26">
                  <c:v>397266.99723172735</c:v>
                </c:pt>
                <c:pt idx="27">
                  <c:v>383748.41732308839</c:v>
                </c:pt>
                <c:pt idx="28">
                  <c:v>381609.15006779402</c:v>
                </c:pt>
                <c:pt idx="30">
                  <c:v>358602.84946410073</c:v>
                </c:pt>
                <c:pt idx="31">
                  <c:v>347750.84121577977</c:v>
                </c:pt>
                <c:pt idx="32">
                  <c:v>343051.75345428701</c:v>
                </c:pt>
                <c:pt idx="33">
                  <c:v>338266.1503260585</c:v>
                </c:pt>
                <c:pt idx="35">
                  <c:v>331842.19984826946</c:v>
                </c:pt>
                <c:pt idx="36">
                  <c:v>328620.48061402357</c:v>
                </c:pt>
                <c:pt idx="37">
                  <c:v>324700.86429816607</c:v>
                </c:pt>
                <c:pt idx="38">
                  <c:v>317919.10939114128</c:v>
                </c:pt>
                <c:pt idx="40">
                  <c:v>306019.41051136347</c:v>
                </c:pt>
                <c:pt idx="41">
                  <c:v>269253.19795971032</c:v>
                </c:pt>
                <c:pt idx="42">
                  <c:v>261965.12550038722</c:v>
                </c:pt>
                <c:pt idx="43">
                  <c:v>260864.05935240156</c:v>
                </c:pt>
                <c:pt idx="44">
                  <c:v>242171.29648760258</c:v>
                </c:pt>
                <c:pt idx="46">
                  <c:v>241954.77079028881</c:v>
                </c:pt>
                <c:pt idx="47">
                  <c:v>240046.4909930265</c:v>
                </c:pt>
                <c:pt idx="48">
                  <c:v>230544.35224044384</c:v>
                </c:pt>
                <c:pt idx="49">
                  <c:v>228576.03854597075</c:v>
                </c:pt>
                <c:pt idx="51">
                  <c:v>219944.39953512378</c:v>
                </c:pt>
                <c:pt idx="52">
                  <c:v>211125.38884943156</c:v>
                </c:pt>
                <c:pt idx="53">
                  <c:v>210662.59918969506</c:v>
                </c:pt>
                <c:pt idx="54">
                  <c:v>209678.09513817116</c:v>
                </c:pt>
                <c:pt idx="56">
                  <c:v>200484.40792871846</c:v>
                </c:pt>
                <c:pt idx="57">
                  <c:v>195067.45496513412</c:v>
                </c:pt>
                <c:pt idx="58">
                  <c:v>173683.72207515477</c:v>
                </c:pt>
                <c:pt idx="59">
                  <c:v>170968.87848657012</c:v>
                </c:pt>
                <c:pt idx="60">
                  <c:v>169916.40544292331</c:v>
                </c:pt>
                <c:pt idx="62">
                  <c:v>165844.37612990665</c:v>
                </c:pt>
                <c:pt idx="63">
                  <c:v>164487.97100981389</c:v>
                </c:pt>
                <c:pt idx="64">
                  <c:v>158795.56156379107</c:v>
                </c:pt>
                <c:pt idx="65">
                  <c:v>152449.91170583648</c:v>
                </c:pt>
                <c:pt idx="67">
                  <c:v>151622.65173037167</c:v>
                </c:pt>
                <c:pt idx="68">
                  <c:v>149773.09739798534</c:v>
                </c:pt>
                <c:pt idx="69">
                  <c:v>146489.39662964831</c:v>
                </c:pt>
                <c:pt idx="70">
                  <c:v>132388.40925232423</c:v>
                </c:pt>
                <c:pt idx="72">
                  <c:v>128850.84549328501</c:v>
                </c:pt>
                <c:pt idx="73">
                  <c:v>123437.02027376016</c:v>
                </c:pt>
                <c:pt idx="74">
                  <c:v>119615.95525568147</c:v>
                </c:pt>
                <c:pt idx="75">
                  <c:v>92459.873127582527</c:v>
                </c:pt>
                <c:pt idx="77">
                  <c:v>92151.979919937759</c:v>
                </c:pt>
                <c:pt idx="78">
                  <c:v>91239.669421487459</c:v>
                </c:pt>
                <c:pt idx="79">
                  <c:v>72728.732889979146</c:v>
                </c:pt>
                <c:pt idx="80">
                  <c:v>69581.164288481363</c:v>
                </c:pt>
                <c:pt idx="81">
                  <c:v>67326.581869834583</c:v>
                </c:pt>
                <c:pt idx="83">
                  <c:v>61988.847172003974</c:v>
                </c:pt>
                <c:pt idx="84">
                  <c:v>60495.867768594937</c:v>
                </c:pt>
                <c:pt idx="85">
                  <c:v>57657.364733987451</c:v>
                </c:pt>
                <c:pt idx="86">
                  <c:v>57275.251162190056</c:v>
                </c:pt>
                <c:pt idx="88">
                  <c:v>51129.168711260209</c:v>
                </c:pt>
                <c:pt idx="89">
                  <c:v>50765.839036673424</c:v>
                </c:pt>
                <c:pt idx="90">
                  <c:v>50475.279894111467</c:v>
                </c:pt>
                <c:pt idx="91">
                  <c:v>49198.170519111452</c:v>
                </c:pt>
                <c:pt idx="93">
                  <c:v>46919.467329545339</c:v>
                </c:pt>
                <c:pt idx="94">
                  <c:v>40518.431366218916</c:v>
                </c:pt>
                <c:pt idx="95">
                  <c:v>40518.431366218916</c:v>
                </c:pt>
                <c:pt idx="96">
                  <c:v>40518.431366218916</c:v>
                </c:pt>
                <c:pt idx="98" formatCode="0">
                  <c:v>40.518431366218913</c:v>
                </c:pt>
                <c:pt idx="99" formatCode="0">
                  <c:v>28.088621513429736</c:v>
                </c:pt>
                <c:pt idx="100" formatCode="0">
                  <c:v>11.751502453512392</c:v>
                </c:pt>
              </c:numCache>
            </c:numRef>
          </c:val>
          <c:smooth val="0"/>
        </c:ser>
        <c:ser>
          <c:idx val="1"/>
          <c:order val="1"/>
          <c:tx>
            <c:strRef>
              <c:f>Sheet1!$D$1</c:f>
              <c:strCache>
                <c:ptCount val="1"/>
                <c:pt idx="0">
                  <c:v>Cal Water Fix 
(Alt 4A in 2025 ELT)</c:v>
                </c:pt>
              </c:strCache>
            </c:strRef>
          </c:tx>
          <c:spPr>
            <a:ln w="57150">
              <a:solidFill>
                <a:srgbClr val="00B0F0"/>
              </a:solidFill>
            </a:ln>
          </c:spPr>
          <c:marker>
            <c:symbol val="none"/>
          </c:marker>
          <c:cat>
            <c:numRef>
              <c:f>Sheet1!$B$2:$B$102</c:f>
              <c:numCache>
                <c:formatCode>0%</c:formatCode>
                <c:ptCount val="101"/>
                <c:pt idx="0">
                  <c:v>0</c:v>
                </c:pt>
                <c:pt idx="1">
                  <c:v>1.2345679012345678E-2</c:v>
                </c:pt>
                <c:pt idx="2">
                  <c:v>2.4691358024691357E-2</c:v>
                </c:pt>
                <c:pt idx="4">
                  <c:v>3.7037037037037035E-2</c:v>
                </c:pt>
                <c:pt idx="5">
                  <c:v>4.9382716049382713E-2</c:v>
                </c:pt>
                <c:pt idx="6">
                  <c:v>6.1728395061728392E-2</c:v>
                </c:pt>
                <c:pt idx="7">
                  <c:v>7.407407407407407E-2</c:v>
                </c:pt>
                <c:pt idx="9">
                  <c:v>8.6419753086419748E-2</c:v>
                </c:pt>
                <c:pt idx="10">
                  <c:v>9.8765432098765427E-2</c:v>
                </c:pt>
                <c:pt idx="11">
                  <c:v>0.1111111111111111</c:v>
                </c:pt>
                <c:pt idx="12">
                  <c:v>0.12345679012345678</c:v>
                </c:pt>
                <c:pt idx="14">
                  <c:v>0.13580246913580246</c:v>
                </c:pt>
                <c:pt idx="15">
                  <c:v>0.14814814814814814</c:v>
                </c:pt>
                <c:pt idx="16">
                  <c:v>0.16049382716049382</c:v>
                </c:pt>
                <c:pt idx="17">
                  <c:v>0.1728395061728395</c:v>
                </c:pt>
                <c:pt idx="19">
                  <c:v>0.18518518518518517</c:v>
                </c:pt>
                <c:pt idx="20">
                  <c:v>0.19753086419753085</c:v>
                </c:pt>
                <c:pt idx="21">
                  <c:v>0.20987654320987653</c:v>
                </c:pt>
                <c:pt idx="22">
                  <c:v>0.22222222222222221</c:v>
                </c:pt>
                <c:pt idx="23">
                  <c:v>0.23456790123456789</c:v>
                </c:pt>
                <c:pt idx="25">
                  <c:v>0.24691358024691357</c:v>
                </c:pt>
                <c:pt idx="26">
                  <c:v>0.25925925925925924</c:v>
                </c:pt>
                <c:pt idx="27">
                  <c:v>0.27160493827160492</c:v>
                </c:pt>
                <c:pt idx="28">
                  <c:v>0.2839506172839506</c:v>
                </c:pt>
                <c:pt idx="30">
                  <c:v>0.29629629629629628</c:v>
                </c:pt>
                <c:pt idx="31">
                  <c:v>0.30864197530864196</c:v>
                </c:pt>
                <c:pt idx="32">
                  <c:v>0.32098765432098764</c:v>
                </c:pt>
                <c:pt idx="33">
                  <c:v>0.33333333333333331</c:v>
                </c:pt>
                <c:pt idx="35">
                  <c:v>0.34567901234567899</c:v>
                </c:pt>
                <c:pt idx="36">
                  <c:v>0.35802469135802467</c:v>
                </c:pt>
                <c:pt idx="37">
                  <c:v>0.37037037037037035</c:v>
                </c:pt>
                <c:pt idx="38">
                  <c:v>0.38271604938271603</c:v>
                </c:pt>
                <c:pt idx="40">
                  <c:v>0.39506172839506171</c:v>
                </c:pt>
                <c:pt idx="41">
                  <c:v>0.40740740740740738</c:v>
                </c:pt>
                <c:pt idx="42">
                  <c:v>0.41975308641975306</c:v>
                </c:pt>
                <c:pt idx="43">
                  <c:v>0.43209876543209874</c:v>
                </c:pt>
                <c:pt idx="44">
                  <c:v>0.44444444444444442</c:v>
                </c:pt>
                <c:pt idx="46">
                  <c:v>0.4567901234567901</c:v>
                </c:pt>
                <c:pt idx="47">
                  <c:v>0.46913580246913578</c:v>
                </c:pt>
                <c:pt idx="48">
                  <c:v>0.48148148148148145</c:v>
                </c:pt>
                <c:pt idx="49">
                  <c:v>0.49382716049382713</c:v>
                </c:pt>
                <c:pt idx="50">
                  <c:v>0.5</c:v>
                </c:pt>
                <c:pt idx="51">
                  <c:v>0.50617283950617287</c:v>
                </c:pt>
                <c:pt idx="52">
                  <c:v>0.51851851851851849</c:v>
                </c:pt>
                <c:pt idx="53">
                  <c:v>0.53086419753086422</c:v>
                </c:pt>
                <c:pt idx="54">
                  <c:v>0.54320987654320985</c:v>
                </c:pt>
                <c:pt idx="56">
                  <c:v>0.55555555555555558</c:v>
                </c:pt>
                <c:pt idx="57">
                  <c:v>0.5679012345679012</c:v>
                </c:pt>
                <c:pt idx="58">
                  <c:v>0.58024691358024694</c:v>
                </c:pt>
                <c:pt idx="59">
                  <c:v>0.59259259259259256</c:v>
                </c:pt>
                <c:pt idx="60">
                  <c:v>0.60493827160493829</c:v>
                </c:pt>
                <c:pt idx="62">
                  <c:v>0.61728395061728392</c:v>
                </c:pt>
                <c:pt idx="63">
                  <c:v>0.62962962962962965</c:v>
                </c:pt>
                <c:pt idx="64">
                  <c:v>0.64197530864197527</c:v>
                </c:pt>
                <c:pt idx="65">
                  <c:v>0.65432098765432101</c:v>
                </c:pt>
                <c:pt idx="67">
                  <c:v>0.66666666666666663</c:v>
                </c:pt>
                <c:pt idx="68">
                  <c:v>0.67901234567901236</c:v>
                </c:pt>
                <c:pt idx="69">
                  <c:v>0.69135802469135799</c:v>
                </c:pt>
                <c:pt idx="70">
                  <c:v>0.70370370370370372</c:v>
                </c:pt>
                <c:pt idx="72">
                  <c:v>0.71604938271604934</c:v>
                </c:pt>
                <c:pt idx="73">
                  <c:v>0.72839506172839508</c:v>
                </c:pt>
                <c:pt idx="74">
                  <c:v>0.7407407407407407</c:v>
                </c:pt>
                <c:pt idx="75">
                  <c:v>0.75308641975308643</c:v>
                </c:pt>
                <c:pt idx="77">
                  <c:v>0.76543209876543206</c:v>
                </c:pt>
                <c:pt idx="78">
                  <c:v>0.77777777777777779</c:v>
                </c:pt>
                <c:pt idx="79">
                  <c:v>0.79012345679012341</c:v>
                </c:pt>
                <c:pt idx="80">
                  <c:v>0.80246913580246915</c:v>
                </c:pt>
                <c:pt idx="81">
                  <c:v>0.81481481481481477</c:v>
                </c:pt>
                <c:pt idx="83">
                  <c:v>0.8271604938271605</c:v>
                </c:pt>
                <c:pt idx="84">
                  <c:v>0.83950617283950613</c:v>
                </c:pt>
                <c:pt idx="85">
                  <c:v>0.85185185185185186</c:v>
                </c:pt>
                <c:pt idx="86">
                  <c:v>0.86419753086419748</c:v>
                </c:pt>
                <c:pt idx="88">
                  <c:v>0.87654320987654322</c:v>
                </c:pt>
                <c:pt idx="89">
                  <c:v>0.88888888888888884</c:v>
                </c:pt>
                <c:pt idx="90">
                  <c:v>0.90123456790123457</c:v>
                </c:pt>
                <c:pt idx="91">
                  <c:v>0.9135802469135802</c:v>
                </c:pt>
                <c:pt idx="93">
                  <c:v>0.92592592592592593</c:v>
                </c:pt>
                <c:pt idx="94">
                  <c:v>0.93827160493827155</c:v>
                </c:pt>
                <c:pt idx="95">
                  <c:v>0.95061728395061729</c:v>
                </c:pt>
                <c:pt idx="96">
                  <c:v>0.96296296296296291</c:v>
                </c:pt>
                <c:pt idx="98">
                  <c:v>0.97530864197530864</c:v>
                </c:pt>
                <c:pt idx="99">
                  <c:v>0.98765432098765427</c:v>
                </c:pt>
                <c:pt idx="100">
                  <c:v>1</c:v>
                </c:pt>
              </c:numCache>
            </c:numRef>
          </c:cat>
          <c:val>
            <c:numRef>
              <c:f>Sheet1!$D$2:$D$102</c:f>
              <c:numCache>
                <c:formatCode>_(* #,##0_);_(* \(#,##0\);_(* "-"??_);_(@_)</c:formatCode>
                <c:ptCount val="101"/>
                <c:pt idx="0">
                  <c:v>2439793.5842466713</c:v>
                </c:pt>
                <c:pt idx="1">
                  <c:v>2288921.1228854563</c:v>
                </c:pt>
                <c:pt idx="2">
                  <c:v>2246654.1382844746</c:v>
                </c:pt>
                <c:pt idx="4">
                  <c:v>2244518.9104266176</c:v>
                </c:pt>
                <c:pt idx="5">
                  <c:v>2176783.3872191343</c:v>
                </c:pt>
                <c:pt idx="6">
                  <c:v>2165888.7762905117</c:v>
                </c:pt>
                <c:pt idx="7">
                  <c:v>2138723.6557132909</c:v>
                </c:pt>
                <c:pt idx="9">
                  <c:v>2116912.5880722138</c:v>
                </c:pt>
                <c:pt idx="10">
                  <c:v>2111390.826446278</c:v>
                </c:pt>
                <c:pt idx="11">
                  <c:v>2064413.1106340359</c:v>
                </c:pt>
                <c:pt idx="12">
                  <c:v>2009225.3769450514</c:v>
                </c:pt>
                <c:pt idx="14">
                  <c:v>1959097.5324444703</c:v>
                </c:pt>
                <c:pt idx="15">
                  <c:v>1797002.5171100178</c:v>
                </c:pt>
                <c:pt idx="16">
                  <c:v>1758108.9136751008</c:v>
                </c:pt>
                <c:pt idx="17">
                  <c:v>1735519.505907797</c:v>
                </c:pt>
                <c:pt idx="19">
                  <c:v>1720989.0699251005</c:v>
                </c:pt>
                <c:pt idx="20">
                  <c:v>1651398.2381521151</c:v>
                </c:pt>
                <c:pt idx="21">
                  <c:v>1640762.3834581587</c:v>
                </c:pt>
                <c:pt idx="22">
                  <c:v>1639184.3080126522</c:v>
                </c:pt>
                <c:pt idx="23">
                  <c:v>1617138.4225287293</c:v>
                </c:pt>
                <c:pt idx="25">
                  <c:v>1575004.2775858706</c:v>
                </c:pt>
                <c:pt idx="26">
                  <c:v>1569376.9854080554</c:v>
                </c:pt>
                <c:pt idx="27">
                  <c:v>1543213.2373450391</c:v>
                </c:pt>
                <c:pt idx="28">
                  <c:v>1531406.7427201681</c:v>
                </c:pt>
                <c:pt idx="30">
                  <c:v>1429035.7108729314</c:v>
                </c:pt>
                <c:pt idx="31">
                  <c:v>1396590.596106661</c:v>
                </c:pt>
                <c:pt idx="32">
                  <c:v>1385536.6691955037</c:v>
                </c:pt>
                <c:pt idx="33">
                  <c:v>1366402.6181559893</c:v>
                </c:pt>
                <c:pt idx="35">
                  <c:v>1362353.4232147445</c:v>
                </c:pt>
                <c:pt idx="36">
                  <c:v>1335229.7882231383</c:v>
                </c:pt>
                <c:pt idx="37">
                  <c:v>1307211.51068569</c:v>
                </c:pt>
                <c:pt idx="38">
                  <c:v>1271995.5715715368</c:v>
                </c:pt>
                <c:pt idx="40">
                  <c:v>1268808.55872288</c:v>
                </c:pt>
                <c:pt idx="41">
                  <c:v>1209475.2855032904</c:v>
                </c:pt>
                <c:pt idx="42">
                  <c:v>1203285.0941858189</c:v>
                </c:pt>
                <c:pt idx="43">
                  <c:v>1192936.306979595</c:v>
                </c:pt>
                <c:pt idx="44">
                  <c:v>1180222.8449495151</c:v>
                </c:pt>
                <c:pt idx="46">
                  <c:v>1175086.3452350183</c:v>
                </c:pt>
                <c:pt idx="47">
                  <c:v>1174330.8262848635</c:v>
                </c:pt>
                <c:pt idx="48">
                  <c:v>1166042.4777650416</c:v>
                </c:pt>
                <c:pt idx="49">
                  <c:v>1147769.7542452198</c:v>
                </c:pt>
                <c:pt idx="51">
                  <c:v>1121085.7004616456</c:v>
                </c:pt>
                <c:pt idx="52">
                  <c:v>1114881.4496707104</c:v>
                </c:pt>
                <c:pt idx="53">
                  <c:v>1101906.8174819294</c:v>
                </c:pt>
                <c:pt idx="54">
                  <c:v>1028954.893465907</c:v>
                </c:pt>
                <c:pt idx="56">
                  <c:v>1023546.3586324875</c:v>
                </c:pt>
                <c:pt idx="57">
                  <c:v>992191.45104274096</c:v>
                </c:pt>
                <c:pt idx="58">
                  <c:v>976384.78289643396</c:v>
                </c:pt>
                <c:pt idx="59">
                  <c:v>974791.13301426708</c:v>
                </c:pt>
                <c:pt idx="60">
                  <c:v>974760.85287803249</c:v>
                </c:pt>
                <c:pt idx="62">
                  <c:v>957159.47088067967</c:v>
                </c:pt>
                <c:pt idx="63">
                  <c:v>909504.31785898563</c:v>
                </c:pt>
                <c:pt idx="64">
                  <c:v>875912.9456676119</c:v>
                </c:pt>
                <c:pt idx="65">
                  <c:v>867592.24964488449</c:v>
                </c:pt>
                <c:pt idx="67">
                  <c:v>792177.7407509021</c:v>
                </c:pt>
                <c:pt idx="68">
                  <c:v>785680.04701220116</c:v>
                </c:pt>
                <c:pt idx="69">
                  <c:v>755445.16204077168</c:v>
                </c:pt>
                <c:pt idx="70">
                  <c:v>729810.61754210736</c:v>
                </c:pt>
                <c:pt idx="72">
                  <c:v>724800.10919744137</c:v>
                </c:pt>
                <c:pt idx="73">
                  <c:v>680330.36980242585</c:v>
                </c:pt>
                <c:pt idx="74">
                  <c:v>665218.12826865795</c:v>
                </c:pt>
                <c:pt idx="75">
                  <c:v>638936.77637525671</c:v>
                </c:pt>
                <c:pt idx="77">
                  <c:v>625203.64443439909</c:v>
                </c:pt>
                <c:pt idx="78">
                  <c:v>607727.4556107939</c:v>
                </c:pt>
                <c:pt idx="79">
                  <c:v>601451.82722107274</c:v>
                </c:pt>
                <c:pt idx="80">
                  <c:v>586399.54101562337</c:v>
                </c:pt>
                <c:pt idx="81">
                  <c:v>568592.90093540004</c:v>
                </c:pt>
                <c:pt idx="83">
                  <c:v>547782.20977530826</c:v>
                </c:pt>
                <c:pt idx="84">
                  <c:v>535431.87725981255</c:v>
                </c:pt>
                <c:pt idx="85">
                  <c:v>523626.08890753996</c:v>
                </c:pt>
                <c:pt idx="86">
                  <c:v>506495.30346074264</c:v>
                </c:pt>
                <c:pt idx="88">
                  <c:v>407229.12149728718</c:v>
                </c:pt>
                <c:pt idx="89">
                  <c:v>386290.5754455055</c:v>
                </c:pt>
                <c:pt idx="90">
                  <c:v>306159.62293388351</c:v>
                </c:pt>
                <c:pt idx="91">
                  <c:v>278862.26207386324</c:v>
                </c:pt>
                <c:pt idx="93">
                  <c:v>247601.58007408926</c:v>
                </c:pt>
                <c:pt idx="94">
                  <c:v>199235.12332128073</c:v>
                </c:pt>
                <c:pt idx="95">
                  <c:v>164448.41393336735</c:v>
                </c:pt>
                <c:pt idx="96">
                  <c:v>79655.981404958584</c:v>
                </c:pt>
                <c:pt idx="98" formatCode="0">
                  <c:v>68.840030346074315</c:v>
                </c:pt>
                <c:pt idx="99" formatCode="0">
                  <c:v>66.753405216942085</c:v>
                </c:pt>
                <c:pt idx="100" formatCode="0">
                  <c:v>63.787263688016481</c:v>
                </c:pt>
              </c:numCache>
            </c:numRef>
          </c:val>
          <c:smooth val="0"/>
        </c:ser>
        <c:dLbls>
          <c:showLegendKey val="0"/>
          <c:showVal val="0"/>
          <c:showCatName val="0"/>
          <c:showSerName val="0"/>
          <c:showPercent val="0"/>
          <c:showBubbleSize val="0"/>
        </c:dLbls>
        <c:marker val="1"/>
        <c:smooth val="0"/>
        <c:axId val="330828416"/>
        <c:axId val="330846976"/>
      </c:lineChart>
      <c:catAx>
        <c:axId val="330828416"/>
        <c:scaling>
          <c:orientation val="minMax"/>
        </c:scaling>
        <c:delete val="0"/>
        <c:axPos val="b"/>
        <c:title>
          <c:tx>
            <c:rich>
              <a:bodyPr/>
              <a:lstStyle/>
              <a:p>
                <a:pPr>
                  <a:defRPr sz="2000">
                    <a:solidFill>
                      <a:schemeClr val="tx1"/>
                    </a:solidFill>
                  </a:defRPr>
                </a:pPr>
                <a:r>
                  <a:rPr lang="en-US" sz="2000" dirty="0" smtClean="0">
                    <a:solidFill>
                      <a:schemeClr val="tx1"/>
                    </a:solidFill>
                  </a:rPr>
                  <a:t>Exceedance</a:t>
                </a:r>
                <a:endParaRPr lang="en-US" sz="2000" dirty="0">
                  <a:solidFill>
                    <a:schemeClr val="tx1"/>
                  </a:solidFill>
                </a:endParaRPr>
              </a:p>
            </c:rich>
          </c:tx>
          <c:layout/>
          <c:overlay val="0"/>
        </c:title>
        <c:numFmt formatCode="0%" sourceLinked="1"/>
        <c:majorTickMark val="out"/>
        <c:minorTickMark val="none"/>
        <c:tickLblPos val="nextTo"/>
        <c:txPr>
          <a:bodyPr/>
          <a:lstStyle/>
          <a:p>
            <a:pPr>
              <a:defRPr sz="2000" b="1"/>
            </a:pPr>
            <a:endParaRPr lang="en-US"/>
          </a:p>
        </c:txPr>
        <c:crossAx val="330846976"/>
        <c:crosses val="autoZero"/>
        <c:auto val="1"/>
        <c:lblAlgn val="ctr"/>
        <c:lblOffset val="100"/>
        <c:tickLblSkip val="10"/>
        <c:tickMarkSkip val="5"/>
        <c:noMultiLvlLbl val="0"/>
      </c:catAx>
      <c:valAx>
        <c:axId val="330846976"/>
        <c:scaling>
          <c:orientation val="minMax"/>
        </c:scaling>
        <c:delete val="0"/>
        <c:axPos val="l"/>
        <c:majorGridlines>
          <c:spPr>
            <a:ln>
              <a:solidFill>
                <a:schemeClr val="accent3">
                  <a:lumMod val="50000"/>
                </a:schemeClr>
              </a:solidFill>
            </a:ln>
          </c:spPr>
        </c:majorGridlines>
        <c:title>
          <c:tx>
            <c:rich>
              <a:bodyPr rot="-5400000" vert="horz"/>
              <a:lstStyle/>
              <a:p>
                <a:pPr>
                  <a:defRPr sz="2000">
                    <a:solidFill>
                      <a:schemeClr val="tx1"/>
                    </a:solidFill>
                  </a:defRPr>
                </a:pPr>
                <a:r>
                  <a:rPr lang="en-US" sz="2000" dirty="0" smtClean="0">
                    <a:solidFill>
                      <a:schemeClr val="tx1"/>
                    </a:solidFill>
                  </a:rPr>
                  <a:t>Transfer Capability (million ac-ft.)</a:t>
                </a:r>
                <a:endParaRPr lang="en-US" sz="2000" dirty="0">
                  <a:solidFill>
                    <a:schemeClr val="tx1"/>
                  </a:solidFill>
                </a:endParaRPr>
              </a:p>
            </c:rich>
          </c:tx>
          <c:layout>
            <c:manualLayout>
              <c:xMode val="edge"/>
              <c:yMode val="edge"/>
              <c:x val="3.0681221665474251E-3"/>
              <c:y val="6.1115697231394504E-2"/>
            </c:manualLayout>
          </c:layout>
          <c:overlay val="0"/>
        </c:title>
        <c:numFmt formatCode="#,##0.0" sourceLinked="0"/>
        <c:majorTickMark val="out"/>
        <c:minorTickMark val="out"/>
        <c:tickLblPos val="nextTo"/>
        <c:spPr>
          <a:ln w="9525"/>
        </c:spPr>
        <c:txPr>
          <a:bodyPr/>
          <a:lstStyle/>
          <a:p>
            <a:pPr>
              <a:defRPr sz="2000" b="1"/>
            </a:pPr>
            <a:endParaRPr lang="en-US"/>
          </a:p>
        </c:txPr>
        <c:crossAx val="330828416"/>
        <c:crosses val="autoZero"/>
        <c:crossBetween val="between"/>
        <c:dispUnits>
          <c:builtInUnit val="millions"/>
        </c:dispUnits>
      </c:valAx>
    </c:plotArea>
    <c:plotVisOnly val="1"/>
    <c:dispBlanksAs val="span"/>
    <c:showDLblsOverMax val="0"/>
  </c:chart>
  <c:txPr>
    <a:bodyPr/>
    <a:lstStyle/>
    <a:p>
      <a:pPr>
        <a:defRPr sz="1800"/>
      </a:pPr>
      <a:endParaRPr lang="en-US"/>
    </a:p>
  </c:txPr>
  <c:externalData r:id="rId1">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2669054881653308"/>
          <c:y val="4.3453233118587446E-2"/>
          <c:w val="0.84610413563169473"/>
          <c:h val="0.80601208939791613"/>
        </c:manualLayout>
      </c:layout>
      <c:barChart>
        <c:barDir val="col"/>
        <c:grouping val="stacked"/>
        <c:varyColors val="0"/>
        <c:ser>
          <c:idx val="2"/>
          <c:order val="0"/>
          <c:tx>
            <c:strRef>
              <c:f>Sheet1!$A$3</c:f>
              <c:strCache>
                <c:ptCount val="1"/>
                <c:pt idx="0">
                  <c:v>Min</c:v>
                </c:pt>
              </c:strCache>
            </c:strRef>
          </c:tx>
          <c:spPr>
            <a:noFill/>
            <a:ln>
              <a:noFill/>
            </a:ln>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c:spPr>
          <c:invertIfNegative val="0"/>
          <c:cat>
            <c:strRef>
              <c:f>Sheet1!$B$1:$F$1</c:f>
              <c:strCache>
                <c:ptCount val="5"/>
                <c:pt idx="0">
                  <c:v>2020</c:v>
                </c:pt>
                <c:pt idx="1">
                  <c:v>2025</c:v>
                </c:pt>
                <c:pt idx="2">
                  <c:v>2030</c:v>
                </c:pt>
                <c:pt idx="3">
                  <c:v>2035</c:v>
                </c:pt>
                <c:pt idx="4">
                  <c:v>2040</c:v>
                </c:pt>
              </c:strCache>
            </c:strRef>
          </c:cat>
          <c:val>
            <c:numRef>
              <c:f>Sheet1!$B$3:$F$3</c:f>
              <c:numCache>
                <c:formatCode>#,##0</c:formatCode>
                <c:ptCount val="5"/>
                <c:pt idx="0">
                  <c:v>228936</c:v>
                </c:pt>
                <c:pt idx="1">
                  <c:v>228936</c:v>
                </c:pt>
                <c:pt idx="2">
                  <c:v>313582</c:v>
                </c:pt>
                <c:pt idx="3">
                  <c:v>313582</c:v>
                </c:pt>
                <c:pt idx="4">
                  <c:v>313582</c:v>
                </c:pt>
              </c:numCache>
            </c:numRef>
          </c:val>
        </c:ser>
        <c:ser>
          <c:idx val="0"/>
          <c:order val="2"/>
          <c:tx>
            <c:strRef>
              <c:f>Sheet1!$A$4</c:f>
              <c:strCache>
                <c:ptCount val="1"/>
                <c:pt idx="0">
                  <c:v>Max</c:v>
                </c:pt>
              </c:strCache>
            </c:strRef>
          </c:tx>
          <c:spPr>
            <a:gradFill rotWithShape="1">
              <a:gsLst>
                <a:gs pos="0">
                  <a:schemeClr val="accent5">
                    <a:shade val="15000"/>
                    <a:satMod val="180000"/>
                    <a:alpha val="60000"/>
                  </a:schemeClr>
                </a:gs>
                <a:gs pos="50000">
                  <a:schemeClr val="accent5">
                    <a:shade val="45000"/>
                    <a:satMod val="170000"/>
                    <a:alpha val="60000"/>
                  </a:schemeClr>
                </a:gs>
                <a:gs pos="70000">
                  <a:schemeClr val="accent5">
                    <a:tint val="99000"/>
                    <a:shade val="65000"/>
                    <a:satMod val="155000"/>
                    <a:alpha val="60000"/>
                  </a:schemeClr>
                </a:gs>
                <a:gs pos="100000">
                  <a:schemeClr val="accent5">
                    <a:tint val="95500"/>
                    <a:shade val="100000"/>
                    <a:satMod val="155000"/>
                    <a:alpha val="60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5">
                  <a:satMod val="300000"/>
                </a:schemeClr>
              </a:contourClr>
            </a:sp3d>
          </c:spPr>
          <c:invertIfNegative val="0"/>
          <c:cat>
            <c:strRef>
              <c:f>Sheet1!$B$1:$F$1</c:f>
              <c:strCache>
                <c:ptCount val="5"/>
                <c:pt idx="0">
                  <c:v>2020</c:v>
                </c:pt>
                <c:pt idx="1">
                  <c:v>2025</c:v>
                </c:pt>
                <c:pt idx="2">
                  <c:v>2030</c:v>
                </c:pt>
                <c:pt idx="3">
                  <c:v>2035</c:v>
                </c:pt>
                <c:pt idx="4">
                  <c:v>2040</c:v>
                </c:pt>
              </c:strCache>
            </c:strRef>
          </c:cat>
          <c:val>
            <c:numRef>
              <c:f>Sheet1!$B$4:$F$4</c:f>
              <c:numCache>
                <c:formatCode>#,##0</c:formatCode>
                <c:ptCount val="5"/>
                <c:pt idx="0">
                  <c:v>1466115</c:v>
                </c:pt>
                <c:pt idx="1">
                  <c:v>1466115</c:v>
                </c:pt>
                <c:pt idx="2">
                  <c:v>1549073</c:v>
                </c:pt>
                <c:pt idx="3">
                  <c:v>1549073</c:v>
                </c:pt>
                <c:pt idx="4">
                  <c:v>1549073</c:v>
                </c:pt>
              </c:numCache>
            </c:numRef>
          </c:val>
        </c:ser>
        <c:dLbls>
          <c:showLegendKey val="0"/>
          <c:showVal val="0"/>
          <c:showCatName val="0"/>
          <c:showSerName val="0"/>
          <c:showPercent val="0"/>
          <c:showBubbleSize val="0"/>
        </c:dLbls>
        <c:gapWidth val="20"/>
        <c:overlap val="100"/>
        <c:axId val="331453568"/>
        <c:axId val="331455104"/>
      </c:barChart>
      <c:lineChart>
        <c:grouping val="standard"/>
        <c:varyColors val="0"/>
        <c:ser>
          <c:idx val="3"/>
          <c:order val="1"/>
          <c:tx>
            <c:strRef>
              <c:f>Sheet1!$A$2</c:f>
              <c:strCache>
                <c:ptCount val="1"/>
                <c:pt idx="0">
                  <c:v>California Water Fix</c:v>
                </c:pt>
              </c:strCache>
            </c:strRef>
          </c:tx>
          <c:spPr>
            <a:ln>
              <a:noFill/>
            </a:ln>
            <a:effectLst>
              <a:outerShdw blurRad="63500" dist="38100" dir="5400000" rotWithShape="0">
                <a:srgbClr val="000000">
                  <a:alpha val="45000"/>
                </a:srgbClr>
              </a:outerShdw>
            </a:effectLst>
          </c:spPr>
          <c:marker>
            <c:symbol val="square"/>
            <c:size val="15"/>
            <c:spPr>
              <a:gradFill rotWithShape="1">
                <a:gsLst>
                  <a:gs pos="0">
                    <a:schemeClr val="accent4">
                      <a:shade val="15000"/>
                      <a:satMod val="180000"/>
                    </a:schemeClr>
                  </a:gs>
                  <a:gs pos="50000">
                    <a:schemeClr val="accent4">
                      <a:shade val="45000"/>
                      <a:satMod val="170000"/>
                    </a:schemeClr>
                  </a:gs>
                  <a:gs pos="70000">
                    <a:schemeClr val="accent4">
                      <a:tint val="99000"/>
                      <a:shade val="65000"/>
                      <a:satMod val="155000"/>
                    </a:schemeClr>
                  </a:gs>
                  <a:gs pos="100000">
                    <a:schemeClr val="accent4">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4">
                    <a:satMod val="300000"/>
                  </a:schemeClr>
                </a:contourClr>
              </a:sp3d>
            </c:spPr>
          </c:marker>
          <c:dLbls>
            <c:numFmt formatCode="#,##0.00" sourceLinked="0"/>
            <c:txPr>
              <a:bodyPr/>
              <a:lstStyle/>
              <a:p>
                <a:pPr>
                  <a:defRPr sz="2000" b="1">
                    <a:effectLst>
                      <a:outerShdw blurRad="38100" dist="38100" dir="2700000" algn="tl">
                        <a:srgbClr val="000000">
                          <a:alpha val="43137"/>
                        </a:srgbClr>
                      </a:outerShdw>
                    </a:effectLst>
                    <a:latin typeface="+mj-lt"/>
                  </a:defRPr>
                </a:pPr>
                <a:endParaRPr lang="en-US"/>
              </a:p>
            </c:txPr>
            <c:dLblPos val="t"/>
            <c:showLegendKey val="0"/>
            <c:showVal val="1"/>
            <c:showCatName val="0"/>
            <c:showSerName val="0"/>
            <c:showPercent val="0"/>
            <c:showBubbleSize val="0"/>
            <c:showLeaderLines val="0"/>
          </c:dLbls>
          <c:val>
            <c:numRef>
              <c:f>Sheet1!$B$2:$F$2</c:f>
              <c:numCache>
                <c:formatCode>#,##0</c:formatCode>
                <c:ptCount val="5"/>
                <c:pt idx="0">
                  <c:v>984267</c:v>
                </c:pt>
                <c:pt idx="1">
                  <c:v>984267</c:v>
                </c:pt>
                <c:pt idx="2">
                  <c:v>1213358.9010989012</c:v>
                </c:pt>
                <c:pt idx="3">
                  <c:v>1213358.9010989012</c:v>
                </c:pt>
                <c:pt idx="4">
                  <c:v>1213358.9010989012</c:v>
                </c:pt>
              </c:numCache>
            </c:numRef>
          </c:val>
          <c:smooth val="0"/>
        </c:ser>
        <c:dLbls>
          <c:showLegendKey val="0"/>
          <c:showVal val="0"/>
          <c:showCatName val="0"/>
          <c:showSerName val="0"/>
          <c:showPercent val="0"/>
          <c:showBubbleSize val="0"/>
        </c:dLbls>
        <c:marker val="1"/>
        <c:smooth val="0"/>
        <c:axId val="331453568"/>
        <c:axId val="331455104"/>
      </c:lineChart>
      <c:catAx>
        <c:axId val="331453568"/>
        <c:scaling>
          <c:orientation val="minMax"/>
        </c:scaling>
        <c:delete val="0"/>
        <c:axPos val="b"/>
        <c:majorTickMark val="out"/>
        <c:minorTickMark val="none"/>
        <c:tickLblPos val="nextTo"/>
        <c:txPr>
          <a:bodyPr/>
          <a:lstStyle/>
          <a:p>
            <a:pPr>
              <a:defRPr sz="2000" b="1"/>
            </a:pPr>
            <a:endParaRPr lang="en-US"/>
          </a:p>
        </c:txPr>
        <c:crossAx val="331455104"/>
        <c:crosses val="autoZero"/>
        <c:auto val="1"/>
        <c:lblAlgn val="ctr"/>
        <c:lblOffset val="100"/>
        <c:noMultiLvlLbl val="0"/>
      </c:catAx>
      <c:valAx>
        <c:axId val="331455104"/>
        <c:scaling>
          <c:orientation val="minMax"/>
        </c:scaling>
        <c:delete val="0"/>
        <c:axPos val="l"/>
        <c:majorGridlines>
          <c:spPr>
            <a:ln>
              <a:solidFill>
                <a:srgbClr val="002060"/>
              </a:solidFill>
            </a:ln>
          </c:spPr>
        </c:majorGridlines>
        <c:title>
          <c:tx>
            <c:rich>
              <a:bodyPr rot="-5400000" vert="horz"/>
              <a:lstStyle/>
              <a:p>
                <a:pPr>
                  <a:defRPr sz="2000"/>
                </a:pPr>
                <a:r>
                  <a:rPr lang="en-US" sz="2000" dirty="0" smtClean="0"/>
                  <a:t>Million Acre-Feet</a:t>
                </a:r>
                <a:endParaRPr lang="en-US" sz="2000" dirty="0"/>
              </a:p>
            </c:rich>
          </c:tx>
          <c:layout>
            <c:manualLayout>
              <c:xMode val="edge"/>
              <c:yMode val="edge"/>
              <c:x val="7.5063252228606541E-4"/>
              <c:y val="0.2402219040801718"/>
            </c:manualLayout>
          </c:layout>
          <c:overlay val="0"/>
        </c:title>
        <c:numFmt formatCode="#,##0.0" sourceLinked="0"/>
        <c:majorTickMark val="out"/>
        <c:minorTickMark val="none"/>
        <c:tickLblPos val="nextTo"/>
        <c:txPr>
          <a:bodyPr/>
          <a:lstStyle/>
          <a:p>
            <a:pPr>
              <a:defRPr sz="2000" b="1"/>
            </a:pPr>
            <a:endParaRPr lang="en-US"/>
          </a:p>
        </c:txPr>
        <c:crossAx val="331453568"/>
        <c:crosses val="autoZero"/>
        <c:crossBetween val="between"/>
        <c:dispUnits>
          <c:builtInUnit val="millions"/>
        </c:dispUnits>
      </c:valAx>
      <c:spPr>
        <a:noFill/>
      </c:spPr>
    </c:plotArea>
    <c:plotVisOnly val="1"/>
    <c:dispBlanksAs val="gap"/>
    <c:showDLblsOverMax val="0"/>
  </c:chart>
  <c:txPr>
    <a:bodyPr/>
    <a:lstStyle/>
    <a:p>
      <a:pPr>
        <a:defRPr sz="1800"/>
      </a:pPr>
      <a:endParaRPr lang="en-US"/>
    </a:p>
  </c:txPr>
  <c:externalData r:id="rId1">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362134420697414"/>
          <c:y val="4.2382956440789731E-2"/>
          <c:w val="0.84040916760404949"/>
          <c:h val="0.76508591598463993"/>
        </c:manualLayout>
      </c:layout>
      <c:areaChart>
        <c:grouping val="stacked"/>
        <c:varyColors val="0"/>
        <c:ser>
          <c:idx val="0"/>
          <c:order val="2"/>
          <c:tx>
            <c:strRef>
              <c:f>Sheet1!$A$2</c:f>
              <c:strCache>
                <c:ptCount val="1"/>
                <c:pt idx="0">
                  <c:v>Blank</c:v>
                </c:pt>
              </c:strCache>
            </c:strRef>
          </c:tx>
          <c:spPr>
            <a:noFill/>
            <a:ln>
              <a:noFill/>
            </a:ln>
          </c:spPr>
          <c:val>
            <c:numRef>
              <c:f>Sheet1!$B$2:$Z$2</c:f>
              <c:numCache>
                <c:formatCode>#,##0</c:formatCode>
                <c:ptCount val="25"/>
                <c:pt idx="0">
                  <c:v>1201749.2417582418</c:v>
                </c:pt>
                <c:pt idx="1">
                  <c:v>1199919.087912088</c:v>
                </c:pt>
                <c:pt idx="2">
                  <c:v>1198088.9670329671</c:v>
                </c:pt>
                <c:pt idx="3">
                  <c:v>1196258.8901098901</c:v>
                </c:pt>
                <c:pt idx="4">
                  <c:v>837058.19780219777</c:v>
                </c:pt>
                <c:pt idx="5">
                  <c:v>837058.19780219777</c:v>
                </c:pt>
                <c:pt idx="6">
                  <c:v>837058.19780219777</c:v>
                </c:pt>
                <c:pt idx="7">
                  <c:v>837058.19780219777</c:v>
                </c:pt>
                <c:pt idx="8">
                  <c:v>837058.19780219777</c:v>
                </c:pt>
                <c:pt idx="9">
                  <c:v>837058.19780219777</c:v>
                </c:pt>
                <c:pt idx="10">
                  <c:v>837058.19780219777</c:v>
                </c:pt>
                <c:pt idx="11">
                  <c:v>837058.19780219777</c:v>
                </c:pt>
                <c:pt idx="12">
                  <c:v>837058.19780219777</c:v>
                </c:pt>
                <c:pt idx="13">
                  <c:v>837058.19780219777</c:v>
                </c:pt>
                <c:pt idx="14">
                  <c:v>837058.19780219777</c:v>
                </c:pt>
                <c:pt idx="15">
                  <c:v>837058.19780219777</c:v>
                </c:pt>
                <c:pt idx="16">
                  <c:v>837058.19780219777</c:v>
                </c:pt>
                <c:pt idx="17">
                  <c:v>837058.19780219777</c:v>
                </c:pt>
                <c:pt idx="18">
                  <c:v>837058.19780219777</c:v>
                </c:pt>
                <c:pt idx="19">
                  <c:v>837058.19780219777</c:v>
                </c:pt>
                <c:pt idx="20">
                  <c:v>837058.19780219777</c:v>
                </c:pt>
                <c:pt idx="21">
                  <c:v>837058.19780219777</c:v>
                </c:pt>
                <c:pt idx="22">
                  <c:v>837058.19780219777</c:v>
                </c:pt>
                <c:pt idx="23">
                  <c:v>837058.19780219777</c:v>
                </c:pt>
                <c:pt idx="24">
                  <c:v>837058.19780219777</c:v>
                </c:pt>
              </c:numCache>
            </c:numRef>
          </c:val>
        </c:ser>
        <c:ser>
          <c:idx val="1"/>
          <c:order val="3"/>
          <c:tx>
            <c:strRef>
              <c:f>Sheet1!$A$5</c:f>
              <c:strCache>
                <c:ptCount val="1"/>
                <c:pt idx="0">
                  <c:v>Area</c:v>
                </c:pt>
              </c:strCache>
            </c:strRef>
          </c:tx>
          <c:spPr>
            <a:solidFill>
              <a:schemeClr val="accent5">
                <a:alpha val="50000"/>
              </a:schemeClr>
            </a:solidFill>
          </c:spPr>
          <c:val>
            <c:numRef>
              <c:f>Sheet1!$B$5:$Z$5</c:f>
              <c:numCache>
                <c:formatCode>#,##0.00</c:formatCode>
                <c:ptCount val="25"/>
                <c:pt idx="0">
                  <c:v>0</c:v>
                </c:pt>
                <c:pt idx="1">
                  <c:v>0</c:v>
                </c:pt>
                <c:pt idx="2">
                  <c:v>0</c:v>
                </c:pt>
                <c:pt idx="3">
                  <c:v>0</c:v>
                </c:pt>
                <c:pt idx="4">
                  <c:v>147208.80219780223</c:v>
                </c:pt>
                <c:pt idx="5">
                  <c:v>147208.80219780223</c:v>
                </c:pt>
                <c:pt idx="6">
                  <c:v>147208.80219780223</c:v>
                </c:pt>
                <c:pt idx="7">
                  <c:v>147208.80219780223</c:v>
                </c:pt>
                <c:pt idx="8">
                  <c:v>147208.80219780223</c:v>
                </c:pt>
                <c:pt idx="9">
                  <c:v>147208.80219780223</c:v>
                </c:pt>
                <c:pt idx="10">
                  <c:v>147208.80219780223</c:v>
                </c:pt>
                <c:pt idx="11">
                  <c:v>147208.80219780223</c:v>
                </c:pt>
                <c:pt idx="12">
                  <c:v>147208.80219780223</c:v>
                </c:pt>
                <c:pt idx="13">
                  <c:v>147208.80219780223</c:v>
                </c:pt>
                <c:pt idx="14">
                  <c:v>376300.7032967034</c:v>
                </c:pt>
                <c:pt idx="15">
                  <c:v>376300.7032967034</c:v>
                </c:pt>
                <c:pt idx="16">
                  <c:v>376300.7032967034</c:v>
                </c:pt>
                <c:pt idx="17">
                  <c:v>376300.7032967034</c:v>
                </c:pt>
                <c:pt idx="18">
                  <c:v>376300.7032967034</c:v>
                </c:pt>
                <c:pt idx="19">
                  <c:v>376300.7032967034</c:v>
                </c:pt>
                <c:pt idx="20">
                  <c:v>376300.7032967034</c:v>
                </c:pt>
                <c:pt idx="21">
                  <c:v>376300.7032967034</c:v>
                </c:pt>
                <c:pt idx="22">
                  <c:v>376300.7032967034</c:v>
                </c:pt>
                <c:pt idx="23">
                  <c:v>376300.7032967034</c:v>
                </c:pt>
                <c:pt idx="24">
                  <c:v>376300.7032967034</c:v>
                </c:pt>
              </c:numCache>
            </c:numRef>
          </c:val>
        </c:ser>
        <c:dLbls>
          <c:showLegendKey val="0"/>
          <c:showVal val="0"/>
          <c:showCatName val="0"/>
          <c:showSerName val="0"/>
          <c:showPercent val="0"/>
          <c:showBubbleSize val="0"/>
        </c:dLbls>
        <c:axId val="331412608"/>
        <c:axId val="331414528"/>
      </c:areaChart>
      <c:lineChart>
        <c:grouping val="standard"/>
        <c:varyColors val="0"/>
        <c:ser>
          <c:idx val="2"/>
          <c:order val="0"/>
          <c:tx>
            <c:strRef>
              <c:f>Sheet1!$A$3</c:f>
              <c:strCache>
                <c:ptCount val="1"/>
                <c:pt idx="0">
                  <c:v>2015 IRP Update Target</c:v>
                </c:pt>
              </c:strCache>
            </c:strRef>
          </c:tx>
          <c:spPr>
            <a:ln w="76200">
              <a:solidFill>
                <a:schemeClr val="accent4"/>
              </a:solidFill>
            </a:ln>
            <a:effectLst>
              <a:outerShdw blurRad="63500" dist="38100" dir="5400000" rotWithShape="0">
                <a:srgbClr val="000000">
                  <a:alpha val="45000"/>
                </a:srgbClr>
              </a:outerShdw>
            </a:effectLst>
          </c:spPr>
          <c:marker>
            <c:symbol val="none"/>
          </c:marker>
          <c:cat>
            <c:strRef>
              <c:f>Sheet1!$B$1:$Z$1</c:f>
              <c:strCache>
                <c:ptCount val="25"/>
                <c:pt idx="0">
                  <c:v>2016</c:v>
                </c:pt>
                <c:pt idx="1">
                  <c:v>2017</c:v>
                </c:pt>
                <c:pt idx="2">
                  <c:v>2018</c:v>
                </c:pt>
                <c:pt idx="3">
                  <c:v>2019</c:v>
                </c:pt>
                <c:pt idx="4">
                  <c:v>2020</c:v>
                </c:pt>
                <c:pt idx="5">
                  <c:v>2021</c:v>
                </c:pt>
                <c:pt idx="6">
                  <c:v>2022</c:v>
                </c:pt>
                <c:pt idx="7">
                  <c:v>2023</c:v>
                </c:pt>
                <c:pt idx="8">
                  <c:v>2024</c:v>
                </c:pt>
                <c:pt idx="9">
                  <c:v>2025</c:v>
                </c:pt>
                <c:pt idx="10">
                  <c:v>2026</c:v>
                </c:pt>
                <c:pt idx="11">
                  <c:v>2027</c:v>
                </c:pt>
                <c:pt idx="12">
                  <c:v>2028</c:v>
                </c:pt>
                <c:pt idx="13">
                  <c:v>2029</c:v>
                </c:pt>
                <c:pt idx="14">
                  <c:v>2030</c:v>
                </c:pt>
                <c:pt idx="15">
                  <c:v>2031</c:v>
                </c:pt>
                <c:pt idx="16">
                  <c:v>2032</c:v>
                </c:pt>
                <c:pt idx="17">
                  <c:v>2033</c:v>
                </c:pt>
                <c:pt idx="18">
                  <c:v>2034</c:v>
                </c:pt>
                <c:pt idx="19">
                  <c:v>2035</c:v>
                </c:pt>
                <c:pt idx="20">
                  <c:v>2036</c:v>
                </c:pt>
                <c:pt idx="21">
                  <c:v>2037</c:v>
                </c:pt>
                <c:pt idx="22">
                  <c:v>2038</c:v>
                </c:pt>
                <c:pt idx="23">
                  <c:v>2039</c:v>
                </c:pt>
                <c:pt idx="24">
                  <c:v>2040</c:v>
                </c:pt>
              </c:strCache>
            </c:strRef>
          </c:cat>
          <c:val>
            <c:numRef>
              <c:f>Sheet1!$B$3:$Z$3</c:f>
              <c:numCache>
                <c:formatCode>#,##0</c:formatCode>
                <c:ptCount val="25"/>
                <c:pt idx="0">
                  <c:v>1201749.2417582418</c:v>
                </c:pt>
                <c:pt idx="1">
                  <c:v>1199919.087912088</c:v>
                </c:pt>
                <c:pt idx="2">
                  <c:v>1198088.9670329671</c:v>
                </c:pt>
                <c:pt idx="3">
                  <c:v>1196258.8901098901</c:v>
                </c:pt>
                <c:pt idx="4">
                  <c:v>984267</c:v>
                </c:pt>
                <c:pt idx="5">
                  <c:v>984267</c:v>
                </c:pt>
                <c:pt idx="6">
                  <c:v>984267</c:v>
                </c:pt>
                <c:pt idx="7">
                  <c:v>984267</c:v>
                </c:pt>
                <c:pt idx="8">
                  <c:v>984267</c:v>
                </c:pt>
                <c:pt idx="9">
                  <c:v>984267</c:v>
                </c:pt>
                <c:pt idx="10">
                  <c:v>984267</c:v>
                </c:pt>
                <c:pt idx="11">
                  <c:v>984267</c:v>
                </c:pt>
                <c:pt idx="12">
                  <c:v>984267</c:v>
                </c:pt>
                <c:pt idx="13">
                  <c:v>984267</c:v>
                </c:pt>
                <c:pt idx="14">
                  <c:v>1213358.9010989012</c:v>
                </c:pt>
                <c:pt idx="15">
                  <c:v>1213358.9010989012</c:v>
                </c:pt>
                <c:pt idx="16">
                  <c:v>1213358.9010989012</c:v>
                </c:pt>
                <c:pt idx="17">
                  <c:v>1213358.9010989012</c:v>
                </c:pt>
                <c:pt idx="18">
                  <c:v>1213358.9010989012</c:v>
                </c:pt>
                <c:pt idx="19">
                  <c:v>1213358.9010989012</c:v>
                </c:pt>
                <c:pt idx="20">
                  <c:v>1213358.9010989012</c:v>
                </c:pt>
                <c:pt idx="21">
                  <c:v>1213358.9010989012</c:v>
                </c:pt>
                <c:pt idx="22">
                  <c:v>1213358.9010989012</c:v>
                </c:pt>
                <c:pt idx="23">
                  <c:v>1213358.9010989012</c:v>
                </c:pt>
                <c:pt idx="24">
                  <c:v>1213358.9010989012</c:v>
                </c:pt>
              </c:numCache>
            </c:numRef>
          </c:val>
          <c:smooth val="0"/>
        </c:ser>
        <c:ser>
          <c:idx val="3"/>
          <c:order val="1"/>
          <c:tx>
            <c:strRef>
              <c:f>Sheet1!$A$4</c:f>
              <c:strCache>
                <c:ptCount val="1"/>
                <c:pt idx="0">
                  <c:v>The "Do Nothing" Case</c:v>
                </c:pt>
              </c:strCache>
            </c:strRef>
          </c:tx>
          <c:spPr>
            <a:ln w="76200">
              <a:solidFill>
                <a:schemeClr val="accent2"/>
              </a:solidFill>
            </a:ln>
          </c:spPr>
          <c:marker>
            <c:symbol val="none"/>
          </c:marker>
          <c:cat>
            <c:strRef>
              <c:f>Sheet1!$B$1:$Z$1</c:f>
              <c:strCache>
                <c:ptCount val="25"/>
                <c:pt idx="0">
                  <c:v>2016</c:v>
                </c:pt>
                <c:pt idx="1">
                  <c:v>2017</c:v>
                </c:pt>
                <c:pt idx="2">
                  <c:v>2018</c:v>
                </c:pt>
                <c:pt idx="3">
                  <c:v>2019</c:v>
                </c:pt>
                <c:pt idx="4">
                  <c:v>2020</c:v>
                </c:pt>
                <c:pt idx="5">
                  <c:v>2021</c:v>
                </c:pt>
                <c:pt idx="6">
                  <c:v>2022</c:v>
                </c:pt>
                <c:pt idx="7">
                  <c:v>2023</c:v>
                </c:pt>
                <c:pt idx="8">
                  <c:v>2024</c:v>
                </c:pt>
                <c:pt idx="9">
                  <c:v>2025</c:v>
                </c:pt>
                <c:pt idx="10">
                  <c:v>2026</c:v>
                </c:pt>
                <c:pt idx="11">
                  <c:v>2027</c:v>
                </c:pt>
                <c:pt idx="12">
                  <c:v>2028</c:v>
                </c:pt>
                <c:pt idx="13">
                  <c:v>2029</c:v>
                </c:pt>
                <c:pt idx="14">
                  <c:v>2030</c:v>
                </c:pt>
                <c:pt idx="15">
                  <c:v>2031</c:v>
                </c:pt>
                <c:pt idx="16">
                  <c:v>2032</c:v>
                </c:pt>
                <c:pt idx="17">
                  <c:v>2033</c:v>
                </c:pt>
                <c:pt idx="18">
                  <c:v>2034</c:v>
                </c:pt>
                <c:pt idx="19">
                  <c:v>2035</c:v>
                </c:pt>
                <c:pt idx="20">
                  <c:v>2036</c:v>
                </c:pt>
                <c:pt idx="21">
                  <c:v>2037</c:v>
                </c:pt>
                <c:pt idx="22">
                  <c:v>2038</c:v>
                </c:pt>
                <c:pt idx="23">
                  <c:v>2039</c:v>
                </c:pt>
                <c:pt idx="24">
                  <c:v>2040</c:v>
                </c:pt>
              </c:strCache>
            </c:strRef>
          </c:cat>
          <c:val>
            <c:numRef>
              <c:f>Sheet1!$B$4:$Z$4</c:f>
              <c:numCache>
                <c:formatCode>#,##0.00</c:formatCode>
                <c:ptCount val="25"/>
                <c:pt idx="0">
                  <c:v>1201749.2417582418</c:v>
                </c:pt>
                <c:pt idx="1">
                  <c:v>1199919.087912088</c:v>
                </c:pt>
                <c:pt idx="2">
                  <c:v>1198088.9670329671</c:v>
                </c:pt>
                <c:pt idx="3">
                  <c:v>1196258.8901098901</c:v>
                </c:pt>
                <c:pt idx="4">
                  <c:v>837058.19780219777</c:v>
                </c:pt>
                <c:pt idx="5">
                  <c:v>837058.19780219777</c:v>
                </c:pt>
                <c:pt idx="6">
                  <c:v>837058.19780219777</c:v>
                </c:pt>
                <c:pt idx="7">
                  <c:v>837058.19780219777</c:v>
                </c:pt>
                <c:pt idx="8">
                  <c:v>837058.19780219777</c:v>
                </c:pt>
                <c:pt idx="9">
                  <c:v>837058.19780219777</c:v>
                </c:pt>
                <c:pt idx="10">
                  <c:v>837058.19780219777</c:v>
                </c:pt>
                <c:pt idx="11">
                  <c:v>837058.19780219777</c:v>
                </c:pt>
                <c:pt idx="12">
                  <c:v>837058.19780219777</c:v>
                </c:pt>
                <c:pt idx="13">
                  <c:v>837058.19780219777</c:v>
                </c:pt>
                <c:pt idx="14">
                  <c:v>837058.19780219777</c:v>
                </c:pt>
                <c:pt idx="15">
                  <c:v>837058.19780219777</c:v>
                </c:pt>
                <c:pt idx="16">
                  <c:v>837058.19780219777</c:v>
                </c:pt>
                <c:pt idx="17">
                  <c:v>837058.19780219777</c:v>
                </c:pt>
                <c:pt idx="18">
                  <c:v>837058.19780219777</c:v>
                </c:pt>
                <c:pt idx="19">
                  <c:v>837058.19780219777</c:v>
                </c:pt>
                <c:pt idx="20">
                  <c:v>837058.19780219777</c:v>
                </c:pt>
                <c:pt idx="21">
                  <c:v>837058.19780219777</c:v>
                </c:pt>
                <c:pt idx="22">
                  <c:v>837058.19780219777</c:v>
                </c:pt>
                <c:pt idx="23">
                  <c:v>837058.19780219777</c:v>
                </c:pt>
                <c:pt idx="24">
                  <c:v>837058.19780219777</c:v>
                </c:pt>
              </c:numCache>
            </c:numRef>
          </c:val>
          <c:smooth val="0"/>
        </c:ser>
        <c:dLbls>
          <c:showLegendKey val="0"/>
          <c:showVal val="0"/>
          <c:showCatName val="0"/>
          <c:showSerName val="0"/>
          <c:showPercent val="0"/>
          <c:showBubbleSize val="0"/>
        </c:dLbls>
        <c:marker val="1"/>
        <c:smooth val="0"/>
        <c:axId val="331412608"/>
        <c:axId val="331414528"/>
      </c:lineChart>
      <c:catAx>
        <c:axId val="331412608"/>
        <c:scaling>
          <c:orientation val="minMax"/>
        </c:scaling>
        <c:delete val="0"/>
        <c:axPos val="b"/>
        <c:title>
          <c:tx>
            <c:rich>
              <a:bodyPr/>
              <a:lstStyle/>
              <a:p>
                <a:pPr>
                  <a:defRPr sz="2400"/>
                </a:pPr>
                <a:r>
                  <a:rPr lang="en-US" sz="2400" dirty="0" smtClean="0"/>
                  <a:t>Calendar Year</a:t>
                </a:r>
                <a:endParaRPr lang="en-US" sz="2400" dirty="0"/>
              </a:p>
            </c:rich>
          </c:tx>
          <c:layout>
            <c:manualLayout>
              <c:xMode val="edge"/>
              <c:yMode val="edge"/>
              <c:x val="0.43795931758530177"/>
              <c:y val="0.9204555680539932"/>
            </c:manualLayout>
          </c:layout>
          <c:overlay val="0"/>
        </c:title>
        <c:numFmt formatCode="mmm\-yy" sourceLinked="1"/>
        <c:majorTickMark val="out"/>
        <c:minorTickMark val="none"/>
        <c:tickLblPos val="nextTo"/>
        <c:txPr>
          <a:bodyPr rot="0" vert="horz"/>
          <a:lstStyle/>
          <a:p>
            <a:pPr>
              <a:defRPr sz="2000" b="1"/>
            </a:pPr>
            <a:endParaRPr lang="en-US"/>
          </a:p>
        </c:txPr>
        <c:crossAx val="331414528"/>
        <c:crosses val="autoZero"/>
        <c:auto val="1"/>
        <c:lblAlgn val="ctr"/>
        <c:lblOffset val="100"/>
        <c:tickLblSkip val="4"/>
        <c:tickMarkSkip val="5"/>
        <c:noMultiLvlLbl val="1"/>
      </c:catAx>
      <c:valAx>
        <c:axId val="331414528"/>
        <c:scaling>
          <c:orientation val="minMax"/>
          <c:max val="2000000"/>
          <c:min val="0"/>
        </c:scaling>
        <c:delete val="0"/>
        <c:axPos val="l"/>
        <c:majorGridlines/>
        <c:title>
          <c:tx>
            <c:rich>
              <a:bodyPr rot="-5400000" vert="horz"/>
              <a:lstStyle/>
              <a:p>
                <a:pPr>
                  <a:defRPr sz="2400"/>
                </a:pPr>
                <a:r>
                  <a:rPr lang="en-US" sz="2400" dirty="0" smtClean="0"/>
                  <a:t>Million Acre-Feet</a:t>
                </a:r>
                <a:endParaRPr lang="en-US" sz="2400" dirty="0"/>
              </a:p>
            </c:rich>
          </c:tx>
          <c:layout>
            <c:manualLayout>
              <c:xMode val="edge"/>
              <c:yMode val="edge"/>
              <c:x val="0"/>
              <c:y val="0.18447015243784182"/>
            </c:manualLayout>
          </c:layout>
          <c:overlay val="0"/>
        </c:title>
        <c:numFmt formatCode="#,##0.0" sourceLinked="0"/>
        <c:majorTickMark val="out"/>
        <c:minorTickMark val="none"/>
        <c:tickLblPos val="nextTo"/>
        <c:txPr>
          <a:bodyPr/>
          <a:lstStyle/>
          <a:p>
            <a:pPr>
              <a:defRPr sz="2000" b="1"/>
            </a:pPr>
            <a:endParaRPr lang="en-US"/>
          </a:p>
        </c:txPr>
        <c:crossAx val="331412608"/>
        <c:crosses val="autoZero"/>
        <c:crossBetween val="between"/>
        <c:majorUnit val="250000"/>
        <c:dispUnits>
          <c:builtInUnit val="millions"/>
        </c:dispUnits>
      </c:valAx>
      <c:spPr>
        <a:solidFill>
          <a:schemeClr val="bg1">
            <a:alpha val="30000"/>
          </a:schemeClr>
        </a:solidFill>
      </c:spPr>
    </c:plotArea>
    <c:legend>
      <c:legendPos val="r"/>
      <c:legendEntry>
        <c:idx val="0"/>
        <c:delete val="1"/>
      </c:legendEntry>
      <c:legendEntry>
        <c:idx val="1"/>
        <c:delete val="1"/>
      </c:legendEntry>
      <c:layout>
        <c:manualLayout>
          <c:xMode val="edge"/>
          <c:yMode val="edge"/>
          <c:x val="0.59772274559430072"/>
          <c:y val="0.64622454520771111"/>
          <c:w val="0.36154082302212226"/>
          <c:h val="0.12898103254334586"/>
        </c:manualLayout>
      </c:layout>
      <c:overlay val="1"/>
      <c:spPr>
        <a:solidFill>
          <a:schemeClr val="bg1"/>
        </a:solidFill>
      </c:spPr>
      <c:txPr>
        <a:bodyPr/>
        <a:lstStyle/>
        <a:p>
          <a:pPr>
            <a:defRPr sz="2000" b="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lrMapOvr bg1="dk1" tx1="lt1" bg2="dk2" tx2="lt2" accent1="accent1" accent2="accent2" accent3="accent3" accent4="accent4" accent5="accent5" accent6="accent6" hlink="hlink" folHlink="folHlink"/>
  <c:chart>
    <c:autoTitleDeleted val="1"/>
    <c:view3D>
      <c:rotX val="40"/>
      <c:rotY val="0"/>
      <c:rAngAx val="0"/>
      <c:perspective val="10"/>
    </c:view3D>
    <c:floor>
      <c:thickness val="0"/>
    </c:floor>
    <c:sideWall>
      <c:thickness val="0"/>
    </c:sideWall>
    <c:backWall>
      <c:thickness val="0"/>
    </c:backWall>
    <c:plotArea>
      <c:layout>
        <c:manualLayout>
          <c:layoutTarget val="inner"/>
          <c:xMode val="edge"/>
          <c:yMode val="edge"/>
          <c:x val="3.273809523809524E-2"/>
          <c:y val="0"/>
          <c:w val="0.94940476190476042"/>
          <c:h val="1"/>
        </c:manualLayout>
      </c:layout>
      <c:pie3DChart>
        <c:varyColors val="1"/>
        <c:ser>
          <c:idx val="0"/>
          <c:order val="0"/>
          <c:tx>
            <c:strRef>
              <c:f>Sheet1!$F$11</c:f>
              <c:strCache>
                <c:ptCount val="1"/>
                <c:pt idx="0">
                  <c:v> 112,912 </c:v>
                </c:pt>
              </c:strCache>
            </c:strRef>
          </c:tx>
          <c:cat>
            <c:numRef>
              <c:f>(Sheet1!$A$34,Sheet1!$A$33,Sheet1!$A$28,Sheet1!$A$27)</c:f>
              <c:numCache>
                <c:formatCode>General</c:formatCode>
                <c:ptCount val="4"/>
              </c:numCache>
            </c:numRef>
          </c:cat>
          <c:val>
            <c:numRef>
              <c:f>(Sheet1!$F$34,Sheet1!$F$33,Sheet1!$F$28,Sheet1!$F$27)</c:f>
              <c:numCache>
                <c:formatCode>General</c:formatCode>
                <c:ptCount val="4"/>
              </c:numCache>
            </c:numRef>
          </c:val>
        </c:ser>
        <c:dLbls>
          <c:showLegendKey val="0"/>
          <c:showVal val="0"/>
          <c:showCatName val="0"/>
          <c:showSerName val="0"/>
          <c:showPercent val="0"/>
          <c:showBubbleSize val="0"/>
          <c:showLeaderLines val="1"/>
        </c:dLbls>
      </c:pie3DChart>
    </c:plotArea>
    <c:plotVisOnly val="1"/>
    <c:dispBlanksAs val="zero"/>
    <c:showDLblsOverMax val="0"/>
  </c:chart>
  <c:txPr>
    <a:bodyPr/>
    <a:lstStyle/>
    <a:p>
      <a:pPr>
        <a:defRPr sz="1800"/>
      </a:pPr>
      <a:endParaRPr lang="en-US"/>
    </a:p>
  </c:txPr>
  <c:externalData r:id="rId2">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lrMapOvr bg1="dk1" tx1="lt1" bg2="dk2" tx2="lt2" accent1="accent1" accent2="accent2" accent3="accent3" accent4="accent4" accent5="accent5" accent6="accent6" hlink="hlink" folHlink="folHlink"/>
  <c:chart>
    <c:autoTitleDeleted val="1"/>
    <c:view3D>
      <c:rotX val="40"/>
      <c:rotY val="0"/>
      <c:rAngAx val="0"/>
      <c:perspective val="10"/>
    </c:view3D>
    <c:floor>
      <c:thickness val="0"/>
    </c:floor>
    <c:sideWall>
      <c:thickness val="0"/>
    </c:sideWall>
    <c:backWall>
      <c:thickness val="0"/>
    </c:backWall>
    <c:plotArea>
      <c:layout>
        <c:manualLayout>
          <c:layoutTarget val="inner"/>
          <c:xMode val="edge"/>
          <c:yMode val="edge"/>
          <c:x val="3.273809523809524E-2"/>
          <c:y val="0"/>
          <c:w val="0.94940476190476042"/>
          <c:h val="1"/>
        </c:manualLayout>
      </c:layout>
      <c:pie3DChart>
        <c:varyColors val="1"/>
        <c:ser>
          <c:idx val="0"/>
          <c:order val="0"/>
          <c:tx>
            <c:strRef>
              <c:f>Sheet1!$J$1</c:f>
              <c:strCache>
                <c:ptCount val="1"/>
                <c:pt idx="0">
                  <c:v>IRP Average Year 2035</c:v>
                </c:pt>
              </c:strCache>
            </c:strRef>
          </c:tx>
          <c:cat>
            <c:strRef>
              <c:f>(Sheet1!$A$6,Sheet1!$A$15,Sheet1!$A$18,Sheet1!$A$19)</c:f>
              <c:strCache>
                <c:ptCount val="4"/>
                <c:pt idx="0">
                  <c:v>Total Water Use Efficiency</c:v>
                </c:pt>
                <c:pt idx="1">
                  <c:v>Total Local Supplies</c:v>
                </c:pt>
                <c:pt idx="2">
                  <c:v>State Water Project</c:v>
                </c:pt>
                <c:pt idx="3">
                  <c:v>Colorado River</c:v>
                </c:pt>
              </c:strCache>
            </c:strRef>
          </c:cat>
          <c:val>
            <c:numRef>
              <c:f>(Sheet1!$J$6,Sheet1!$J$15,Sheet1!$J$18,Sheet1!$J$19)</c:f>
              <c:numCache>
                <c:formatCode>_(* #,##0_);_(* \(#,##0\);_(* "-"??_);_(@_)</c:formatCode>
                <c:ptCount val="4"/>
                <c:pt idx="0">
                  <c:v>2168000</c:v>
                </c:pt>
                <c:pt idx="1">
                  <c:v>2082000</c:v>
                </c:pt>
                <c:pt idx="2">
                  <c:v>1490000</c:v>
                </c:pt>
                <c:pt idx="3">
                  <c:v>925000</c:v>
                </c:pt>
              </c:numCache>
            </c:numRef>
          </c:val>
        </c:ser>
        <c:dLbls>
          <c:showLegendKey val="0"/>
          <c:showVal val="0"/>
          <c:showCatName val="0"/>
          <c:showSerName val="0"/>
          <c:showPercent val="0"/>
          <c:showBubbleSize val="0"/>
          <c:showLeaderLines val="1"/>
        </c:dLbls>
      </c:pie3DChart>
    </c:plotArea>
    <c:plotVisOnly val="1"/>
    <c:dispBlanksAs val="zero"/>
    <c:showDLblsOverMax val="0"/>
  </c:chart>
  <c:txPr>
    <a:bodyPr/>
    <a:lstStyle/>
    <a:p>
      <a:pPr>
        <a:defRPr sz="1800"/>
      </a:pPr>
      <a:endParaRPr lang="en-US"/>
    </a:p>
  </c:txPr>
  <c:externalData r:id="rId2">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lrMapOvr bg1="dk1" tx1="lt1" bg2="dk2" tx2="lt2" accent1="accent1" accent2="accent2" accent3="accent3" accent4="accent4" accent5="accent5" accent6="accent6" hlink="hlink" folHlink="folHlink"/>
  <c:chart>
    <c:autoTitleDeleted val="1"/>
    <c:view3D>
      <c:rotX val="40"/>
      <c:rotY val="0"/>
      <c:rAngAx val="0"/>
      <c:perspective val="10"/>
    </c:view3D>
    <c:floor>
      <c:thickness val="0"/>
    </c:floor>
    <c:sideWall>
      <c:thickness val="0"/>
    </c:sideWall>
    <c:backWall>
      <c:thickness val="0"/>
    </c:backWall>
    <c:plotArea>
      <c:layout>
        <c:manualLayout>
          <c:layoutTarget val="inner"/>
          <c:xMode val="edge"/>
          <c:yMode val="edge"/>
          <c:x val="3.273809523809524E-2"/>
          <c:y val="0"/>
          <c:w val="0.94940476190476042"/>
          <c:h val="1"/>
        </c:manualLayout>
      </c:layout>
      <c:pie3DChart>
        <c:varyColors val="1"/>
        <c:ser>
          <c:idx val="0"/>
          <c:order val="0"/>
          <c:tx>
            <c:strRef>
              <c:f>Sheet1!$B$1</c:f>
              <c:strCache>
                <c:ptCount val="1"/>
                <c:pt idx="0">
                  <c:v>1990</c:v>
                </c:pt>
              </c:strCache>
            </c:strRef>
          </c:tx>
          <c:cat>
            <c:strRef>
              <c:f>(Sheet1!$A$6,Sheet1!$A$15,Sheet1!$A$18,Sheet1!$A$19)</c:f>
              <c:strCache>
                <c:ptCount val="4"/>
                <c:pt idx="0">
                  <c:v>Total Water Use Efficiency</c:v>
                </c:pt>
                <c:pt idx="1">
                  <c:v>Total Local Supplies</c:v>
                </c:pt>
                <c:pt idx="2">
                  <c:v>State Water Project</c:v>
                </c:pt>
                <c:pt idx="3">
                  <c:v>Colorado River</c:v>
                </c:pt>
              </c:strCache>
            </c:strRef>
          </c:cat>
          <c:val>
            <c:numRef>
              <c:f>(Sheet1!$B$6,Sheet1!$B$15,Sheet1!$B$18,Sheet1!$B$19)</c:f>
              <c:numCache>
                <c:formatCode>_(* #,##0_);_(* \(#,##0\);_(* "-"??_);_(@_)</c:formatCode>
                <c:ptCount val="4"/>
                <c:pt idx="0">
                  <c:v>296407.87991851568</c:v>
                </c:pt>
                <c:pt idx="1">
                  <c:v>1485024.1534308421</c:v>
                </c:pt>
                <c:pt idx="2">
                  <c:v>1457676</c:v>
                </c:pt>
                <c:pt idx="3">
                  <c:v>1183250</c:v>
                </c:pt>
              </c:numCache>
            </c:numRef>
          </c:val>
        </c:ser>
        <c:dLbls>
          <c:showLegendKey val="0"/>
          <c:showVal val="0"/>
          <c:showCatName val="0"/>
          <c:showSerName val="0"/>
          <c:showPercent val="0"/>
          <c:showBubbleSize val="0"/>
          <c:showLeaderLines val="1"/>
        </c:dLbls>
      </c:pie3DChart>
    </c:plotArea>
    <c:plotVisOnly val="1"/>
    <c:dispBlanksAs val="zero"/>
    <c:showDLblsOverMax val="0"/>
  </c:chart>
  <c:txPr>
    <a:bodyPr/>
    <a:lstStyle/>
    <a:p>
      <a:pPr>
        <a:defRPr sz="1800"/>
      </a:pPr>
      <a:endParaRPr lang="en-US"/>
    </a:p>
  </c:txPr>
  <c:externalData r:id="rId2">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5225592894638171"/>
          <c:y val="3.7529296513992089E-2"/>
          <c:w val="0.81500597581552303"/>
          <c:h val="0.80278344608332408"/>
        </c:manualLayout>
      </c:layout>
      <c:stockChart>
        <c:ser>
          <c:idx val="0"/>
          <c:order val="0"/>
          <c:tx>
            <c:strRef>
              <c:f>Sheet1!$B$1</c:f>
              <c:strCache>
                <c:ptCount val="1"/>
                <c:pt idx="0">
                  <c:v>25%</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B$2:$B$6</c:f>
              <c:numCache>
                <c:formatCode>_(* #,##0_);_(* \(#,##0\);_(* "-"??_);_(@_)</c:formatCode>
                <c:ptCount val="5"/>
                <c:pt idx="0">
                  <c:v>634</c:v>
                </c:pt>
                <c:pt idx="1">
                  <c:v>3758</c:v>
                </c:pt>
                <c:pt idx="2">
                  <c:v>720</c:v>
                </c:pt>
                <c:pt idx="3">
                  <c:v>1222</c:v>
                </c:pt>
                <c:pt idx="4">
                  <c:v>1859</c:v>
                </c:pt>
              </c:numCache>
            </c:numRef>
          </c:val>
          <c:smooth val="0"/>
        </c:ser>
        <c:ser>
          <c:idx val="1"/>
          <c:order val="1"/>
          <c:tx>
            <c:strRef>
              <c:f>Sheet1!$C$1</c:f>
              <c:strCache>
                <c:ptCount val="1"/>
                <c:pt idx="0">
                  <c:v>High</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C$2:$C$6</c:f>
              <c:numCache>
                <c:formatCode>_(* #,##0_);_(* \(#,##0\);_(* "-"??_);_(@_)</c:formatCode>
                <c:ptCount val="5"/>
                <c:pt idx="0">
                  <c:v>7387</c:v>
                </c:pt>
                <c:pt idx="1">
                  <c:v>11764</c:v>
                </c:pt>
                <c:pt idx="2">
                  <c:v>2838</c:v>
                </c:pt>
                <c:pt idx="3">
                  <c:v>6059</c:v>
                </c:pt>
                <c:pt idx="4">
                  <c:v>2985</c:v>
                </c:pt>
              </c:numCache>
            </c:numRef>
          </c:val>
          <c:smooth val="0"/>
        </c:ser>
        <c:ser>
          <c:idx val="2"/>
          <c:order val="2"/>
          <c:tx>
            <c:strRef>
              <c:f>Sheet1!$D$1</c:f>
              <c:strCache>
                <c:ptCount val="1"/>
                <c:pt idx="0">
                  <c:v>Low</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D$2:$D$6</c:f>
              <c:numCache>
                <c:formatCode>_(* #,##0_);_(* \(#,##0\);_(* "-"??_);_(@_)</c:formatCode>
                <c:ptCount val="5"/>
                <c:pt idx="0">
                  <c:v>351</c:v>
                </c:pt>
                <c:pt idx="1">
                  <c:v>1675</c:v>
                </c:pt>
                <c:pt idx="2">
                  <c:v>459</c:v>
                </c:pt>
                <c:pt idx="3">
                  <c:v>526</c:v>
                </c:pt>
                <c:pt idx="4">
                  <c:v>1530</c:v>
                </c:pt>
              </c:numCache>
            </c:numRef>
          </c:val>
          <c:smooth val="0"/>
        </c:ser>
        <c:ser>
          <c:idx val="3"/>
          <c:order val="3"/>
          <c:tx>
            <c:strRef>
              <c:f>Sheet1!$E$1</c:f>
              <c:strCache>
                <c:ptCount val="1"/>
                <c:pt idx="0">
                  <c:v>75%</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E$2:$E$6</c:f>
              <c:numCache>
                <c:formatCode>_(* #,##0_);_(* \(#,##0\);_(* "-"??_);_(@_)</c:formatCode>
                <c:ptCount val="5"/>
                <c:pt idx="0">
                  <c:v>2012</c:v>
                </c:pt>
                <c:pt idx="1">
                  <c:v>5414</c:v>
                </c:pt>
                <c:pt idx="2">
                  <c:v>1568</c:v>
                </c:pt>
                <c:pt idx="3">
                  <c:v>3224</c:v>
                </c:pt>
                <c:pt idx="4">
                  <c:v>2367</c:v>
                </c:pt>
              </c:numCache>
            </c:numRef>
          </c:val>
          <c:smooth val="0"/>
        </c:ser>
        <c:dLbls>
          <c:showLegendKey val="0"/>
          <c:showVal val="0"/>
          <c:showCatName val="0"/>
          <c:showSerName val="0"/>
          <c:showPercent val="0"/>
          <c:showBubbleSize val="0"/>
        </c:dLbls>
        <c:hiLowLines>
          <c:spPr>
            <a:ln w="152400" cap="flat" cmpd="sng" algn="ctr">
              <a:solidFill>
                <a:schemeClr val="accent4"/>
              </a:solidFill>
              <a:round/>
            </a:ln>
            <a:effectLst>
              <a:softEdge rad="31750"/>
            </a:effectLst>
          </c:spPr>
        </c:hiLowLines>
        <c:upDownBars>
          <c:gapWidth val="150"/>
          <c:upBars>
            <c:spPr>
              <a:solidFill>
                <a:schemeClr val="accent4"/>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5">
                    <a:satMod val="300000"/>
                  </a:schemeClr>
                </a:contourClr>
              </a:sp3d>
            </c:spPr>
          </c:upBars>
          <c:downBars>
            <c:spPr>
              <a:solidFill>
                <a:schemeClr val="dk1">
                  <a:lumMod val="75000"/>
                  <a:lumOff val="25000"/>
                </a:schemeClr>
              </a:solidFill>
              <a:ln w="9525" cap="flat" cmpd="sng" algn="ctr">
                <a:solidFill>
                  <a:schemeClr val="tx1">
                    <a:lumMod val="65000"/>
                    <a:lumOff val="35000"/>
                  </a:schemeClr>
                </a:solidFill>
                <a:round/>
              </a:ln>
              <a:effectLst/>
            </c:spPr>
          </c:downBars>
        </c:upDownBars>
        <c:axId val="343813504"/>
        <c:axId val="343827584"/>
      </c:stockChart>
      <c:catAx>
        <c:axId val="343813504"/>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mn-lt"/>
                <a:ea typeface="+mn-ea"/>
                <a:cs typeface="+mn-cs"/>
              </a:defRPr>
            </a:pPr>
            <a:endParaRPr lang="en-US"/>
          </a:p>
        </c:txPr>
        <c:crossAx val="343827584"/>
        <c:crosses val="autoZero"/>
        <c:auto val="1"/>
        <c:lblAlgn val="ctr"/>
        <c:lblOffset val="100"/>
        <c:noMultiLvlLbl val="0"/>
      </c:catAx>
      <c:valAx>
        <c:axId val="343827584"/>
        <c:scaling>
          <c:orientation val="minMax"/>
          <c:max val="8000"/>
        </c:scaling>
        <c:delete val="0"/>
        <c:axPos val="l"/>
        <c:majorGridlines>
          <c:spPr>
            <a:ln w="9525" cap="flat" cmpd="sng" algn="ctr">
              <a:solidFill>
                <a:srgbClr val="002060"/>
              </a:solidFill>
              <a:round/>
            </a:ln>
            <a:effectLst/>
          </c:spPr>
        </c:majorGridlines>
        <c:title>
          <c:tx>
            <c:rich>
              <a:bodyPr rot="-5400000" vert="horz"/>
              <a:lstStyle/>
              <a:p>
                <a:pPr>
                  <a:defRPr sz="2000"/>
                </a:pPr>
                <a:r>
                  <a:rPr lang="en-US" sz="2000" dirty="0" smtClean="0"/>
                  <a:t>Supply Cost ($/AF)</a:t>
                </a:r>
                <a:endParaRPr lang="en-US" sz="2000" dirty="0"/>
              </a:p>
            </c:rich>
          </c:tx>
          <c:layout>
            <c:manualLayout>
              <c:xMode val="edge"/>
              <c:yMode val="edge"/>
              <c:x val="0"/>
              <c:y val="0.22555073624271543"/>
            </c:manualLayout>
          </c:layout>
          <c:overlay val="0"/>
        </c:title>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4381350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hart>
    <c:autoTitleDeleted val="1"/>
    <c:view3D>
      <c:rotX val="40"/>
      <c:hPercent val="50"/>
      <c:rotY val="0"/>
      <c:depthPercent val="100"/>
      <c:rAngAx val="0"/>
      <c:perspective val="0"/>
    </c:view3D>
    <c:floor>
      <c:thickness val="0"/>
    </c:floor>
    <c:sideWall>
      <c:thickness val="0"/>
    </c:sideWall>
    <c:backWall>
      <c:thickness val="0"/>
    </c:backWall>
    <c:plotArea>
      <c:layout>
        <c:manualLayout>
          <c:layoutTarget val="inner"/>
          <c:xMode val="edge"/>
          <c:yMode val="edge"/>
          <c:x val="0"/>
          <c:y val="0"/>
          <c:w val="1"/>
          <c:h val="1"/>
        </c:manualLayout>
      </c:layout>
      <c:pie3DChart>
        <c:varyColors val="1"/>
        <c:ser>
          <c:idx val="0"/>
          <c:order val="0"/>
          <c:tx>
            <c:strRef>
              <c:f>Sheet1!$B$1</c:f>
              <c:strCache>
                <c:ptCount val="1"/>
                <c:pt idx="0">
                  <c:v>Cost</c:v>
                </c:pt>
              </c:strCache>
            </c:strRef>
          </c:tx>
          <c:spPr>
            <a:gradFill rotWithShape="1">
              <a:gsLst>
                <a:gs pos="0">
                  <a:schemeClr val="accent6">
                    <a:shade val="15000"/>
                    <a:satMod val="180000"/>
                  </a:schemeClr>
                </a:gs>
                <a:gs pos="50000">
                  <a:schemeClr val="accent6">
                    <a:shade val="45000"/>
                    <a:satMod val="170000"/>
                  </a:schemeClr>
                </a:gs>
                <a:gs pos="70000">
                  <a:schemeClr val="accent6">
                    <a:tint val="99000"/>
                    <a:shade val="65000"/>
                    <a:satMod val="155000"/>
                  </a:schemeClr>
                </a:gs>
                <a:gs pos="100000">
                  <a:schemeClr val="accent6">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6">
                  <a:satMod val="300000"/>
                </a:schemeClr>
              </a:contourClr>
            </a:sp3d>
          </c:spPr>
          <c:dPt>
            <c:idx val="0"/>
            <c:bubble3D val="0"/>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w="9525" cap="flat" cmpd="sng" algn="ctr">
                <a:solidFill>
                  <a:schemeClr val="accent1"/>
                </a:solidFill>
                <a:prstDash val="solid"/>
              </a:ln>
              <a:effectLst>
                <a:outerShdw blurRad="50800" dist="38100" dir="5400000" rotWithShape="0">
                  <a:srgbClr val="000000">
                    <a:alpha val="35000"/>
                  </a:srgbClr>
                </a:outerShdw>
              </a:effectLst>
            </c:spPr>
          </c:dPt>
          <c:dPt>
            <c:idx val="1"/>
            <c:bubble3D val="0"/>
            <c:spPr>
              <a:gradFill rotWithShape="1">
                <a:gsLst>
                  <a:gs pos="0">
                    <a:schemeClr val="accent5">
                      <a:shade val="15000"/>
                      <a:satMod val="180000"/>
                    </a:schemeClr>
                  </a:gs>
                  <a:gs pos="50000">
                    <a:schemeClr val="accent5">
                      <a:shade val="45000"/>
                      <a:satMod val="170000"/>
                    </a:schemeClr>
                  </a:gs>
                  <a:gs pos="70000">
                    <a:schemeClr val="accent5">
                      <a:tint val="99000"/>
                      <a:shade val="65000"/>
                      <a:satMod val="155000"/>
                    </a:schemeClr>
                  </a:gs>
                  <a:gs pos="100000">
                    <a:schemeClr val="accent5">
                      <a:tint val="95500"/>
                      <a:shade val="100000"/>
                      <a:satMod val="155000"/>
                    </a:schemeClr>
                  </a:gs>
                </a:gsLst>
                <a:lin ang="16200000" scaled="0"/>
              </a:gradFill>
              <a:ln w="9525" cap="flat" cmpd="sng" algn="ctr">
                <a:solidFill>
                  <a:schemeClr val="accent5"/>
                </a:solidFill>
                <a:prstDash val="solid"/>
              </a:ln>
              <a:effectLst>
                <a:outerShdw blurRad="50800" dist="38100" dir="5400000" rotWithShape="0">
                  <a:srgbClr val="000000">
                    <a:alpha val="35000"/>
                  </a:srgbClr>
                </a:outerShdw>
              </a:effectLst>
            </c:spPr>
          </c:dPt>
          <c:dPt>
            <c:idx val="2"/>
            <c:bubble3D val="0"/>
          </c:dPt>
          <c:dPt>
            <c:idx val="3"/>
            <c:bubble3D val="0"/>
          </c:dPt>
          <c:dLbls>
            <c:delete val="1"/>
          </c:dLbls>
          <c:cat>
            <c:strRef>
              <c:f>Sheet1!$A$2:$A$3</c:f>
              <c:strCache>
                <c:ptCount val="2"/>
                <c:pt idx="0">
                  <c:v>State Water Project</c:v>
                </c:pt>
                <c:pt idx="1">
                  <c:v>State / Federal</c:v>
                </c:pt>
              </c:strCache>
            </c:strRef>
          </c:cat>
          <c:val>
            <c:numRef>
              <c:f>Sheet1!$B$2:$B$3</c:f>
              <c:numCache>
                <c:formatCode>_("$"* #,##0.0_);_("$"* \(#,##0.0\);_("$"* "-"??_);_(@_)</c:formatCode>
                <c:ptCount val="2"/>
                <c:pt idx="0">
                  <c:v>9.6030000000000015</c:v>
                </c:pt>
                <c:pt idx="1">
                  <c:v>7.8570000000000002</c:v>
                </c:pt>
              </c:numCache>
            </c:numRef>
          </c:val>
        </c:ser>
        <c:ser>
          <c:idx val="1"/>
          <c:order val="1"/>
          <c:tx>
            <c:strRef>
              <c:f>Sheet1!$C$1</c:f>
              <c:strCache>
                <c:ptCount val="1"/>
                <c:pt idx="0">
                  <c:v>Share</c:v>
                </c:pt>
              </c:strCache>
            </c:strRef>
          </c:tx>
          <c:dLbls>
            <c:showLegendKey val="0"/>
            <c:showVal val="1"/>
            <c:showCatName val="0"/>
            <c:showSerName val="0"/>
            <c:showPercent val="0"/>
            <c:showBubbleSize val="0"/>
            <c:showLeaderLines val="1"/>
          </c:dLbls>
          <c:cat>
            <c:strRef>
              <c:f>Sheet1!$A$2:$A$3</c:f>
              <c:strCache>
                <c:ptCount val="2"/>
                <c:pt idx="0">
                  <c:v>State Water Project</c:v>
                </c:pt>
                <c:pt idx="1">
                  <c:v>State / Federal</c:v>
                </c:pt>
              </c:strCache>
            </c:strRef>
          </c:cat>
          <c:val>
            <c:numRef>
              <c:f>Sheet1!$C$2:$C$3</c:f>
              <c:numCache>
                <c:formatCode>0%</c:formatCode>
                <c:ptCount val="2"/>
                <c:pt idx="0">
                  <c:v>0.5518965517241381</c:v>
                </c:pt>
                <c:pt idx="1">
                  <c:v>0.4515517241379311</c:v>
                </c:pt>
              </c:numCache>
            </c:numRef>
          </c:val>
        </c:ser>
        <c:dLbls>
          <c:showLegendKey val="0"/>
          <c:showVal val="1"/>
          <c:showCatName val="0"/>
          <c:showSerName val="0"/>
          <c:showPercent val="0"/>
          <c:showBubbleSize val="0"/>
          <c:showLeaderLines val="1"/>
        </c:dLbls>
      </c:pie3DChart>
    </c:plotArea>
    <c:plotVisOnly val="1"/>
    <c:dispBlanksAs val="zero"/>
    <c:showDLblsOverMax val="0"/>
  </c:chart>
  <c:txPr>
    <a:bodyPr/>
    <a:lstStyle/>
    <a:p>
      <a:pPr>
        <a:defRPr sz="1800"/>
      </a:pPr>
      <a:endParaRPr lang="en-US"/>
    </a:p>
  </c:txPr>
  <c:externalData r:id="rId1">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5225592894638171"/>
          <c:y val="3.7529296513992089E-2"/>
          <c:w val="0.81500597581552303"/>
          <c:h val="0.80278344608332408"/>
        </c:manualLayout>
      </c:layout>
      <c:stockChart>
        <c:ser>
          <c:idx val="0"/>
          <c:order val="0"/>
          <c:tx>
            <c:strRef>
              <c:f>Sheet1!$B$1</c:f>
              <c:strCache>
                <c:ptCount val="1"/>
                <c:pt idx="0">
                  <c:v>25%</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B$2:$B$6</c:f>
              <c:numCache>
                <c:formatCode>_(* #,##0_);_(* \(#,##0\);_(* "-"??_);_(@_)</c:formatCode>
                <c:ptCount val="5"/>
                <c:pt idx="0">
                  <c:v>634</c:v>
                </c:pt>
                <c:pt idx="1">
                  <c:v>3758</c:v>
                </c:pt>
                <c:pt idx="2">
                  <c:v>720</c:v>
                </c:pt>
                <c:pt idx="3">
                  <c:v>1222</c:v>
                </c:pt>
                <c:pt idx="4">
                  <c:v>1859</c:v>
                </c:pt>
              </c:numCache>
            </c:numRef>
          </c:val>
          <c:smooth val="0"/>
        </c:ser>
        <c:ser>
          <c:idx val="1"/>
          <c:order val="1"/>
          <c:tx>
            <c:strRef>
              <c:f>Sheet1!$C$1</c:f>
              <c:strCache>
                <c:ptCount val="1"/>
                <c:pt idx="0">
                  <c:v>High</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C$2:$C$6</c:f>
              <c:numCache>
                <c:formatCode>_(* #,##0_);_(* \(#,##0\);_(* "-"??_);_(@_)</c:formatCode>
                <c:ptCount val="5"/>
                <c:pt idx="0">
                  <c:v>7387</c:v>
                </c:pt>
                <c:pt idx="1">
                  <c:v>11764</c:v>
                </c:pt>
                <c:pt idx="2">
                  <c:v>2838</c:v>
                </c:pt>
                <c:pt idx="3">
                  <c:v>6059</c:v>
                </c:pt>
                <c:pt idx="4">
                  <c:v>2985</c:v>
                </c:pt>
              </c:numCache>
            </c:numRef>
          </c:val>
          <c:smooth val="0"/>
        </c:ser>
        <c:ser>
          <c:idx val="2"/>
          <c:order val="2"/>
          <c:tx>
            <c:strRef>
              <c:f>Sheet1!$D$1</c:f>
              <c:strCache>
                <c:ptCount val="1"/>
                <c:pt idx="0">
                  <c:v>Low</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D$2:$D$6</c:f>
              <c:numCache>
                <c:formatCode>_(* #,##0_);_(* \(#,##0\);_(* "-"??_);_(@_)</c:formatCode>
                <c:ptCount val="5"/>
                <c:pt idx="0">
                  <c:v>351</c:v>
                </c:pt>
                <c:pt idx="1">
                  <c:v>1675</c:v>
                </c:pt>
                <c:pt idx="2">
                  <c:v>459</c:v>
                </c:pt>
                <c:pt idx="3">
                  <c:v>526</c:v>
                </c:pt>
                <c:pt idx="4">
                  <c:v>1530</c:v>
                </c:pt>
              </c:numCache>
            </c:numRef>
          </c:val>
          <c:smooth val="0"/>
        </c:ser>
        <c:ser>
          <c:idx val="3"/>
          <c:order val="3"/>
          <c:tx>
            <c:strRef>
              <c:f>Sheet1!$E$1</c:f>
              <c:strCache>
                <c:ptCount val="1"/>
                <c:pt idx="0">
                  <c:v>75%</c:v>
                </c:pt>
              </c:strCache>
            </c:strRef>
          </c:tx>
          <c:spPr>
            <a:ln w="28575" cap="rnd">
              <a:noFill/>
              <a:round/>
            </a:ln>
            <a:effectLst/>
          </c:spPr>
          <c:marker>
            <c:symbol val="none"/>
          </c:marker>
          <c:cat>
            <c:strRef>
              <c:f>Sheet1!$A$2:$A$6</c:f>
              <c:strCache>
                <c:ptCount val="5"/>
                <c:pt idx="0">
                  <c:v>Stormwater Centralized</c:v>
                </c:pt>
                <c:pt idx="1">
                  <c:v>Stormwater Distributed</c:v>
                </c:pt>
                <c:pt idx="2">
                  <c:v>Groundwater Recovery</c:v>
                </c:pt>
                <c:pt idx="3">
                  <c:v>Recycled Water</c:v>
                </c:pt>
                <c:pt idx="4">
                  <c:v>Seawater Desalination</c:v>
                </c:pt>
              </c:strCache>
            </c:strRef>
          </c:cat>
          <c:val>
            <c:numRef>
              <c:f>Sheet1!$E$2:$E$6</c:f>
              <c:numCache>
                <c:formatCode>_(* #,##0_);_(* \(#,##0\);_(* "-"??_);_(@_)</c:formatCode>
                <c:ptCount val="5"/>
                <c:pt idx="0">
                  <c:v>2012</c:v>
                </c:pt>
                <c:pt idx="1">
                  <c:v>5414</c:v>
                </c:pt>
                <c:pt idx="2">
                  <c:v>1568</c:v>
                </c:pt>
                <c:pt idx="3">
                  <c:v>3224</c:v>
                </c:pt>
                <c:pt idx="4">
                  <c:v>2367</c:v>
                </c:pt>
              </c:numCache>
            </c:numRef>
          </c:val>
          <c:smooth val="0"/>
        </c:ser>
        <c:dLbls>
          <c:showLegendKey val="0"/>
          <c:showVal val="0"/>
          <c:showCatName val="0"/>
          <c:showSerName val="0"/>
          <c:showPercent val="0"/>
          <c:showBubbleSize val="0"/>
        </c:dLbls>
        <c:hiLowLines>
          <c:spPr>
            <a:ln w="152400" cap="flat" cmpd="sng" algn="ctr">
              <a:solidFill>
                <a:schemeClr val="accent4"/>
              </a:solidFill>
              <a:round/>
            </a:ln>
            <a:effectLst>
              <a:softEdge rad="31750"/>
            </a:effectLst>
          </c:spPr>
        </c:hiLowLines>
        <c:upDownBars>
          <c:gapWidth val="150"/>
          <c:upBars>
            <c:spPr>
              <a:solidFill>
                <a:schemeClr val="accent4"/>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5">
                    <a:satMod val="300000"/>
                  </a:schemeClr>
                </a:contourClr>
              </a:sp3d>
            </c:spPr>
          </c:upBars>
          <c:downBars>
            <c:spPr>
              <a:solidFill>
                <a:schemeClr val="dk1">
                  <a:lumMod val="75000"/>
                  <a:lumOff val="25000"/>
                </a:schemeClr>
              </a:solidFill>
              <a:ln w="9525" cap="flat" cmpd="sng" algn="ctr">
                <a:solidFill>
                  <a:schemeClr val="tx1">
                    <a:lumMod val="65000"/>
                    <a:lumOff val="35000"/>
                  </a:schemeClr>
                </a:solidFill>
                <a:round/>
              </a:ln>
              <a:effectLst/>
            </c:spPr>
          </c:downBars>
        </c:upDownBars>
        <c:axId val="343596032"/>
        <c:axId val="343597824"/>
      </c:stockChart>
      <c:catAx>
        <c:axId val="343596032"/>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mn-lt"/>
                <a:ea typeface="+mn-ea"/>
                <a:cs typeface="+mn-cs"/>
              </a:defRPr>
            </a:pPr>
            <a:endParaRPr lang="en-US"/>
          </a:p>
        </c:txPr>
        <c:crossAx val="343597824"/>
        <c:crosses val="autoZero"/>
        <c:auto val="1"/>
        <c:lblAlgn val="ctr"/>
        <c:lblOffset val="100"/>
        <c:noMultiLvlLbl val="0"/>
      </c:catAx>
      <c:valAx>
        <c:axId val="343597824"/>
        <c:scaling>
          <c:orientation val="minMax"/>
          <c:max val="8000"/>
        </c:scaling>
        <c:delete val="0"/>
        <c:axPos val="l"/>
        <c:majorGridlines>
          <c:spPr>
            <a:ln w="9525" cap="flat" cmpd="sng" algn="ctr">
              <a:solidFill>
                <a:srgbClr val="002060"/>
              </a:solidFill>
              <a:round/>
            </a:ln>
            <a:effectLst/>
          </c:spPr>
        </c:majorGridlines>
        <c:title>
          <c:tx>
            <c:rich>
              <a:bodyPr rot="-5400000" vert="horz"/>
              <a:lstStyle/>
              <a:p>
                <a:pPr>
                  <a:defRPr sz="2000"/>
                </a:pPr>
                <a:r>
                  <a:rPr lang="en-US" sz="2000" dirty="0" smtClean="0"/>
                  <a:t>Supply Cost ($/AF)</a:t>
                </a:r>
                <a:endParaRPr lang="en-US" sz="2000" dirty="0"/>
              </a:p>
            </c:rich>
          </c:tx>
          <c:layout>
            <c:manualLayout>
              <c:xMode val="edge"/>
              <c:yMode val="edge"/>
              <c:x val="0"/>
              <c:y val="0.22555073624271543"/>
            </c:manualLayout>
          </c:layout>
          <c:overlay val="0"/>
        </c:title>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4359603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col"/>
        <c:grouping val="stacked"/>
        <c:varyColors val="0"/>
        <c:ser>
          <c:idx val="0"/>
          <c:order val="0"/>
          <c:tx>
            <c:strRef>
              <c:f>Sheet1!$B$1</c:f>
              <c:strCache>
                <c:ptCount val="1"/>
                <c:pt idx="0">
                  <c:v>Export SWP</c:v>
                </c:pt>
              </c:strCache>
            </c:strRef>
          </c:tx>
          <c:spPr>
            <a:gradFill>
              <a:gsLst>
                <a:gs pos="0">
                  <a:srgbClr val="002060"/>
                </a:gs>
                <a:gs pos="50000">
                  <a:srgbClr val="0070C0"/>
                </a:gs>
                <a:gs pos="100000">
                  <a:srgbClr val="002060"/>
                </a:gs>
              </a:gsLst>
              <a:lin ang="0" scaled="1"/>
            </a:gradFill>
            <a:scene3d>
              <a:camera prst="orthographicFront"/>
              <a:lightRig rig="threePt" dir="t"/>
            </a:scene3d>
            <a:sp3d>
              <a:bevelT/>
            </a:sp3d>
          </c:spPr>
          <c:invertIfNegative val="0"/>
          <c:dLbls>
            <c:dLbl>
              <c:idx val="0"/>
              <c:layout/>
              <c:tx>
                <c:rich>
                  <a:bodyPr/>
                  <a:lstStyle/>
                  <a:p>
                    <a:r>
                      <a:rPr lang="en-US" sz="2400" b="1" dirty="0" smtClean="0"/>
                      <a:t>54%</a:t>
                    </a:r>
                    <a:endParaRPr lang="en-US" dirty="0"/>
                  </a:p>
                </c:rich>
              </c:tx>
              <c:showLegendKey val="0"/>
              <c:showVal val="1"/>
              <c:showCatName val="0"/>
              <c:showSerName val="0"/>
              <c:showPercent val="0"/>
              <c:showBubbleSize val="0"/>
            </c:dLbl>
            <c:dLbl>
              <c:idx val="1"/>
              <c:layout/>
              <c:tx>
                <c:rich>
                  <a:bodyPr/>
                  <a:lstStyle/>
                  <a:p>
                    <a:r>
                      <a:rPr lang="en-US" sz="2400" b="1" dirty="0" smtClean="0"/>
                      <a:t>56%</a:t>
                    </a:r>
                    <a:endParaRPr lang="en-US" dirty="0"/>
                  </a:p>
                </c:rich>
              </c:tx>
              <c:showLegendKey val="0"/>
              <c:showVal val="1"/>
              <c:showCatName val="0"/>
              <c:showSerName val="0"/>
              <c:showPercent val="0"/>
              <c:showBubbleSize val="0"/>
            </c:dLbl>
            <c:dLbl>
              <c:idx val="2"/>
              <c:layout/>
              <c:tx>
                <c:rich>
                  <a:bodyPr/>
                  <a:lstStyle/>
                  <a:p>
                    <a:r>
                      <a:rPr lang="en-US" sz="2400" b="1" dirty="0" smtClean="0"/>
                      <a:t>52%</a:t>
                    </a:r>
                    <a:endParaRPr lang="en-US" dirty="0"/>
                  </a:p>
                </c:rich>
              </c:tx>
              <c:showLegendKey val="0"/>
              <c:showVal val="1"/>
              <c:showCatName val="0"/>
              <c:showSerName val="0"/>
              <c:showPercent val="0"/>
              <c:showBubbleSize val="0"/>
            </c:dLbl>
            <c:txPr>
              <a:bodyPr/>
              <a:lstStyle/>
              <a:p>
                <a:pPr>
                  <a:defRPr sz="2400" b="1"/>
                </a:pPr>
                <a:endParaRPr lang="en-US"/>
              </a:p>
            </c:txPr>
            <c:showLegendKey val="0"/>
            <c:showVal val="1"/>
            <c:showCatName val="0"/>
            <c:showSerName val="0"/>
            <c:showPercent val="0"/>
            <c:showBubbleSize val="0"/>
            <c:showLeaderLines val="0"/>
          </c:dLbls>
          <c:cat>
            <c:strRef>
              <c:f>Sheet1!$A$2:$A$4</c:f>
              <c:strCache>
                <c:ptCount val="3"/>
                <c:pt idx="0">
                  <c:v>No Action 
Alternative</c:v>
                </c:pt>
                <c:pt idx="1">
                  <c:v>Alt 4 Low Outflow Scenario</c:v>
                </c:pt>
                <c:pt idx="2">
                  <c:v>Alt 4 High Outflow Scenario</c:v>
                </c:pt>
              </c:strCache>
            </c:strRef>
          </c:cat>
          <c:val>
            <c:numRef>
              <c:f>Sheet1!$B$2:$B$4</c:f>
              <c:numCache>
                <c:formatCode>General</c:formatCode>
                <c:ptCount val="3"/>
                <c:pt idx="0">
                  <c:v>0.54</c:v>
                </c:pt>
                <c:pt idx="1">
                  <c:v>0.56000000000000005</c:v>
                </c:pt>
                <c:pt idx="2">
                  <c:v>0.52</c:v>
                </c:pt>
              </c:numCache>
            </c:numRef>
          </c:val>
        </c:ser>
        <c:ser>
          <c:idx val="1"/>
          <c:order val="1"/>
          <c:tx>
            <c:strRef>
              <c:f>Sheet1!$C$1</c:f>
              <c:strCache>
                <c:ptCount val="1"/>
                <c:pt idx="0">
                  <c:v>Export CVP</c:v>
                </c:pt>
              </c:strCache>
            </c:strRef>
          </c:tx>
          <c:spPr>
            <a:gradFill flip="none" rotWithShape="1">
              <a:gsLst>
                <a:gs pos="0">
                  <a:srgbClr val="663300"/>
                </a:gs>
                <a:gs pos="50000">
                  <a:srgbClr val="996633">
                    <a:shade val="67500"/>
                    <a:satMod val="115000"/>
                  </a:srgbClr>
                </a:gs>
                <a:gs pos="100000">
                  <a:srgbClr val="663300"/>
                </a:gs>
              </a:gsLst>
              <a:lin ang="0" scaled="1"/>
              <a:tileRect/>
            </a:gradFill>
            <a:scene3d>
              <a:camera prst="orthographicFront"/>
              <a:lightRig rig="threePt" dir="t"/>
            </a:scene3d>
            <a:sp3d>
              <a:bevelT/>
            </a:sp3d>
          </c:spPr>
          <c:invertIfNegative val="0"/>
          <c:dLbls>
            <c:dLbl>
              <c:idx val="0"/>
              <c:layout/>
              <c:tx>
                <c:rich>
                  <a:bodyPr/>
                  <a:lstStyle/>
                  <a:p>
                    <a:r>
                      <a:rPr lang="en-US" sz="2400" b="1" dirty="0" smtClean="0"/>
                      <a:t>46%</a:t>
                    </a:r>
                    <a:endParaRPr lang="en-US" dirty="0"/>
                  </a:p>
                </c:rich>
              </c:tx>
              <c:showLegendKey val="0"/>
              <c:showVal val="1"/>
              <c:showCatName val="0"/>
              <c:showSerName val="0"/>
              <c:showPercent val="0"/>
              <c:showBubbleSize val="0"/>
            </c:dLbl>
            <c:dLbl>
              <c:idx val="1"/>
              <c:layout/>
              <c:tx>
                <c:rich>
                  <a:bodyPr/>
                  <a:lstStyle/>
                  <a:p>
                    <a:r>
                      <a:rPr lang="en-US" sz="2400" b="1" dirty="0" smtClean="0"/>
                      <a:t>44%</a:t>
                    </a:r>
                    <a:endParaRPr lang="en-US" dirty="0"/>
                  </a:p>
                </c:rich>
              </c:tx>
              <c:showLegendKey val="0"/>
              <c:showVal val="1"/>
              <c:showCatName val="0"/>
              <c:showSerName val="0"/>
              <c:showPercent val="0"/>
              <c:showBubbleSize val="0"/>
            </c:dLbl>
            <c:dLbl>
              <c:idx val="2"/>
              <c:layout/>
              <c:tx>
                <c:rich>
                  <a:bodyPr/>
                  <a:lstStyle/>
                  <a:p>
                    <a:r>
                      <a:rPr lang="en-US" sz="2400" b="1" dirty="0" smtClean="0"/>
                      <a:t>48%</a:t>
                    </a:r>
                    <a:endParaRPr lang="en-US" dirty="0"/>
                  </a:p>
                </c:rich>
              </c:tx>
              <c:showLegendKey val="0"/>
              <c:showVal val="1"/>
              <c:showCatName val="0"/>
              <c:showSerName val="0"/>
              <c:showPercent val="0"/>
              <c:showBubbleSize val="0"/>
            </c:dLbl>
            <c:txPr>
              <a:bodyPr/>
              <a:lstStyle/>
              <a:p>
                <a:pPr>
                  <a:defRPr sz="2400" b="1"/>
                </a:pPr>
                <a:endParaRPr lang="en-US"/>
              </a:p>
            </c:txPr>
            <c:showLegendKey val="0"/>
            <c:showVal val="1"/>
            <c:showCatName val="0"/>
            <c:showSerName val="0"/>
            <c:showPercent val="0"/>
            <c:showBubbleSize val="0"/>
            <c:showLeaderLines val="0"/>
          </c:dLbls>
          <c:cat>
            <c:strRef>
              <c:f>Sheet1!$A$2:$A$4</c:f>
              <c:strCache>
                <c:ptCount val="3"/>
                <c:pt idx="0">
                  <c:v>No Action 
Alternative</c:v>
                </c:pt>
                <c:pt idx="1">
                  <c:v>Alt 4 Low Outflow Scenario</c:v>
                </c:pt>
                <c:pt idx="2">
                  <c:v>Alt 4 High Outflow Scenario</c:v>
                </c:pt>
              </c:strCache>
            </c:strRef>
          </c:cat>
          <c:val>
            <c:numRef>
              <c:f>Sheet1!$C$2:$C$4</c:f>
              <c:numCache>
                <c:formatCode>General</c:formatCode>
                <c:ptCount val="3"/>
                <c:pt idx="0">
                  <c:v>0.46</c:v>
                </c:pt>
                <c:pt idx="1">
                  <c:v>0.44</c:v>
                </c:pt>
                <c:pt idx="2">
                  <c:v>0.48</c:v>
                </c:pt>
              </c:numCache>
            </c:numRef>
          </c:val>
        </c:ser>
        <c:dLbls>
          <c:showLegendKey val="0"/>
          <c:showVal val="0"/>
          <c:showCatName val="0"/>
          <c:showSerName val="0"/>
          <c:showPercent val="0"/>
          <c:showBubbleSize val="0"/>
        </c:dLbls>
        <c:gapWidth val="100"/>
        <c:overlap val="100"/>
        <c:axId val="282232704"/>
        <c:axId val="282234240"/>
      </c:barChart>
      <c:catAx>
        <c:axId val="282232704"/>
        <c:scaling>
          <c:orientation val="minMax"/>
        </c:scaling>
        <c:delete val="0"/>
        <c:axPos val="b"/>
        <c:majorTickMark val="out"/>
        <c:minorTickMark val="none"/>
        <c:tickLblPos val="nextTo"/>
        <c:txPr>
          <a:bodyPr/>
          <a:lstStyle/>
          <a:p>
            <a:pPr>
              <a:defRPr sz="2400" b="1"/>
            </a:pPr>
            <a:endParaRPr lang="en-US"/>
          </a:p>
        </c:txPr>
        <c:crossAx val="282234240"/>
        <c:crosses val="autoZero"/>
        <c:auto val="1"/>
        <c:lblAlgn val="ctr"/>
        <c:lblOffset val="100"/>
        <c:noMultiLvlLbl val="0"/>
      </c:catAx>
      <c:valAx>
        <c:axId val="282234240"/>
        <c:scaling>
          <c:orientation val="minMax"/>
          <c:max val="1"/>
        </c:scaling>
        <c:delete val="0"/>
        <c:axPos val="l"/>
        <c:numFmt formatCode="0%" sourceLinked="0"/>
        <c:majorTickMark val="out"/>
        <c:minorTickMark val="none"/>
        <c:tickLblPos val="nextTo"/>
        <c:txPr>
          <a:bodyPr/>
          <a:lstStyle/>
          <a:p>
            <a:pPr>
              <a:defRPr sz="2000" b="1"/>
            </a:pPr>
            <a:endParaRPr lang="en-US"/>
          </a:p>
        </c:txPr>
        <c:crossAx val="282232704"/>
        <c:crosses val="autoZero"/>
        <c:crossBetween val="between"/>
        <c:majorUnit val="0.25"/>
      </c:valAx>
    </c:plotArea>
    <c:plotVisOnly val="1"/>
    <c:dispBlanksAs val="gap"/>
    <c:showDLblsOverMax val="0"/>
  </c:chart>
  <c:txPr>
    <a:bodyPr/>
    <a:lstStyle/>
    <a:p>
      <a:pPr>
        <a:defRPr sz="1800"/>
      </a:pPr>
      <a:endParaRPr lang="en-US"/>
    </a:p>
  </c:txPr>
  <c:externalData r:id="rId1">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7821061840954092"/>
          <c:y val="4.5941035387817901E-2"/>
          <c:w val="0.82178938159045911"/>
          <c:h val="0.83939904063716175"/>
        </c:manualLayout>
      </c:layout>
      <c:lineChart>
        <c:grouping val="standard"/>
        <c:varyColors val="0"/>
        <c:ser>
          <c:idx val="0"/>
          <c:order val="0"/>
          <c:tx>
            <c:strRef>
              <c:f>Sheet1!$K$1</c:f>
              <c:strCache>
                <c:ptCount val="1"/>
                <c:pt idx="0">
                  <c:v>Sacramento River @ Freeport (cfs)</c:v>
                </c:pt>
              </c:strCache>
            </c:strRef>
          </c:tx>
          <c:spPr>
            <a:ln w="76200"/>
            <a:effectLst>
              <a:outerShdw blurRad="50800" dist="38100" dir="2700000" algn="tl" rotWithShape="0">
                <a:prstClr val="black">
                  <a:alpha val="40000"/>
                </a:prstClr>
              </a:outerShdw>
            </a:effectLst>
          </c:spPr>
          <c:marker>
            <c:symbol val="none"/>
          </c:marker>
          <c:cat>
            <c:numRef>
              <c:f>Sheet1!$I$7:$I$65</c:f>
              <c:numCache>
                <c:formatCode>m/d/yyyy</c:formatCode>
                <c:ptCount val="59"/>
                <c:pt idx="0">
                  <c:v>42375</c:v>
                </c:pt>
                <c:pt idx="1">
                  <c:v>42376</c:v>
                </c:pt>
                <c:pt idx="2">
                  <c:v>42377</c:v>
                </c:pt>
                <c:pt idx="3">
                  <c:v>42378</c:v>
                </c:pt>
                <c:pt idx="4">
                  <c:v>42379</c:v>
                </c:pt>
                <c:pt idx="5">
                  <c:v>42380</c:v>
                </c:pt>
                <c:pt idx="6">
                  <c:v>42381</c:v>
                </c:pt>
                <c:pt idx="7">
                  <c:v>42382</c:v>
                </c:pt>
                <c:pt idx="8">
                  <c:v>42383</c:v>
                </c:pt>
                <c:pt idx="9">
                  <c:v>42384</c:v>
                </c:pt>
                <c:pt idx="10">
                  <c:v>42385</c:v>
                </c:pt>
                <c:pt idx="11">
                  <c:v>42386</c:v>
                </c:pt>
                <c:pt idx="12">
                  <c:v>42387</c:v>
                </c:pt>
                <c:pt idx="13">
                  <c:v>42388</c:v>
                </c:pt>
                <c:pt idx="14">
                  <c:v>42389</c:v>
                </c:pt>
                <c:pt idx="15">
                  <c:v>42390</c:v>
                </c:pt>
                <c:pt idx="16">
                  <c:v>42391</c:v>
                </c:pt>
                <c:pt idx="17">
                  <c:v>42392</c:v>
                </c:pt>
                <c:pt idx="18">
                  <c:v>42393</c:v>
                </c:pt>
                <c:pt idx="19">
                  <c:v>42394</c:v>
                </c:pt>
                <c:pt idx="20">
                  <c:v>42395</c:v>
                </c:pt>
                <c:pt idx="21">
                  <c:v>42396</c:v>
                </c:pt>
                <c:pt idx="22">
                  <c:v>42397</c:v>
                </c:pt>
                <c:pt idx="23">
                  <c:v>42398</c:v>
                </c:pt>
                <c:pt idx="24">
                  <c:v>42399</c:v>
                </c:pt>
                <c:pt idx="25">
                  <c:v>42400</c:v>
                </c:pt>
                <c:pt idx="26">
                  <c:v>42401</c:v>
                </c:pt>
                <c:pt idx="27">
                  <c:v>42402</c:v>
                </c:pt>
                <c:pt idx="28">
                  <c:v>42403</c:v>
                </c:pt>
                <c:pt idx="29">
                  <c:v>42404</c:v>
                </c:pt>
                <c:pt idx="30">
                  <c:v>42405</c:v>
                </c:pt>
                <c:pt idx="31">
                  <c:v>42406</c:v>
                </c:pt>
                <c:pt idx="32">
                  <c:v>42407</c:v>
                </c:pt>
                <c:pt idx="33">
                  <c:v>42408</c:v>
                </c:pt>
                <c:pt idx="34">
                  <c:v>42409</c:v>
                </c:pt>
                <c:pt idx="35">
                  <c:v>42410</c:v>
                </c:pt>
                <c:pt idx="36">
                  <c:v>42411</c:v>
                </c:pt>
                <c:pt idx="37">
                  <c:v>42412</c:v>
                </c:pt>
                <c:pt idx="38">
                  <c:v>42413</c:v>
                </c:pt>
                <c:pt idx="39">
                  <c:v>42414</c:v>
                </c:pt>
                <c:pt idx="40">
                  <c:v>42415</c:v>
                </c:pt>
                <c:pt idx="41">
                  <c:v>42416</c:v>
                </c:pt>
                <c:pt idx="42">
                  <c:v>42417</c:v>
                </c:pt>
                <c:pt idx="43">
                  <c:v>42418</c:v>
                </c:pt>
                <c:pt idx="44">
                  <c:v>42419</c:v>
                </c:pt>
                <c:pt idx="45">
                  <c:v>42420</c:v>
                </c:pt>
                <c:pt idx="46">
                  <c:v>42421</c:v>
                </c:pt>
                <c:pt idx="47">
                  <c:v>42422</c:v>
                </c:pt>
                <c:pt idx="48">
                  <c:v>42423</c:v>
                </c:pt>
                <c:pt idx="49">
                  <c:v>42424</c:v>
                </c:pt>
                <c:pt idx="50">
                  <c:v>42425</c:v>
                </c:pt>
                <c:pt idx="51">
                  <c:v>42426</c:v>
                </c:pt>
                <c:pt idx="52">
                  <c:v>42427</c:v>
                </c:pt>
                <c:pt idx="53">
                  <c:v>42428</c:v>
                </c:pt>
                <c:pt idx="54">
                  <c:v>42429</c:v>
                </c:pt>
                <c:pt idx="55">
                  <c:v>42430</c:v>
                </c:pt>
                <c:pt idx="56">
                  <c:v>42431</c:v>
                </c:pt>
                <c:pt idx="57">
                  <c:v>42432</c:v>
                </c:pt>
                <c:pt idx="58">
                  <c:v>42433</c:v>
                </c:pt>
              </c:numCache>
            </c:numRef>
          </c:cat>
          <c:val>
            <c:numRef>
              <c:f>Sheet1!$K$7:$K$72</c:f>
              <c:numCache>
                <c:formatCode>_(* #,##0_);_(* \(#,##0\);_(* "-"??_);_(@_)</c:formatCode>
                <c:ptCount val="66"/>
                <c:pt idx="0">
                  <c:v>9494</c:v>
                </c:pt>
                <c:pt idx="1">
                  <c:v>16133</c:v>
                </c:pt>
                <c:pt idx="2">
                  <c:v>24478</c:v>
                </c:pt>
                <c:pt idx="3">
                  <c:v>26403</c:v>
                </c:pt>
                <c:pt idx="4">
                  <c:v>22015</c:v>
                </c:pt>
                <c:pt idx="5">
                  <c:v>18294</c:v>
                </c:pt>
                <c:pt idx="6">
                  <c:v>17465</c:v>
                </c:pt>
                <c:pt idx="7">
                  <c:v>15988</c:v>
                </c:pt>
                <c:pt idx="8">
                  <c:v>15025</c:v>
                </c:pt>
                <c:pt idx="9">
                  <c:v>17309</c:v>
                </c:pt>
                <c:pt idx="10">
                  <c:v>22503</c:v>
                </c:pt>
                <c:pt idx="11">
                  <c:v>26160</c:v>
                </c:pt>
                <c:pt idx="12">
                  <c:v>29743</c:v>
                </c:pt>
                <c:pt idx="13">
                  <c:v>36980</c:v>
                </c:pt>
                <c:pt idx="14">
                  <c:v>40566</c:v>
                </c:pt>
                <c:pt idx="15">
                  <c:v>44577</c:v>
                </c:pt>
                <c:pt idx="16">
                  <c:v>49375</c:v>
                </c:pt>
                <c:pt idx="17">
                  <c:v>50680</c:v>
                </c:pt>
                <c:pt idx="18">
                  <c:v>49098</c:v>
                </c:pt>
                <c:pt idx="19">
                  <c:v>48549</c:v>
                </c:pt>
                <c:pt idx="20">
                  <c:v>48515</c:v>
                </c:pt>
                <c:pt idx="21">
                  <c:v>46106</c:v>
                </c:pt>
                <c:pt idx="22">
                  <c:v>40774</c:v>
                </c:pt>
                <c:pt idx="23">
                  <c:v>34373</c:v>
                </c:pt>
                <c:pt idx="24">
                  <c:v>30798</c:v>
                </c:pt>
                <c:pt idx="25">
                  <c:v>39585</c:v>
                </c:pt>
                <c:pt idx="26">
                  <c:v>42452</c:v>
                </c:pt>
                <c:pt idx="27">
                  <c:v>39015</c:v>
                </c:pt>
                <c:pt idx="28">
                  <c:v>37428</c:v>
                </c:pt>
                <c:pt idx="29">
                  <c:v>31842</c:v>
                </c:pt>
                <c:pt idx="30">
                  <c:v>27484</c:v>
                </c:pt>
                <c:pt idx="31">
                  <c:v>24530</c:v>
                </c:pt>
                <c:pt idx="32">
                  <c:v>21963</c:v>
                </c:pt>
                <c:pt idx="33">
                  <c:v>19884</c:v>
                </c:pt>
                <c:pt idx="34">
                  <c:v>18497</c:v>
                </c:pt>
                <c:pt idx="35">
                  <c:v>18514</c:v>
                </c:pt>
                <c:pt idx="36">
                  <c:v>18303</c:v>
                </c:pt>
                <c:pt idx="37">
                  <c:v>17622</c:v>
                </c:pt>
                <c:pt idx="38">
                  <c:v>17335</c:v>
                </c:pt>
                <c:pt idx="39">
                  <c:v>17221</c:v>
                </c:pt>
                <c:pt idx="40">
                  <c:v>16707</c:v>
                </c:pt>
                <c:pt idx="41">
                  <c:v>15819</c:v>
                </c:pt>
                <c:pt idx="42">
                  <c:v>14607</c:v>
                </c:pt>
                <c:pt idx="43">
                  <c:v>15848</c:v>
                </c:pt>
                <c:pt idx="44">
                  <c:v>16166</c:v>
                </c:pt>
                <c:pt idx="45">
                  <c:v>16749</c:v>
                </c:pt>
                <c:pt idx="46">
                  <c:v>17664</c:v>
                </c:pt>
                <c:pt idx="47">
                  <c:v>17940</c:v>
                </c:pt>
                <c:pt idx="48">
                  <c:v>19768</c:v>
                </c:pt>
                <c:pt idx="49">
                  <c:v>20593</c:v>
                </c:pt>
                <c:pt idx="50">
                  <c:v>19443</c:v>
                </c:pt>
                <c:pt idx="51">
                  <c:v>18010</c:v>
                </c:pt>
                <c:pt idx="52">
                  <c:v>16969</c:v>
                </c:pt>
                <c:pt idx="53">
                  <c:v>16081</c:v>
                </c:pt>
                <c:pt idx="54">
                  <c:v>15393</c:v>
                </c:pt>
                <c:pt idx="55">
                  <c:v>14544</c:v>
                </c:pt>
                <c:pt idx="56">
                  <c:v>13758</c:v>
                </c:pt>
                <c:pt idx="57">
                  <c:v>13543</c:v>
                </c:pt>
                <c:pt idx="58">
                  <c:v>13971</c:v>
                </c:pt>
                <c:pt idx="59">
                  <c:v>16068</c:v>
                </c:pt>
                <c:pt idx="60">
                  <c:v>22154</c:v>
                </c:pt>
                <c:pt idx="61">
                  <c:v>39918</c:v>
                </c:pt>
                <c:pt idx="62">
                  <c:v>52705</c:v>
                </c:pt>
                <c:pt idx="63">
                  <c:v>59421</c:v>
                </c:pt>
                <c:pt idx="64">
                  <c:v>60560</c:v>
                </c:pt>
                <c:pt idx="65">
                  <c:v>61012</c:v>
                </c:pt>
              </c:numCache>
            </c:numRef>
          </c:val>
          <c:smooth val="0"/>
        </c:ser>
        <c:ser>
          <c:idx val="2"/>
          <c:order val="1"/>
          <c:tx>
            <c:strRef>
              <c:f>Sheet1!$L$1</c:f>
              <c:strCache>
                <c:ptCount val="1"/>
                <c:pt idx="0">
                  <c:v>SWP Pumps (cfs)</c:v>
                </c:pt>
              </c:strCache>
            </c:strRef>
          </c:tx>
          <c:spPr>
            <a:ln w="76200">
              <a:solidFill>
                <a:srgbClr val="00B050"/>
              </a:solidFill>
            </a:ln>
            <a:effectLst>
              <a:outerShdw blurRad="50800" dist="38100" dir="2700000" algn="tl" rotWithShape="0">
                <a:prstClr val="black">
                  <a:alpha val="40000"/>
                </a:prstClr>
              </a:outerShdw>
            </a:effectLst>
          </c:spPr>
          <c:marker>
            <c:symbol val="none"/>
          </c:marker>
          <c:cat>
            <c:numRef>
              <c:f>Sheet1!$I$7:$I$65</c:f>
              <c:numCache>
                <c:formatCode>m/d/yyyy</c:formatCode>
                <c:ptCount val="59"/>
                <c:pt idx="0">
                  <c:v>42375</c:v>
                </c:pt>
                <c:pt idx="1">
                  <c:v>42376</c:v>
                </c:pt>
                <c:pt idx="2">
                  <c:v>42377</c:v>
                </c:pt>
                <c:pt idx="3">
                  <c:v>42378</c:v>
                </c:pt>
                <c:pt idx="4">
                  <c:v>42379</c:v>
                </c:pt>
                <c:pt idx="5">
                  <c:v>42380</c:v>
                </c:pt>
                <c:pt idx="6">
                  <c:v>42381</c:v>
                </c:pt>
                <c:pt idx="7">
                  <c:v>42382</c:v>
                </c:pt>
                <c:pt idx="8">
                  <c:v>42383</c:v>
                </c:pt>
                <c:pt idx="9">
                  <c:v>42384</c:v>
                </c:pt>
                <c:pt idx="10">
                  <c:v>42385</c:v>
                </c:pt>
                <c:pt idx="11">
                  <c:v>42386</c:v>
                </c:pt>
                <c:pt idx="12">
                  <c:v>42387</c:v>
                </c:pt>
                <c:pt idx="13">
                  <c:v>42388</c:v>
                </c:pt>
                <c:pt idx="14">
                  <c:v>42389</c:v>
                </c:pt>
                <c:pt idx="15">
                  <c:v>42390</c:v>
                </c:pt>
                <c:pt idx="16">
                  <c:v>42391</c:v>
                </c:pt>
                <c:pt idx="17">
                  <c:v>42392</c:v>
                </c:pt>
                <c:pt idx="18">
                  <c:v>42393</c:v>
                </c:pt>
                <c:pt idx="19">
                  <c:v>42394</c:v>
                </c:pt>
                <c:pt idx="20">
                  <c:v>42395</c:v>
                </c:pt>
                <c:pt idx="21">
                  <c:v>42396</c:v>
                </c:pt>
                <c:pt idx="22">
                  <c:v>42397</c:v>
                </c:pt>
                <c:pt idx="23">
                  <c:v>42398</c:v>
                </c:pt>
                <c:pt idx="24">
                  <c:v>42399</c:v>
                </c:pt>
                <c:pt idx="25">
                  <c:v>42400</c:v>
                </c:pt>
                <c:pt idx="26">
                  <c:v>42401</c:v>
                </c:pt>
                <c:pt idx="27">
                  <c:v>42402</c:v>
                </c:pt>
                <c:pt idx="28">
                  <c:v>42403</c:v>
                </c:pt>
                <c:pt idx="29">
                  <c:v>42404</c:v>
                </c:pt>
                <c:pt idx="30">
                  <c:v>42405</c:v>
                </c:pt>
                <c:pt idx="31">
                  <c:v>42406</c:v>
                </c:pt>
                <c:pt idx="32">
                  <c:v>42407</c:v>
                </c:pt>
                <c:pt idx="33">
                  <c:v>42408</c:v>
                </c:pt>
                <c:pt idx="34">
                  <c:v>42409</c:v>
                </c:pt>
                <c:pt idx="35">
                  <c:v>42410</c:v>
                </c:pt>
                <c:pt idx="36">
                  <c:v>42411</c:v>
                </c:pt>
                <c:pt idx="37">
                  <c:v>42412</c:v>
                </c:pt>
                <c:pt idx="38">
                  <c:v>42413</c:v>
                </c:pt>
                <c:pt idx="39">
                  <c:v>42414</c:v>
                </c:pt>
                <c:pt idx="40">
                  <c:v>42415</c:v>
                </c:pt>
                <c:pt idx="41">
                  <c:v>42416</c:v>
                </c:pt>
                <c:pt idx="42">
                  <c:v>42417</c:v>
                </c:pt>
                <c:pt idx="43">
                  <c:v>42418</c:v>
                </c:pt>
                <c:pt idx="44">
                  <c:v>42419</c:v>
                </c:pt>
                <c:pt idx="45">
                  <c:v>42420</c:v>
                </c:pt>
                <c:pt idx="46">
                  <c:v>42421</c:v>
                </c:pt>
                <c:pt idx="47">
                  <c:v>42422</c:v>
                </c:pt>
                <c:pt idx="48">
                  <c:v>42423</c:v>
                </c:pt>
                <c:pt idx="49">
                  <c:v>42424</c:v>
                </c:pt>
                <c:pt idx="50">
                  <c:v>42425</c:v>
                </c:pt>
                <c:pt idx="51">
                  <c:v>42426</c:v>
                </c:pt>
                <c:pt idx="52">
                  <c:v>42427</c:v>
                </c:pt>
                <c:pt idx="53">
                  <c:v>42428</c:v>
                </c:pt>
                <c:pt idx="54">
                  <c:v>42429</c:v>
                </c:pt>
                <c:pt idx="55">
                  <c:v>42430</c:v>
                </c:pt>
                <c:pt idx="56">
                  <c:v>42431</c:v>
                </c:pt>
                <c:pt idx="57">
                  <c:v>42432</c:v>
                </c:pt>
                <c:pt idx="58">
                  <c:v>42433</c:v>
                </c:pt>
              </c:numCache>
            </c:numRef>
          </c:cat>
          <c:val>
            <c:numRef>
              <c:f>Sheet1!$L$7:$L$72</c:f>
              <c:numCache>
                <c:formatCode>_(* #,##0_);_(* \(#,##0\);_(* "-"??_);_(@_)</c:formatCode>
                <c:ptCount val="66"/>
                <c:pt idx="0">
                  <c:v>4179</c:v>
                </c:pt>
                <c:pt idx="1">
                  <c:v>3448</c:v>
                </c:pt>
                <c:pt idx="2">
                  <c:v>3172</c:v>
                </c:pt>
                <c:pt idx="3">
                  <c:v>2965</c:v>
                </c:pt>
                <c:pt idx="4">
                  <c:v>2510</c:v>
                </c:pt>
                <c:pt idx="5">
                  <c:v>2179</c:v>
                </c:pt>
                <c:pt idx="6">
                  <c:v>2531</c:v>
                </c:pt>
                <c:pt idx="7">
                  <c:v>2429</c:v>
                </c:pt>
                <c:pt idx="8">
                  <c:v>1881</c:v>
                </c:pt>
                <c:pt idx="9">
                  <c:v>2192</c:v>
                </c:pt>
                <c:pt idx="10">
                  <c:v>2200</c:v>
                </c:pt>
                <c:pt idx="11">
                  <c:v>2107</c:v>
                </c:pt>
                <c:pt idx="12">
                  <c:v>2115</c:v>
                </c:pt>
                <c:pt idx="13">
                  <c:v>2122</c:v>
                </c:pt>
                <c:pt idx="14">
                  <c:v>2284</c:v>
                </c:pt>
                <c:pt idx="15">
                  <c:v>1885</c:v>
                </c:pt>
                <c:pt idx="16">
                  <c:v>1934</c:v>
                </c:pt>
                <c:pt idx="17">
                  <c:v>1670</c:v>
                </c:pt>
                <c:pt idx="18">
                  <c:v>1494</c:v>
                </c:pt>
                <c:pt idx="19">
                  <c:v>1480</c:v>
                </c:pt>
                <c:pt idx="20">
                  <c:v>1654</c:v>
                </c:pt>
                <c:pt idx="21">
                  <c:v>1925</c:v>
                </c:pt>
                <c:pt idx="22">
                  <c:v>2628</c:v>
                </c:pt>
                <c:pt idx="23">
                  <c:v>2341</c:v>
                </c:pt>
                <c:pt idx="24">
                  <c:v>2221</c:v>
                </c:pt>
                <c:pt idx="25">
                  <c:v>2049</c:v>
                </c:pt>
                <c:pt idx="26">
                  <c:v>2216</c:v>
                </c:pt>
                <c:pt idx="27">
                  <c:v>1380</c:v>
                </c:pt>
                <c:pt idx="28">
                  <c:v>1097</c:v>
                </c:pt>
                <c:pt idx="29">
                  <c:v>1461</c:v>
                </c:pt>
                <c:pt idx="30">
                  <c:v>1760</c:v>
                </c:pt>
                <c:pt idx="31">
                  <c:v>1461</c:v>
                </c:pt>
                <c:pt idx="32">
                  <c:v>1592</c:v>
                </c:pt>
                <c:pt idx="33">
                  <c:v>1677</c:v>
                </c:pt>
                <c:pt idx="34">
                  <c:v>1276</c:v>
                </c:pt>
                <c:pt idx="35">
                  <c:v>1276</c:v>
                </c:pt>
                <c:pt idx="36">
                  <c:v>2011</c:v>
                </c:pt>
                <c:pt idx="37">
                  <c:v>2782</c:v>
                </c:pt>
                <c:pt idx="38">
                  <c:v>2503</c:v>
                </c:pt>
                <c:pt idx="39">
                  <c:v>2422</c:v>
                </c:pt>
                <c:pt idx="40">
                  <c:v>2456</c:v>
                </c:pt>
                <c:pt idx="41">
                  <c:v>2409</c:v>
                </c:pt>
                <c:pt idx="42">
                  <c:v>2439</c:v>
                </c:pt>
                <c:pt idx="43">
                  <c:v>2371</c:v>
                </c:pt>
                <c:pt idx="44">
                  <c:v>2312</c:v>
                </c:pt>
                <c:pt idx="45">
                  <c:v>2302</c:v>
                </c:pt>
                <c:pt idx="46">
                  <c:v>2342</c:v>
                </c:pt>
                <c:pt idx="47">
                  <c:v>2560</c:v>
                </c:pt>
                <c:pt idx="48">
                  <c:v>2450</c:v>
                </c:pt>
                <c:pt idx="49">
                  <c:v>2508</c:v>
                </c:pt>
                <c:pt idx="50">
                  <c:v>2617</c:v>
                </c:pt>
                <c:pt idx="51">
                  <c:v>2415</c:v>
                </c:pt>
                <c:pt idx="52">
                  <c:v>2349</c:v>
                </c:pt>
                <c:pt idx="53">
                  <c:v>2175</c:v>
                </c:pt>
                <c:pt idx="54">
                  <c:v>2351</c:v>
                </c:pt>
                <c:pt idx="55">
                  <c:v>2332</c:v>
                </c:pt>
                <c:pt idx="56">
                  <c:v>2194</c:v>
                </c:pt>
                <c:pt idx="57">
                  <c:v>2389</c:v>
                </c:pt>
                <c:pt idx="58">
                  <c:v>2315</c:v>
                </c:pt>
                <c:pt idx="59">
                  <c:v>2211</c:v>
                </c:pt>
                <c:pt idx="60">
                  <c:v>1915</c:v>
                </c:pt>
                <c:pt idx="61">
                  <c:v>2416</c:v>
                </c:pt>
                <c:pt idx="62">
                  <c:v>2402</c:v>
                </c:pt>
                <c:pt idx="63">
                  <c:v>1552</c:v>
                </c:pt>
                <c:pt idx="64">
                  <c:v>3485</c:v>
                </c:pt>
                <c:pt idx="65">
                  <c:v>2988</c:v>
                </c:pt>
              </c:numCache>
            </c:numRef>
          </c:val>
          <c:smooth val="0"/>
        </c:ser>
        <c:dLbls>
          <c:showLegendKey val="0"/>
          <c:showVal val="0"/>
          <c:showCatName val="0"/>
          <c:showSerName val="0"/>
          <c:showPercent val="0"/>
          <c:showBubbleSize val="0"/>
        </c:dLbls>
        <c:marker val="1"/>
        <c:smooth val="0"/>
        <c:axId val="285972736"/>
        <c:axId val="285978624"/>
      </c:lineChart>
      <c:dateAx>
        <c:axId val="285972736"/>
        <c:scaling>
          <c:orientation val="minMax"/>
        </c:scaling>
        <c:delete val="0"/>
        <c:axPos val="b"/>
        <c:numFmt formatCode="m/d;@" sourceLinked="0"/>
        <c:majorTickMark val="out"/>
        <c:minorTickMark val="none"/>
        <c:tickLblPos val="nextTo"/>
        <c:txPr>
          <a:bodyPr/>
          <a:lstStyle/>
          <a:p>
            <a:pPr>
              <a:defRPr sz="2000"/>
            </a:pPr>
            <a:endParaRPr lang="en-US"/>
          </a:p>
        </c:txPr>
        <c:crossAx val="285978624"/>
        <c:crosses val="autoZero"/>
        <c:auto val="1"/>
        <c:lblOffset val="100"/>
        <c:baseTimeUnit val="days"/>
      </c:dateAx>
      <c:valAx>
        <c:axId val="285978624"/>
        <c:scaling>
          <c:orientation val="minMax"/>
          <c:max val="86000"/>
          <c:min val="0"/>
        </c:scaling>
        <c:delete val="0"/>
        <c:axPos val="l"/>
        <c:majorGridlines>
          <c:spPr>
            <a:ln>
              <a:solidFill>
                <a:srgbClr val="002060"/>
              </a:solidFill>
            </a:ln>
          </c:spPr>
        </c:majorGridlines>
        <c:title>
          <c:tx>
            <c:rich>
              <a:bodyPr rot="0" vert="horz"/>
              <a:lstStyle/>
              <a:p>
                <a:pPr>
                  <a:defRPr/>
                </a:pPr>
                <a:r>
                  <a:rPr lang="en-US" dirty="0" smtClean="0"/>
                  <a:t>Flow (cfs)</a:t>
                </a:r>
                <a:endParaRPr lang="en-US" dirty="0"/>
              </a:p>
            </c:rich>
          </c:tx>
          <c:layout>
            <c:manualLayout>
              <c:xMode val="edge"/>
              <c:yMode val="edge"/>
              <c:x val="4.3859649122807015E-2"/>
              <c:y val="0.8209400469678132"/>
            </c:manualLayout>
          </c:layout>
          <c:overlay val="0"/>
        </c:title>
        <c:numFmt formatCode="_(* #,##0_);_(* \(#,##0\);_(* &quot;-&quot;??_);_(@_)" sourceLinked="1"/>
        <c:majorTickMark val="out"/>
        <c:minorTickMark val="none"/>
        <c:tickLblPos val="nextTo"/>
        <c:txPr>
          <a:bodyPr/>
          <a:lstStyle/>
          <a:p>
            <a:pPr>
              <a:defRPr sz="2000"/>
            </a:pPr>
            <a:endParaRPr lang="en-US"/>
          </a:p>
        </c:txPr>
        <c:crossAx val="285972736"/>
        <c:crosses val="autoZero"/>
        <c:crossBetween val="between"/>
      </c:valAx>
    </c:plotArea>
    <c:plotVisOnly val="1"/>
    <c:dispBlanksAs val="gap"/>
    <c:showDLblsOverMax val="0"/>
  </c:chart>
  <c:txPr>
    <a:bodyPr/>
    <a:lstStyle/>
    <a:p>
      <a:pPr>
        <a:defRPr sz="1800"/>
      </a:pPr>
      <a:endParaRPr lang="en-US"/>
    </a:p>
  </c:txPr>
  <c:externalData r:id="rId1">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8113459501772805"/>
          <c:y val="2.4464803332395466E-2"/>
          <c:w val="0.818865404982272"/>
          <c:h val="0.8738721707516558"/>
        </c:manualLayout>
      </c:layout>
      <c:lineChart>
        <c:grouping val="standard"/>
        <c:varyColors val="0"/>
        <c:ser>
          <c:idx val="0"/>
          <c:order val="0"/>
          <c:tx>
            <c:strRef>
              <c:f>Sheet1!$K$1</c:f>
              <c:strCache>
                <c:ptCount val="1"/>
                <c:pt idx="0">
                  <c:v>Sacramento River @ Freeport (cfs)</c:v>
                </c:pt>
              </c:strCache>
            </c:strRef>
          </c:tx>
          <c:spPr>
            <a:ln w="76200"/>
            <a:effectLst>
              <a:outerShdw blurRad="50800" dist="38100" dir="2700000" algn="tl" rotWithShape="0">
                <a:prstClr val="black">
                  <a:alpha val="40000"/>
                </a:prstClr>
              </a:outerShdw>
            </a:effectLst>
          </c:spPr>
          <c:marker>
            <c:symbol val="none"/>
          </c:marker>
          <c:cat>
            <c:numRef>
              <c:f>Sheet1!$I$66:$I$86</c:f>
              <c:numCache>
                <c:formatCode>m/d/yyyy</c:formatCode>
                <c:ptCount val="21"/>
                <c:pt idx="0">
                  <c:v>42434</c:v>
                </c:pt>
                <c:pt idx="1">
                  <c:v>42435</c:v>
                </c:pt>
                <c:pt idx="2">
                  <c:v>42436</c:v>
                </c:pt>
                <c:pt idx="3">
                  <c:v>42437</c:v>
                </c:pt>
                <c:pt idx="4">
                  <c:v>42438</c:v>
                </c:pt>
                <c:pt idx="5">
                  <c:v>42439</c:v>
                </c:pt>
                <c:pt idx="6">
                  <c:v>42440</c:v>
                </c:pt>
                <c:pt idx="7">
                  <c:v>42441</c:v>
                </c:pt>
                <c:pt idx="8">
                  <c:v>42442</c:v>
                </c:pt>
                <c:pt idx="9">
                  <c:v>42443</c:v>
                </c:pt>
                <c:pt idx="10">
                  <c:v>42444</c:v>
                </c:pt>
                <c:pt idx="11">
                  <c:v>42445</c:v>
                </c:pt>
                <c:pt idx="12">
                  <c:v>42446</c:v>
                </c:pt>
                <c:pt idx="13">
                  <c:v>42447</c:v>
                </c:pt>
                <c:pt idx="14">
                  <c:v>42448</c:v>
                </c:pt>
                <c:pt idx="15">
                  <c:v>42449</c:v>
                </c:pt>
                <c:pt idx="16">
                  <c:v>42450</c:v>
                </c:pt>
                <c:pt idx="17">
                  <c:v>42451</c:v>
                </c:pt>
                <c:pt idx="18">
                  <c:v>42452</c:v>
                </c:pt>
                <c:pt idx="19">
                  <c:v>42453</c:v>
                </c:pt>
                <c:pt idx="20">
                  <c:v>42454</c:v>
                </c:pt>
              </c:numCache>
            </c:numRef>
          </c:cat>
          <c:val>
            <c:numRef>
              <c:f>Sheet1!$K$65:$K$86</c:f>
              <c:numCache>
                <c:formatCode>_(* #,##0_);_(* \(#,##0\);_(* "-"??_);_(@_)</c:formatCode>
                <c:ptCount val="22"/>
                <c:pt idx="0">
                  <c:v>13971</c:v>
                </c:pt>
                <c:pt idx="1">
                  <c:v>16068</c:v>
                </c:pt>
                <c:pt idx="2">
                  <c:v>22154</c:v>
                </c:pt>
                <c:pt idx="3">
                  <c:v>39918</c:v>
                </c:pt>
                <c:pt idx="4">
                  <c:v>52705</c:v>
                </c:pt>
                <c:pt idx="5">
                  <c:v>59421</c:v>
                </c:pt>
                <c:pt idx="6">
                  <c:v>60560</c:v>
                </c:pt>
                <c:pt idx="7">
                  <c:v>61012</c:v>
                </c:pt>
                <c:pt idx="8">
                  <c:v>65366</c:v>
                </c:pt>
                <c:pt idx="9">
                  <c:v>71899</c:v>
                </c:pt>
                <c:pt idx="10">
                  <c:v>76108</c:v>
                </c:pt>
                <c:pt idx="11">
                  <c:v>76760</c:v>
                </c:pt>
                <c:pt idx="12">
                  <c:v>75887</c:v>
                </c:pt>
              </c:numCache>
            </c:numRef>
          </c:val>
          <c:smooth val="0"/>
        </c:ser>
        <c:ser>
          <c:idx val="2"/>
          <c:order val="1"/>
          <c:tx>
            <c:strRef>
              <c:f>Sheet1!$O$1</c:f>
              <c:strCache>
                <c:ptCount val="1"/>
                <c:pt idx="0">
                  <c:v>SWP Pumps (cfs)</c:v>
                </c:pt>
              </c:strCache>
            </c:strRef>
          </c:tx>
          <c:spPr>
            <a:ln w="76200">
              <a:solidFill>
                <a:srgbClr val="00B050"/>
              </a:solidFill>
            </a:ln>
            <a:effectLst>
              <a:outerShdw blurRad="50800" dist="38100" dir="2700000" algn="tl" rotWithShape="0">
                <a:prstClr val="black">
                  <a:alpha val="40000"/>
                </a:prstClr>
              </a:outerShdw>
            </a:effectLst>
          </c:spPr>
          <c:marker>
            <c:symbol val="none"/>
          </c:marker>
          <c:cat>
            <c:numRef>
              <c:f>Sheet1!$I$66:$I$86</c:f>
              <c:numCache>
                <c:formatCode>m/d/yyyy</c:formatCode>
                <c:ptCount val="21"/>
                <c:pt idx="0">
                  <c:v>42434</c:v>
                </c:pt>
                <c:pt idx="1">
                  <c:v>42435</c:v>
                </c:pt>
                <c:pt idx="2">
                  <c:v>42436</c:v>
                </c:pt>
                <c:pt idx="3">
                  <c:v>42437</c:v>
                </c:pt>
                <c:pt idx="4">
                  <c:v>42438</c:v>
                </c:pt>
                <c:pt idx="5">
                  <c:v>42439</c:v>
                </c:pt>
                <c:pt idx="6">
                  <c:v>42440</c:v>
                </c:pt>
                <c:pt idx="7">
                  <c:v>42441</c:v>
                </c:pt>
                <c:pt idx="8">
                  <c:v>42442</c:v>
                </c:pt>
                <c:pt idx="9">
                  <c:v>42443</c:v>
                </c:pt>
                <c:pt idx="10">
                  <c:v>42444</c:v>
                </c:pt>
                <c:pt idx="11">
                  <c:v>42445</c:v>
                </c:pt>
                <c:pt idx="12">
                  <c:v>42446</c:v>
                </c:pt>
                <c:pt idx="13">
                  <c:v>42447</c:v>
                </c:pt>
                <c:pt idx="14">
                  <c:v>42448</c:v>
                </c:pt>
                <c:pt idx="15">
                  <c:v>42449</c:v>
                </c:pt>
                <c:pt idx="16">
                  <c:v>42450</c:v>
                </c:pt>
                <c:pt idx="17">
                  <c:v>42451</c:v>
                </c:pt>
                <c:pt idx="18">
                  <c:v>42452</c:v>
                </c:pt>
                <c:pt idx="19">
                  <c:v>42453</c:v>
                </c:pt>
                <c:pt idx="20">
                  <c:v>42454</c:v>
                </c:pt>
              </c:numCache>
            </c:numRef>
          </c:cat>
          <c:val>
            <c:numRef>
              <c:f>Sheet1!$O$65:$O$86</c:f>
              <c:numCache>
                <c:formatCode>_(* #,##0_);_(* \(#,##0\);_(* "-"??_);_(@_)</c:formatCode>
                <c:ptCount val="22"/>
                <c:pt idx="0">
                  <c:v>2315</c:v>
                </c:pt>
                <c:pt idx="1">
                  <c:v>2211</c:v>
                </c:pt>
                <c:pt idx="2">
                  <c:v>1915</c:v>
                </c:pt>
                <c:pt idx="3">
                  <c:v>2416</c:v>
                </c:pt>
                <c:pt idx="4">
                  <c:v>2402</c:v>
                </c:pt>
                <c:pt idx="5">
                  <c:v>1552</c:v>
                </c:pt>
                <c:pt idx="6">
                  <c:v>3485</c:v>
                </c:pt>
                <c:pt idx="7">
                  <c:v>2988</c:v>
                </c:pt>
                <c:pt idx="8">
                  <c:v>3087</c:v>
                </c:pt>
                <c:pt idx="9">
                  <c:v>2936</c:v>
                </c:pt>
                <c:pt idx="10">
                  <c:v>2890</c:v>
                </c:pt>
                <c:pt idx="11">
                  <c:v>3269</c:v>
                </c:pt>
                <c:pt idx="12">
                  <c:v>3699</c:v>
                </c:pt>
                <c:pt idx="13">
                  <c:v>4528</c:v>
                </c:pt>
              </c:numCache>
            </c:numRef>
          </c:val>
          <c:smooth val="0"/>
        </c:ser>
        <c:ser>
          <c:idx val="1"/>
          <c:order val="2"/>
          <c:tx>
            <c:strRef>
              <c:f>Sheet1!$L$1</c:f>
              <c:strCache>
                <c:ptCount val="1"/>
                <c:pt idx="0">
                  <c:v>Sacramento River Forecast (cfs)</c:v>
                </c:pt>
              </c:strCache>
            </c:strRef>
          </c:tx>
          <c:spPr>
            <a:ln w="76200">
              <a:solidFill>
                <a:srgbClr val="00B0F0"/>
              </a:solidFill>
              <a:prstDash val="sysDot"/>
            </a:ln>
            <a:effectLst>
              <a:outerShdw blurRad="50800" dist="38100" dir="2700000" algn="tl" rotWithShape="0">
                <a:prstClr val="black">
                  <a:alpha val="40000"/>
                </a:prstClr>
              </a:outerShdw>
            </a:effectLst>
          </c:spPr>
          <c:marker>
            <c:symbol val="none"/>
          </c:marker>
          <c:cat>
            <c:numRef>
              <c:f>Sheet1!$I$66:$I$86</c:f>
              <c:numCache>
                <c:formatCode>m/d/yyyy</c:formatCode>
                <c:ptCount val="21"/>
                <c:pt idx="0">
                  <c:v>42434</c:v>
                </c:pt>
                <c:pt idx="1">
                  <c:v>42435</c:v>
                </c:pt>
                <c:pt idx="2">
                  <c:v>42436</c:v>
                </c:pt>
                <c:pt idx="3">
                  <c:v>42437</c:v>
                </c:pt>
                <c:pt idx="4">
                  <c:v>42438</c:v>
                </c:pt>
                <c:pt idx="5">
                  <c:v>42439</c:v>
                </c:pt>
                <c:pt idx="6">
                  <c:v>42440</c:v>
                </c:pt>
                <c:pt idx="7">
                  <c:v>42441</c:v>
                </c:pt>
                <c:pt idx="8">
                  <c:v>42442</c:v>
                </c:pt>
                <c:pt idx="9">
                  <c:v>42443</c:v>
                </c:pt>
                <c:pt idx="10">
                  <c:v>42444</c:v>
                </c:pt>
                <c:pt idx="11">
                  <c:v>42445</c:v>
                </c:pt>
                <c:pt idx="12">
                  <c:v>42446</c:v>
                </c:pt>
                <c:pt idx="13">
                  <c:v>42447</c:v>
                </c:pt>
                <c:pt idx="14">
                  <c:v>42448</c:v>
                </c:pt>
                <c:pt idx="15">
                  <c:v>42449</c:v>
                </c:pt>
                <c:pt idx="16">
                  <c:v>42450</c:v>
                </c:pt>
                <c:pt idx="17">
                  <c:v>42451</c:v>
                </c:pt>
                <c:pt idx="18">
                  <c:v>42452</c:v>
                </c:pt>
                <c:pt idx="19">
                  <c:v>42453</c:v>
                </c:pt>
                <c:pt idx="20">
                  <c:v>42454</c:v>
                </c:pt>
              </c:numCache>
            </c:numRef>
          </c:cat>
          <c:val>
            <c:numRef>
              <c:f>Sheet1!$L$65:$L$86</c:f>
              <c:numCache>
                <c:formatCode>General</c:formatCode>
                <c:ptCount val="22"/>
                <c:pt idx="12" formatCode="_(* #,##0_);_(* \(#,##0\);_(* &quot;-&quot;??_);_(@_)">
                  <c:v>75887</c:v>
                </c:pt>
                <c:pt idx="13" formatCode="_(* #,##0_);_(* \(#,##0\);_(* &quot;-&quot;??_);_(@_)">
                  <c:v>75000</c:v>
                </c:pt>
                <c:pt idx="14" formatCode="_(* #,##0_);_(* \(#,##0\);_(* &quot;-&quot;??_);_(@_)">
                  <c:v>74000</c:v>
                </c:pt>
                <c:pt idx="15" formatCode="_(* #,##0_);_(* \(#,##0\);_(* &quot;-&quot;??_);_(@_)">
                  <c:v>73000</c:v>
                </c:pt>
                <c:pt idx="16" formatCode="_(* #,##0_);_(* \(#,##0\);_(* &quot;-&quot;??_);_(@_)">
                  <c:v>71000</c:v>
                </c:pt>
                <c:pt idx="17" formatCode="_(* #,##0_);_(* \(#,##0\);_(* &quot;-&quot;??_);_(@_)">
                  <c:v>69000</c:v>
                </c:pt>
                <c:pt idx="18" formatCode="_(* #,##0_);_(* \(#,##0\);_(* &quot;-&quot;??_);_(@_)">
                  <c:v>68000</c:v>
                </c:pt>
                <c:pt idx="19" formatCode="_(* #,##0_);_(* \(#,##0\);_(* &quot;-&quot;??_);_(@_)">
                  <c:v>65000</c:v>
                </c:pt>
                <c:pt idx="20" formatCode="_(* #,##0_);_(* \(#,##0\);_(* &quot;-&quot;??_);_(@_)">
                  <c:v>60000</c:v>
                </c:pt>
                <c:pt idx="21" formatCode="_(* #,##0_);_(* \(#,##0\);_(* &quot;-&quot;??_);_(@_)">
                  <c:v>58000</c:v>
                </c:pt>
              </c:numCache>
            </c:numRef>
          </c:val>
          <c:smooth val="0"/>
        </c:ser>
        <c:ser>
          <c:idx val="3"/>
          <c:order val="3"/>
          <c:tx>
            <c:strRef>
              <c:f>Sheet1!$P$1</c:f>
              <c:strCache>
                <c:ptCount val="1"/>
                <c:pt idx="0">
                  <c:v>SWP Forecast (cfs)</c:v>
                </c:pt>
              </c:strCache>
            </c:strRef>
          </c:tx>
          <c:spPr>
            <a:ln w="76200">
              <a:solidFill>
                <a:srgbClr val="00B050"/>
              </a:solidFill>
              <a:prstDash val="sysDot"/>
            </a:ln>
            <a:effectLst>
              <a:outerShdw blurRad="50800" dist="38100" dir="2700000" algn="tl" rotWithShape="0">
                <a:prstClr val="black">
                  <a:alpha val="40000"/>
                </a:prstClr>
              </a:outerShdw>
            </a:effectLst>
          </c:spPr>
          <c:marker>
            <c:symbol val="none"/>
          </c:marker>
          <c:cat>
            <c:numRef>
              <c:f>Sheet1!$I$66:$I$86</c:f>
              <c:numCache>
                <c:formatCode>m/d/yyyy</c:formatCode>
                <c:ptCount val="21"/>
                <c:pt idx="0">
                  <c:v>42434</c:v>
                </c:pt>
                <c:pt idx="1">
                  <c:v>42435</c:v>
                </c:pt>
                <c:pt idx="2">
                  <c:v>42436</c:v>
                </c:pt>
                <c:pt idx="3">
                  <c:v>42437</c:v>
                </c:pt>
                <c:pt idx="4">
                  <c:v>42438</c:v>
                </c:pt>
                <c:pt idx="5">
                  <c:v>42439</c:v>
                </c:pt>
                <c:pt idx="6">
                  <c:v>42440</c:v>
                </c:pt>
                <c:pt idx="7">
                  <c:v>42441</c:v>
                </c:pt>
                <c:pt idx="8">
                  <c:v>42442</c:v>
                </c:pt>
                <c:pt idx="9">
                  <c:v>42443</c:v>
                </c:pt>
                <c:pt idx="10">
                  <c:v>42444</c:v>
                </c:pt>
                <c:pt idx="11">
                  <c:v>42445</c:v>
                </c:pt>
                <c:pt idx="12">
                  <c:v>42446</c:v>
                </c:pt>
                <c:pt idx="13">
                  <c:v>42447</c:v>
                </c:pt>
                <c:pt idx="14">
                  <c:v>42448</c:v>
                </c:pt>
                <c:pt idx="15">
                  <c:v>42449</c:v>
                </c:pt>
                <c:pt idx="16">
                  <c:v>42450</c:v>
                </c:pt>
                <c:pt idx="17">
                  <c:v>42451</c:v>
                </c:pt>
                <c:pt idx="18">
                  <c:v>42452</c:v>
                </c:pt>
                <c:pt idx="19">
                  <c:v>42453</c:v>
                </c:pt>
                <c:pt idx="20">
                  <c:v>42454</c:v>
                </c:pt>
              </c:numCache>
            </c:numRef>
          </c:cat>
          <c:val>
            <c:numRef>
              <c:f>Sheet1!$P$65:$P$86</c:f>
              <c:numCache>
                <c:formatCode>General</c:formatCode>
                <c:ptCount val="22"/>
                <c:pt idx="13" formatCode="_(* #,##0_);_(* \(#,##0\);_(* &quot;-&quot;??_);_(@_)">
                  <c:v>4528</c:v>
                </c:pt>
                <c:pt idx="14" formatCode="_(* #,##0_);_(* \(#,##0\);_(* &quot;-&quot;??_);_(@_)">
                  <c:v>4000</c:v>
                </c:pt>
                <c:pt idx="15" formatCode="_(* #,##0_);_(* \(#,##0\);_(* &quot;-&quot;??_);_(@_)">
                  <c:v>4000</c:v>
                </c:pt>
                <c:pt idx="16" formatCode="_(* #,##0_);_(* \(#,##0\);_(* &quot;-&quot;??_);_(@_)">
                  <c:v>3500</c:v>
                </c:pt>
                <c:pt idx="17" formatCode="_(* #,##0_);_(* \(#,##0\);_(* &quot;-&quot;??_);_(@_)">
                  <c:v>3500</c:v>
                </c:pt>
                <c:pt idx="18" formatCode="_(* #,##0_);_(* \(#,##0\);_(* &quot;-&quot;??_);_(@_)">
                  <c:v>3000</c:v>
                </c:pt>
                <c:pt idx="19" formatCode="_(* #,##0_);_(* \(#,##0\);_(* &quot;-&quot;??_);_(@_)">
                  <c:v>3000</c:v>
                </c:pt>
                <c:pt idx="20" formatCode="_(* #,##0_);_(* \(#,##0\);_(* &quot;-&quot;??_);_(@_)">
                  <c:v>3000</c:v>
                </c:pt>
                <c:pt idx="21" formatCode="_(* #,##0_);_(* \(#,##0\);_(* &quot;-&quot;??_);_(@_)">
                  <c:v>3000</c:v>
                </c:pt>
              </c:numCache>
            </c:numRef>
          </c:val>
          <c:smooth val="0"/>
        </c:ser>
        <c:ser>
          <c:idx val="4"/>
          <c:order val="4"/>
          <c:tx>
            <c:strRef>
              <c:f>Sheet1!$N$1</c:f>
              <c:strCache>
                <c:ptCount val="1"/>
                <c:pt idx="0">
                  <c:v>Sac River + Yolo Bypass</c:v>
                </c:pt>
              </c:strCache>
            </c:strRef>
          </c:tx>
          <c:spPr>
            <a:ln w="76200">
              <a:solidFill>
                <a:schemeClr val="accent4">
                  <a:lumMod val="20000"/>
                  <a:lumOff val="80000"/>
                </a:schemeClr>
              </a:solidFill>
            </a:ln>
          </c:spPr>
          <c:marker>
            <c:symbol val="none"/>
          </c:marker>
          <c:cat>
            <c:numRef>
              <c:f>Sheet1!$I$66:$I$86</c:f>
              <c:numCache>
                <c:formatCode>m/d/yyyy</c:formatCode>
                <c:ptCount val="21"/>
                <c:pt idx="0">
                  <c:v>42434</c:v>
                </c:pt>
                <c:pt idx="1">
                  <c:v>42435</c:v>
                </c:pt>
                <c:pt idx="2">
                  <c:v>42436</c:v>
                </c:pt>
                <c:pt idx="3">
                  <c:v>42437</c:v>
                </c:pt>
                <c:pt idx="4">
                  <c:v>42438</c:v>
                </c:pt>
                <c:pt idx="5">
                  <c:v>42439</c:v>
                </c:pt>
                <c:pt idx="6">
                  <c:v>42440</c:v>
                </c:pt>
                <c:pt idx="7">
                  <c:v>42441</c:v>
                </c:pt>
                <c:pt idx="8">
                  <c:v>42442</c:v>
                </c:pt>
                <c:pt idx="9">
                  <c:v>42443</c:v>
                </c:pt>
                <c:pt idx="10">
                  <c:v>42444</c:v>
                </c:pt>
                <c:pt idx="11">
                  <c:v>42445</c:v>
                </c:pt>
                <c:pt idx="12">
                  <c:v>42446</c:v>
                </c:pt>
                <c:pt idx="13">
                  <c:v>42447</c:v>
                </c:pt>
                <c:pt idx="14">
                  <c:v>42448</c:v>
                </c:pt>
                <c:pt idx="15">
                  <c:v>42449</c:v>
                </c:pt>
                <c:pt idx="16">
                  <c:v>42450</c:v>
                </c:pt>
                <c:pt idx="17">
                  <c:v>42451</c:v>
                </c:pt>
                <c:pt idx="18">
                  <c:v>42452</c:v>
                </c:pt>
                <c:pt idx="19">
                  <c:v>42453</c:v>
                </c:pt>
                <c:pt idx="20">
                  <c:v>42454</c:v>
                </c:pt>
              </c:numCache>
            </c:numRef>
          </c:cat>
          <c:val>
            <c:numRef>
              <c:f>Sheet1!$N$66:$N$77</c:f>
              <c:numCache>
                <c:formatCode>_(* #,##0_);_(* \(#,##0\);_(* "-"??_);_(@_)</c:formatCode>
                <c:ptCount val="12"/>
                <c:pt idx="0">
                  <c:v>16370</c:v>
                </c:pt>
                <c:pt idx="1">
                  <c:v>24369</c:v>
                </c:pt>
                <c:pt idx="2">
                  <c:v>42984</c:v>
                </c:pt>
                <c:pt idx="3">
                  <c:v>53490</c:v>
                </c:pt>
                <c:pt idx="4">
                  <c:v>59867</c:v>
                </c:pt>
                <c:pt idx="5">
                  <c:v>62237</c:v>
                </c:pt>
                <c:pt idx="6">
                  <c:v>65081</c:v>
                </c:pt>
                <c:pt idx="7">
                  <c:v>77009</c:v>
                </c:pt>
                <c:pt idx="8">
                  <c:v>109970</c:v>
                </c:pt>
                <c:pt idx="9">
                  <c:v>134117</c:v>
                </c:pt>
                <c:pt idx="10">
                  <c:v>140306</c:v>
                </c:pt>
                <c:pt idx="11">
                  <c:v>129923</c:v>
                </c:pt>
              </c:numCache>
            </c:numRef>
          </c:val>
          <c:smooth val="0"/>
        </c:ser>
        <c:dLbls>
          <c:showLegendKey val="0"/>
          <c:showVal val="0"/>
          <c:showCatName val="0"/>
          <c:showSerName val="0"/>
          <c:showPercent val="0"/>
          <c:showBubbleSize val="0"/>
        </c:dLbls>
        <c:marker val="1"/>
        <c:smooth val="0"/>
        <c:axId val="286172288"/>
        <c:axId val="286173824"/>
      </c:lineChart>
      <c:dateAx>
        <c:axId val="286172288"/>
        <c:scaling>
          <c:orientation val="minMax"/>
        </c:scaling>
        <c:delete val="0"/>
        <c:axPos val="b"/>
        <c:numFmt formatCode="m/d;@" sourceLinked="0"/>
        <c:majorTickMark val="out"/>
        <c:minorTickMark val="none"/>
        <c:tickLblPos val="nextTo"/>
        <c:txPr>
          <a:bodyPr/>
          <a:lstStyle/>
          <a:p>
            <a:pPr>
              <a:defRPr sz="2000"/>
            </a:pPr>
            <a:endParaRPr lang="en-US"/>
          </a:p>
        </c:txPr>
        <c:crossAx val="286173824"/>
        <c:crosses val="autoZero"/>
        <c:auto val="1"/>
        <c:lblOffset val="100"/>
        <c:baseTimeUnit val="days"/>
        <c:majorUnit val="2"/>
        <c:majorTimeUnit val="days"/>
      </c:dateAx>
      <c:valAx>
        <c:axId val="286173824"/>
        <c:scaling>
          <c:orientation val="minMax"/>
          <c:max val="115000"/>
          <c:min val="0"/>
        </c:scaling>
        <c:delete val="0"/>
        <c:axPos val="l"/>
        <c:title>
          <c:tx>
            <c:rich>
              <a:bodyPr rot="0" vert="horz"/>
              <a:lstStyle/>
              <a:p>
                <a:pPr>
                  <a:defRPr/>
                </a:pPr>
                <a:r>
                  <a:rPr lang="en-US" dirty="0" smtClean="0"/>
                  <a:t>Flow (cfs)</a:t>
                </a:r>
                <a:endParaRPr lang="en-US" dirty="0"/>
              </a:p>
            </c:rich>
          </c:tx>
          <c:layout>
            <c:manualLayout>
              <c:xMode val="edge"/>
              <c:yMode val="edge"/>
              <c:x val="4.5321637426900582E-2"/>
              <c:y val="0.84515334627413363"/>
            </c:manualLayout>
          </c:layout>
          <c:overlay val="0"/>
        </c:title>
        <c:numFmt formatCode="_(* #,##0_);_(* \(#,##0\);_(* &quot;-&quot;??_);_(@_)" sourceLinked="1"/>
        <c:majorTickMark val="out"/>
        <c:minorTickMark val="none"/>
        <c:tickLblPos val="nextTo"/>
        <c:txPr>
          <a:bodyPr/>
          <a:lstStyle/>
          <a:p>
            <a:pPr>
              <a:defRPr sz="2000"/>
            </a:pPr>
            <a:endParaRPr lang="en-US"/>
          </a:p>
        </c:txPr>
        <c:crossAx val="286172288"/>
        <c:crosses val="autoZero"/>
        <c:crossBetween val="between"/>
        <c:majorUnit val="10000"/>
      </c:valAx>
    </c:plotArea>
    <c:plotVisOnly val="1"/>
    <c:dispBlanksAs val="gap"/>
    <c:showDLblsOverMax val="0"/>
  </c:chart>
  <c:txPr>
    <a:bodyPr/>
    <a:lstStyle/>
    <a:p>
      <a:pPr>
        <a:defRPr sz="1800"/>
      </a:pPr>
      <a:endParaRPr lang="en-US"/>
    </a:p>
  </c:txPr>
  <c:externalData r:id="rId1">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542817943211644"/>
          <c:y val="4.3331969867402932E-2"/>
          <c:w val="0.79114041994750661"/>
          <c:h val="0.78710808876163207"/>
        </c:manualLayout>
      </c:layout>
      <c:areaChart>
        <c:grouping val="standard"/>
        <c:varyColors val="0"/>
        <c:ser>
          <c:idx val="0"/>
          <c:order val="0"/>
          <c:tx>
            <c:strRef>
              <c:f>Sheet1!$CB$5</c:f>
              <c:strCache>
                <c:ptCount val="1"/>
                <c:pt idx="0">
                  <c:v>Sacramento Freeport + SJ Vernalis Flow</c:v>
                </c:pt>
              </c:strCache>
            </c:strRef>
          </c:tx>
          <c:spPr>
            <a:solidFill>
              <a:srgbClr val="0066CC"/>
            </a:solidFill>
            <a:ln w="25400">
              <a:noFill/>
            </a:ln>
            <a:scene3d>
              <a:camera prst="orthographicFront"/>
              <a:lightRig rig="threePt" dir="t"/>
            </a:scene3d>
            <a:sp3d>
              <a:bevelT w="38100" h="38100"/>
            </a:sp3d>
          </c:spPr>
          <c:cat>
            <c:numRef>
              <c:f>Sheet1!$D$1833:$D$2197</c:f>
              <c:numCache>
                <c:formatCode>d\-mmm\-yy</c:formatCode>
                <c:ptCount val="365"/>
                <c:pt idx="0">
                  <c:v>40087</c:v>
                </c:pt>
                <c:pt idx="1">
                  <c:v>40088</c:v>
                </c:pt>
                <c:pt idx="2">
                  <c:v>40089</c:v>
                </c:pt>
                <c:pt idx="3">
                  <c:v>40090</c:v>
                </c:pt>
                <c:pt idx="4">
                  <c:v>40091</c:v>
                </c:pt>
                <c:pt idx="5">
                  <c:v>40092</c:v>
                </c:pt>
                <c:pt idx="6">
                  <c:v>40093</c:v>
                </c:pt>
                <c:pt idx="7">
                  <c:v>40094</c:v>
                </c:pt>
                <c:pt idx="8">
                  <c:v>40095</c:v>
                </c:pt>
                <c:pt idx="9">
                  <c:v>40096</c:v>
                </c:pt>
                <c:pt idx="10">
                  <c:v>40097</c:v>
                </c:pt>
                <c:pt idx="11">
                  <c:v>40098</c:v>
                </c:pt>
                <c:pt idx="12">
                  <c:v>40099</c:v>
                </c:pt>
                <c:pt idx="13">
                  <c:v>40100</c:v>
                </c:pt>
                <c:pt idx="14">
                  <c:v>40101</c:v>
                </c:pt>
                <c:pt idx="15">
                  <c:v>40102</c:v>
                </c:pt>
                <c:pt idx="16">
                  <c:v>40103</c:v>
                </c:pt>
                <c:pt idx="17">
                  <c:v>40104</c:v>
                </c:pt>
                <c:pt idx="18">
                  <c:v>40105</c:v>
                </c:pt>
                <c:pt idx="19">
                  <c:v>40106</c:v>
                </c:pt>
                <c:pt idx="20">
                  <c:v>40107</c:v>
                </c:pt>
                <c:pt idx="21">
                  <c:v>40108</c:v>
                </c:pt>
                <c:pt idx="22">
                  <c:v>40109</c:v>
                </c:pt>
                <c:pt idx="23">
                  <c:v>40110</c:v>
                </c:pt>
                <c:pt idx="24">
                  <c:v>40111</c:v>
                </c:pt>
                <c:pt idx="25">
                  <c:v>40112</c:v>
                </c:pt>
                <c:pt idx="26">
                  <c:v>40113</c:v>
                </c:pt>
                <c:pt idx="27">
                  <c:v>40114</c:v>
                </c:pt>
                <c:pt idx="28">
                  <c:v>40115</c:v>
                </c:pt>
                <c:pt idx="29">
                  <c:v>40116</c:v>
                </c:pt>
                <c:pt idx="30">
                  <c:v>40117</c:v>
                </c:pt>
                <c:pt idx="31">
                  <c:v>40118</c:v>
                </c:pt>
                <c:pt idx="32">
                  <c:v>40119</c:v>
                </c:pt>
                <c:pt idx="33">
                  <c:v>40120</c:v>
                </c:pt>
                <c:pt idx="34">
                  <c:v>40121</c:v>
                </c:pt>
                <c:pt idx="35">
                  <c:v>40122</c:v>
                </c:pt>
                <c:pt idx="36">
                  <c:v>40123</c:v>
                </c:pt>
                <c:pt idx="37">
                  <c:v>40124</c:v>
                </c:pt>
                <c:pt idx="38">
                  <c:v>40125</c:v>
                </c:pt>
                <c:pt idx="39">
                  <c:v>40126</c:v>
                </c:pt>
                <c:pt idx="40">
                  <c:v>40127</c:v>
                </c:pt>
                <c:pt idx="41">
                  <c:v>40128</c:v>
                </c:pt>
                <c:pt idx="42">
                  <c:v>40129</c:v>
                </c:pt>
                <c:pt idx="43">
                  <c:v>40130</c:v>
                </c:pt>
                <c:pt idx="44">
                  <c:v>40131</c:v>
                </c:pt>
                <c:pt idx="45">
                  <c:v>40132</c:v>
                </c:pt>
                <c:pt idx="46">
                  <c:v>40133</c:v>
                </c:pt>
                <c:pt idx="47">
                  <c:v>40134</c:v>
                </c:pt>
                <c:pt idx="48">
                  <c:v>40135</c:v>
                </c:pt>
                <c:pt idx="49">
                  <c:v>40136</c:v>
                </c:pt>
                <c:pt idx="50">
                  <c:v>40137</c:v>
                </c:pt>
                <c:pt idx="51">
                  <c:v>40138</c:v>
                </c:pt>
                <c:pt idx="52">
                  <c:v>40139</c:v>
                </c:pt>
                <c:pt idx="53">
                  <c:v>40140</c:v>
                </c:pt>
                <c:pt idx="54">
                  <c:v>40141</c:v>
                </c:pt>
                <c:pt idx="55">
                  <c:v>40142</c:v>
                </c:pt>
                <c:pt idx="56">
                  <c:v>40143</c:v>
                </c:pt>
                <c:pt idx="57">
                  <c:v>40144</c:v>
                </c:pt>
                <c:pt idx="58">
                  <c:v>40145</c:v>
                </c:pt>
                <c:pt idx="59">
                  <c:v>40146</c:v>
                </c:pt>
                <c:pt idx="60">
                  <c:v>40147</c:v>
                </c:pt>
                <c:pt idx="61">
                  <c:v>40148</c:v>
                </c:pt>
                <c:pt idx="62">
                  <c:v>40149</c:v>
                </c:pt>
                <c:pt idx="63">
                  <c:v>40150</c:v>
                </c:pt>
                <c:pt idx="64">
                  <c:v>40151</c:v>
                </c:pt>
                <c:pt idx="65">
                  <c:v>40152</c:v>
                </c:pt>
                <c:pt idx="66">
                  <c:v>40153</c:v>
                </c:pt>
                <c:pt idx="67">
                  <c:v>40154</c:v>
                </c:pt>
                <c:pt idx="68">
                  <c:v>40155</c:v>
                </c:pt>
                <c:pt idx="69">
                  <c:v>40156</c:v>
                </c:pt>
                <c:pt idx="70">
                  <c:v>40157</c:v>
                </c:pt>
                <c:pt idx="71">
                  <c:v>40158</c:v>
                </c:pt>
                <c:pt idx="72">
                  <c:v>40159</c:v>
                </c:pt>
                <c:pt idx="73">
                  <c:v>40160</c:v>
                </c:pt>
                <c:pt idx="74">
                  <c:v>40161</c:v>
                </c:pt>
                <c:pt idx="75">
                  <c:v>40162</c:v>
                </c:pt>
                <c:pt idx="76">
                  <c:v>40163</c:v>
                </c:pt>
                <c:pt idx="77">
                  <c:v>40164</c:v>
                </c:pt>
                <c:pt idx="78">
                  <c:v>40165</c:v>
                </c:pt>
                <c:pt idx="79">
                  <c:v>40166</c:v>
                </c:pt>
                <c:pt idx="80">
                  <c:v>40167</c:v>
                </c:pt>
                <c:pt idx="81">
                  <c:v>40168</c:v>
                </c:pt>
                <c:pt idx="82">
                  <c:v>40169</c:v>
                </c:pt>
                <c:pt idx="83">
                  <c:v>40170</c:v>
                </c:pt>
                <c:pt idx="84">
                  <c:v>40171</c:v>
                </c:pt>
                <c:pt idx="85">
                  <c:v>40172</c:v>
                </c:pt>
                <c:pt idx="86">
                  <c:v>40173</c:v>
                </c:pt>
                <c:pt idx="87">
                  <c:v>40174</c:v>
                </c:pt>
                <c:pt idx="88">
                  <c:v>40175</c:v>
                </c:pt>
                <c:pt idx="89">
                  <c:v>40176</c:v>
                </c:pt>
                <c:pt idx="90">
                  <c:v>40177</c:v>
                </c:pt>
                <c:pt idx="91">
                  <c:v>40178</c:v>
                </c:pt>
                <c:pt idx="92">
                  <c:v>40179</c:v>
                </c:pt>
                <c:pt idx="93">
                  <c:v>40180</c:v>
                </c:pt>
                <c:pt idx="94">
                  <c:v>40181</c:v>
                </c:pt>
                <c:pt idx="95">
                  <c:v>40182</c:v>
                </c:pt>
                <c:pt idx="96">
                  <c:v>40183</c:v>
                </c:pt>
                <c:pt idx="97">
                  <c:v>40184</c:v>
                </c:pt>
                <c:pt idx="98">
                  <c:v>40185</c:v>
                </c:pt>
                <c:pt idx="99">
                  <c:v>40186</c:v>
                </c:pt>
                <c:pt idx="100">
                  <c:v>40187</c:v>
                </c:pt>
                <c:pt idx="101">
                  <c:v>40188</c:v>
                </c:pt>
                <c:pt idx="102">
                  <c:v>40189</c:v>
                </c:pt>
                <c:pt idx="103">
                  <c:v>40190</c:v>
                </c:pt>
                <c:pt idx="104">
                  <c:v>40191</c:v>
                </c:pt>
                <c:pt idx="105">
                  <c:v>40192</c:v>
                </c:pt>
                <c:pt idx="106">
                  <c:v>40193</c:v>
                </c:pt>
                <c:pt idx="107">
                  <c:v>40194</c:v>
                </c:pt>
                <c:pt idx="108">
                  <c:v>40195</c:v>
                </c:pt>
                <c:pt idx="109">
                  <c:v>40196</c:v>
                </c:pt>
                <c:pt idx="110">
                  <c:v>40197</c:v>
                </c:pt>
                <c:pt idx="111">
                  <c:v>40198</c:v>
                </c:pt>
                <c:pt idx="112">
                  <c:v>40199</c:v>
                </c:pt>
                <c:pt idx="113">
                  <c:v>40200</c:v>
                </c:pt>
                <c:pt idx="114">
                  <c:v>40201</c:v>
                </c:pt>
                <c:pt idx="115">
                  <c:v>40202</c:v>
                </c:pt>
                <c:pt idx="116">
                  <c:v>40203</c:v>
                </c:pt>
                <c:pt idx="117">
                  <c:v>40204</c:v>
                </c:pt>
                <c:pt idx="118">
                  <c:v>40205</c:v>
                </c:pt>
                <c:pt idx="119">
                  <c:v>40206</c:v>
                </c:pt>
                <c:pt idx="120">
                  <c:v>40207</c:v>
                </c:pt>
                <c:pt idx="121">
                  <c:v>40208</c:v>
                </c:pt>
                <c:pt idx="122">
                  <c:v>40209</c:v>
                </c:pt>
                <c:pt idx="123">
                  <c:v>40210</c:v>
                </c:pt>
                <c:pt idx="124">
                  <c:v>40211</c:v>
                </c:pt>
                <c:pt idx="125">
                  <c:v>40212</c:v>
                </c:pt>
                <c:pt idx="126">
                  <c:v>40213</c:v>
                </c:pt>
                <c:pt idx="127">
                  <c:v>40214</c:v>
                </c:pt>
                <c:pt idx="128">
                  <c:v>40215</c:v>
                </c:pt>
                <c:pt idx="129">
                  <c:v>40216</c:v>
                </c:pt>
                <c:pt idx="130">
                  <c:v>40217</c:v>
                </c:pt>
                <c:pt idx="131">
                  <c:v>40218</c:v>
                </c:pt>
                <c:pt idx="132">
                  <c:v>40219</c:v>
                </c:pt>
                <c:pt idx="133">
                  <c:v>40220</c:v>
                </c:pt>
                <c:pt idx="134">
                  <c:v>40221</c:v>
                </c:pt>
                <c:pt idx="135">
                  <c:v>40222</c:v>
                </c:pt>
                <c:pt idx="136">
                  <c:v>40223</c:v>
                </c:pt>
                <c:pt idx="137">
                  <c:v>40224</c:v>
                </c:pt>
                <c:pt idx="138">
                  <c:v>40225</c:v>
                </c:pt>
                <c:pt idx="139">
                  <c:v>40226</c:v>
                </c:pt>
                <c:pt idx="140">
                  <c:v>40227</c:v>
                </c:pt>
                <c:pt idx="141">
                  <c:v>40228</c:v>
                </c:pt>
                <c:pt idx="142">
                  <c:v>40229</c:v>
                </c:pt>
                <c:pt idx="143">
                  <c:v>40230</c:v>
                </c:pt>
                <c:pt idx="144">
                  <c:v>40231</c:v>
                </c:pt>
                <c:pt idx="145">
                  <c:v>40232</c:v>
                </c:pt>
                <c:pt idx="146">
                  <c:v>40233</c:v>
                </c:pt>
                <c:pt idx="147">
                  <c:v>40234</c:v>
                </c:pt>
                <c:pt idx="148">
                  <c:v>40235</c:v>
                </c:pt>
                <c:pt idx="149">
                  <c:v>40236</c:v>
                </c:pt>
                <c:pt idx="150">
                  <c:v>40237</c:v>
                </c:pt>
                <c:pt idx="151">
                  <c:v>40238</c:v>
                </c:pt>
                <c:pt idx="152">
                  <c:v>40239</c:v>
                </c:pt>
                <c:pt idx="153">
                  <c:v>40240</c:v>
                </c:pt>
                <c:pt idx="154">
                  <c:v>40241</c:v>
                </c:pt>
                <c:pt idx="155">
                  <c:v>40242</c:v>
                </c:pt>
                <c:pt idx="156">
                  <c:v>40243</c:v>
                </c:pt>
                <c:pt idx="157">
                  <c:v>40244</c:v>
                </c:pt>
                <c:pt idx="158">
                  <c:v>40245</c:v>
                </c:pt>
                <c:pt idx="159">
                  <c:v>40246</c:v>
                </c:pt>
                <c:pt idx="160">
                  <c:v>40247</c:v>
                </c:pt>
                <c:pt idx="161">
                  <c:v>40248</c:v>
                </c:pt>
                <c:pt idx="162">
                  <c:v>40249</c:v>
                </c:pt>
                <c:pt idx="163">
                  <c:v>40250</c:v>
                </c:pt>
                <c:pt idx="164">
                  <c:v>40251</c:v>
                </c:pt>
                <c:pt idx="165">
                  <c:v>40252</c:v>
                </c:pt>
                <c:pt idx="166">
                  <c:v>40253</c:v>
                </c:pt>
                <c:pt idx="167">
                  <c:v>40254</c:v>
                </c:pt>
                <c:pt idx="168">
                  <c:v>40255</c:v>
                </c:pt>
                <c:pt idx="169">
                  <c:v>40256</c:v>
                </c:pt>
                <c:pt idx="170">
                  <c:v>40257</c:v>
                </c:pt>
                <c:pt idx="171">
                  <c:v>40258</c:v>
                </c:pt>
                <c:pt idx="172">
                  <c:v>40259</c:v>
                </c:pt>
                <c:pt idx="173">
                  <c:v>40260</c:v>
                </c:pt>
                <c:pt idx="174">
                  <c:v>40261</c:v>
                </c:pt>
                <c:pt idx="175">
                  <c:v>40262</c:v>
                </c:pt>
                <c:pt idx="176">
                  <c:v>40263</c:v>
                </c:pt>
                <c:pt idx="177">
                  <c:v>40264</c:v>
                </c:pt>
                <c:pt idx="178">
                  <c:v>40265</c:v>
                </c:pt>
                <c:pt idx="179">
                  <c:v>40266</c:v>
                </c:pt>
                <c:pt idx="180">
                  <c:v>40267</c:v>
                </c:pt>
                <c:pt idx="181">
                  <c:v>40268</c:v>
                </c:pt>
                <c:pt idx="182">
                  <c:v>40269</c:v>
                </c:pt>
                <c:pt idx="183">
                  <c:v>40270</c:v>
                </c:pt>
                <c:pt idx="184">
                  <c:v>40271</c:v>
                </c:pt>
                <c:pt idx="185">
                  <c:v>40272</c:v>
                </c:pt>
                <c:pt idx="186">
                  <c:v>40273</c:v>
                </c:pt>
                <c:pt idx="187">
                  <c:v>40274</c:v>
                </c:pt>
                <c:pt idx="188">
                  <c:v>40275</c:v>
                </c:pt>
                <c:pt idx="189">
                  <c:v>40276</c:v>
                </c:pt>
                <c:pt idx="190">
                  <c:v>40277</c:v>
                </c:pt>
                <c:pt idx="191">
                  <c:v>40278</c:v>
                </c:pt>
                <c:pt idx="192">
                  <c:v>40279</c:v>
                </c:pt>
                <c:pt idx="193">
                  <c:v>40280</c:v>
                </c:pt>
                <c:pt idx="194">
                  <c:v>40281</c:v>
                </c:pt>
                <c:pt idx="195">
                  <c:v>40282</c:v>
                </c:pt>
                <c:pt idx="196">
                  <c:v>40283</c:v>
                </c:pt>
                <c:pt idx="197">
                  <c:v>40284</c:v>
                </c:pt>
                <c:pt idx="198">
                  <c:v>40285</c:v>
                </c:pt>
                <c:pt idx="199">
                  <c:v>40286</c:v>
                </c:pt>
                <c:pt idx="200">
                  <c:v>40287</c:v>
                </c:pt>
                <c:pt idx="201">
                  <c:v>40288</c:v>
                </c:pt>
                <c:pt idx="202">
                  <c:v>40289</c:v>
                </c:pt>
                <c:pt idx="203">
                  <c:v>40290</c:v>
                </c:pt>
                <c:pt idx="204">
                  <c:v>40291</c:v>
                </c:pt>
                <c:pt idx="205">
                  <c:v>40292</c:v>
                </c:pt>
                <c:pt idx="206">
                  <c:v>40293</c:v>
                </c:pt>
                <c:pt idx="207">
                  <c:v>40294</c:v>
                </c:pt>
                <c:pt idx="208">
                  <c:v>40295</c:v>
                </c:pt>
                <c:pt idx="209">
                  <c:v>40296</c:v>
                </c:pt>
                <c:pt idx="210">
                  <c:v>40297</c:v>
                </c:pt>
                <c:pt idx="211">
                  <c:v>40298</c:v>
                </c:pt>
                <c:pt idx="212">
                  <c:v>40299</c:v>
                </c:pt>
                <c:pt idx="213">
                  <c:v>40300</c:v>
                </c:pt>
                <c:pt idx="214">
                  <c:v>40301</c:v>
                </c:pt>
                <c:pt idx="215">
                  <c:v>40302</c:v>
                </c:pt>
                <c:pt idx="216">
                  <c:v>40303</c:v>
                </c:pt>
                <c:pt idx="217">
                  <c:v>40304</c:v>
                </c:pt>
                <c:pt idx="218">
                  <c:v>40305</c:v>
                </c:pt>
                <c:pt idx="219">
                  <c:v>40306</c:v>
                </c:pt>
                <c:pt idx="220">
                  <c:v>40307</c:v>
                </c:pt>
                <c:pt idx="221">
                  <c:v>40308</c:v>
                </c:pt>
                <c:pt idx="222">
                  <c:v>40309</c:v>
                </c:pt>
                <c:pt idx="223">
                  <c:v>40310</c:v>
                </c:pt>
                <c:pt idx="224">
                  <c:v>40311</c:v>
                </c:pt>
                <c:pt idx="225">
                  <c:v>40312</c:v>
                </c:pt>
                <c:pt idx="226">
                  <c:v>40313</c:v>
                </c:pt>
                <c:pt idx="227">
                  <c:v>40314</c:v>
                </c:pt>
                <c:pt idx="228">
                  <c:v>40315</c:v>
                </c:pt>
                <c:pt idx="229">
                  <c:v>40316</c:v>
                </c:pt>
                <c:pt idx="230">
                  <c:v>40317</c:v>
                </c:pt>
                <c:pt idx="231">
                  <c:v>40318</c:v>
                </c:pt>
                <c:pt idx="232">
                  <c:v>40319</c:v>
                </c:pt>
                <c:pt idx="233">
                  <c:v>40320</c:v>
                </c:pt>
                <c:pt idx="234">
                  <c:v>40321</c:v>
                </c:pt>
                <c:pt idx="235">
                  <c:v>40322</c:v>
                </c:pt>
                <c:pt idx="236">
                  <c:v>40323</c:v>
                </c:pt>
                <c:pt idx="237">
                  <c:v>40324</c:v>
                </c:pt>
                <c:pt idx="238">
                  <c:v>40325</c:v>
                </c:pt>
                <c:pt idx="239">
                  <c:v>40326</c:v>
                </c:pt>
                <c:pt idx="240">
                  <c:v>40327</c:v>
                </c:pt>
                <c:pt idx="241">
                  <c:v>40328</c:v>
                </c:pt>
                <c:pt idx="242">
                  <c:v>40329</c:v>
                </c:pt>
                <c:pt idx="243">
                  <c:v>40330</c:v>
                </c:pt>
                <c:pt idx="244">
                  <c:v>40331</c:v>
                </c:pt>
                <c:pt idx="245">
                  <c:v>40332</c:v>
                </c:pt>
                <c:pt idx="246">
                  <c:v>40333</c:v>
                </c:pt>
                <c:pt idx="247">
                  <c:v>40334</c:v>
                </c:pt>
                <c:pt idx="248">
                  <c:v>40335</c:v>
                </c:pt>
                <c:pt idx="249">
                  <c:v>40336</c:v>
                </c:pt>
                <c:pt idx="250">
                  <c:v>40337</c:v>
                </c:pt>
                <c:pt idx="251">
                  <c:v>40338</c:v>
                </c:pt>
                <c:pt idx="252">
                  <c:v>40339</c:v>
                </c:pt>
                <c:pt idx="253">
                  <c:v>40340</c:v>
                </c:pt>
                <c:pt idx="254">
                  <c:v>40341</c:v>
                </c:pt>
                <c:pt idx="255">
                  <c:v>40342</c:v>
                </c:pt>
                <c:pt idx="256">
                  <c:v>40343</c:v>
                </c:pt>
                <c:pt idx="257">
                  <c:v>40344</c:v>
                </c:pt>
                <c:pt idx="258">
                  <c:v>40345</c:v>
                </c:pt>
                <c:pt idx="259">
                  <c:v>40346</c:v>
                </c:pt>
                <c:pt idx="260">
                  <c:v>40347</c:v>
                </c:pt>
                <c:pt idx="261">
                  <c:v>40348</c:v>
                </c:pt>
                <c:pt idx="262">
                  <c:v>40349</c:v>
                </c:pt>
                <c:pt idx="263">
                  <c:v>40350</c:v>
                </c:pt>
                <c:pt idx="264">
                  <c:v>40351</c:v>
                </c:pt>
                <c:pt idx="265">
                  <c:v>40352</c:v>
                </c:pt>
                <c:pt idx="266">
                  <c:v>40353</c:v>
                </c:pt>
                <c:pt idx="267">
                  <c:v>40354</c:v>
                </c:pt>
                <c:pt idx="268">
                  <c:v>40355</c:v>
                </c:pt>
                <c:pt idx="269">
                  <c:v>40356</c:v>
                </c:pt>
                <c:pt idx="270">
                  <c:v>40357</c:v>
                </c:pt>
                <c:pt idx="271">
                  <c:v>40358</c:v>
                </c:pt>
                <c:pt idx="272">
                  <c:v>40359</c:v>
                </c:pt>
                <c:pt idx="273">
                  <c:v>40360</c:v>
                </c:pt>
                <c:pt idx="274">
                  <c:v>40361</c:v>
                </c:pt>
                <c:pt idx="275">
                  <c:v>40362</c:v>
                </c:pt>
                <c:pt idx="276">
                  <c:v>40363</c:v>
                </c:pt>
                <c:pt idx="277">
                  <c:v>40364</c:v>
                </c:pt>
                <c:pt idx="278">
                  <c:v>40365</c:v>
                </c:pt>
                <c:pt idx="279">
                  <c:v>40366</c:v>
                </c:pt>
                <c:pt idx="280">
                  <c:v>40367</c:v>
                </c:pt>
                <c:pt idx="281">
                  <c:v>40368</c:v>
                </c:pt>
                <c:pt idx="282">
                  <c:v>40369</c:v>
                </c:pt>
                <c:pt idx="283">
                  <c:v>40370</c:v>
                </c:pt>
                <c:pt idx="284">
                  <c:v>40371</c:v>
                </c:pt>
                <c:pt idx="285">
                  <c:v>40372</c:v>
                </c:pt>
                <c:pt idx="286">
                  <c:v>40373</c:v>
                </c:pt>
                <c:pt idx="287">
                  <c:v>40374</c:v>
                </c:pt>
                <c:pt idx="288">
                  <c:v>40375</c:v>
                </c:pt>
                <c:pt idx="289">
                  <c:v>40376</c:v>
                </c:pt>
                <c:pt idx="290">
                  <c:v>40377</c:v>
                </c:pt>
                <c:pt idx="291">
                  <c:v>40378</c:v>
                </c:pt>
                <c:pt idx="292">
                  <c:v>40379</c:v>
                </c:pt>
                <c:pt idx="293">
                  <c:v>40380</c:v>
                </c:pt>
                <c:pt idx="294">
                  <c:v>40381</c:v>
                </c:pt>
                <c:pt idx="295">
                  <c:v>40382</c:v>
                </c:pt>
                <c:pt idx="296">
                  <c:v>40383</c:v>
                </c:pt>
                <c:pt idx="297">
                  <c:v>40384</c:v>
                </c:pt>
                <c:pt idx="298">
                  <c:v>40385</c:v>
                </c:pt>
                <c:pt idx="299">
                  <c:v>40386</c:v>
                </c:pt>
                <c:pt idx="300">
                  <c:v>40387</c:v>
                </c:pt>
                <c:pt idx="301">
                  <c:v>40388</c:v>
                </c:pt>
                <c:pt idx="302">
                  <c:v>40389</c:v>
                </c:pt>
                <c:pt idx="303">
                  <c:v>40390</c:v>
                </c:pt>
                <c:pt idx="304">
                  <c:v>40391</c:v>
                </c:pt>
                <c:pt idx="305">
                  <c:v>40392</c:v>
                </c:pt>
                <c:pt idx="306">
                  <c:v>40393</c:v>
                </c:pt>
                <c:pt idx="307">
                  <c:v>40394</c:v>
                </c:pt>
                <c:pt idx="308">
                  <c:v>40395</c:v>
                </c:pt>
                <c:pt idx="309">
                  <c:v>40396</c:v>
                </c:pt>
                <c:pt idx="310">
                  <c:v>40397</c:v>
                </c:pt>
                <c:pt idx="311">
                  <c:v>40398</c:v>
                </c:pt>
                <c:pt idx="312">
                  <c:v>40399</c:v>
                </c:pt>
                <c:pt idx="313">
                  <c:v>40400</c:v>
                </c:pt>
                <c:pt idx="314">
                  <c:v>40401</c:v>
                </c:pt>
                <c:pt idx="315">
                  <c:v>40402</c:v>
                </c:pt>
                <c:pt idx="316">
                  <c:v>40403</c:v>
                </c:pt>
                <c:pt idx="317">
                  <c:v>40404</c:v>
                </c:pt>
                <c:pt idx="318">
                  <c:v>40405</c:v>
                </c:pt>
                <c:pt idx="319">
                  <c:v>40406</c:v>
                </c:pt>
                <c:pt idx="320">
                  <c:v>40407</c:v>
                </c:pt>
                <c:pt idx="321">
                  <c:v>40408</c:v>
                </c:pt>
                <c:pt idx="322">
                  <c:v>40409</c:v>
                </c:pt>
                <c:pt idx="323">
                  <c:v>40410</c:v>
                </c:pt>
                <c:pt idx="324">
                  <c:v>40411</c:v>
                </c:pt>
                <c:pt idx="325">
                  <c:v>40412</c:v>
                </c:pt>
                <c:pt idx="326">
                  <c:v>40413</c:v>
                </c:pt>
                <c:pt idx="327">
                  <c:v>40414</c:v>
                </c:pt>
                <c:pt idx="328">
                  <c:v>40415</c:v>
                </c:pt>
                <c:pt idx="329">
                  <c:v>40416</c:v>
                </c:pt>
                <c:pt idx="330">
                  <c:v>40417</c:v>
                </c:pt>
                <c:pt idx="331">
                  <c:v>40418</c:v>
                </c:pt>
                <c:pt idx="332">
                  <c:v>40419</c:v>
                </c:pt>
                <c:pt idx="333">
                  <c:v>40420</c:v>
                </c:pt>
                <c:pt idx="334">
                  <c:v>40421</c:v>
                </c:pt>
                <c:pt idx="335">
                  <c:v>40422</c:v>
                </c:pt>
                <c:pt idx="336">
                  <c:v>40423</c:v>
                </c:pt>
                <c:pt idx="337">
                  <c:v>40424</c:v>
                </c:pt>
                <c:pt idx="338">
                  <c:v>40425</c:v>
                </c:pt>
                <c:pt idx="339">
                  <c:v>40426</c:v>
                </c:pt>
                <c:pt idx="340">
                  <c:v>40427</c:v>
                </c:pt>
                <c:pt idx="341">
                  <c:v>40428</c:v>
                </c:pt>
                <c:pt idx="342">
                  <c:v>40429</c:v>
                </c:pt>
                <c:pt idx="343">
                  <c:v>40430</c:v>
                </c:pt>
                <c:pt idx="344">
                  <c:v>40431</c:v>
                </c:pt>
                <c:pt idx="345">
                  <c:v>40432</c:v>
                </c:pt>
                <c:pt idx="346">
                  <c:v>40433</c:v>
                </c:pt>
                <c:pt idx="347">
                  <c:v>40434</c:v>
                </c:pt>
                <c:pt idx="348">
                  <c:v>40435</c:v>
                </c:pt>
                <c:pt idx="349">
                  <c:v>40436</c:v>
                </c:pt>
                <c:pt idx="350">
                  <c:v>40437</c:v>
                </c:pt>
                <c:pt idx="351">
                  <c:v>40438</c:v>
                </c:pt>
                <c:pt idx="352">
                  <c:v>40439</c:v>
                </c:pt>
                <c:pt idx="353">
                  <c:v>40440</c:v>
                </c:pt>
                <c:pt idx="354">
                  <c:v>40441</c:v>
                </c:pt>
                <c:pt idx="355">
                  <c:v>40442</c:v>
                </c:pt>
                <c:pt idx="356">
                  <c:v>40443</c:v>
                </c:pt>
                <c:pt idx="357">
                  <c:v>40444</c:v>
                </c:pt>
                <c:pt idx="358">
                  <c:v>40445</c:v>
                </c:pt>
                <c:pt idx="359">
                  <c:v>40446</c:v>
                </c:pt>
                <c:pt idx="360">
                  <c:v>40447</c:v>
                </c:pt>
                <c:pt idx="361">
                  <c:v>40448</c:v>
                </c:pt>
                <c:pt idx="362">
                  <c:v>40449</c:v>
                </c:pt>
                <c:pt idx="363">
                  <c:v>40450</c:v>
                </c:pt>
                <c:pt idx="364">
                  <c:v>40451</c:v>
                </c:pt>
              </c:numCache>
            </c:numRef>
          </c:cat>
          <c:val>
            <c:numRef>
              <c:f>Sheet1!$CB$1833:$CB$2197</c:f>
              <c:numCache>
                <c:formatCode>_(* #,##0_);_(* \(#,##0\);_(* "-"??_);_(@_)</c:formatCode>
                <c:ptCount val="365"/>
                <c:pt idx="0">
                  <c:v>10640</c:v>
                </c:pt>
                <c:pt idx="1">
                  <c:v>10820</c:v>
                </c:pt>
                <c:pt idx="2">
                  <c:v>10390</c:v>
                </c:pt>
                <c:pt idx="3">
                  <c:v>10740</c:v>
                </c:pt>
                <c:pt idx="4">
                  <c:v>10640</c:v>
                </c:pt>
                <c:pt idx="5">
                  <c:v>10240</c:v>
                </c:pt>
                <c:pt idx="6">
                  <c:v>9430</c:v>
                </c:pt>
                <c:pt idx="7">
                  <c:v>9800</c:v>
                </c:pt>
                <c:pt idx="8">
                  <c:v>10040</c:v>
                </c:pt>
                <c:pt idx="9">
                  <c:v>9820</c:v>
                </c:pt>
                <c:pt idx="10">
                  <c:v>9990</c:v>
                </c:pt>
                <c:pt idx="11">
                  <c:v>10940</c:v>
                </c:pt>
                <c:pt idx="12">
                  <c:v>11430</c:v>
                </c:pt>
                <c:pt idx="13">
                  <c:v>14800</c:v>
                </c:pt>
                <c:pt idx="14">
                  <c:v>14660</c:v>
                </c:pt>
                <c:pt idx="15">
                  <c:v>13460</c:v>
                </c:pt>
                <c:pt idx="16">
                  <c:v>12930</c:v>
                </c:pt>
                <c:pt idx="17">
                  <c:v>12070</c:v>
                </c:pt>
                <c:pt idx="18">
                  <c:v>12020</c:v>
                </c:pt>
                <c:pt idx="19">
                  <c:v>11990</c:v>
                </c:pt>
                <c:pt idx="20">
                  <c:v>12460</c:v>
                </c:pt>
                <c:pt idx="21">
                  <c:v>12800</c:v>
                </c:pt>
                <c:pt idx="22">
                  <c:v>12700</c:v>
                </c:pt>
                <c:pt idx="23">
                  <c:v>13130</c:v>
                </c:pt>
                <c:pt idx="24">
                  <c:v>13020</c:v>
                </c:pt>
                <c:pt idx="25">
                  <c:v>12310</c:v>
                </c:pt>
                <c:pt idx="26">
                  <c:v>13310</c:v>
                </c:pt>
                <c:pt idx="27">
                  <c:v>12290</c:v>
                </c:pt>
                <c:pt idx="28">
                  <c:v>11450</c:v>
                </c:pt>
                <c:pt idx="29">
                  <c:v>11060</c:v>
                </c:pt>
                <c:pt idx="30">
                  <c:v>10860</c:v>
                </c:pt>
                <c:pt idx="31">
                  <c:v>10810</c:v>
                </c:pt>
                <c:pt idx="32">
                  <c:v>10430</c:v>
                </c:pt>
                <c:pt idx="33">
                  <c:v>10120</c:v>
                </c:pt>
                <c:pt idx="34">
                  <c:v>9580</c:v>
                </c:pt>
                <c:pt idx="35">
                  <c:v>10450</c:v>
                </c:pt>
                <c:pt idx="36">
                  <c:v>9890</c:v>
                </c:pt>
                <c:pt idx="37">
                  <c:v>10330</c:v>
                </c:pt>
                <c:pt idx="38">
                  <c:v>10250</c:v>
                </c:pt>
                <c:pt idx="39">
                  <c:v>10550</c:v>
                </c:pt>
                <c:pt idx="40">
                  <c:v>10540</c:v>
                </c:pt>
                <c:pt idx="41">
                  <c:v>10300</c:v>
                </c:pt>
                <c:pt idx="42">
                  <c:v>10040</c:v>
                </c:pt>
                <c:pt idx="43">
                  <c:v>10040</c:v>
                </c:pt>
                <c:pt idx="44">
                  <c:v>10040</c:v>
                </c:pt>
                <c:pt idx="45">
                  <c:v>9810</c:v>
                </c:pt>
                <c:pt idx="46">
                  <c:v>9820</c:v>
                </c:pt>
                <c:pt idx="47">
                  <c:v>9350</c:v>
                </c:pt>
                <c:pt idx="48">
                  <c:v>9990</c:v>
                </c:pt>
                <c:pt idx="49">
                  <c:v>10240</c:v>
                </c:pt>
                <c:pt idx="50">
                  <c:v>9940</c:v>
                </c:pt>
                <c:pt idx="51">
                  <c:v>11600</c:v>
                </c:pt>
                <c:pt idx="52">
                  <c:v>11500</c:v>
                </c:pt>
                <c:pt idx="53">
                  <c:v>11710</c:v>
                </c:pt>
                <c:pt idx="54">
                  <c:v>11220</c:v>
                </c:pt>
                <c:pt idx="55">
                  <c:v>10990</c:v>
                </c:pt>
                <c:pt idx="56">
                  <c:v>10690</c:v>
                </c:pt>
                <c:pt idx="57">
                  <c:v>10040</c:v>
                </c:pt>
                <c:pt idx="58">
                  <c:v>11560</c:v>
                </c:pt>
                <c:pt idx="59">
                  <c:v>10390</c:v>
                </c:pt>
                <c:pt idx="60">
                  <c:v>10140</c:v>
                </c:pt>
                <c:pt idx="61">
                  <c:v>9770</c:v>
                </c:pt>
                <c:pt idx="62">
                  <c:v>9520</c:v>
                </c:pt>
                <c:pt idx="63">
                  <c:v>9690</c:v>
                </c:pt>
                <c:pt idx="64">
                  <c:v>9920</c:v>
                </c:pt>
                <c:pt idx="65">
                  <c:v>9780</c:v>
                </c:pt>
                <c:pt idx="66">
                  <c:v>9510</c:v>
                </c:pt>
                <c:pt idx="67">
                  <c:v>10460</c:v>
                </c:pt>
                <c:pt idx="68">
                  <c:v>10950</c:v>
                </c:pt>
                <c:pt idx="69">
                  <c:v>10450</c:v>
                </c:pt>
                <c:pt idx="70">
                  <c:v>10070</c:v>
                </c:pt>
                <c:pt idx="71">
                  <c:v>9940</c:v>
                </c:pt>
                <c:pt idx="72">
                  <c:v>11090</c:v>
                </c:pt>
                <c:pt idx="73">
                  <c:v>13190</c:v>
                </c:pt>
                <c:pt idx="74">
                  <c:v>14090</c:v>
                </c:pt>
                <c:pt idx="75">
                  <c:v>14300</c:v>
                </c:pt>
                <c:pt idx="76">
                  <c:v>14020</c:v>
                </c:pt>
                <c:pt idx="77">
                  <c:v>13560</c:v>
                </c:pt>
                <c:pt idx="78">
                  <c:v>14360</c:v>
                </c:pt>
                <c:pt idx="79">
                  <c:v>15450</c:v>
                </c:pt>
                <c:pt idx="80">
                  <c:v>14610</c:v>
                </c:pt>
                <c:pt idx="81">
                  <c:v>13480</c:v>
                </c:pt>
                <c:pt idx="82">
                  <c:v>13750</c:v>
                </c:pt>
                <c:pt idx="83">
                  <c:v>13330</c:v>
                </c:pt>
                <c:pt idx="84">
                  <c:v>13310</c:v>
                </c:pt>
                <c:pt idx="85">
                  <c:v>13090</c:v>
                </c:pt>
                <c:pt idx="86">
                  <c:v>12170</c:v>
                </c:pt>
                <c:pt idx="87">
                  <c:v>11570</c:v>
                </c:pt>
                <c:pt idx="88">
                  <c:v>11100</c:v>
                </c:pt>
                <c:pt idx="89">
                  <c:v>11120</c:v>
                </c:pt>
                <c:pt idx="90">
                  <c:v>11030</c:v>
                </c:pt>
                <c:pt idx="91">
                  <c:v>11170</c:v>
                </c:pt>
                <c:pt idx="92">
                  <c:v>11250</c:v>
                </c:pt>
                <c:pt idx="93">
                  <c:v>11740</c:v>
                </c:pt>
                <c:pt idx="94">
                  <c:v>11930</c:v>
                </c:pt>
                <c:pt idx="95">
                  <c:v>12730</c:v>
                </c:pt>
                <c:pt idx="96">
                  <c:v>13020</c:v>
                </c:pt>
                <c:pt idx="97">
                  <c:v>12420</c:v>
                </c:pt>
                <c:pt idx="98">
                  <c:v>11910</c:v>
                </c:pt>
                <c:pt idx="99">
                  <c:v>11490</c:v>
                </c:pt>
                <c:pt idx="100">
                  <c:v>11140</c:v>
                </c:pt>
                <c:pt idx="101">
                  <c:v>10730</c:v>
                </c:pt>
                <c:pt idx="102">
                  <c:v>10400</c:v>
                </c:pt>
                <c:pt idx="103">
                  <c:v>10010</c:v>
                </c:pt>
                <c:pt idx="104">
                  <c:v>11710</c:v>
                </c:pt>
                <c:pt idx="105">
                  <c:v>13670</c:v>
                </c:pt>
                <c:pt idx="106">
                  <c:v>18000</c:v>
                </c:pt>
                <c:pt idx="107">
                  <c:v>19550</c:v>
                </c:pt>
                <c:pt idx="108">
                  <c:v>18060</c:v>
                </c:pt>
                <c:pt idx="109">
                  <c:v>17100</c:v>
                </c:pt>
                <c:pt idx="110">
                  <c:v>20330</c:v>
                </c:pt>
                <c:pt idx="111">
                  <c:v>32330</c:v>
                </c:pt>
                <c:pt idx="112">
                  <c:v>44130</c:v>
                </c:pt>
                <c:pt idx="113">
                  <c:v>51560</c:v>
                </c:pt>
                <c:pt idx="114">
                  <c:v>59600</c:v>
                </c:pt>
                <c:pt idx="115">
                  <c:v>62540</c:v>
                </c:pt>
                <c:pt idx="116">
                  <c:v>59400</c:v>
                </c:pt>
                <c:pt idx="117">
                  <c:v>54070</c:v>
                </c:pt>
                <c:pt idx="118">
                  <c:v>53670</c:v>
                </c:pt>
                <c:pt idx="119">
                  <c:v>56870</c:v>
                </c:pt>
                <c:pt idx="120">
                  <c:v>58950</c:v>
                </c:pt>
                <c:pt idx="121">
                  <c:v>54780</c:v>
                </c:pt>
                <c:pt idx="122">
                  <c:v>46590</c:v>
                </c:pt>
                <c:pt idx="123">
                  <c:v>39750</c:v>
                </c:pt>
                <c:pt idx="124">
                  <c:v>36270</c:v>
                </c:pt>
                <c:pt idx="125">
                  <c:v>33860</c:v>
                </c:pt>
                <c:pt idx="126">
                  <c:v>32340</c:v>
                </c:pt>
                <c:pt idx="127">
                  <c:v>31570</c:v>
                </c:pt>
                <c:pt idx="128">
                  <c:v>32090</c:v>
                </c:pt>
                <c:pt idx="129">
                  <c:v>37090</c:v>
                </c:pt>
                <c:pt idx="130">
                  <c:v>39450</c:v>
                </c:pt>
                <c:pt idx="131">
                  <c:v>41430</c:v>
                </c:pt>
                <c:pt idx="132">
                  <c:v>41480</c:v>
                </c:pt>
                <c:pt idx="133">
                  <c:v>39770</c:v>
                </c:pt>
                <c:pt idx="134">
                  <c:v>37200</c:v>
                </c:pt>
                <c:pt idx="135">
                  <c:v>34160</c:v>
                </c:pt>
                <c:pt idx="136">
                  <c:v>32310</c:v>
                </c:pt>
                <c:pt idx="137">
                  <c:v>30380</c:v>
                </c:pt>
                <c:pt idx="138">
                  <c:v>28980</c:v>
                </c:pt>
                <c:pt idx="139">
                  <c:v>27610</c:v>
                </c:pt>
                <c:pt idx="140">
                  <c:v>26270</c:v>
                </c:pt>
                <c:pt idx="141">
                  <c:v>25230</c:v>
                </c:pt>
                <c:pt idx="142">
                  <c:v>23890</c:v>
                </c:pt>
                <c:pt idx="143">
                  <c:v>23460</c:v>
                </c:pt>
                <c:pt idx="144">
                  <c:v>22390</c:v>
                </c:pt>
                <c:pt idx="145">
                  <c:v>22210</c:v>
                </c:pt>
                <c:pt idx="146">
                  <c:v>22670</c:v>
                </c:pt>
                <c:pt idx="147">
                  <c:v>23970</c:v>
                </c:pt>
                <c:pt idx="148">
                  <c:v>29370</c:v>
                </c:pt>
                <c:pt idx="149">
                  <c:v>31260</c:v>
                </c:pt>
                <c:pt idx="150">
                  <c:v>33260</c:v>
                </c:pt>
                <c:pt idx="151">
                  <c:v>36650</c:v>
                </c:pt>
                <c:pt idx="152">
                  <c:v>35090</c:v>
                </c:pt>
                <c:pt idx="153">
                  <c:v>32980</c:v>
                </c:pt>
                <c:pt idx="154">
                  <c:v>33120</c:v>
                </c:pt>
                <c:pt idx="155">
                  <c:v>35730</c:v>
                </c:pt>
                <c:pt idx="156">
                  <c:v>35930</c:v>
                </c:pt>
                <c:pt idx="157">
                  <c:v>32750</c:v>
                </c:pt>
                <c:pt idx="158">
                  <c:v>29000</c:v>
                </c:pt>
                <c:pt idx="159">
                  <c:v>26610</c:v>
                </c:pt>
                <c:pt idx="160">
                  <c:v>24350</c:v>
                </c:pt>
                <c:pt idx="161">
                  <c:v>23430</c:v>
                </c:pt>
                <c:pt idx="162">
                  <c:v>22160</c:v>
                </c:pt>
                <c:pt idx="163">
                  <c:v>21680</c:v>
                </c:pt>
                <c:pt idx="164">
                  <c:v>21080</c:v>
                </c:pt>
                <c:pt idx="165">
                  <c:v>21810</c:v>
                </c:pt>
                <c:pt idx="166">
                  <c:v>21260</c:v>
                </c:pt>
                <c:pt idx="167">
                  <c:v>19920</c:v>
                </c:pt>
                <c:pt idx="168">
                  <c:v>18690</c:v>
                </c:pt>
                <c:pt idx="169">
                  <c:v>18190</c:v>
                </c:pt>
                <c:pt idx="170">
                  <c:v>17980</c:v>
                </c:pt>
                <c:pt idx="171">
                  <c:v>17690</c:v>
                </c:pt>
                <c:pt idx="172">
                  <c:v>17610</c:v>
                </c:pt>
                <c:pt idx="173">
                  <c:v>17230</c:v>
                </c:pt>
                <c:pt idx="174">
                  <c:v>16250</c:v>
                </c:pt>
                <c:pt idx="175">
                  <c:v>15800</c:v>
                </c:pt>
                <c:pt idx="176">
                  <c:v>15670</c:v>
                </c:pt>
                <c:pt idx="177">
                  <c:v>15410</c:v>
                </c:pt>
                <c:pt idx="178">
                  <c:v>15390</c:v>
                </c:pt>
                <c:pt idx="179">
                  <c:v>14670</c:v>
                </c:pt>
                <c:pt idx="180">
                  <c:v>14210</c:v>
                </c:pt>
                <c:pt idx="181">
                  <c:v>14720</c:v>
                </c:pt>
                <c:pt idx="182">
                  <c:v>15230</c:v>
                </c:pt>
                <c:pt idx="183">
                  <c:v>15660</c:v>
                </c:pt>
                <c:pt idx="184">
                  <c:v>16240</c:v>
                </c:pt>
                <c:pt idx="185">
                  <c:v>15890</c:v>
                </c:pt>
                <c:pt idx="186">
                  <c:v>18110</c:v>
                </c:pt>
                <c:pt idx="187">
                  <c:v>18350</c:v>
                </c:pt>
                <c:pt idx="188">
                  <c:v>18430</c:v>
                </c:pt>
                <c:pt idx="189">
                  <c:v>18180</c:v>
                </c:pt>
                <c:pt idx="190">
                  <c:v>17310</c:v>
                </c:pt>
                <c:pt idx="191">
                  <c:v>15960</c:v>
                </c:pt>
                <c:pt idx="192">
                  <c:v>16100</c:v>
                </c:pt>
                <c:pt idx="193">
                  <c:v>17090</c:v>
                </c:pt>
                <c:pt idx="194">
                  <c:v>19040</c:v>
                </c:pt>
                <c:pt idx="195">
                  <c:v>25050</c:v>
                </c:pt>
                <c:pt idx="196">
                  <c:v>30780</c:v>
                </c:pt>
                <c:pt idx="197">
                  <c:v>30940</c:v>
                </c:pt>
                <c:pt idx="198">
                  <c:v>29500</c:v>
                </c:pt>
                <c:pt idx="199">
                  <c:v>28050</c:v>
                </c:pt>
                <c:pt idx="200">
                  <c:v>26280</c:v>
                </c:pt>
                <c:pt idx="201">
                  <c:v>25330</c:v>
                </c:pt>
                <c:pt idx="202">
                  <c:v>25980</c:v>
                </c:pt>
                <c:pt idx="203">
                  <c:v>28310</c:v>
                </c:pt>
                <c:pt idx="204">
                  <c:v>30880</c:v>
                </c:pt>
                <c:pt idx="205">
                  <c:v>30010</c:v>
                </c:pt>
                <c:pt idx="206">
                  <c:v>27720</c:v>
                </c:pt>
                <c:pt idx="207">
                  <c:v>26060</c:v>
                </c:pt>
                <c:pt idx="208">
                  <c:v>24990</c:v>
                </c:pt>
                <c:pt idx="209">
                  <c:v>25570</c:v>
                </c:pt>
                <c:pt idx="210">
                  <c:v>26790</c:v>
                </c:pt>
                <c:pt idx="211">
                  <c:v>29480</c:v>
                </c:pt>
                <c:pt idx="212">
                  <c:v>29750</c:v>
                </c:pt>
                <c:pt idx="213">
                  <c:v>29190</c:v>
                </c:pt>
                <c:pt idx="214">
                  <c:v>27570</c:v>
                </c:pt>
                <c:pt idx="215">
                  <c:v>25830</c:v>
                </c:pt>
                <c:pt idx="216">
                  <c:v>25230</c:v>
                </c:pt>
                <c:pt idx="217">
                  <c:v>25720</c:v>
                </c:pt>
                <c:pt idx="218">
                  <c:v>25540</c:v>
                </c:pt>
                <c:pt idx="219">
                  <c:v>24140</c:v>
                </c:pt>
                <c:pt idx="220">
                  <c:v>23040</c:v>
                </c:pt>
                <c:pt idx="221">
                  <c:v>22120</c:v>
                </c:pt>
                <c:pt idx="222">
                  <c:v>21910</c:v>
                </c:pt>
                <c:pt idx="223">
                  <c:v>21110</c:v>
                </c:pt>
                <c:pt idx="224">
                  <c:v>20830</c:v>
                </c:pt>
                <c:pt idx="225">
                  <c:v>19750</c:v>
                </c:pt>
                <c:pt idx="226">
                  <c:v>18490</c:v>
                </c:pt>
                <c:pt idx="227">
                  <c:v>17790</c:v>
                </c:pt>
                <c:pt idx="228">
                  <c:v>18020</c:v>
                </c:pt>
                <c:pt idx="229">
                  <c:v>18210</c:v>
                </c:pt>
                <c:pt idx="230">
                  <c:v>18520</c:v>
                </c:pt>
                <c:pt idx="231">
                  <c:v>19020</c:v>
                </c:pt>
                <c:pt idx="232">
                  <c:v>18900</c:v>
                </c:pt>
                <c:pt idx="233">
                  <c:v>19270</c:v>
                </c:pt>
                <c:pt idx="234">
                  <c:v>19470</c:v>
                </c:pt>
                <c:pt idx="235">
                  <c:v>19960</c:v>
                </c:pt>
                <c:pt idx="236">
                  <c:v>20010</c:v>
                </c:pt>
                <c:pt idx="237">
                  <c:v>20040</c:v>
                </c:pt>
                <c:pt idx="238">
                  <c:v>20710</c:v>
                </c:pt>
                <c:pt idx="239">
                  <c:v>22980</c:v>
                </c:pt>
                <c:pt idx="240">
                  <c:v>25130</c:v>
                </c:pt>
                <c:pt idx="241">
                  <c:v>26700</c:v>
                </c:pt>
                <c:pt idx="242">
                  <c:v>27780</c:v>
                </c:pt>
                <c:pt idx="243">
                  <c:v>28790</c:v>
                </c:pt>
                <c:pt idx="244">
                  <c:v>28960</c:v>
                </c:pt>
                <c:pt idx="245">
                  <c:v>28290</c:v>
                </c:pt>
                <c:pt idx="246">
                  <c:v>27150</c:v>
                </c:pt>
                <c:pt idx="247">
                  <c:v>28380</c:v>
                </c:pt>
                <c:pt idx="248">
                  <c:v>30660</c:v>
                </c:pt>
                <c:pt idx="249">
                  <c:v>32030</c:v>
                </c:pt>
                <c:pt idx="250">
                  <c:v>33780</c:v>
                </c:pt>
                <c:pt idx="251">
                  <c:v>33590</c:v>
                </c:pt>
                <c:pt idx="252">
                  <c:v>32390</c:v>
                </c:pt>
                <c:pt idx="253">
                  <c:v>31760</c:v>
                </c:pt>
                <c:pt idx="254">
                  <c:v>31320</c:v>
                </c:pt>
                <c:pt idx="255">
                  <c:v>30140</c:v>
                </c:pt>
                <c:pt idx="256">
                  <c:v>29350</c:v>
                </c:pt>
                <c:pt idx="257">
                  <c:v>28300</c:v>
                </c:pt>
                <c:pt idx="258">
                  <c:v>26210</c:v>
                </c:pt>
                <c:pt idx="259">
                  <c:v>23610</c:v>
                </c:pt>
                <c:pt idx="260">
                  <c:v>21310</c:v>
                </c:pt>
                <c:pt idx="261">
                  <c:v>20310</c:v>
                </c:pt>
                <c:pt idx="262">
                  <c:v>19490</c:v>
                </c:pt>
                <c:pt idx="263">
                  <c:v>19100</c:v>
                </c:pt>
                <c:pt idx="264">
                  <c:v>19060</c:v>
                </c:pt>
                <c:pt idx="265">
                  <c:v>18640</c:v>
                </c:pt>
                <c:pt idx="266">
                  <c:v>18210</c:v>
                </c:pt>
                <c:pt idx="267">
                  <c:v>18010</c:v>
                </c:pt>
                <c:pt idx="268">
                  <c:v>17830</c:v>
                </c:pt>
                <c:pt idx="269">
                  <c:v>18050</c:v>
                </c:pt>
                <c:pt idx="270">
                  <c:v>17810</c:v>
                </c:pt>
                <c:pt idx="271">
                  <c:v>17500</c:v>
                </c:pt>
                <c:pt idx="272">
                  <c:v>18180</c:v>
                </c:pt>
                <c:pt idx="273">
                  <c:v>18800</c:v>
                </c:pt>
                <c:pt idx="274">
                  <c:v>19680</c:v>
                </c:pt>
                <c:pt idx="275">
                  <c:v>19290</c:v>
                </c:pt>
                <c:pt idx="276">
                  <c:v>18900</c:v>
                </c:pt>
                <c:pt idx="277">
                  <c:v>18390</c:v>
                </c:pt>
                <c:pt idx="278">
                  <c:v>17770</c:v>
                </c:pt>
                <c:pt idx="279">
                  <c:v>18320</c:v>
                </c:pt>
                <c:pt idx="280">
                  <c:v>18870</c:v>
                </c:pt>
                <c:pt idx="281">
                  <c:v>18680</c:v>
                </c:pt>
                <c:pt idx="282">
                  <c:v>18720</c:v>
                </c:pt>
                <c:pt idx="283">
                  <c:v>18600</c:v>
                </c:pt>
                <c:pt idx="284">
                  <c:v>18350</c:v>
                </c:pt>
                <c:pt idx="285">
                  <c:v>18950</c:v>
                </c:pt>
                <c:pt idx="286">
                  <c:v>18930</c:v>
                </c:pt>
                <c:pt idx="287">
                  <c:v>18710</c:v>
                </c:pt>
                <c:pt idx="288">
                  <c:v>18860</c:v>
                </c:pt>
                <c:pt idx="289">
                  <c:v>19290</c:v>
                </c:pt>
                <c:pt idx="290">
                  <c:v>19870</c:v>
                </c:pt>
                <c:pt idx="291">
                  <c:v>19890</c:v>
                </c:pt>
                <c:pt idx="292">
                  <c:v>19720</c:v>
                </c:pt>
                <c:pt idx="293">
                  <c:v>19740</c:v>
                </c:pt>
                <c:pt idx="294">
                  <c:v>20220</c:v>
                </c:pt>
                <c:pt idx="295">
                  <c:v>20400</c:v>
                </c:pt>
                <c:pt idx="296">
                  <c:v>20190</c:v>
                </c:pt>
                <c:pt idx="297">
                  <c:v>20000</c:v>
                </c:pt>
                <c:pt idx="298">
                  <c:v>19960</c:v>
                </c:pt>
                <c:pt idx="299">
                  <c:v>20230</c:v>
                </c:pt>
                <c:pt idx="300">
                  <c:v>20220</c:v>
                </c:pt>
                <c:pt idx="301">
                  <c:v>19990</c:v>
                </c:pt>
                <c:pt idx="302">
                  <c:v>20090</c:v>
                </c:pt>
                <c:pt idx="303">
                  <c:v>20180</c:v>
                </c:pt>
                <c:pt idx="304">
                  <c:v>20280</c:v>
                </c:pt>
                <c:pt idx="305">
                  <c:v>20340</c:v>
                </c:pt>
                <c:pt idx="306">
                  <c:v>20200</c:v>
                </c:pt>
                <c:pt idx="307">
                  <c:v>19640</c:v>
                </c:pt>
                <c:pt idx="308">
                  <c:v>19460</c:v>
                </c:pt>
                <c:pt idx="309">
                  <c:v>19680</c:v>
                </c:pt>
                <c:pt idx="310">
                  <c:v>19630</c:v>
                </c:pt>
                <c:pt idx="311">
                  <c:v>19130</c:v>
                </c:pt>
                <c:pt idx="312">
                  <c:v>19040</c:v>
                </c:pt>
                <c:pt idx="313">
                  <c:v>18490</c:v>
                </c:pt>
                <c:pt idx="314">
                  <c:v>17700</c:v>
                </c:pt>
                <c:pt idx="315">
                  <c:v>17990</c:v>
                </c:pt>
                <c:pt idx="316">
                  <c:v>17890</c:v>
                </c:pt>
                <c:pt idx="317">
                  <c:v>17930</c:v>
                </c:pt>
                <c:pt idx="318">
                  <c:v>18140</c:v>
                </c:pt>
                <c:pt idx="319">
                  <c:v>18280</c:v>
                </c:pt>
                <c:pt idx="320">
                  <c:v>17890</c:v>
                </c:pt>
                <c:pt idx="321">
                  <c:v>18150</c:v>
                </c:pt>
                <c:pt idx="322">
                  <c:v>18220</c:v>
                </c:pt>
                <c:pt idx="323">
                  <c:v>18300</c:v>
                </c:pt>
                <c:pt idx="324">
                  <c:v>17590</c:v>
                </c:pt>
                <c:pt idx="325">
                  <c:v>17590</c:v>
                </c:pt>
                <c:pt idx="326">
                  <c:v>17040</c:v>
                </c:pt>
                <c:pt idx="327">
                  <c:v>16640</c:v>
                </c:pt>
                <c:pt idx="328">
                  <c:v>16200</c:v>
                </c:pt>
                <c:pt idx="329">
                  <c:v>15990</c:v>
                </c:pt>
                <c:pt idx="330">
                  <c:v>16210</c:v>
                </c:pt>
                <c:pt idx="331">
                  <c:v>15710</c:v>
                </c:pt>
                <c:pt idx="332">
                  <c:v>16360</c:v>
                </c:pt>
                <c:pt idx="333">
                  <c:v>15980</c:v>
                </c:pt>
                <c:pt idx="334">
                  <c:v>16240</c:v>
                </c:pt>
                <c:pt idx="335">
                  <c:v>16360</c:v>
                </c:pt>
                <c:pt idx="336">
                  <c:v>16580</c:v>
                </c:pt>
                <c:pt idx="337">
                  <c:v>16700</c:v>
                </c:pt>
                <c:pt idx="338">
                  <c:v>16900</c:v>
                </c:pt>
                <c:pt idx="339">
                  <c:v>17120</c:v>
                </c:pt>
                <c:pt idx="340">
                  <c:v>17350</c:v>
                </c:pt>
                <c:pt idx="341">
                  <c:v>16940</c:v>
                </c:pt>
                <c:pt idx="342">
                  <c:v>16830</c:v>
                </c:pt>
                <c:pt idx="343">
                  <c:v>17740</c:v>
                </c:pt>
                <c:pt idx="344">
                  <c:v>18020</c:v>
                </c:pt>
                <c:pt idx="345">
                  <c:v>18850</c:v>
                </c:pt>
                <c:pt idx="346">
                  <c:v>19630</c:v>
                </c:pt>
                <c:pt idx="347">
                  <c:v>20800</c:v>
                </c:pt>
                <c:pt idx="348">
                  <c:v>21550</c:v>
                </c:pt>
                <c:pt idx="349">
                  <c:v>21700</c:v>
                </c:pt>
                <c:pt idx="350">
                  <c:v>21370</c:v>
                </c:pt>
                <c:pt idx="351">
                  <c:v>20700</c:v>
                </c:pt>
                <c:pt idx="352">
                  <c:v>20390</c:v>
                </c:pt>
                <c:pt idx="353">
                  <c:v>20370</c:v>
                </c:pt>
                <c:pt idx="354">
                  <c:v>19690</c:v>
                </c:pt>
                <c:pt idx="355">
                  <c:v>19170</c:v>
                </c:pt>
                <c:pt idx="356">
                  <c:v>19230</c:v>
                </c:pt>
                <c:pt idx="357">
                  <c:v>18820</c:v>
                </c:pt>
                <c:pt idx="358">
                  <c:v>18410</c:v>
                </c:pt>
                <c:pt idx="359">
                  <c:v>17990</c:v>
                </c:pt>
                <c:pt idx="360">
                  <c:v>17310</c:v>
                </c:pt>
                <c:pt idx="361">
                  <c:v>16960</c:v>
                </c:pt>
                <c:pt idx="362">
                  <c:v>16510</c:v>
                </c:pt>
                <c:pt idx="363">
                  <c:v>16260</c:v>
                </c:pt>
                <c:pt idx="364">
                  <c:v>16420</c:v>
                </c:pt>
              </c:numCache>
            </c:numRef>
          </c:val>
        </c:ser>
        <c:ser>
          <c:idx val="1"/>
          <c:order val="1"/>
          <c:tx>
            <c:strRef>
              <c:f>Sheet1!$BG$5</c:f>
              <c:strCache>
                <c:ptCount val="1"/>
                <c:pt idx="0">
                  <c:v>Historical - SWP/CVP Export</c:v>
                </c:pt>
              </c:strCache>
            </c:strRef>
          </c:tx>
          <c:spPr>
            <a:solidFill>
              <a:srgbClr val="00B0F0"/>
            </a:solidFill>
            <a:ln w="9525">
              <a:solidFill>
                <a:schemeClr val="bg1">
                  <a:lumMod val="65000"/>
                  <a:lumOff val="35000"/>
                </a:schemeClr>
              </a:solidFill>
            </a:ln>
            <a:effectLst>
              <a:outerShdw blurRad="50800" dist="38100" dir="2700000" algn="tl" rotWithShape="0">
                <a:prstClr val="black">
                  <a:alpha val="90000"/>
                </a:prstClr>
              </a:outerShdw>
            </a:effectLst>
          </c:spPr>
          <c:cat>
            <c:numRef>
              <c:f>Sheet1!$D$1833:$D$2197</c:f>
              <c:numCache>
                <c:formatCode>d\-mmm\-yy</c:formatCode>
                <c:ptCount val="365"/>
                <c:pt idx="0">
                  <c:v>40087</c:v>
                </c:pt>
                <c:pt idx="1">
                  <c:v>40088</c:v>
                </c:pt>
                <c:pt idx="2">
                  <c:v>40089</c:v>
                </c:pt>
                <c:pt idx="3">
                  <c:v>40090</c:v>
                </c:pt>
                <c:pt idx="4">
                  <c:v>40091</c:v>
                </c:pt>
                <c:pt idx="5">
                  <c:v>40092</c:v>
                </c:pt>
                <c:pt idx="6">
                  <c:v>40093</c:v>
                </c:pt>
                <c:pt idx="7">
                  <c:v>40094</c:v>
                </c:pt>
                <c:pt idx="8">
                  <c:v>40095</c:v>
                </c:pt>
                <c:pt idx="9">
                  <c:v>40096</c:v>
                </c:pt>
                <c:pt idx="10">
                  <c:v>40097</c:v>
                </c:pt>
                <c:pt idx="11">
                  <c:v>40098</c:v>
                </c:pt>
                <c:pt idx="12">
                  <c:v>40099</c:v>
                </c:pt>
                <c:pt idx="13">
                  <c:v>40100</c:v>
                </c:pt>
                <c:pt idx="14">
                  <c:v>40101</c:v>
                </c:pt>
                <c:pt idx="15">
                  <c:v>40102</c:v>
                </c:pt>
                <c:pt idx="16">
                  <c:v>40103</c:v>
                </c:pt>
                <c:pt idx="17">
                  <c:v>40104</c:v>
                </c:pt>
                <c:pt idx="18">
                  <c:v>40105</c:v>
                </c:pt>
                <c:pt idx="19">
                  <c:v>40106</c:v>
                </c:pt>
                <c:pt idx="20">
                  <c:v>40107</c:v>
                </c:pt>
                <c:pt idx="21">
                  <c:v>40108</c:v>
                </c:pt>
                <c:pt idx="22">
                  <c:v>40109</c:v>
                </c:pt>
                <c:pt idx="23">
                  <c:v>40110</c:v>
                </c:pt>
                <c:pt idx="24">
                  <c:v>40111</c:v>
                </c:pt>
                <c:pt idx="25">
                  <c:v>40112</c:v>
                </c:pt>
                <c:pt idx="26">
                  <c:v>40113</c:v>
                </c:pt>
                <c:pt idx="27">
                  <c:v>40114</c:v>
                </c:pt>
                <c:pt idx="28">
                  <c:v>40115</c:v>
                </c:pt>
                <c:pt idx="29">
                  <c:v>40116</c:v>
                </c:pt>
                <c:pt idx="30">
                  <c:v>40117</c:v>
                </c:pt>
                <c:pt idx="31">
                  <c:v>40118</c:v>
                </c:pt>
                <c:pt idx="32">
                  <c:v>40119</c:v>
                </c:pt>
                <c:pt idx="33">
                  <c:v>40120</c:v>
                </c:pt>
                <c:pt idx="34">
                  <c:v>40121</c:v>
                </c:pt>
                <c:pt idx="35">
                  <c:v>40122</c:v>
                </c:pt>
                <c:pt idx="36">
                  <c:v>40123</c:v>
                </c:pt>
                <c:pt idx="37">
                  <c:v>40124</c:v>
                </c:pt>
                <c:pt idx="38">
                  <c:v>40125</c:v>
                </c:pt>
                <c:pt idx="39">
                  <c:v>40126</c:v>
                </c:pt>
                <c:pt idx="40">
                  <c:v>40127</c:v>
                </c:pt>
                <c:pt idx="41">
                  <c:v>40128</c:v>
                </c:pt>
                <c:pt idx="42">
                  <c:v>40129</c:v>
                </c:pt>
                <c:pt idx="43">
                  <c:v>40130</c:v>
                </c:pt>
                <c:pt idx="44">
                  <c:v>40131</c:v>
                </c:pt>
                <c:pt idx="45">
                  <c:v>40132</c:v>
                </c:pt>
                <c:pt idx="46">
                  <c:v>40133</c:v>
                </c:pt>
                <c:pt idx="47">
                  <c:v>40134</c:v>
                </c:pt>
                <c:pt idx="48">
                  <c:v>40135</c:v>
                </c:pt>
                <c:pt idx="49">
                  <c:v>40136</c:v>
                </c:pt>
                <c:pt idx="50">
                  <c:v>40137</c:v>
                </c:pt>
                <c:pt idx="51">
                  <c:v>40138</c:v>
                </c:pt>
                <c:pt idx="52">
                  <c:v>40139</c:v>
                </c:pt>
                <c:pt idx="53">
                  <c:v>40140</c:v>
                </c:pt>
                <c:pt idx="54">
                  <c:v>40141</c:v>
                </c:pt>
                <c:pt idx="55">
                  <c:v>40142</c:v>
                </c:pt>
                <c:pt idx="56">
                  <c:v>40143</c:v>
                </c:pt>
                <c:pt idx="57">
                  <c:v>40144</c:v>
                </c:pt>
                <c:pt idx="58">
                  <c:v>40145</c:v>
                </c:pt>
                <c:pt idx="59">
                  <c:v>40146</c:v>
                </c:pt>
                <c:pt idx="60">
                  <c:v>40147</c:v>
                </c:pt>
                <c:pt idx="61">
                  <c:v>40148</c:v>
                </c:pt>
                <c:pt idx="62">
                  <c:v>40149</c:v>
                </c:pt>
                <c:pt idx="63">
                  <c:v>40150</c:v>
                </c:pt>
                <c:pt idx="64">
                  <c:v>40151</c:v>
                </c:pt>
                <c:pt idx="65">
                  <c:v>40152</c:v>
                </c:pt>
                <c:pt idx="66">
                  <c:v>40153</c:v>
                </c:pt>
                <c:pt idx="67">
                  <c:v>40154</c:v>
                </c:pt>
                <c:pt idx="68">
                  <c:v>40155</c:v>
                </c:pt>
                <c:pt idx="69">
                  <c:v>40156</c:v>
                </c:pt>
                <c:pt idx="70">
                  <c:v>40157</c:v>
                </c:pt>
                <c:pt idx="71">
                  <c:v>40158</c:v>
                </c:pt>
                <c:pt idx="72">
                  <c:v>40159</c:v>
                </c:pt>
                <c:pt idx="73">
                  <c:v>40160</c:v>
                </c:pt>
                <c:pt idx="74">
                  <c:v>40161</c:v>
                </c:pt>
                <c:pt idx="75">
                  <c:v>40162</c:v>
                </c:pt>
                <c:pt idx="76">
                  <c:v>40163</c:v>
                </c:pt>
                <c:pt idx="77">
                  <c:v>40164</c:v>
                </c:pt>
                <c:pt idx="78">
                  <c:v>40165</c:v>
                </c:pt>
                <c:pt idx="79">
                  <c:v>40166</c:v>
                </c:pt>
                <c:pt idx="80">
                  <c:v>40167</c:v>
                </c:pt>
                <c:pt idx="81">
                  <c:v>40168</c:v>
                </c:pt>
                <c:pt idx="82">
                  <c:v>40169</c:v>
                </c:pt>
                <c:pt idx="83">
                  <c:v>40170</c:v>
                </c:pt>
                <c:pt idx="84">
                  <c:v>40171</c:v>
                </c:pt>
                <c:pt idx="85">
                  <c:v>40172</c:v>
                </c:pt>
                <c:pt idx="86">
                  <c:v>40173</c:v>
                </c:pt>
                <c:pt idx="87">
                  <c:v>40174</c:v>
                </c:pt>
                <c:pt idx="88">
                  <c:v>40175</c:v>
                </c:pt>
                <c:pt idx="89">
                  <c:v>40176</c:v>
                </c:pt>
                <c:pt idx="90">
                  <c:v>40177</c:v>
                </c:pt>
                <c:pt idx="91">
                  <c:v>40178</c:v>
                </c:pt>
                <c:pt idx="92">
                  <c:v>40179</c:v>
                </c:pt>
                <c:pt idx="93">
                  <c:v>40180</c:v>
                </c:pt>
                <c:pt idx="94">
                  <c:v>40181</c:v>
                </c:pt>
                <c:pt idx="95">
                  <c:v>40182</c:v>
                </c:pt>
                <c:pt idx="96">
                  <c:v>40183</c:v>
                </c:pt>
                <c:pt idx="97">
                  <c:v>40184</c:v>
                </c:pt>
                <c:pt idx="98">
                  <c:v>40185</c:v>
                </c:pt>
                <c:pt idx="99">
                  <c:v>40186</c:v>
                </c:pt>
                <c:pt idx="100">
                  <c:v>40187</c:v>
                </c:pt>
                <c:pt idx="101">
                  <c:v>40188</c:v>
                </c:pt>
                <c:pt idx="102">
                  <c:v>40189</c:v>
                </c:pt>
                <c:pt idx="103">
                  <c:v>40190</c:v>
                </c:pt>
                <c:pt idx="104">
                  <c:v>40191</c:v>
                </c:pt>
                <c:pt idx="105">
                  <c:v>40192</c:v>
                </c:pt>
                <c:pt idx="106">
                  <c:v>40193</c:v>
                </c:pt>
                <c:pt idx="107">
                  <c:v>40194</c:v>
                </c:pt>
                <c:pt idx="108">
                  <c:v>40195</c:v>
                </c:pt>
                <c:pt idx="109">
                  <c:v>40196</c:v>
                </c:pt>
                <c:pt idx="110">
                  <c:v>40197</c:v>
                </c:pt>
                <c:pt idx="111">
                  <c:v>40198</c:v>
                </c:pt>
                <c:pt idx="112">
                  <c:v>40199</c:v>
                </c:pt>
                <c:pt idx="113">
                  <c:v>40200</c:v>
                </c:pt>
                <c:pt idx="114">
                  <c:v>40201</c:v>
                </c:pt>
                <c:pt idx="115">
                  <c:v>40202</c:v>
                </c:pt>
                <c:pt idx="116">
                  <c:v>40203</c:v>
                </c:pt>
                <c:pt idx="117">
                  <c:v>40204</c:v>
                </c:pt>
                <c:pt idx="118">
                  <c:v>40205</c:v>
                </c:pt>
                <c:pt idx="119">
                  <c:v>40206</c:v>
                </c:pt>
                <c:pt idx="120">
                  <c:v>40207</c:v>
                </c:pt>
                <c:pt idx="121">
                  <c:v>40208</c:v>
                </c:pt>
                <c:pt idx="122">
                  <c:v>40209</c:v>
                </c:pt>
                <c:pt idx="123">
                  <c:v>40210</c:v>
                </c:pt>
                <c:pt idx="124">
                  <c:v>40211</c:v>
                </c:pt>
                <c:pt idx="125">
                  <c:v>40212</c:v>
                </c:pt>
                <c:pt idx="126">
                  <c:v>40213</c:v>
                </c:pt>
                <c:pt idx="127">
                  <c:v>40214</c:v>
                </c:pt>
                <c:pt idx="128">
                  <c:v>40215</c:v>
                </c:pt>
                <c:pt idx="129">
                  <c:v>40216</c:v>
                </c:pt>
                <c:pt idx="130">
                  <c:v>40217</c:v>
                </c:pt>
                <c:pt idx="131">
                  <c:v>40218</c:v>
                </c:pt>
                <c:pt idx="132">
                  <c:v>40219</c:v>
                </c:pt>
                <c:pt idx="133">
                  <c:v>40220</c:v>
                </c:pt>
                <c:pt idx="134">
                  <c:v>40221</c:v>
                </c:pt>
                <c:pt idx="135">
                  <c:v>40222</c:v>
                </c:pt>
                <c:pt idx="136">
                  <c:v>40223</c:v>
                </c:pt>
                <c:pt idx="137">
                  <c:v>40224</c:v>
                </c:pt>
                <c:pt idx="138">
                  <c:v>40225</c:v>
                </c:pt>
                <c:pt idx="139">
                  <c:v>40226</c:v>
                </c:pt>
                <c:pt idx="140">
                  <c:v>40227</c:v>
                </c:pt>
                <c:pt idx="141">
                  <c:v>40228</c:v>
                </c:pt>
                <c:pt idx="142">
                  <c:v>40229</c:v>
                </c:pt>
                <c:pt idx="143">
                  <c:v>40230</c:v>
                </c:pt>
                <c:pt idx="144">
                  <c:v>40231</c:v>
                </c:pt>
                <c:pt idx="145">
                  <c:v>40232</c:v>
                </c:pt>
                <c:pt idx="146">
                  <c:v>40233</c:v>
                </c:pt>
                <c:pt idx="147">
                  <c:v>40234</c:v>
                </c:pt>
                <c:pt idx="148">
                  <c:v>40235</c:v>
                </c:pt>
                <c:pt idx="149">
                  <c:v>40236</c:v>
                </c:pt>
                <c:pt idx="150">
                  <c:v>40237</c:v>
                </c:pt>
                <c:pt idx="151">
                  <c:v>40238</c:v>
                </c:pt>
                <c:pt idx="152">
                  <c:v>40239</c:v>
                </c:pt>
                <c:pt idx="153">
                  <c:v>40240</c:v>
                </c:pt>
                <c:pt idx="154">
                  <c:v>40241</c:v>
                </c:pt>
                <c:pt idx="155">
                  <c:v>40242</c:v>
                </c:pt>
                <c:pt idx="156">
                  <c:v>40243</c:v>
                </c:pt>
                <c:pt idx="157">
                  <c:v>40244</c:v>
                </c:pt>
                <c:pt idx="158">
                  <c:v>40245</c:v>
                </c:pt>
                <c:pt idx="159">
                  <c:v>40246</c:v>
                </c:pt>
                <c:pt idx="160">
                  <c:v>40247</c:v>
                </c:pt>
                <c:pt idx="161">
                  <c:v>40248</c:v>
                </c:pt>
                <c:pt idx="162">
                  <c:v>40249</c:v>
                </c:pt>
                <c:pt idx="163">
                  <c:v>40250</c:v>
                </c:pt>
                <c:pt idx="164">
                  <c:v>40251</c:v>
                </c:pt>
                <c:pt idx="165">
                  <c:v>40252</c:v>
                </c:pt>
                <c:pt idx="166">
                  <c:v>40253</c:v>
                </c:pt>
                <c:pt idx="167">
                  <c:v>40254</c:v>
                </c:pt>
                <c:pt idx="168">
                  <c:v>40255</c:v>
                </c:pt>
                <c:pt idx="169">
                  <c:v>40256</c:v>
                </c:pt>
                <c:pt idx="170">
                  <c:v>40257</c:v>
                </c:pt>
                <c:pt idx="171">
                  <c:v>40258</c:v>
                </c:pt>
                <c:pt idx="172">
                  <c:v>40259</c:v>
                </c:pt>
                <c:pt idx="173">
                  <c:v>40260</c:v>
                </c:pt>
                <c:pt idx="174">
                  <c:v>40261</c:v>
                </c:pt>
                <c:pt idx="175">
                  <c:v>40262</c:v>
                </c:pt>
                <c:pt idx="176">
                  <c:v>40263</c:v>
                </c:pt>
                <c:pt idx="177">
                  <c:v>40264</c:v>
                </c:pt>
                <c:pt idx="178">
                  <c:v>40265</c:v>
                </c:pt>
                <c:pt idx="179">
                  <c:v>40266</c:v>
                </c:pt>
                <c:pt idx="180">
                  <c:v>40267</c:v>
                </c:pt>
                <c:pt idx="181">
                  <c:v>40268</c:v>
                </c:pt>
                <c:pt idx="182">
                  <c:v>40269</c:v>
                </c:pt>
                <c:pt idx="183">
                  <c:v>40270</c:v>
                </c:pt>
                <c:pt idx="184">
                  <c:v>40271</c:v>
                </c:pt>
                <c:pt idx="185">
                  <c:v>40272</c:v>
                </c:pt>
                <c:pt idx="186">
                  <c:v>40273</c:v>
                </c:pt>
                <c:pt idx="187">
                  <c:v>40274</c:v>
                </c:pt>
                <c:pt idx="188">
                  <c:v>40275</c:v>
                </c:pt>
                <c:pt idx="189">
                  <c:v>40276</c:v>
                </c:pt>
                <c:pt idx="190">
                  <c:v>40277</c:v>
                </c:pt>
                <c:pt idx="191">
                  <c:v>40278</c:v>
                </c:pt>
                <c:pt idx="192">
                  <c:v>40279</c:v>
                </c:pt>
                <c:pt idx="193">
                  <c:v>40280</c:v>
                </c:pt>
                <c:pt idx="194">
                  <c:v>40281</c:v>
                </c:pt>
                <c:pt idx="195">
                  <c:v>40282</c:v>
                </c:pt>
                <c:pt idx="196">
                  <c:v>40283</c:v>
                </c:pt>
                <c:pt idx="197">
                  <c:v>40284</c:v>
                </c:pt>
                <c:pt idx="198">
                  <c:v>40285</c:v>
                </c:pt>
                <c:pt idx="199">
                  <c:v>40286</c:v>
                </c:pt>
                <c:pt idx="200">
                  <c:v>40287</c:v>
                </c:pt>
                <c:pt idx="201">
                  <c:v>40288</c:v>
                </c:pt>
                <c:pt idx="202">
                  <c:v>40289</c:v>
                </c:pt>
                <c:pt idx="203">
                  <c:v>40290</c:v>
                </c:pt>
                <c:pt idx="204">
                  <c:v>40291</c:v>
                </c:pt>
                <c:pt idx="205">
                  <c:v>40292</c:v>
                </c:pt>
                <c:pt idx="206">
                  <c:v>40293</c:v>
                </c:pt>
                <c:pt idx="207">
                  <c:v>40294</c:v>
                </c:pt>
                <c:pt idx="208">
                  <c:v>40295</c:v>
                </c:pt>
                <c:pt idx="209">
                  <c:v>40296</c:v>
                </c:pt>
                <c:pt idx="210">
                  <c:v>40297</c:v>
                </c:pt>
                <c:pt idx="211">
                  <c:v>40298</c:v>
                </c:pt>
                <c:pt idx="212">
                  <c:v>40299</c:v>
                </c:pt>
                <c:pt idx="213">
                  <c:v>40300</c:v>
                </c:pt>
                <c:pt idx="214">
                  <c:v>40301</c:v>
                </c:pt>
                <c:pt idx="215">
                  <c:v>40302</c:v>
                </c:pt>
                <c:pt idx="216">
                  <c:v>40303</c:v>
                </c:pt>
                <c:pt idx="217">
                  <c:v>40304</c:v>
                </c:pt>
                <c:pt idx="218">
                  <c:v>40305</c:v>
                </c:pt>
                <c:pt idx="219">
                  <c:v>40306</c:v>
                </c:pt>
                <c:pt idx="220">
                  <c:v>40307</c:v>
                </c:pt>
                <c:pt idx="221">
                  <c:v>40308</c:v>
                </c:pt>
                <c:pt idx="222">
                  <c:v>40309</c:v>
                </c:pt>
                <c:pt idx="223">
                  <c:v>40310</c:v>
                </c:pt>
                <c:pt idx="224">
                  <c:v>40311</c:v>
                </c:pt>
                <c:pt idx="225">
                  <c:v>40312</c:v>
                </c:pt>
                <c:pt idx="226">
                  <c:v>40313</c:v>
                </c:pt>
                <c:pt idx="227">
                  <c:v>40314</c:v>
                </c:pt>
                <c:pt idx="228">
                  <c:v>40315</c:v>
                </c:pt>
                <c:pt idx="229">
                  <c:v>40316</c:v>
                </c:pt>
                <c:pt idx="230">
                  <c:v>40317</c:v>
                </c:pt>
                <c:pt idx="231">
                  <c:v>40318</c:v>
                </c:pt>
                <c:pt idx="232">
                  <c:v>40319</c:v>
                </c:pt>
                <c:pt idx="233">
                  <c:v>40320</c:v>
                </c:pt>
                <c:pt idx="234">
                  <c:v>40321</c:v>
                </c:pt>
                <c:pt idx="235">
                  <c:v>40322</c:v>
                </c:pt>
                <c:pt idx="236">
                  <c:v>40323</c:v>
                </c:pt>
                <c:pt idx="237">
                  <c:v>40324</c:v>
                </c:pt>
                <c:pt idx="238">
                  <c:v>40325</c:v>
                </c:pt>
                <c:pt idx="239">
                  <c:v>40326</c:v>
                </c:pt>
                <c:pt idx="240">
                  <c:v>40327</c:v>
                </c:pt>
                <c:pt idx="241">
                  <c:v>40328</c:v>
                </c:pt>
                <c:pt idx="242">
                  <c:v>40329</c:v>
                </c:pt>
                <c:pt idx="243">
                  <c:v>40330</c:v>
                </c:pt>
                <c:pt idx="244">
                  <c:v>40331</c:v>
                </c:pt>
                <c:pt idx="245">
                  <c:v>40332</c:v>
                </c:pt>
                <c:pt idx="246">
                  <c:v>40333</c:v>
                </c:pt>
                <c:pt idx="247">
                  <c:v>40334</c:v>
                </c:pt>
                <c:pt idx="248">
                  <c:v>40335</c:v>
                </c:pt>
                <c:pt idx="249">
                  <c:v>40336</c:v>
                </c:pt>
                <c:pt idx="250">
                  <c:v>40337</c:v>
                </c:pt>
                <c:pt idx="251">
                  <c:v>40338</c:v>
                </c:pt>
                <c:pt idx="252">
                  <c:v>40339</c:v>
                </c:pt>
                <c:pt idx="253">
                  <c:v>40340</c:v>
                </c:pt>
                <c:pt idx="254">
                  <c:v>40341</c:v>
                </c:pt>
                <c:pt idx="255">
                  <c:v>40342</c:v>
                </c:pt>
                <c:pt idx="256">
                  <c:v>40343</c:v>
                </c:pt>
                <c:pt idx="257">
                  <c:v>40344</c:v>
                </c:pt>
                <c:pt idx="258">
                  <c:v>40345</c:v>
                </c:pt>
                <c:pt idx="259">
                  <c:v>40346</c:v>
                </c:pt>
                <c:pt idx="260">
                  <c:v>40347</c:v>
                </c:pt>
                <c:pt idx="261">
                  <c:v>40348</c:v>
                </c:pt>
                <c:pt idx="262">
                  <c:v>40349</c:v>
                </c:pt>
                <c:pt idx="263">
                  <c:v>40350</c:v>
                </c:pt>
                <c:pt idx="264">
                  <c:v>40351</c:v>
                </c:pt>
                <c:pt idx="265">
                  <c:v>40352</c:v>
                </c:pt>
                <c:pt idx="266">
                  <c:v>40353</c:v>
                </c:pt>
                <c:pt idx="267">
                  <c:v>40354</c:v>
                </c:pt>
                <c:pt idx="268">
                  <c:v>40355</c:v>
                </c:pt>
                <c:pt idx="269">
                  <c:v>40356</c:v>
                </c:pt>
                <c:pt idx="270">
                  <c:v>40357</c:v>
                </c:pt>
                <c:pt idx="271">
                  <c:v>40358</c:v>
                </c:pt>
                <c:pt idx="272">
                  <c:v>40359</c:v>
                </c:pt>
                <c:pt idx="273">
                  <c:v>40360</c:v>
                </c:pt>
                <c:pt idx="274">
                  <c:v>40361</c:v>
                </c:pt>
                <c:pt idx="275">
                  <c:v>40362</c:v>
                </c:pt>
                <c:pt idx="276">
                  <c:v>40363</c:v>
                </c:pt>
                <c:pt idx="277">
                  <c:v>40364</c:v>
                </c:pt>
                <c:pt idx="278">
                  <c:v>40365</c:v>
                </c:pt>
                <c:pt idx="279">
                  <c:v>40366</c:v>
                </c:pt>
                <c:pt idx="280">
                  <c:v>40367</c:v>
                </c:pt>
                <c:pt idx="281">
                  <c:v>40368</c:v>
                </c:pt>
                <c:pt idx="282">
                  <c:v>40369</c:v>
                </c:pt>
                <c:pt idx="283">
                  <c:v>40370</c:v>
                </c:pt>
                <c:pt idx="284">
                  <c:v>40371</c:v>
                </c:pt>
                <c:pt idx="285">
                  <c:v>40372</c:v>
                </c:pt>
                <c:pt idx="286">
                  <c:v>40373</c:v>
                </c:pt>
                <c:pt idx="287">
                  <c:v>40374</c:v>
                </c:pt>
                <c:pt idx="288">
                  <c:v>40375</c:v>
                </c:pt>
                <c:pt idx="289">
                  <c:v>40376</c:v>
                </c:pt>
                <c:pt idx="290">
                  <c:v>40377</c:v>
                </c:pt>
                <c:pt idx="291">
                  <c:v>40378</c:v>
                </c:pt>
                <c:pt idx="292">
                  <c:v>40379</c:v>
                </c:pt>
                <c:pt idx="293">
                  <c:v>40380</c:v>
                </c:pt>
                <c:pt idx="294">
                  <c:v>40381</c:v>
                </c:pt>
                <c:pt idx="295">
                  <c:v>40382</c:v>
                </c:pt>
                <c:pt idx="296">
                  <c:v>40383</c:v>
                </c:pt>
                <c:pt idx="297">
                  <c:v>40384</c:v>
                </c:pt>
                <c:pt idx="298">
                  <c:v>40385</c:v>
                </c:pt>
                <c:pt idx="299">
                  <c:v>40386</c:v>
                </c:pt>
                <c:pt idx="300">
                  <c:v>40387</c:v>
                </c:pt>
                <c:pt idx="301">
                  <c:v>40388</c:v>
                </c:pt>
                <c:pt idx="302">
                  <c:v>40389</c:v>
                </c:pt>
                <c:pt idx="303">
                  <c:v>40390</c:v>
                </c:pt>
                <c:pt idx="304">
                  <c:v>40391</c:v>
                </c:pt>
                <c:pt idx="305">
                  <c:v>40392</c:v>
                </c:pt>
                <c:pt idx="306">
                  <c:v>40393</c:v>
                </c:pt>
                <c:pt idx="307">
                  <c:v>40394</c:v>
                </c:pt>
                <c:pt idx="308">
                  <c:v>40395</c:v>
                </c:pt>
                <c:pt idx="309">
                  <c:v>40396</c:v>
                </c:pt>
                <c:pt idx="310">
                  <c:v>40397</c:v>
                </c:pt>
                <c:pt idx="311">
                  <c:v>40398</c:v>
                </c:pt>
                <c:pt idx="312">
                  <c:v>40399</c:v>
                </c:pt>
                <c:pt idx="313">
                  <c:v>40400</c:v>
                </c:pt>
                <c:pt idx="314">
                  <c:v>40401</c:v>
                </c:pt>
                <c:pt idx="315">
                  <c:v>40402</c:v>
                </c:pt>
                <c:pt idx="316">
                  <c:v>40403</c:v>
                </c:pt>
                <c:pt idx="317">
                  <c:v>40404</c:v>
                </c:pt>
                <c:pt idx="318">
                  <c:v>40405</c:v>
                </c:pt>
                <c:pt idx="319">
                  <c:v>40406</c:v>
                </c:pt>
                <c:pt idx="320">
                  <c:v>40407</c:v>
                </c:pt>
                <c:pt idx="321">
                  <c:v>40408</c:v>
                </c:pt>
                <c:pt idx="322">
                  <c:v>40409</c:v>
                </c:pt>
                <c:pt idx="323">
                  <c:v>40410</c:v>
                </c:pt>
                <c:pt idx="324">
                  <c:v>40411</c:v>
                </c:pt>
                <c:pt idx="325">
                  <c:v>40412</c:v>
                </c:pt>
                <c:pt idx="326">
                  <c:v>40413</c:v>
                </c:pt>
                <c:pt idx="327">
                  <c:v>40414</c:v>
                </c:pt>
                <c:pt idx="328">
                  <c:v>40415</c:v>
                </c:pt>
                <c:pt idx="329">
                  <c:v>40416</c:v>
                </c:pt>
                <c:pt idx="330">
                  <c:v>40417</c:v>
                </c:pt>
                <c:pt idx="331">
                  <c:v>40418</c:v>
                </c:pt>
                <c:pt idx="332">
                  <c:v>40419</c:v>
                </c:pt>
                <c:pt idx="333">
                  <c:v>40420</c:v>
                </c:pt>
                <c:pt idx="334">
                  <c:v>40421</c:v>
                </c:pt>
                <c:pt idx="335">
                  <c:v>40422</c:v>
                </c:pt>
                <c:pt idx="336">
                  <c:v>40423</c:v>
                </c:pt>
                <c:pt idx="337">
                  <c:v>40424</c:v>
                </c:pt>
                <c:pt idx="338">
                  <c:v>40425</c:v>
                </c:pt>
                <c:pt idx="339">
                  <c:v>40426</c:v>
                </c:pt>
                <c:pt idx="340">
                  <c:v>40427</c:v>
                </c:pt>
                <c:pt idx="341">
                  <c:v>40428</c:v>
                </c:pt>
                <c:pt idx="342">
                  <c:v>40429</c:v>
                </c:pt>
                <c:pt idx="343">
                  <c:v>40430</c:v>
                </c:pt>
                <c:pt idx="344">
                  <c:v>40431</c:v>
                </c:pt>
                <c:pt idx="345">
                  <c:v>40432</c:v>
                </c:pt>
                <c:pt idx="346">
                  <c:v>40433</c:v>
                </c:pt>
                <c:pt idx="347">
                  <c:v>40434</c:v>
                </c:pt>
                <c:pt idx="348">
                  <c:v>40435</c:v>
                </c:pt>
                <c:pt idx="349">
                  <c:v>40436</c:v>
                </c:pt>
                <c:pt idx="350">
                  <c:v>40437</c:v>
                </c:pt>
                <c:pt idx="351">
                  <c:v>40438</c:v>
                </c:pt>
                <c:pt idx="352">
                  <c:v>40439</c:v>
                </c:pt>
                <c:pt idx="353">
                  <c:v>40440</c:v>
                </c:pt>
                <c:pt idx="354">
                  <c:v>40441</c:v>
                </c:pt>
                <c:pt idx="355">
                  <c:v>40442</c:v>
                </c:pt>
                <c:pt idx="356">
                  <c:v>40443</c:v>
                </c:pt>
                <c:pt idx="357">
                  <c:v>40444</c:v>
                </c:pt>
                <c:pt idx="358">
                  <c:v>40445</c:v>
                </c:pt>
                <c:pt idx="359">
                  <c:v>40446</c:v>
                </c:pt>
                <c:pt idx="360">
                  <c:v>40447</c:v>
                </c:pt>
                <c:pt idx="361">
                  <c:v>40448</c:v>
                </c:pt>
                <c:pt idx="362">
                  <c:v>40449</c:v>
                </c:pt>
                <c:pt idx="363">
                  <c:v>40450</c:v>
                </c:pt>
                <c:pt idx="364">
                  <c:v>40451</c:v>
                </c:pt>
              </c:numCache>
            </c:numRef>
          </c:cat>
          <c:val>
            <c:numRef>
              <c:f>Sheet1!$BG$1833:$BG$2197</c:f>
              <c:numCache>
                <c:formatCode>General</c:formatCode>
                <c:ptCount val="365"/>
                <c:pt idx="0">
                  <c:v>4645</c:v>
                </c:pt>
                <c:pt idx="1">
                  <c:v>4642</c:v>
                </c:pt>
                <c:pt idx="2">
                  <c:v>4648</c:v>
                </c:pt>
                <c:pt idx="3">
                  <c:v>4662</c:v>
                </c:pt>
                <c:pt idx="4">
                  <c:v>4576</c:v>
                </c:pt>
                <c:pt idx="5">
                  <c:v>4620</c:v>
                </c:pt>
                <c:pt idx="6">
                  <c:v>4648</c:v>
                </c:pt>
                <c:pt idx="7">
                  <c:v>4666</c:v>
                </c:pt>
                <c:pt idx="8">
                  <c:v>4448</c:v>
                </c:pt>
                <c:pt idx="9">
                  <c:v>4314</c:v>
                </c:pt>
                <c:pt idx="10">
                  <c:v>4311</c:v>
                </c:pt>
                <c:pt idx="11">
                  <c:v>4302</c:v>
                </c:pt>
                <c:pt idx="12">
                  <c:v>4287</c:v>
                </c:pt>
                <c:pt idx="13">
                  <c:v>4300</c:v>
                </c:pt>
                <c:pt idx="14">
                  <c:v>6491</c:v>
                </c:pt>
                <c:pt idx="15">
                  <c:v>7064</c:v>
                </c:pt>
                <c:pt idx="16">
                  <c:v>8086</c:v>
                </c:pt>
                <c:pt idx="17">
                  <c:v>8081</c:v>
                </c:pt>
                <c:pt idx="18">
                  <c:v>6596</c:v>
                </c:pt>
                <c:pt idx="19">
                  <c:v>8118</c:v>
                </c:pt>
                <c:pt idx="20">
                  <c:v>7129</c:v>
                </c:pt>
                <c:pt idx="21">
                  <c:v>7132</c:v>
                </c:pt>
                <c:pt idx="22">
                  <c:v>6765</c:v>
                </c:pt>
                <c:pt idx="23">
                  <c:v>7643</c:v>
                </c:pt>
                <c:pt idx="24">
                  <c:v>8163</c:v>
                </c:pt>
                <c:pt idx="25">
                  <c:v>7612</c:v>
                </c:pt>
                <c:pt idx="26">
                  <c:v>7121</c:v>
                </c:pt>
                <c:pt idx="27">
                  <c:v>7589</c:v>
                </c:pt>
                <c:pt idx="28">
                  <c:v>7599</c:v>
                </c:pt>
                <c:pt idx="29">
                  <c:v>6623</c:v>
                </c:pt>
                <c:pt idx="30">
                  <c:v>6131</c:v>
                </c:pt>
                <c:pt idx="31">
                  <c:v>4829</c:v>
                </c:pt>
                <c:pt idx="32">
                  <c:v>4496</c:v>
                </c:pt>
                <c:pt idx="33">
                  <c:v>4497</c:v>
                </c:pt>
                <c:pt idx="34">
                  <c:v>4518</c:v>
                </c:pt>
                <c:pt idx="35">
                  <c:v>4516</c:v>
                </c:pt>
                <c:pt idx="36">
                  <c:v>4508</c:v>
                </c:pt>
                <c:pt idx="37">
                  <c:v>4499</c:v>
                </c:pt>
                <c:pt idx="38">
                  <c:v>4491</c:v>
                </c:pt>
                <c:pt idx="39">
                  <c:v>4663</c:v>
                </c:pt>
                <c:pt idx="40">
                  <c:v>4451</c:v>
                </c:pt>
                <c:pt idx="41">
                  <c:v>4400</c:v>
                </c:pt>
                <c:pt idx="42">
                  <c:v>4473</c:v>
                </c:pt>
                <c:pt idx="43">
                  <c:v>4479</c:v>
                </c:pt>
                <c:pt idx="44">
                  <c:v>4482</c:v>
                </c:pt>
                <c:pt idx="45">
                  <c:v>4479</c:v>
                </c:pt>
                <c:pt idx="46">
                  <c:v>4077</c:v>
                </c:pt>
                <c:pt idx="47">
                  <c:v>3908</c:v>
                </c:pt>
                <c:pt idx="48">
                  <c:v>3917</c:v>
                </c:pt>
                <c:pt idx="49">
                  <c:v>3266</c:v>
                </c:pt>
                <c:pt idx="50">
                  <c:v>3004</c:v>
                </c:pt>
                <c:pt idx="51">
                  <c:v>3006</c:v>
                </c:pt>
                <c:pt idx="52">
                  <c:v>2999</c:v>
                </c:pt>
                <c:pt idx="53">
                  <c:v>2995</c:v>
                </c:pt>
                <c:pt idx="54">
                  <c:v>3970</c:v>
                </c:pt>
                <c:pt idx="55">
                  <c:v>5982</c:v>
                </c:pt>
                <c:pt idx="56">
                  <c:v>5489</c:v>
                </c:pt>
                <c:pt idx="57">
                  <c:v>4987</c:v>
                </c:pt>
                <c:pt idx="58">
                  <c:v>5004</c:v>
                </c:pt>
                <c:pt idx="59">
                  <c:v>5494</c:v>
                </c:pt>
                <c:pt idx="60">
                  <c:v>5499</c:v>
                </c:pt>
                <c:pt idx="61">
                  <c:v>5498</c:v>
                </c:pt>
                <c:pt idx="62">
                  <c:v>4958</c:v>
                </c:pt>
                <c:pt idx="63">
                  <c:v>4013</c:v>
                </c:pt>
                <c:pt idx="64">
                  <c:v>4000</c:v>
                </c:pt>
                <c:pt idx="65">
                  <c:v>4000</c:v>
                </c:pt>
                <c:pt idx="66">
                  <c:v>4011</c:v>
                </c:pt>
                <c:pt idx="67">
                  <c:v>4003</c:v>
                </c:pt>
                <c:pt idx="68">
                  <c:v>3993</c:v>
                </c:pt>
                <c:pt idx="69">
                  <c:v>3917</c:v>
                </c:pt>
                <c:pt idx="70">
                  <c:v>3951</c:v>
                </c:pt>
                <c:pt idx="71">
                  <c:v>4438</c:v>
                </c:pt>
                <c:pt idx="72">
                  <c:v>4480</c:v>
                </c:pt>
                <c:pt idx="73">
                  <c:v>4902</c:v>
                </c:pt>
                <c:pt idx="74">
                  <c:v>6000</c:v>
                </c:pt>
                <c:pt idx="75">
                  <c:v>6461</c:v>
                </c:pt>
                <c:pt idx="76">
                  <c:v>7089</c:v>
                </c:pt>
                <c:pt idx="77">
                  <c:v>7463</c:v>
                </c:pt>
                <c:pt idx="78">
                  <c:v>7460</c:v>
                </c:pt>
                <c:pt idx="79">
                  <c:v>7463</c:v>
                </c:pt>
                <c:pt idx="80">
                  <c:v>7448</c:v>
                </c:pt>
                <c:pt idx="81">
                  <c:v>6956</c:v>
                </c:pt>
                <c:pt idx="82">
                  <c:v>6456</c:v>
                </c:pt>
                <c:pt idx="83">
                  <c:v>6229</c:v>
                </c:pt>
                <c:pt idx="84">
                  <c:v>6757</c:v>
                </c:pt>
                <c:pt idx="85">
                  <c:v>5993</c:v>
                </c:pt>
                <c:pt idx="86">
                  <c:v>6002</c:v>
                </c:pt>
                <c:pt idx="87">
                  <c:v>6011</c:v>
                </c:pt>
                <c:pt idx="88">
                  <c:v>6009</c:v>
                </c:pt>
                <c:pt idx="89">
                  <c:v>5515</c:v>
                </c:pt>
                <c:pt idx="90">
                  <c:v>4780</c:v>
                </c:pt>
                <c:pt idx="91">
                  <c:v>4016</c:v>
                </c:pt>
                <c:pt idx="92">
                  <c:v>4015</c:v>
                </c:pt>
                <c:pt idx="93">
                  <c:v>4007</c:v>
                </c:pt>
                <c:pt idx="94">
                  <c:v>4010</c:v>
                </c:pt>
                <c:pt idx="95">
                  <c:v>5014</c:v>
                </c:pt>
                <c:pt idx="96">
                  <c:v>5511</c:v>
                </c:pt>
                <c:pt idx="97">
                  <c:v>5507</c:v>
                </c:pt>
                <c:pt idx="98">
                  <c:v>4994</c:v>
                </c:pt>
                <c:pt idx="99">
                  <c:v>4987</c:v>
                </c:pt>
                <c:pt idx="100">
                  <c:v>4498</c:v>
                </c:pt>
                <c:pt idx="101">
                  <c:v>4511</c:v>
                </c:pt>
                <c:pt idx="102">
                  <c:v>4500</c:v>
                </c:pt>
                <c:pt idx="103">
                  <c:v>4513</c:v>
                </c:pt>
                <c:pt idx="104">
                  <c:v>5016</c:v>
                </c:pt>
                <c:pt idx="105">
                  <c:v>5512</c:v>
                </c:pt>
                <c:pt idx="106">
                  <c:v>6009</c:v>
                </c:pt>
                <c:pt idx="107">
                  <c:v>6006</c:v>
                </c:pt>
                <c:pt idx="108">
                  <c:v>5999</c:v>
                </c:pt>
                <c:pt idx="109">
                  <c:v>6003</c:v>
                </c:pt>
                <c:pt idx="110">
                  <c:v>6018</c:v>
                </c:pt>
                <c:pt idx="111">
                  <c:v>6011</c:v>
                </c:pt>
                <c:pt idx="112">
                  <c:v>5106</c:v>
                </c:pt>
                <c:pt idx="113">
                  <c:v>4843</c:v>
                </c:pt>
                <c:pt idx="114">
                  <c:v>4841</c:v>
                </c:pt>
                <c:pt idx="115">
                  <c:v>5481</c:v>
                </c:pt>
                <c:pt idx="116">
                  <c:v>5712</c:v>
                </c:pt>
                <c:pt idx="117">
                  <c:v>7216</c:v>
                </c:pt>
                <c:pt idx="118">
                  <c:v>7210</c:v>
                </c:pt>
                <c:pt idx="119">
                  <c:v>8107</c:v>
                </c:pt>
                <c:pt idx="120">
                  <c:v>8663</c:v>
                </c:pt>
                <c:pt idx="121">
                  <c:v>8351</c:v>
                </c:pt>
                <c:pt idx="122">
                  <c:v>7348</c:v>
                </c:pt>
                <c:pt idx="123">
                  <c:v>7343</c:v>
                </c:pt>
                <c:pt idx="124">
                  <c:v>7438</c:v>
                </c:pt>
                <c:pt idx="125">
                  <c:v>7510</c:v>
                </c:pt>
                <c:pt idx="126">
                  <c:v>7524</c:v>
                </c:pt>
                <c:pt idx="127">
                  <c:v>6489</c:v>
                </c:pt>
                <c:pt idx="128">
                  <c:v>7033</c:v>
                </c:pt>
                <c:pt idx="129">
                  <c:v>7150</c:v>
                </c:pt>
                <c:pt idx="130">
                  <c:v>7163</c:v>
                </c:pt>
                <c:pt idx="131">
                  <c:v>7246</c:v>
                </c:pt>
                <c:pt idx="132">
                  <c:v>7205</c:v>
                </c:pt>
                <c:pt idx="133">
                  <c:v>6727</c:v>
                </c:pt>
                <c:pt idx="134">
                  <c:v>6009</c:v>
                </c:pt>
                <c:pt idx="135">
                  <c:v>6001</c:v>
                </c:pt>
                <c:pt idx="136">
                  <c:v>6001</c:v>
                </c:pt>
                <c:pt idx="137">
                  <c:v>5996</c:v>
                </c:pt>
                <c:pt idx="138">
                  <c:v>5998</c:v>
                </c:pt>
                <c:pt idx="139">
                  <c:v>6000</c:v>
                </c:pt>
                <c:pt idx="140">
                  <c:v>6559</c:v>
                </c:pt>
                <c:pt idx="141">
                  <c:v>7259</c:v>
                </c:pt>
                <c:pt idx="142">
                  <c:v>7252</c:v>
                </c:pt>
                <c:pt idx="143">
                  <c:v>7257</c:v>
                </c:pt>
                <c:pt idx="144">
                  <c:v>7353</c:v>
                </c:pt>
                <c:pt idx="145">
                  <c:v>6747</c:v>
                </c:pt>
                <c:pt idx="146">
                  <c:v>6699</c:v>
                </c:pt>
                <c:pt idx="147">
                  <c:v>6753</c:v>
                </c:pt>
                <c:pt idx="148">
                  <c:v>6757</c:v>
                </c:pt>
                <c:pt idx="149">
                  <c:v>6810</c:v>
                </c:pt>
                <c:pt idx="150">
                  <c:v>6729</c:v>
                </c:pt>
                <c:pt idx="151">
                  <c:v>7536</c:v>
                </c:pt>
                <c:pt idx="152">
                  <c:v>8196</c:v>
                </c:pt>
                <c:pt idx="153">
                  <c:v>8378</c:v>
                </c:pt>
                <c:pt idx="154">
                  <c:v>8397</c:v>
                </c:pt>
                <c:pt idx="155">
                  <c:v>8903</c:v>
                </c:pt>
                <c:pt idx="156">
                  <c:v>8885</c:v>
                </c:pt>
                <c:pt idx="157">
                  <c:v>8414</c:v>
                </c:pt>
                <c:pt idx="158">
                  <c:v>8392</c:v>
                </c:pt>
                <c:pt idx="159">
                  <c:v>8084</c:v>
                </c:pt>
                <c:pt idx="160">
                  <c:v>8020</c:v>
                </c:pt>
                <c:pt idx="161">
                  <c:v>7494</c:v>
                </c:pt>
                <c:pt idx="162">
                  <c:v>6209</c:v>
                </c:pt>
                <c:pt idx="163">
                  <c:v>4910</c:v>
                </c:pt>
                <c:pt idx="164">
                  <c:v>4458</c:v>
                </c:pt>
                <c:pt idx="165">
                  <c:v>5171</c:v>
                </c:pt>
                <c:pt idx="166">
                  <c:v>5748</c:v>
                </c:pt>
                <c:pt idx="167">
                  <c:v>6235</c:v>
                </c:pt>
                <c:pt idx="168">
                  <c:v>6788</c:v>
                </c:pt>
                <c:pt idx="169">
                  <c:v>7020</c:v>
                </c:pt>
                <c:pt idx="170">
                  <c:v>7015</c:v>
                </c:pt>
                <c:pt idx="171">
                  <c:v>7027</c:v>
                </c:pt>
                <c:pt idx="172">
                  <c:v>7030</c:v>
                </c:pt>
                <c:pt idx="173">
                  <c:v>6913</c:v>
                </c:pt>
                <c:pt idx="174">
                  <c:v>6746</c:v>
                </c:pt>
                <c:pt idx="175">
                  <c:v>6823</c:v>
                </c:pt>
                <c:pt idx="176">
                  <c:v>6822</c:v>
                </c:pt>
                <c:pt idx="177">
                  <c:v>6483</c:v>
                </c:pt>
                <c:pt idx="178">
                  <c:v>6799</c:v>
                </c:pt>
                <c:pt idx="179">
                  <c:v>6291</c:v>
                </c:pt>
                <c:pt idx="180">
                  <c:v>6333</c:v>
                </c:pt>
                <c:pt idx="181">
                  <c:v>6005</c:v>
                </c:pt>
                <c:pt idx="182">
                  <c:v>1492</c:v>
                </c:pt>
                <c:pt idx="183">
                  <c:v>1516</c:v>
                </c:pt>
                <c:pt idx="184">
                  <c:v>1528</c:v>
                </c:pt>
                <c:pt idx="185">
                  <c:v>1519</c:v>
                </c:pt>
                <c:pt idx="186">
                  <c:v>1491</c:v>
                </c:pt>
                <c:pt idx="187">
                  <c:v>1527</c:v>
                </c:pt>
                <c:pt idx="188">
                  <c:v>1531</c:v>
                </c:pt>
                <c:pt idx="189">
                  <c:v>1529</c:v>
                </c:pt>
                <c:pt idx="190">
                  <c:v>1531</c:v>
                </c:pt>
                <c:pt idx="191">
                  <c:v>1525</c:v>
                </c:pt>
                <c:pt idx="192">
                  <c:v>1528</c:v>
                </c:pt>
                <c:pt idx="193">
                  <c:v>1547</c:v>
                </c:pt>
                <c:pt idx="194">
                  <c:v>1519</c:v>
                </c:pt>
                <c:pt idx="195">
                  <c:v>1528</c:v>
                </c:pt>
                <c:pt idx="196">
                  <c:v>1533</c:v>
                </c:pt>
                <c:pt idx="197">
                  <c:v>1525</c:v>
                </c:pt>
                <c:pt idx="198">
                  <c:v>1531</c:v>
                </c:pt>
                <c:pt idx="199">
                  <c:v>1536</c:v>
                </c:pt>
                <c:pt idx="200">
                  <c:v>1563</c:v>
                </c:pt>
                <c:pt idx="201">
                  <c:v>1497</c:v>
                </c:pt>
                <c:pt idx="202">
                  <c:v>1537</c:v>
                </c:pt>
                <c:pt idx="203">
                  <c:v>1562</c:v>
                </c:pt>
                <c:pt idx="204">
                  <c:v>1563</c:v>
                </c:pt>
                <c:pt idx="205">
                  <c:v>1565</c:v>
                </c:pt>
                <c:pt idx="206">
                  <c:v>1565</c:v>
                </c:pt>
                <c:pt idx="207">
                  <c:v>1567</c:v>
                </c:pt>
                <c:pt idx="208">
                  <c:v>1556</c:v>
                </c:pt>
                <c:pt idx="209">
                  <c:v>1536</c:v>
                </c:pt>
                <c:pt idx="210">
                  <c:v>1532</c:v>
                </c:pt>
                <c:pt idx="211">
                  <c:v>1535</c:v>
                </c:pt>
                <c:pt idx="212">
                  <c:v>1535</c:v>
                </c:pt>
                <c:pt idx="213">
                  <c:v>1535</c:v>
                </c:pt>
                <c:pt idx="214">
                  <c:v>1530</c:v>
                </c:pt>
                <c:pt idx="215">
                  <c:v>1528</c:v>
                </c:pt>
                <c:pt idx="216">
                  <c:v>1544</c:v>
                </c:pt>
                <c:pt idx="217">
                  <c:v>1520</c:v>
                </c:pt>
                <c:pt idx="218">
                  <c:v>1525</c:v>
                </c:pt>
                <c:pt idx="219">
                  <c:v>1532</c:v>
                </c:pt>
                <c:pt idx="220">
                  <c:v>1529</c:v>
                </c:pt>
                <c:pt idx="221">
                  <c:v>1529</c:v>
                </c:pt>
                <c:pt idx="222">
                  <c:v>1511</c:v>
                </c:pt>
                <c:pt idx="223">
                  <c:v>1525</c:v>
                </c:pt>
                <c:pt idx="224">
                  <c:v>1528</c:v>
                </c:pt>
                <c:pt idx="225">
                  <c:v>1529</c:v>
                </c:pt>
                <c:pt idx="226">
                  <c:v>1480</c:v>
                </c:pt>
                <c:pt idx="227">
                  <c:v>1486</c:v>
                </c:pt>
                <c:pt idx="228">
                  <c:v>1526</c:v>
                </c:pt>
                <c:pt idx="229">
                  <c:v>1529</c:v>
                </c:pt>
                <c:pt idx="230">
                  <c:v>1328</c:v>
                </c:pt>
                <c:pt idx="231">
                  <c:v>1527</c:v>
                </c:pt>
                <c:pt idx="232">
                  <c:v>1559</c:v>
                </c:pt>
                <c:pt idx="233">
                  <c:v>1563</c:v>
                </c:pt>
                <c:pt idx="234">
                  <c:v>1517</c:v>
                </c:pt>
                <c:pt idx="235">
                  <c:v>1552</c:v>
                </c:pt>
                <c:pt idx="236">
                  <c:v>1547</c:v>
                </c:pt>
                <c:pt idx="237">
                  <c:v>2874</c:v>
                </c:pt>
                <c:pt idx="238">
                  <c:v>4853</c:v>
                </c:pt>
                <c:pt idx="239">
                  <c:v>5855</c:v>
                </c:pt>
                <c:pt idx="240">
                  <c:v>6345</c:v>
                </c:pt>
                <c:pt idx="241">
                  <c:v>6338</c:v>
                </c:pt>
                <c:pt idx="242">
                  <c:v>6360</c:v>
                </c:pt>
                <c:pt idx="243">
                  <c:v>6591</c:v>
                </c:pt>
                <c:pt idx="244">
                  <c:v>6863</c:v>
                </c:pt>
                <c:pt idx="245">
                  <c:v>7169</c:v>
                </c:pt>
                <c:pt idx="246">
                  <c:v>6844</c:v>
                </c:pt>
                <c:pt idx="247">
                  <c:v>7218</c:v>
                </c:pt>
                <c:pt idx="248">
                  <c:v>7547</c:v>
                </c:pt>
                <c:pt idx="249">
                  <c:v>7410</c:v>
                </c:pt>
                <c:pt idx="250">
                  <c:v>7550</c:v>
                </c:pt>
                <c:pt idx="251">
                  <c:v>7536</c:v>
                </c:pt>
                <c:pt idx="252">
                  <c:v>7050</c:v>
                </c:pt>
                <c:pt idx="253">
                  <c:v>6577</c:v>
                </c:pt>
                <c:pt idx="254">
                  <c:v>6366</c:v>
                </c:pt>
                <c:pt idx="255">
                  <c:v>6361</c:v>
                </c:pt>
                <c:pt idx="256">
                  <c:v>6374</c:v>
                </c:pt>
                <c:pt idx="257">
                  <c:v>5870</c:v>
                </c:pt>
                <c:pt idx="258">
                  <c:v>4849</c:v>
                </c:pt>
                <c:pt idx="259">
                  <c:v>6833</c:v>
                </c:pt>
                <c:pt idx="260">
                  <c:v>6826</c:v>
                </c:pt>
                <c:pt idx="261">
                  <c:v>6851</c:v>
                </c:pt>
                <c:pt idx="262">
                  <c:v>7341</c:v>
                </c:pt>
                <c:pt idx="263">
                  <c:v>7059</c:v>
                </c:pt>
                <c:pt idx="264">
                  <c:v>7065</c:v>
                </c:pt>
                <c:pt idx="265">
                  <c:v>6563</c:v>
                </c:pt>
                <c:pt idx="266">
                  <c:v>5446</c:v>
                </c:pt>
                <c:pt idx="267">
                  <c:v>5364</c:v>
                </c:pt>
                <c:pt idx="268">
                  <c:v>5136</c:v>
                </c:pt>
                <c:pt idx="269">
                  <c:v>5137</c:v>
                </c:pt>
                <c:pt idx="270">
                  <c:v>6169</c:v>
                </c:pt>
                <c:pt idx="271">
                  <c:v>6187</c:v>
                </c:pt>
                <c:pt idx="272">
                  <c:v>7298</c:v>
                </c:pt>
                <c:pt idx="273">
                  <c:v>9081</c:v>
                </c:pt>
                <c:pt idx="274">
                  <c:v>10298</c:v>
                </c:pt>
                <c:pt idx="275">
                  <c:v>10906</c:v>
                </c:pt>
                <c:pt idx="276">
                  <c:v>10279</c:v>
                </c:pt>
                <c:pt idx="277">
                  <c:v>10903</c:v>
                </c:pt>
                <c:pt idx="278">
                  <c:v>10200</c:v>
                </c:pt>
                <c:pt idx="279">
                  <c:v>10245</c:v>
                </c:pt>
                <c:pt idx="280">
                  <c:v>10372</c:v>
                </c:pt>
                <c:pt idx="281">
                  <c:v>10736</c:v>
                </c:pt>
                <c:pt idx="282">
                  <c:v>10743</c:v>
                </c:pt>
                <c:pt idx="283">
                  <c:v>8985</c:v>
                </c:pt>
                <c:pt idx="284">
                  <c:v>9113</c:v>
                </c:pt>
                <c:pt idx="285">
                  <c:v>9104</c:v>
                </c:pt>
                <c:pt idx="286">
                  <c:v>8159</c:v>
                </c:pt>
                <c:pt idx="287">
                  <c:v>8530</c:v>
                </c:pt>
                <c:pt idx="288">
                  <c:v>8500</c:v>
                </c:pt>
                <c:pt idx="289">
                  <c:v>8512</c:v>
                </c:pt>
                <c:pt idx="290">
                  <c:v>8496</c:v>
                </c:pt>
                <c:pt idx="291">
                  <c:v>8503</c:v>
                </c:pt>
                <c:pt idx="292">
                  <c:v>8806</c:v>
                </c:pt>
                <c:pt idx="293">
                  <c:v>9346</c:v>
                </c:pt>
                <c:pt idx="294">
                  <c:v>9291</c:v>
                </c:pt>
                <c:pt idx="295">
                  <c:v>9344</c:v>
                </c:pt>
                <c:pt idx="296">
                  <c:v>9235</c:v>
                </c:pt>
                <c:pt idx="297">
                  <c:v>9008</c:v>
                </c:pt>
                <c:pt idx="298">
                  <c:v>9029</c:v>
                </c:pt>
                <c:pt idx="299">
                  <c:v>10292</c:v>
                </c:pt>
                <c:pt idx="300">
                  <c:v>10256</c:v>
                </c:pt>
                <c:pt idx="301">
                  <c:v>10252</c:v>
                </c:pt>
                <c:pt idx="302">
                  <c:v>11227</c:v>
                </c:pt>
                <c:pt idx="303">
                  <c:v>10295</c:v>
                </c:pt>
                <c:pt idx="304">
                  <c:v>9427</c:v>
                </c:pt>
                <c:pt idx="305">
                  <c:v>11402</c:v>
                </c:pt>
                <c:pt idx="306">
                  <c:v>11417</c:v>
                </c:pt>
                <c:pt idx="307">
                  <c:v>11416</c:v>
                </c:pt>
                <c:pt idx="308">
                  <c:v>11408</c:v>
                </c:pt>
                <c:pt idx="309">
                  <c:v>11388</c:v>
                </c:pt>
                <c:pt idx="310">
                  <c:v>11399</c:v>
                </c:pt>
                <c:pt idx="311">
                  <c:v>11405</c:v>
                </c:pt>
                <c:pt idx="312">
                  <c:v>11394</c:v>
                </c:pt>
                <c:pt idx="313">
                  <c:v>11303</c:v>
                </c:pt>
                <c:pt idx="314">
                  <c:v>11395</c:v>
                </c:pt>
                <c:pt idx="315">
                  <c:v>11357</c:v>
                </c:pt>
                <c:pt idx="316">
                  <c:v>11008</c:v>
                </c:pt>
                <c:pt idx="317">
                  <c:v>10163</c:v>
                </c:pt>
                <c:pt idx="318">
                  <c:v>9955</c:v>
                </c:pt>
                <c:pt idx="319">
                  <c:v>11293</c:v>
                </c:pt>
                <c:pt idx="320">
                  <c:v>11381</c:v>
                </c:pt>
                <c:pt idx="321">
                  <c:v>11279</c:v>
                </c:pt>
                <c:pt idx="322">
                  <c:v>11108</c:v>
                </c:pt>
                <c:pt idx="323">
                  <c:v>10648</c:v>
                </c:pt>
                <c:pt idx="324">
                  <c:v>10642</c:v>
                </c:pt>
                <c:pt idx="325">
                  <c:v>10929</c:v>
                </c:pt>
                <c:pt idx="326">
                  <c:v>11062</c:v>
                </c:pt>
                <c:pt idx="327">
                  <c:v>11133</c:v>
                </c:pt>
                <c:pt idx="328">
                  <c:v>10720</c:v>
                </c:pt>
                <c:pt idx="329">
                  <c:v>10385</c:v>
                </c:pt>
                <c:pt idx="330">
                  <c:v>10378</c:v>
                </c:pt>
                <c:pt idx="331">
                  <c:v>9786</c:v>
                </c:pt>
                <c:pt idx="332">
                  <c:v>9819</c:v>
                </c:pt>
                <c:pt idx="333">
                  <c:v>9799</c:v>
                </c:pt>
                <c:pt idx="334">
                  <c:v>10660</c:v>
                </c:pt>
                <c:pt idx="335">
                  <c:v>10343</c:v>
                </c:pt>
                <c:pt idx="336">
                  <c:v>10849</c:v>
                </c:pt>
                <c:pt idx="337">
                  <c:v>10858</c:v>
                </c:pt>
                <c:pt idx="338">
                  <c:v>10857</c:v>
                </c:pt>
                <c:pt idx="339">
                  <c:v>10857</c:v>
                </c:pt>
                <c:pt idx="340">
                  <c:v>10843</c:v>
                </c:pt>
                <c:pt idx="341">
                  <c:v>11146</c:v>
                </c:pt>
                <c:pt idx="342">
                  <c:v>11148</c:v>
                </c:pt>
                <c:pt idx="343">
                  <c:v>11322</c:v>
                </c:pt>
                <c:pt idx="344">
                  <c:v>11012</c:v>
                </c:pt>
                <c:pt idx="345">
                  <c:v>11057</c:v>
                </c:pt>
                <c:pt idx="346">
                  <c:v>11342</c:v>
                </c:pt>
                <c:pt idx="347">
                  <c:v>11320</c:v>
                </c:pt>
                <c:pt idx="348">
                  <c:v>11311</c:v>
                </c:pt>
                <c:pt idx="349">
                  <c:v>11294</c:v>
                </c:pt>
                <c:pt idx="350">
                  <c:v>10607</c:v>
                </c:pt>
                <c:pt idx="351">
                  <c:v>10119</c:v>
                </c:pt>
                <c:pt idx="352">
                  <c:v>10134</c:v>
                </c:pt>
                <c:pt idx="353">
                  <c:v>10115</c:v>
                </c:pt>
                <c:pt idx="354">
                  <c:v>9201</c:v>
                </c:pt>
                <c:pt idx="355">
                  <c:v>8718</c:v>
                </c:pt>
                <c:pt idx="356">
                  <c:v>9727</c:v>
                </c:pt>
                <c:pt idx="357">
                  <c:v>9222</c:v>
                </c:pt>
                <c:pt idx="358">
                  <c:v>10149</c:v>
                </c:pt>
                <c:pt idx="359">
                  <c:v>9905</c:v>
                </c:pt>
                <c:pt idx="360">
                  <c:v>10178</c:v>
                </c:pt>
                <c:pt idx="361">
                  <c:v>10148</c:v>
                </c:pt>
                <c:pt idx="362">
                  <c:v>10662</c:v>
                </c:pt>
                <c:pt idx="363">
                  <c:v>10679</c:v>
                </c:pt>
                <c:pt idx="364">
                  <c:v>10689</c:v>
                </c:pt>
              </c:numCache>
            </c:numRef>
          </c:val>
        </c:ser>
        <c:dLbls>
          <c:showLegendKey val="0"/>
          <c:showVal val="0"/>
          <c:showCatName val="0"/>
          <c:showSerName val="0"/>
          <c:showPercent val="0"/>
          <c:showBubbleSize val="0"/>
        </c:dLbls>
        <c:axId val="286307072"/>
        <c:axId val="286308608"/>
      </c:areaChart>
      <c:lineChart>
        <c:grouping val="standard"/>
        <c:varyColors val="0"/>
        <c:ser>
          <c:idx val="2"/>
          <c:order val="2"/>
          <c:tx>
            <c:strRef>
              <c:f>Sheet1!$BF$5</c:f>
              <c:strCache>
                <c:ptCount val="1"/>
                <c:pt idx="0">
                  <c:v>BDCP/CA Water Fix Reoperation - SWP/CVP Export</c:v>
                </c:pt>
              </c:strCache>
            </c:strRef>
          </c:tx>
          <c:spPr>
            <a:ln>
              <a:solidFill>
                <a:schemeClr val="tx1"/>
              </a:solidFill>
            </a:ln>
            <a:effectLst>
              <a:outerShdw blurRad="50800" dist="38100" dir="2700000" algn="tl" rotWithShape="0">
                <a:prstClr val="black">
                  <a:alpha val="40000"/>
                </a:prstClr>
              </a:outerShdw>
            </a:effectLst>
          </c:spPr>
          <c:marker>
            <c:symbol val="none"/>
          </c:marker>
          <c:cat>
            <c:numRef>
              <c:f>Sheet1!$D$1833:$D$2197</c:f>
              <c:numCache>
                <c:formatCode>d\-mmm\-yy</c:formatCode>
                <c:ptCount val="365"/>
                <c:pt idx="0">
                  <c:v>40087</c:v>
                </c:pt>
                <c:pt idx="1">
                  <c:v>40088</c:v>
                </c:pt>
                <c:pt idx="2">
                  <c:v>40089</c:v>
                </c:pt>
                <c:pt idx="3">
                  <c:v>40090</c:v>
                </c:pt>
                <c:pt idx="4">
                  <c:v>40091</c:v>
                </c:pt>
                <c:pt idx="5">
                  <c:v>40092</c:v>
                </c:pt>
                <c:pt idx="6">
                  <c:v>40093</c:v>
                </c:pt>
                <c:pt idx="7">
                  <c:v>40094</c:v>
                </c:pt>
                <c:pt idx="8">
                  <c:v>40095</c:v>
                </c:pt>
                <c:pt idx="9">
                  <c:v>40096</c:v>
                </c:pt>
                <c:pt idx="10">
                  <c:v>40097</c:v>
                </c:pt>
                <c:pt idx="11">
                  <c:v>40098</c:v>
                </c:pt>
                <c:pt idx="12">
                  <c:v>40099</c:v>
                </c:pt>
                <c:pt idx="13">
                  <c:v>40100</c:v>
                </c:pt>
                <c:pt idx="14">
                  <c:v>40101</c:v>
                </c:pt>
                <c:pt idx="15">
                  <c:v>40102</c:v>
                </c:pt>
                <c:pt idx="16">
                  <c:v>40103</c:v>
                </c:pt>
                <c:pt idx="17">
                  <c:v>40104</c:v>
                </c:pt>
                <c:pt idx="18">
                  <c:v>40105</c:v>
                </c:pt>
                <c:pt idx="19">
                  <c:v>40106</c:v>
                </c:pt>
                <c:pt idx="20">
                  <c:v>40107</c:v>
                </c:pt>
                <c:pt idx="21">
                  <c:v>40108</c:v>
                </c:pt>
                <c:pt idx="22">
                  <c:v>40109</c:v>
                </c:pt>
                <c:pt idx="23">
                  <c:v>40110</c:v>
                </c:pt>
                <c:pt idx="24">
                  <c:v>40111</c:v>
                </c:pt>
                <c:pt idx="25">
                  <c:v>40112</c:v>
                </c:pt>
                <c:pt idx="26">
                  <c:v>40113</c:v>
                </c:pt>
                <c:pt idx="27">
                  <c:v>40114</c:v>
                </c:pt>
                <c:pt idx="28">
                  <c:v>40115</c:v>
                </c:pt>
                <c:pt idx="29">
                  <c:v>40116</c:v>
                </c:pt>
                <c:pt idx="30">
                  <c:v>40117</c:v>
                </c:pt>
                <c:pt idx="31">
                  <c:v>40118</c:v>
                </c:pt>
                <c:pt idx="32">
                  <c:v>40119</c:v>
                </c:pt>
                <c:pt idx="33">
                  <c:v>40120</c:v>
                </c:pt>
                <c:pt idx="34">
                  <c:v>40121</c:v>
                </c:pt>
                <c:pt idx="35">
                  <c:v>40122</c:v>
                </c:pt>
                <c:pt idx="36">
                  <c:v>40123</c:v>
                </c:pt>
                <c:pt idx="37">
                  <c:v>40124</c:v>
                </c:pt>
                <c:pt idx="38">
                  <c:v>40125</c:v>
                </c:pt>
                <c:pt idx="39">
                  <c:v>40126</c:v>
                </c:pt>
                <c:pt idx="40">
                  <c:v>40127</c:v>
                </c:pt>
                <c:pt idx="41">
                  <c:v>40128</c:v>
                </c:pt>
                <c:pt idx="42">
                  <c:v>40129</c:v>
                </c:pt>
                <c:pt idx="43">
                  <c:v>40130</c:v>
                </c:pt>
                <c:pt idx="44">
                  <c:v>40131</c:v>
                </c:pt>
                <c:pt idx="45">
                  <c:v>40132</c:v>
                </c:pt>
                <c:pt idx="46">
                  <c:v>40133</c:v>
                </c:pt>
                <c:pt idx="47">
                  <c:v>40134</c:v>
                </c:pt>
                <c:pt idx="48">
                  <c:v>40135</c:v>
                </c:pt>
                <c:pt idx="49">
                  <c:v>40136</c:v>
                </c:pt>
                <c:pt idx="50">
                  <c:v>40137</c:v>
                </c:pt>
                <c:pt idx="51">
                  <c:v>40138</c:v>
                </c:pt>
                <c:pt idx="52">
                  <c:v>40139</c:v>
                </c:pt>
                <c:pt idx="53">
                  <c:v>40140</c:v>
                </c:pt>
                <c:pt idx="54">
                  <c:v>40141</c:v>
                </c:pt>
                <c:pt idx="55">
                  <c:v>40142</c:v>
                </c:pt>
                <c:pt idx="56">
                  <c:v>40143</c:v>
                </c:pt>
                <c:pt idx="57">
                  <c:v>40144</c:v>
                </c:pt>
                <c:pt idx="58">
                  <c:v>40145</c:v>
                </c:pt>
                <c:pt idx="59">
                  <c:v>40146</c:v>
                </c:pt>
                <c:pt idx="60">
                  <c:v>40147</c:v>
                </c:pt>
                <c:pt idx="61">
                  <c:v>40148</c:v>
                </c:pt>
                <c:pt idx="62">
                  <c:v>40149</c:v>
                </c:pt>
                <c:pt idx="63">
                  <c:v>40150</c:v>
                </c:pt>
                <c:pt idx="64">
                  <c:v>40151</c:v>
                </c:pt>
                <c:pt idx="65">
                  <c:v>40152</c:v>
                </c:pt>
                <c:pt idx="66">
                  <c:v>40153</c:v>
                </c:pt>
                <c:pt idx="67">
                  <c:v>40154</c:v>
                </c:pt>
                <c:pt idx="68">
                  <c:v>40155</c:v>
                </c:pt>
                <c:pt idx="69">
                  <c:v>40156</c:v>
                </c:pt>
                <c:pt idx="70">
                  <c:v>40157</c:v>
                </c:pt>
                <c:pt idx="71">
                  <c:v>40158</c:v>
                </c:pt>
                <c:pt idx="72">
                  <c:v>40159</c:v>
                </c:pt>
                <c:pt idx="73">
                  <c:v>40160</c:v>
                </c:pt>
                <c:pt idx="74">
                  <c:v>40161</c:v>
                </c:pt>
                <c:pt idx="75">
                  <c:v>40162</c:v>
                </c:pt>
                <c:pt idx="76">
                  <c:v>40163</c:v>
                </c:pt>
                <c:pt idx="77">
                  <c:v>40164</c:v>
                </c:pt>
                <c:pt idx="78">
                  <c:v>40165</c:v>
                </c:pt>
                <c:pt idx="79">
                  <c:v>40166</c:v>
                </c:pt>
                <c:pt idx="80">
                  <c:v>40167</c:v>
                </c:pt>
                <c:pt idx="81">
                  <c:v>40168</c:v>
                </c:pt>
                <c:pt idx="82">
                  <c:v>40169</c:v>
                </c:pt>
                <c:pt idx="83">
                  <c:v>40170</c:v>
                </c:pt>
                <c:pt idx="84">
                  <c:v>40171</c:v>
                </c:pt>
                <c:pt idx="85">
                  <c:v>40172</c:v>
                </c:pt>
                <c:pt idx="86">
                  <c:v>40173</c:v>
                </c:pt>
                <c:pt idx="87">
                  <c:v>40174</c:v>
                </c:pt>
                <c:pt idx="88">
                  <c:v>40175</c:v>
                </c:pt>
                <c:pt idx="89">
                  <c:v>40176</c:v>
                </c:pt>
                <c:pt idx="90">
                  <c:v>40177</c:v>
                </c:pt>
                <c:pt idx="91">
                  <c:v>40178</c:v>
                </c:pt>
                <c:pt idx="92">
                  <c:v>40179</c:v>
                </c:pt>
                <c:pt idx="93">
                  <c:v>40180</c:v>
                </c:pt>
                <c:pt idx="94">
                  <c:v>40181</c:v>
                </c:pt>
                <c:pt idx="95">
                  <c:v>40182</c:v>
                </c:pt>
                <c:pt idx="96">
                  <c:v>40183</c:v>
                </c:pt>
                <c:pt idx="97">
                  <c:v>40184</c:v>
                </c:pt>
                <c:pt idx="98">
                  <c:v>40185</c:v>
                </c:pt>
                <c:pt idx="99">
                  <c:v>40186</c:v>
                </c:pt>
                <c:pt idx="100">
                  <c:v>40187</c:v>
                </c:pt>
                <c:pt idx="101">
                  <c:v>40188</c:v>
                </c:pt>
                <c:pt idx="102">
                  <c:v>40189</c:v>
                </c:pt>
                <c:pt idx="103">
                  <c:v>40190</c:v>
                </c:pt>
                <c:pt idx="104">
                  <c:v>40191</c:v>
                </c:pt>
                <c:pt idx="105">
                  <c:v>40192</c:v>
                </c:pt>
                <c:pt idx="106">
                  <c:v>40193</c:v>
                </c:pt>
                <c:pt idx="107">
                  <c:v>40194</c:v>
                </c:pt>
                <c:pt idx="108">
                  <c:v>40195</c:v>
                </c:pt>
                <c:pt idx="109">
                  <c:v>40196</c:v>
                </c:pt>
                <c:pt idx="110">
                  <c:v>40197</c:v>
                </c:pt>
                <c:pt idx="111">
                  <c:v>40198</c:v>
                </c:pt>
                <c:pt idx="112">
                  <c:v>40199</c:v>
                </c:pt>
                <c:pt idx="113">
                  <c:v>40200</c:v>
                </c:pt>
                <c:pt idx="114">
                  <c:v>40201</c:v>
                </c:pt>
                <c:pt idx="115">
                  <c:v>40202</c:v>
                </c:pt>
                <c:pt idx="116">
                  <c:v>40203</c:v>
                </c:pt>
                <c:pt idx="117">
                  <c:v>40204</c:v>
                </c:pt>
                <c:pt idx="118">
                  <c:v>40205</c:v>
                </c:pt>
                <c:pt idx="119">
                  <c:v>40206</c:v>
                </c:pt>
                <c:pt idx="120">
                  <c:v>40207</c:v>
                </c:pt>
                <c:pt idx="121">
                  <c:v>40208</c:v>
                </c:pt>
                <c:pt idx="122">
                  <c:v>40209</c:v>
                </c:pt>
                <c:pt idx="123">
                  <c:v>40210</c:v>
                </c:pt>
                <c:pt idx="124">
                  <c:v>40211</c:v>
                </c:pt>
                <c:pt idx="125">
                  <c:v>40212</c:v>
                </c:pt>
                <c:pt idx="126">
                  <c:v>40213</c:v>
                </c:pt>
                <c:pt idx="127">
                  <c:v>40214</c:v>
                </c:pt>
                <c:pt idx="128">
                  <c:v>40215</c:v>
                </c:pt>
                <c:pt idx="129">
                  <c:v>40216</c:v>
                </c:pt>
                <c:pt idx="130">
                  <c:v>40217</c:v>
                </c:pt>
                <c:pt idx="131">
                  <c:v>40218</c:v>
                </c:pt>
                <c:pt idx="132">
                  <c:v>40219</c:v>
                </c:pt>
                <c:pt idx="133">
                  <c:v>40220</c:v>
                </c:pt>
                <c:pt idx="134">
                  <c:v>40221</c:v>
                </c:pt>
                <c:pt idx="135">
                  <c:v>40222</c:v>
                </c:pt>
                <c:pt idx="136">
                  <c:v>40223</c:v>
                </c:pt>
                <c:pt idx="137">
                  <c:v>40224</c:v>
                </c:pt>
                <c:pt idx="138">
                  <c:v>40225</c:v>
                </c:pt>
                <c:pt idx="139">
                  <c:v>40226</c:v>
                </c:pt>
                <c:pt idx="140">
                  <c:v>40227</c:v>
                </c:pt>
                <c:pt idx="141">
                  <c:v>40228</c:v>
                </c:pt>
                <c:pt idx="142">
                  <c:v>40229</c:v>
                </c:pt>
                <c:pt idx="143">
                  <c:v>40230</c:v>
                </c:pt>
                <c:pt idx="144">
                  <c:v>40231</c:v>
                </c:pt>
                <c:pt idx="145">
                  <c:v>40232</c:v>
                </c:pt>
                <c:pt idx="146">
                  <c:v>40233</c:v>
                </c:pt>
                <c:pt idx="147">
                  <c:v>40234</c:v>
                </c:pt>
                <c:pt idx="148">
                  <c:v>40235</c:v>
                </c:pt>
                <c:pt idx="149">
                  <c:v>40236</c:v>
                </c:pt>
                <c:pt idx="150">
                  <c:v>40237</c:v>
                </c:pt>
                <c:pt idx="151">
                  <c:v>40238</c:v>
                </c:pt>
                <c:pt idx="152">
                  <c:v>40239</c:v>
                </c:pt>
                <c:pt idx="153">
                  <c:v>40240</c:v>
                </c:pt>
                <c:pt idx="154">
                  <c:v>40241</c:v>
                </c:pt>
                <c:pt idx="155">
                  <c:v>40242</c:v>
                </c:pt>
                <c:pt idx="156">
                  <c:v>40243</c:v>
                </c:pt>
                <c:pt idx="157">
                  <c:v>40244</c:v>
                </c:pt>
                <c:pt idx="158">
                  <c:v>40245</c:v>
                </c:pt>
                <c:pt idx="159">
                  <c:v>40246</c:v>
                </c:pt>
                <c:pt idx="160">
                  <c:v>40247</c:v>
                </c:pt>
                <c:pt idx="161">
                  <c:v>40248</c:v>
                </c:pt>
                <c:pt idx="162">
                  <c:v>40249</c:v>
                </c:pt>
                <c:pt idx="163">
                  <c:v>40250</c:v>
                </c:pt>
                <c:pt idx="164">
                  <c:v>40251</c:v>
                </c:pt>
                <c:pt idx="165">
                  <c:v>40252</c:v>
                </c:pt>
                <c:pt idx="166">
                  <c:v>40253</c:v>
                </c:pt>
                <c:pt idx="167">
                  <c:v>40254</c:v>
                </c:pt>
                <c:pt idx="168">
                  <c:v>40255</c:v>
                </c:pt>
                <c:pt idx="169">
                  <c:v>40256</c:v>
                </c:pt>
                <c:pt idx="170">
                  <c:v>40257</c:v>
                </c:pt>
                <c:pt idx="171">
                  <c:v>40258</c:v>
                </c:pt>
                <c:pt idx="172">
                  <c:v>40259</c:v>
                </c:pt>
                <c:pt idx="173">
                  <c:v>40260</c:v>
                </c:pt>
                <c:pt idx="174">
                  <c:v>40261</c:v>
                </c:pt>
                <c:pt idx="175">
                  <c:v>40262</c:v>
                </c:pt>
                <c:pt idx="176">
                  <c:v>40263</c:v>
                </c:pt>
                <c:pt idx="177">
                  <c:v>40264</c:v>
                </c:pt>
                <c:pt idx="178">
                  <c:v>40265</c:v>
                </c:pt>
                <c:pt idx="179">
                  <c:v>40266</c:v>
                </c:pt>
                <c:pt idx="180">
                  <c:v>40267</c:v>
                </c:pt>
                <c:pt idx="181">
                  <c:v>40268</c:v>
                </c:pt>
                <c:pt idx="182">
                  <c:v>40269</c:v>
                </c:pt>
                <c:pt idx="183">
                  <c:v>40270</c:v>
                </c:pt>
                <c:pt idx="184">
                  <c:v>40271</c:v>
                </c:pt>
                <c:pt idx="185">
                  <c:v>40272</c:v>
                </c:pt>
                <c:pt idx="186">
                  <c:v>40273</c:v>
                </c:pt>
                <c:pt idx="187">
                  <c:v>40274</c:v>
                </c:pt>
                <c:pt idx="188">
                  <c:v>40275</c:v>
                </c:pt>
                <c:pt idx="189">
                  <c:v>40276</c:v>
                </c:pt>
                <c:pt idx="190">
                  <c:v>40277</c:v>
                </c:pt>
                <c:pt idx="191">
                  <c:v>40278</c:v>
                </c:pt>
                <c:pt idx="192">
                  <c:v>40279</c:v>
                </c:pt>
                <c:pt idx="193">
                  <c:v>40280</c:v>
                </c:pt>
                <c:pt idx="194">
                  <c:v>40281</c:v>
                </c:pt>
                <c:pt idx="195">
                  <c:v>40282</c:v>
                </c:pt>
                <c:pt idx="196">
                  <c:v>40283</c:v>
                </c:pt>
                <c:pt idx="197">
                  <c:v>40284</c:v>
                </c:pt>
                <c:pt idx="198">
                  <c:v>40285</c:v>
                </c:pt>
                <c:pt idx="199">
                  <c:v>40286</c:v>
                </c:pt>
                <c:pt idx="200">
                  <c:v>40287</c:v>
                </c:pt>
                <c:pt idx="201">
                  <c:v>40288</c:v>
                </c:pt>
                <c:pt idx="202">
                  <c:v>40289</c:v>
                </c:pt>
                <c:pt idx="203">
                  <c:v>40290</c:v>
                </c:pt>
                <c:pt idx="204">
                  <c:v>40291</c:v>
                </c:pt>
                <c:pt idx="205">
                  <c:v>40292</c:v>
                </c:pt>
                <c:pt idx="206">
                  <c:v>40293</c:v>
                </c:pt>
                <c:pt idx="207">
                  <c:v>40294</c:v>
                </c:pt>
                <c:pt idx="208">
                  <c:v>40295</c:v>
                </c:pt>
                <c:pt idx="209">
                  <c:v>40296</c:v>
                </c:pt>
                <c:pt idx="210">
                  <c:v>40297</c:v>
                </c:pt>
                <c:pt idx="211">
                  <c:v>40298</c:v>
                </c:pt>
                <c:pt idx="212">
                  <c:v>40299</c:v>
                </c:pt>
                <c:pt idx="213">
                  <c:v>40300</c:v>
                </c:pt>
                <c:pt idx="214">
                  <c:v>40301</c:v>
                </c:pt>
                <c:pt idx="215">
                  <c:v>40302</c:v>
                </c:pt>
                <c:pt idx="216">
                  <c:v>40303</c:v>
                </c:pt>
                <c:pt idx="217">
                  <c:v>40304</c:v>
                </c:pt>
                <c:pt idx="218">
                  <c:v>40305</c:v>
                </c:pt>
                <c:pt idx="219">
                  <c:v>40306</c:v>
                </c:pt>
                <c:pt idx="220">
                  <c:v>40307</c:v>
                </c:pt>
                <c:pt idx="221">
                  <c:v>40308</c:v>
                </c:pt>
                <c:pt idx="222">
                  <c:v>40309</c:v>
                </c:pt>
                <c:pt idx="223">
                  <c:v>40310</c:v>
                </c:pt>
                <c:pt idx="224">
                  <c:v>40311</c:v>
                </c:pt>
                <c:pt idx="225">
                  <c:v>40312</c:v>
                </c:pt>
                <c:pt idx="226">
                  <c:v>40313</c:v>
                </c:pt>
                <c:pt idx="227">
                  <c:v>40314</c:v>
                </c:pt>
                <c:pt idx="228">
                  <c:v>40315</c:v>
                </c:pt>
                <c:pt idx="229">
                  <c:v>40316</c:v>
                </c:pt>
                <c:pt idx="230">
                  <c:v>40317</c:v>
                </c:pt>
                <c:pt idx="231">
                  <c:v>40318</c:v>
                </c:pt>
                <c:pt idx="232">
                  <c:v>40319</c:v>
                </c:pt>
                <c:pt idx="233">
                  <c:v>40320</c:v>
                </c:pt>
                <c:pt idx="234">
                  <c:v>40321</c:v>
                </c:pt>
                <c:pt idx="235">
                  <c:v>40322</c:v>
                </c:pt>
                <c:pt idx="236">
                  <c:v>40323</c:v>
                </c:pt>
                <c:pt idx="237">
                  <c:v>40324</c:v>
                </c:pt>
                <c:pt idx="238">
                  <c:v>40325</c:v>
                </c:pt>
                <c:pt idx="239">
                  <c:v>40326</c:v>
                </c:pt>
                <c:pt idx="240">
                  <c:v>40327</c:v>
                </c:pt>
                <c:pt idx="241">
                  <c:v>40328</c:v>
                </c:pt>
                <c:pt idx="242">
                  <c:v>40329</c:v>
                </c:pt>
                <c:pt idx="243">
                  <c:v>40330</c:v>
                </c:pt>
                <c:pt idx="244">
                  <c:v>40331</c:v>
                </c:pt>
                <c:pt idx="245">
                  <c:v>40332</c:v>
                </c:pt>
                <c:pt idx="246">
                  <c:v>40333</c:v>
                </c:pt>
                <c:pt idx="247">
                  <c:v>40334</c:v>
                </c:pt>
                <c:pt idx="248">
                  <c:v>40335</c:v>
                </c:pt>
                <c:pt idx="249">
                  <c:v>40336</c:v>
                </c:pt>
                <c:pt idx="250">
                  <c:v>40337</c:v>
                </c:pt>
                <c:pt idx="251">
                  <c:v>40338</c:v>
                </c:pt>
                <c:pt idx="252">
                  <c:v>40339</c:v>
                </c:pt>
                <c:pt idx="253">
                  <c:v>40340</c:v>
                </c:pt>
                <c:pt idx="254">
                  <c:v>40341</c:v>
                </c:pt>
                <c:pt idx="255">
                  <c:v>40342</c:v>
                </c:pt>
                <c:pt idx="256">
                  <c:v>40343</c:v>
                </c:pt>
                <c:pt idx="257">
                  <c:v>40344</c:v>
                </c:pt>
                <c:pt idx="258">
                  <c:v>40345</c:v>
                </c:pt>
                <c:pt idx="259">
                  <c:v>40346</c:v>
                </c:pt>
                <c:pt idx="260">
                  <c:v>40347</c:v>
                </c:pt>
                <c:pt idx="261">
                  <c:v>40348</c:v>
                </c:pt>
                <c:pt idx="262">
                  <c:v>40349</c:v>
                </c:pt>
                <c:pt idx="263">
                  <c:v>40350</c:v>
                </c:pt>
                <c:pt idx="264">
                  <c:v>40351</c:v>
                </c:pt>
                <c:pt idx="265">
                  <c:v>40352</c:v>
                </c:pt>
                <c:pt idx="266">
                  <c:v>40353</c:v>
                </c:pt>
                <c:pt idx="267">
                  <c:v>40354</c:v>
                </c:pt>
                <c:pt idx="268">
                  <c:v>40355</c:v>
                </c:pt>
                <c:pt idx="269">
                  <c:v>40356</c:v>
                </c:pt>
                <c:pt idx="270">
                  <c:v>40357</c:v>
                </c:pt>
                <c:pt idx="271">
                  <c:v>40358</c:v>
                </c:pt>
                <c:pt idx="272">
                  <c:v>40359</c:v>
                </c:pt>
                <c:pt idx="273">
                  <c:v>40360</c:v>
                </c:pt>
                <c:pt idx="274">
                  <c:v>40361</c:v>
                </c:pt>
                <c:pt idx="275">
                  <c:v>40362</c:v>
                </c:pt>
                <c:pt idx="276">
                  <c:v>40363</c:v>
                </c:pt>
                <c:pt idx="277">
                  <c:v>40364</c:v>
                </c:pt>
                <c:pt idx="278">
                  <c:v>40365</c:v>
                </c:pt>
                <c:pt idx="279">
                  <c:v>40366</c:v>
                </c:pt>
                <c:pt idx="280">
                  <c:v>40367</c:v>
                </c:pt>
                <c:pt idx="281">
                  <c:v>40368</c:v>
                </c:pt>
                <c:pt idx="282">
                  <c:v>40369</c:v>
                </c:pt>
                <c:pt idx="283">
                  <c:v>40370</c:v>
                </c:pt>
                <c:pt idx="284">
                  <c:v>40371</c:v>
                </c:pt>
                <c:pt idx="285">
                  <c:v>40372</c:v>
                </c:pt>
                <c:pt idx="286">
                  <c:v>40373</c:v>
                </c:pt>
                <c:pt idx="287">
                  <c:v>40374</c:v>
                </c:pt>
                <c:pt idx="288">
                  <c:v>40375</c:v>
                </c:pt>
                <c:pt idx="289">
                  <c:v>40376</c:v>
                </c:pt>
                <c:pt idx="290">
                  <c:v>40377</c:v>
                </c:pt>
                <c:pt idx="291">
                  <c:v>40378</c:v>
                </c:pt>
                <c:pt idx="292">
                  <c:v>40379</c:v>
                </c:pt>
                <c:pt idx="293">
                  <c:v>40380</c:v>
                </c:pt>
                <c:pt idx="294">
                  <c:v>40381</c:v>
                </c:pt>
                <c:pt idx="295">
                  <c:v>40382</c:v>
                </c:pt>
                <c:pt idx="296">
                  <c:v>40383</c:v>
                </c:pt>
                <c:pt idx="297">
                  <c:v>40384</c:v>
                </c:pt>
                <c:pt idx="298">
                  <c:v>40385</c:v>
                </c:pt>
                <c:pt idx="299">
                  <c:v>40386</c:v>
                </c:pt>
                <c:pt idx="300">
                  <c:v>40387</c:v>
                </c:pt>
                <c:pt idx="301">
                  <c:v>40388</c:v>
                </c:pt>
                <c:pt idx="302">
                  <c:v>40389</c:v>
                </c:pt>
                <c:pt idx="303">
                  <c:v>40390</c:v>
                </c:pt>
                <c:pt idx="304">
                  <c:v>40391</c:v>
                </c:pt>
                <c:pt idx="305">
                  <c:v>40392</c:v>
                </c:pt>
                <c:pt idx="306">
                  <c:v>40393</c:v>
                </c:pt>
                <c:pt idx="307">
                  <c:v>40394</c:v>
                </c:pt>
                <c:pt idx="308">
                  <c:v>40395</c:v>
                </c:pt>
                <c:pt idx="309">
                  <c:v>40396</c:v>
                </c:pt>
                <c:pt idx="310">
                  <c:v>40397</c:v>
                </c:pt>
                <c:pt idx="311">
                  <c:v>40398</c:v>
                </c:pt>
                <c:pt idx="312">
                  <c:v>40399</c:v>
                </c:pt>
                <c:pt idx="313">
                  <c:v>40400</c:v>
                </c:pt>
                <c:pt idx="314">
                  <c:v>40401</c:v>
                </c:pt>
                <c:pt idx="315">
                  <c:v>40402</c:v>
                </c:pt>
                <c:pt idx="316">
                  <c:v>40403</c:v>
                </c:pt>
                <c:pt idx="317">
                  <c:v>40404</c:v>
                </c:pt>
                <c:pt idx="318">
                  <c:v>40405</c:v>
                </c:pt>
                <c:pt idx="319">
                  <c:v>40406</c:v>
                </c:pt>
                <c:pt idx="320">
                  <c:v>40407</c:v>
                </c:pt>
                <c:pt idx="321">
                  <c:v>40408</c:v>
                </c:pt>
                <c:pt idx="322">
                  <c:v>40409</c:v>
                </c:pt>
                <c:pt idx="323">
                  <c:v>40410</c:v>
                </c:pt>
                <c:pt idx="324">
                  <c:v>40411</c:v>
                </c:pt>
                <c:pt idx="325">
                  <c:v>40412</c:v>
                </c:pt>
                <c:pt idx="326">
                  <c:v>40413</c:v>
                </c:pt>
                <c:pt idx="327">
                  <c:v>40414</c:v>
                </c:pt>
                <c:pt idx="328">
                  <c:v>40415</c:v>
                </c:pt>
                <c:pt idx="329">
                  <c:v>40416</c:v>
                </c:pt>
                <c:pt idx="330">
                  <c:v>40417</c:v>
                </c:pt>
                <c:pt idx="331">
                  <c:v>40418</c:v>
                </c:pt>
                <c:pt idx="332">
                  <c:v>40419</c:v>
                </c:pt>
                <c:pt idx="333">
                  <c:v>40420</c:v>
                </c:pt>
                <c:pt idx="334">
                  <c:v>40421</c:v>
                </c:pt>
                <c:pt idx="335">
                  <c:v>40422</c:v>
                </c:pt>
                <c:pt idx="336">
                  <c:v>40423</c:v>
                </c:pt>
                <c:pt idx="337">
                  <c:v>40424</c:v>
                </c:pt>
                <c:pt idx="338">
                  <c:v>40425</c:v>
                </c:pt>
                <c:pt idx="339">
                  <c:v>40426</c:v>
                </c:pt>
                <c:pt idx="340">
                  <c:v>40427</c:v>
                </c:pt>
                <c:pt idx="341">
                  <c:v>40428</c:v>
                </c:pt>
                <c:pt idx="342">
                  <c:v>40429</c:v>
                </c:pt>
                <c:pt idx="343">
                  <c:v>40430</c:v>
                </c:pt>
                <c:pt idx="344">
                  <c:v>40431</c:v>
                </c:pt>
                <c:pt idx="345">
                  <c:v>40432</c:v>
                </c:pt>
                <c:pt idx="346">
                  <c:v>40433</c:v>
                </c:pt>
                <c:pt idx="347">
                  <c:v>40434</c:v>
                </c:pt>
                <c:pt idx="348">
                  <c:v>40435</c:v>
                </c:pt>
                <c:pt idx="349">
                  <c:v>40436</c:v>
                </c:pt>
                <c:pt idx="350">
                  <c:v>40437</c:v>
                </c:pt>
                <c:pt idx="351">
                  <c:v>40438</c:v>
                </c:pt>
                <c:pt idx="352">
                  <c:v>40439</c:v>
                </c:pt>
                <c:pt idx="353">
                  <c:v>40440</c:v>
                </c:pt>
                <c:pt idx="354">
                  <c:v>40441</c:v>
                </c:pt>
                <c:pt idx="355">
                  <c:v>40442</c:v>
                </c:pt>
                <c:pt idx="356">
                  <c:v>40443</c:v>
                </c:pt>
                <c:pt idx="357">
                  <c:v>40444</c:v>
                </c:pt>
                <c:pt idx="358">
                  <c:v>40445</c:v>
                </c:pt>
                <c:pt idx="359">
                  <c:v>40446</c:v>
                </c:pt>
                <c:pt idx="360">
                  <c:v>40447</c:v>
                </c:pt>
                <c:pt idx="361">
                  <c:v>40448</c:v>
                </c:pt>
                <c:pt idx="362">
                  <c:v>40449</c:v>
                </c:pt>
                <c:pt idx="363">
                  <c:v>40450</c:v>
                </c:pt>
                <c:pt idx="364">
                  <c:v>40451</c:v>
                </c:pt>
              </c:numCache>
            </c:numRef>
          </c:cat>
          <c:val>
            <c:numRef>
              <c:f>Sheet1!$BF$1833:$BF$2197</c:f>
              <c:numCache>
                <c:formatCode>0</c:formatCode>
                <c:ptCount val="365"/>
                <c:pt idx="0">
                  <c:v>4645</c:v>
                </c:pt>
                <c:pt idx="1">
                  <c:v>4642</c:v>
                </c:pt>
                <c:pt idx="2">
                  <c:v>4648</c:v>
                </c:pt>
                <c:pt idx="3">
                  <c:v>4662</c:v>
                </c:pt>
                <c:pt idx="4">
                  <c:v>4576</c:v>
                </c:pt>
                <c:pt idx="5">
                  <c:v>4620</c:v>
                </c:pt>
                <c:pt idx="6">
                  <c:v>4648</c:v>
                </c:pt>
                <c:pt idx="7">
                  <c:v>4666</c:v>
                </c:pt>
                <c:pt idx="8">
                  <c:v>4448</c:v>
                </c:pt>
                <c:pt idx="9">
                  <c:v>4314</c:v>
                </c:pt>
                <c:pt idx="10">
                  <c:v>4311</c:v>
                </c:pt>
                <c:pt idx="11">
                  <c:v>4302</c:v>
                </c:pt>
                <c:pt idx="12">
                  <c:v>4287</c:v>
                </c:pt>
                <c:pt idx="13">
                  <c:v>4300</c:v>
                </c:pt>
                <c:pt idx="14">
                  <c:v>6491</c:v>
                </c:pt>
                <c:pt idx="15">
                  <c:v>7064</c:v>
                </c:pt>
                <c:pt idx="16">
                  <c:v>3900</c:v>
                </c:pt>
                <c:pt idx="17">
                  <c:v>2880</c:v>
                </c:pt>
                <c:pt idx="18">
                  <c:v>2650</c:v>
                </c:pt>
                <c:pt idx="19">
                  <c:v>2450</c:v>
                </c:pt>
                <c:pt idx="20">
                  <c:v>2840</c:v>
                </c:pt>
                <c:pt idx="21">
                  <c:v>3100</c:v>
                </c:pt>
                <c:pt idx="22">
                  <c:v>2890</c:v>
                </c:pt>
                <c:pt idx="23">
                  <c:v>3000</c:v>
                </c:pt>
                <c:pt idx="24">
                  <c:v>3000</c:v>
                </c:pt>
                <c:pt idx="25">
                  <c:v>2530</c:v>
                </c:pt>
                <c:pt idx="26">
                  <c:v>3600</c:v>
                </c:pt>
                <c:pt idx="27">
                  <c:v>2570</c:v>
                </c:pt>
                <c:pt idx="28">
                  <c:v>1890</c:v>
                </c:pt>
                <c:pt idx="29">
                  <c:v>1660</c:v>
                </c:pt>
                <c:pt idx="30">
                  <c:v>1650</c:v>
                </c:pt>
                <c:pt idx="31">
                  <c:v>4829</c:v>
                </c:pt>
                <c:pt idx="32">
                  <c:v>4496</c:v>
                </c:pt>
                <c:pt idx="33">
                  <c:v>4497</c:v>
                </c:pt>
                <c:pt idx="34">
                  <c:v>4518</c:v>
                </c:pt>
                <c:pt idx="35">
                  <c:v>4516</c:v>
                </c:pt>
                <c:pt idx="36">
                  <c:v>4508</c:v>
                </c:pt>
                <c:pt idx="37">
                  <c:v>4499</c:v>
                </c:pt>
                <c:pt idx="38">
                  <c:v>4491</c:v>
                </c:pt>
                <c:pt idx="39">
                  <c:v>4663</c:v>
                </c:pt>
                <c:pt idx="40">
                  <c:v>4451</c:v>
                </c:pt>
                <c:pt idx="41">
                  <c:v>4400</c:v>
                </c:pt>
                <c:pt idx="42">
                  <c:v>4473</c:v>
                </c:pt>
                <c:pt idx="43">
                  <c:v>4479</c:v>
                </c:pt>
                <c:pt idx="44">
                  <c:v>4482</c:v>
                </c:pt>
                <c:pt idx="45">
                  <c:v>4479</c:v>
                </c:pt>
                <c:pt idx="46">
                  <c:v>4077</c:v>
                </c:pt>
                <c:pt idx="47">
                  <c:v>3908</c:v>
                </c:pt>
                <c:pt idx="48">
                  <c:v>3917</c:v>
                </c:pt>
                <c:pt idx="49">
                  <c:v>3266</c:v>
                </c:pt>
                <c:pt idx="50">
                  <c:v>3004</c:v>
                </c:pt>
                <c:pt idx="51">
                  <c:v>3006</c:v>
                </c:pt>
                <c:pt idx="52">
                  <c:v>2999</c:v>
                </c:pt>
                <c:pt idx="53">
                  <c:v>2995</c:v>
                </c:pt>
                <c:pt idx="54">
                  <c:v>3970</c:v>
                </c:pt>
                <c:pt idx="55">
                  <c:v>5982</c:v>
                </c:pt>
                <c:pt idx="56">
                  <c:v>5489</c:v>
                </c:pt>
                <c:pt idx="57">
                  <c:v>4987</c:v>
                </c:pt>
                <c:pt idx="58">
                  <c:v>5004</c:v>
                </c:pt>
                <c:pt idx="59">
                  <c:v>5494</c:v>
                </c:pt>
                <c:pt idx="60">
                  <c:v>5499</c:v>
                </c:pt>
                <c:pt idx="61">
                  <c:v>5498</c:v>
                </c:pt>
                <c:pt idx="62">
                  <c:v>4958</c:v>
                </c:pt>
                <c:pt idx="63">
                  <c:v>4013</c:v>
                </c:pt>
                <c:pt idx="64">
                  <c:v>4000</c:v>
                </c:pt>
                <c:pt idx="65">
                  <c:v>4000</c:v>
                </c:pt>
                <c:pt idx="66">
                  <c:v>4011</c:v>
                </c:pt>
                <c:pt idx="67">
                  <c:v>4003</c:v>
                </c:pt>
                <c:pt idx="68">
                  <c:v>3993</c:v>
                </c:pt>
                <c:pt idx="69">
                  <c:v>3917</c:v>
                </c:pt>
                <c:pt idx="70">
                  <c:v>3951</c:v>
                </c:pt>
                <c:pt idx="71">
                  <c:v>4438</c:v>
                </c:pt>
                <c:pt idx="72">
                  <c:v>4480</c:v>
                </c:pt>
                <c:pt idx="73">
                  <c:v>4902</c:v>
                </c:pt>
                <c:pt idx="74">
                  <c:v>6000</c:v>
                </c:pt>
                <c:pt idx="75">
                  <c:v>6461</c:v>
                </c:pt>
                <c:pt idx="76">
                  <c:v>7089</c:v>
                </c:pt>
                <c:pt idx="77">
                  <c:v>7121.6407499999996</c:v>
                </c:pt>
                <c:pt idx="78">
                  <c:v>6379.0812499999993</c:v>
                </c:pt>
                <c:pt idx="79">
                  <c:v>6444.2822499999993</c:v>
                </c:pt>
                <c:pt idx="80">
                  <c:v>6377.9292499999992</c:v>
                </c:pt>
                <c:pt idx="81">
                  <c:v>6312.5429999999997</c:v>
                </c:pt>
                <c:pt idx="82">
                  <c:v>6281.4784999999993</c:v>
                </c:pt>
                <c:pt idx="83">
                  <c:v>6227.4</c:v>
                </c:pt>
                <c:pt idx="84">
                  <c:v>6288.6580000000004</c:v>
                </c:pt>
                <c:pt idx="85">
                  <c:v>5993</c:v>
                </c:pt>
                <c:pt idx="86">
                  <c:v>6002</c:v>
                </c:pt>
                <c:pt idx="87">
                  <c:v>6011</c:v>
                </c:pt>
                <c:pt idx="88">
                  <c:v>6009</c:v>
                </c:pt>
                <c:pt idx="89">
                  <c:v>5515</c:v>
                </c:pt>
                <c:pt idx="90">
                  <c:v>4780</c:v>
                </c:pt>
                <c:pt idx="91">
                  <c:v>4016</c:v>
                </c:pt>
                <c:pt idx="92">
                  <c:v>4015</c:v>
                </c:pt>
                <c:pt idx="93">
                  <c:v>4007</c:v>
                </c:pt>
                <c:pt idx="94">
                  <c:v>4010</c:v>
                </c:pt>
                <c:pt idx="95">
                  <c:v>5014</c:v>
                </c:pt>
                <c:pt idx="96">
                  <c:v>5160.7249999999995</c:v>
                </c:pt>
                <c:pt idx="97">
                  <c:v>5129.3795</c:v>
                </c:pt>
                <c:pt idx="98">
                  <c:v>4994</c:v>
                </c:pt>
                <c:pt idx="99">
                  <c:v>4987</c:v>
                </c:pt>
                <c:pt idx="100">
                  <c:v>4498</c:v>
                </c:pt>
                <c:pt idx="101">
                  <c:v>4511</c:v>
                </c:pt>
                <c:pt idx="102">
                  <c:v>4500</c:v>
                </c:pt>
                <c:pt idx="103">
                  <c:v>4513</c:v>
                </c:pt>
                <c:pt idx="104">
                  <c:v>5016</c:v>
                </c:pt>
                <c:pt idx="105">
                  <c:v>5512</c:v>
                </c:pt>
                <c:pt idx="106">
                  <c:v>6009</c:v>
                </c:pt>
                <c:pt idx="107">
                  <c:v>6006</c:v>
                </c:pt>
                <c:pt idx="108">
                  <c:v>5999</c:v>
                </c:pt>
                <c:pt idx="109">
                  <c:v>6003</c:v>
                </c:pt>
                <c:pt idx="110">
                  <c:v>6018</c:v>
                </c:pt>
                <c:pt idx="111">
                  <c:v>7511</c:v>
                </c:pt>
                <c:pt idx="112">
                  <c:v>6606</c:v>
                </c:pt>
                <c:pt idx="113">
                  <c:v>6343</c:v>
                </c:pt>
                <c:pt idx="114">
                  <c:v>6341</c:v>
                </c:pt>
                <c:pt idx="115">
                  <c:v>6981</c:v>
                </c:pt>
                <c:pt idx="116">
                  <c:v>7212</c:v>
                </c:pt>
                <c:pt idx="117">
                  <c:v>8116.4960000000001</c:v>
                </c:pt>
                <c:pt idx="118">
                  <c:v>7931.3894999999993</c:v>
                </c:pt>
                <c:pt idx="119">
                  <c:v>7758.8247499999998</c:v>
                </c:pt>
                <c:pt idx="120">
                  <c:v>7798.5659999999998</c:v>
                </c:pt>
                <c:pt idx="121">
                  <c:v>7443.8912499999997</c:v>
                </c:pt>
                <c:pt idx="122">
                  <c:v>14500</c:v>
                </c:pt>
                <c:pt idx="123">
                  <c:v>14499.695749999999</c:v>
                </c:pt>
                <c:pt idx="124">
                  <c:v>14500</c:v>
                </c:pt>
                <c:pt idx="125">
                  <c:v>14352.144499999999</c:v>
                </c:pt>
                <c:pt idx="126">
                  <c:v>14447.202000000001</c:v>
                </c:pt>
                <c:pt idx="127">
                  <c:v>14500</c:v>
                </c:pt>
                <c:pt idx="128">
                  <c:v>14500</c:v>
                </c:pt>
                <c:pt idx="129">
                  <c:v>14500</c:v>
                </c:pt>
                <c:pt idx="130">
                  <c:v>14500</c:v>
                </c:pt>
                <c:pt idx="131">
                  <c:v>14500</c:v>
                </c:pt>
                <c:pt idx="132">
                  <c:v>14500</c:v>
                </c:pt>
                <c:pt idx="133">
                  <c:v>14500</c:v>
                </c:pt>
                <c:pt idx="134">
                  <c:v>14500</c:v>
                </c:pt>
                <c:pt idx="135">
                  <c:v>14500</c:v>
                </c:pt>
                <c:pt idx="136">
                  <c:v>14500</c:v>
                </c:pt>
                <c:pt idx="137">
                  <c:v>14314.699999999999</c:v>
                </c:pt>
                <c:pt idx="138">
                  <c:v>14072.524999999998</c:v>
                </c:pt>
                <c:pt idx="139">
                  <c:v>13694.85425</c:v>
                </c:pt>
                <c:pt idx="140">
                  <c:v>12719.244499999999</c:v>
                </c:pt>
                <c:pt idx="141">
                  <c:v>11836.530999999999</c:v>
                </c:pt>
                <c:pt idx="142">
                  <c:v>10787.5445</c:v>
                </c:pt>
                <c:pt idx="143">
                  <c:v>10696.1855</c:v>
                </c:pt>
                <c:pt idx="144">
                  <c:v>9842.5034999999989</c:v>
                </c:pt>
                <c:pt idx="145">
                  <c:v>10797</c:v>
                </c:pt>
                <c:pt idx="146">
                  <c:v>10879</c:v>
                </c:pt>
                <c:pt idx="147">
                  <c:v>10523.4</c:v>
                </c:pt>
                <c:pt idx="148">
                  <c:v>10263.5</c:v>
                </c:pt>
                <c:pt idx="149">
                  <c:v>10216.799999999999</c:v>
                </c:pt>
                <c:pt idx="150">
                  <c:v>10238.9</c:v>
                </c:pt>
                <c:pt idx="151">
                  <c:v>10386.75</c:v>
                </c:pt>
                <c:pt idx="152">
                  <c:v>10531.099999999999</c:v>
                </c:pt>
                <c:pt idx="153">
                  <c:v>10669.975</c:v>
                </c:pt>
                <c:pt idx="154">
                  <c:v>10864.85</c:v>
                </c:pt>
                <c:pt idx="155">
                  <c:v>11146.124999999998</c:v>
                </c:pt>
                <c:pt idx="156">
                  <c:v>11481.624999999998</c:v>
                </c:pt>
                <c:pt idx="157">
                  <c:v>11754.174999999999</c:v>
                </c:pt>
                <c:pt idx="158">
                  <c:v>11949.15</c:v>
                </c:pt>
                <c:pt idx="159">
                  <c:v>12077.9</c:v>
                </c:pt>
                <c:pt idx="160">
                  <c:v>12130.6</c:v>
                </c:pt>
                <c:pt idx="161">
                  <c:v>12120.475</c:v>
                </c:pt>
                <c:pt idx="162">
                  <c:v>11929.8</c:v>
                </c:pt>
                <c:pt idx="163">
                  <c:v>11110</c:v>
                </c:pt>
                <c:pt idx="164">
                  <c:v>10258</c:v>
                </c:pt>
                <c:pt idx="165">
                  <c:v>10840.075000000001</c:v>
                </c:pt>
                <c:pt idx="166">
                  <c:v>10455.775</c:v>
                </c:pt>
                <c:pt idx="167">
                  <c:v>8793</c:v>
                </c:pt>
                <c:pt idx="168">
                  <c:v>7479</c:v>
                </c:pt>
                <c:pt idx="169">
                  <c:v>7020</c:v>
                </c:pt>
                <c:pt idx="170">
                  <c:v>7015</c:v>
                </c:pt>
                <c:pt idx="171">
                  <c:v>7027</c:v>
                </c:pt>
                <c:pt idx="172">
                  <c:v>7030</c:v>
                </c:pt>
                <c:pt idx="173">
                  <c:v>6913</c:v>
                </c:pt>
                <c:pt idx="174">
                  <c:v>6746</c:v>
                </c:pt>
                <c:pt idx="175">
                  <c:v>6823</c:v>
                </c:pt>
                <c:pt idx="176">
                  <c:v>6822</c:v>
                </c:pt>
                <c:pt idx="177">
                  <c:v>6483</c:v>
                </c:pt>
                <c:pt idx="178">
                  <c:v>6799</c:v>
                </c:pt>
                <c:pt idx="179">
                  <c:v>6291</c:v>
                </c:pt>
                <c:pt idx="180">
                  <c:v>6333</c:v>
                </c:pt>
                <c:pt idx="181">
                  <c:v>6005</c:v>
                </c:pt>
                <c:pt idx="182">
                  <c:v>2020</c:v>
                </c:pt>
                <c:pt idx="183">
                  <c:v>2003.3333333333333</c:v>
                </c:pt>
                <c:pt idx="184">
                  <c:v>2243.3333333333335</c:v>
                </c:pt>
                <c:pt idx="185">
                  <c:v>2630</c:v>
                </c:pt>
                <c:pt idx="186">
                  <c:v>3080</c:v>
                </c:pt>
                <c:pt idx="187">
                  <c:v>3350</c:v>
                </c:pt>
                <c:pt idx="188">
                  <c:v>3530</c:v>
                </c:pt>
                <c:pt idx="189">
                  <c:v>3620</c:v>
                </c:pt>
                <c:pt idx="190">
                  <c:v>3640</c:v>
                </c:pt>
                <c:pt idx="191">
                  <c:v>3225</c:v>
                </c:pt>
                <c:pt idx="192">
                  <c:v>3328</c:v>
                </c:pt>
                <c:pt idx="193">
                  <c:v>3583.3333333333335</c:v>
                </c:pt>
                <c:pt idx="194">
                  <c:v>3643.3333333333335</c:v>
                </c:pt>
                <c:pt idx="195">
                  <c:v>3860</c:v>
                </c:pt>
                <c:pt idx="196">
                  <c:v>4056.6666666666665</c:v>
                </c:pt>
                <c:pt idx="197">
                  <c:v>4256.666666666667</c:v>
                </c:pt>
                <c:pt idx="198">
                  <c:v>4373.333333333333</c:v>
                </c:pt>
                <c:pt idx="199">
                  <c:v>4496.666666666667</c:v>
                </c:pt>
                <c:pt idx="200">
                  <c:v>4610</c:v>
                </c:pt>
                <c:pt idx="201">
                  <c:v>4720</c:v>
                </c:pt>
                <c:pt idx="202">
                  <c:v>4896.666666666667</c:v>
                </c:pt>
                <c:pt idx="203">
                  <c:v>5073.333333333333</c:v>
                </c:pt>
                <c:pt idx="204">
                  <c:v>5223.333333333333</c:v>
                </c:pt>
                <c:pt idx="205">
                  <c:v>5333.333333333333</c:v>
                </c:pt>
                <c:pt idx="206">
                  <c:v>5503.333333333333</c:v>
                </c:pt>
                <c:pt idx="207">
                  <c:v>5663.333333333333</c:v>
                </c:pt>
                <c:pt idx="208">
                  <c:v>5723.333333333333</c:v>
                </c:pt>
                <c:pt idx="209">
                  <c:v>5673.333333333333</c:v>
                </c:pt>
                <c:pt idx="210">
                  <c:v>5583.333333333333</c:v>
                </c:pt>
                <c:pt idx="211">
                  <c:v>5446.666666666667</c:v>
                </c:pt>
                <c:pt idx="212">
                  <c:v>5306.666666666667</c:v>
                </c:pt>
                <c:pt idx="213">
                  <c:v>5206.666666666667</c:v>
                </c:pt>
                <c:pt idx="214">
                  <c:v>5170</c:v>
                </c:pt>
                <c:pt idx="215">
                  <c:v>5096.666666666667</c:v>
                </c:pt>
                <c:pt idx="216">
                  <c:v>5143.333333333333</c:v>
                </c:pt>
                <c:pt idx="217">
                  <c:v>5326.666666666667</c:v>
                </c:pt>
                <c:pt idx="218">
                  <c:v>5630</c:v>
                </c:pt>
                <c:pt idx="219">
                  <c:v>5800</c:v>
                </c:pt>
                <c:pt idx="220">
                  <c:v>5873.333333333333</c:v>
                </c:pt>
                <c:pt idx="221">
                  <c:v>5929</c:v>
                </c:pt>
                <c:pt idx="222">
                  <c:v>5831</c:v>
                </c:pt>
                <c:pt idx="223">
                  <c:v>5365</c:v>
                </c:pt>
                <c:pt idx="224">
                  <c:v>5288</c:v>
                </c:pt>
                <c:pt idx="225">
                  <c:v>4829</c:v>
                </c:pt>
                <c:pt idx="226">
                  <c:v>4240</c:v>
                </c:pt>
                <c:pt idx="227">
                  <c:v>3826</c:v>
                </c:pt>
                <c:pt idx="228">
                  <c:v>4106</c:v>
                </c:pt>
                <c:pt idx="229">
                  <c:v>4409</c:v>
                </c:pt>
                <c:pt idx="230">
                  <c:v>4448</c:v>
                </c:pt>
                <c:pt idx="231">
                  <c:v>4350</c:v>
                </c:pt>
                <c:pt idx="232">
                  <c:v>4346.666666666667</c:v>
                </c:pt>
                <c:pt idx="233">
                  <c:v>4363.333333333333</c:v>
                </c:pt>
                <c:pt idx="234">
                  <c:v>4513.333333333333</c:v>
                </c:pt>
                <c:pt idx="235">
                  <c:v>4800</c:v>
                </c:pt>
                <c:pt idx="236">
                  <c:v>5046.666666666667</c:v>
                </c:pt>
                <c:pt idx="237">
                  <c:v>5103.333333333333</c:v>
                </c:pt>
                <c:pt idx="238">
                  <c:v>4986.666666666667</c:v>
                </c:pt>
                <c:pt idx="239">
                  <c:v>5855</c:v>
                </c:pt>
                <c:pt idx="240">
                  <c:v>6345</c:v>
                </c:pt>
                <c:pt idx="241">
                  <c:v>6338</c:v>
                </c:pt>
                <c:pt idx="242">
                  <c:v>6360</c:v>
                </c:pt>
                <c:pt idx="243">
                  <c:v>14323.916499999999</c:v>
                </c:pt>
                <c:pt idx="244">
                  <c:v>14193.28925</c:v>
                </c:pt>
                <c:pt idx="245">
                  <c:v>14165.461499999999</c:v>
                </c:pt>
                <c:pt idx="246">
                  <c:v>14132.955749999999</c:v>
                </c:pt>
                <c:pt idx="247">
                  <c:v>14315.977999999999</c:v>
                </c:pt>
                <c:pt idx="248">
                  <c:v>14500</c:v>
                </c:pt>
                <c:pt idx="249">
                  <c:v>14416.6535</c:v>
                </c:pt>
                <c:pt idx="250">
                  <c:v>14216.252499999999</c:v>
                </c:pt>
                <c:pt idx="251">
                  <c:v>14153.07425</c:v>
                </c:pt>
                <c:pt idx="252">
                  <c:v>14020.130999999999</c:v>
                </c:pt>
                <c:pt idx="253">
                  <c:v>14386.20975</c:v>
                </c:pt>
                <c:pt idx="254">
                  <c:v>14500</c:v>
                </c:pt>
                <c:pt idx="255">
                  <c:v>14500</c:v>
                </c:pt>
                <c:pt idx="256">
                  <c:v>14500</c:v>
                </c:pt>
                <c:pt idx="257">
                  <c:v>14500</c:v>
                </c:pt>
                <c:pt idx="258">
                  <c:v>13749</c:v>
                </c:pt>
                <c:pt idx="259">
                  <c:v>12627.028999999999</c:v>
                </c:pt>
                <c:pt idx="260">
                  <c:v>11052.339</c:v>
                </c:pt>
                <c:pt idx="261">
                  <c:v>10484.76</c:v>
                </c:pt>
                <c:pt idx="262">
                  <c:v>9911.4984999999997</c:v>
                </c:pt>
                <c:pt idx="263">
                  <c:v>9480</c:v>
                </c:pt>
                <c:pt idx="264">
                  <c:v>9376</c:v>
                </c:pt>
                <c:pt idx="265">
                  <c:v>8874</c:v>
                </c:pt>
                <c:pt idx="266">
                  <c:v>8418</c:v>
                </c:pt>
                <c:pt idx="267">
                  <c:v>8168</c:v>
                </c:pt>
                <c:pt idx="268">
                  <c:v>7922</c:v>
                </c:pt>
                <c:pt idx="269">
                  <c:v>8071</c:v>
                </c:pt>
                <c:pt idx="270">
                  <c:v>7859</c:v>
                </c:pt>
                <c:pt idx="271">
                  <c:v>7519</c:v>
                </c:pt>
                <c:pt idx="272">
                  <c:v>8133</c:v>
                </c:pt>
                <c:pt idx="273">
                  <c:v>9081</c:v>
                </c:pt>
                <c:pt idx="274">
                  <c:v>10298</c:v>
                </c:pt>
                <c:pt idx="275">
                  <c:v>10906</c:v>
                </c:pt>
                <c:pt idx="276">
                  <c:v>10279</c:v>
                </c:pt>
                <c:pt idx="277">
                  <c:v>10903</c:v>
                </c:pt>
                <c:pt idx="278">
                  <c:v>10200</c:v>
                </c:pt>
                <c:pt idx="279">
                  <c:v>10245</c:v>
                </c:pt>
                <c:pt idx="280">
                  <c:v>10372</c:v>
                </c:pt>
                <c:pt idx="281">
                  <c:v>10736</c:v>
                </c:pt>
                <c:pt idx="282">
                  <c:v>10743</c:v>
                </c:pt>
                <c:pt idx="283">
                  <c:v>8985</c:v>
                </c:pt>
                <c:pt idx="284">
                  <c:v>9113</c:v>
                </c:pt>
                <c:pt idx="285">
                  <c:v>9104</c:v>
                </c:pt>
                <c:pt idx="286">
                  <c:v>8159</c:v>
                </c:pt>
                <c:pt idx="287">
                  <c:v>8530</c:v>
                </c:pt>
                <c:pt idx="288">
                  <c:v>8500</c:v>
                </c:pt>
                <c:pt idx="289">
                  <c:v>8512</c:v>
                </c:pt>
                <c:pt idx="290">
                  <c:v>8496</c:v>
                </c:pt>
                <c:pt idx="291">
                  <c:v>8503</c:v>
                </c:pt>
                <c:pt idx="292">
                  <c:v>8806</c:v>
                </c:pt>
                <c:pt idx="293">
                  <c:v>9346</c:v>
                </c:pt>
                <c:pt idx="294">
                  <c:v>9291</c:v>
                </c:pt>
                <c:pt idx="295">
                  <c:v>9344</c:v>
                </c:pt>
                <c:pt idx="296">
                  <c:v>9235</c:v>
                </c:pt>
                <c:pt idx="297">
                  <c:v>9008</c:v>
                </c:pt>
                <c:pt idx="298">
                  <c:v>9029</c:v>
                </c:pt>
                <c:pt idx="299">
                  <c:v>10292</c:v>
                </c:pt>
                <c:pt idx="300">
                  <c:v>10256</c:v>
                </c:pt>
                <c:pt idx="301">
                  <c:v>10252</c:v>
                </c:pt>
                <c:pt idx="302">
                  <c:v>11227</c:v>
                </c:pt>
                <c:pt idx="303">
                  <c:v>10295</c:v>
                </c:pt>
                <c:pt idx="304">
                  <c:v>9427</c:v>
                </c:pt>
                <c:pt idx="305">
                  <c:v>11402</c:v>
                </c:pt>
                <c:pt idx="306">
                  <c:v>11417</c:v>
                </c:pt>
                <c:pt idx="307">
                  <c:v>11416</c:v>
                </c:pt>
                <c:pt idx="308">
                  <c:v>11408</c:v>
                </c:pt>
                <c:pt idx="309">
                  <c:v>11388</c:v>
                </c:pt>
                <c:pt idx="310">
                  <c:v>11399</c:v>
                </c:pt>
                <c:pt idx="311">
                  <c:v>11405</c:v>
                </c:pt>
                <c:pt idx="312">
                  <c:v>11394</c:v>
                </c:pt>
                <c:pt idx="313">
                  <c:v>11303</c:v>
                </c:pt>
                <c:pt idx="314">
                  <c:v>11395</c:v>
                </c:pt>
                <c:pt idx="315">
                  <c:v>11357</c:v>
                </c:pt>
                <c:pt idx="316">
                  <c:v>11008</c:v>
                </c:pt>
                <c:pt idx="317">
                  <c:v>10163</c:v>
                </c:pt>
                <c:pt idx="318">
                  <c:v>9955</c:v>
                </c:pt>
                <c:pt idx="319">
                  <c:v>11293</c:v>
                </c:pt>
                <c:pt idx="320">
                  <c:v>11381</c:v>
                </c:pt>
                <c:pt idx="321">
                  <c:v>11279</c:v>
                </c:pt>
                <c:pt idx="322">
                  <c:v>11108</c:v>
                </c:pt>
                <c:pt idx="323">
                  <c:v>10648</c:v>
                </c:pt>
                <c:pt idx="324">
                  <c:v>10642</c:v>
                </c:pt>
                <c:pt idx="325">
                  <c:v>10929</c:v>
                </c:pt>
                <c:pt idx="326">
                  <c:v>11062</c:v>
                </c:pt>
                <c:pt idx="327">
                  <c:v>11133</c:v>
                </c:pt>
                <c:pt idx="328">
                  <c:v>10720</c:v>
                </c:pt>
                <c:pt idx="329">
                  <c:v>10385</c:v>
                </c:pt>
                <c:pt idx="330">
                  <c:v>10378</c:v>
                </c:pt>
                <c:pt idx="331">
                  <c:v>9786</c:v>
                </c:pt>
                <c:pt idx="332">
                  <c:v>9819</c:v>
                </c:pt>
                <c:pt idx="333">
                  <c:v>9799</c:v>
                </c:pt>
                <c:pt idx="334">
                  <c:v>10660</c:v>
                </c:pt>
                <c:pt idx="335">
                  <c:v>10343</c:v>
                </c:pt>
                <c:pt idx="336">
                  <c:v>10849</c:v>
                </c:pt>
                <c:pt idx="337">
                  <c:v>10858</c:v>
                </c:pt>
                <c:pt idx="338">
                  <c:v>10857</c:v>
                </c:pt>
                <c:pt idx="339">
                  <c:v>10857</c:v>
                </c:pt>
                <c:pt idx="340">
                  <c:v>10843</c:v>
                </c:pt>
                <c:pt idx="341">
                  <c:v>11146</c:v>
                </c:pt>
                <c:pt idx="342">
                  <c:v>11148</c:v>
                </c:pt>
                <c:pt idx="343">
                  <c:v>11322</c:v>
                </c:pt>
                <c:pt idx="344">
                  <c:v>11012</c:v>
                </c:pt>
                <c:pt idx="345">
                  <c:v>11057</c:v>
                </c:pt>
                <c:pt idx="346">
                  <c:v>11342</c:v>
                </c:pt>
                <c:pt idx="347">
                  <c:v>11320</c:v>
                </c:pt>
                <c:pt idx="348">
                  <c:v>11311</c:v>
                </c:pt>
                <c:pt idx="349">
                  <c:v>11294</c:v>
                </c:pt>
                <c:pt idx="350">
                  <c:v>10607</c:v>
                </c:pt>
                <c:pt idx="351">
                  <c:v>10119</c:v>
                </c:pt>
                <c:pt idx="352">
                  <c:v>10134</c:v>
                </c:pt>
                <c:pt idx="353">
                  <c:v>10115</c:v>
                </c:pt>
                <c:pt idx="354">
                  <c:v>9201</c:v>
                </c:pt>
                <c:pt idx="355">
                  <c:v>8718</c:v>
                </c:pt>
                <c:pt idx="356">
                  <c:v>9727</c:v>
                </c:pt>
                <c:pt idx="357">
                  <c:v>9222</c:v>
                </c:pt>
                <c:pt idx="358">
                  <c:v>10149</c:v>
                </c:pt>
                <c:pt idx="359">
                  <c:v>9905</c:v>
                </c:pt>
                <c:pt idx="360">
                  <c:v>10178</c:v>
                </c:pt>
                <c:pt idx="361">
                  <c:v>10148</c:v>
                </c:pt>
                <c:pt idx="362">
                  <c:v>10662</c:v>
                </c:pt>
                <c:pt idx="363">
                  <c:v>10679</c:v>
                </c:pt>
                <c:pt idx="364">
                  <c:v>10689</c:v>
                </c:pt>
              </c:numCache>
            </c:numRef>
          </c:val>
          <c:smooth val="0"/>
        </c:ser>
        <c:dLbls>
          <c:showLegendKey val="0"/>
          <c:showVal val="0"/>
          <c:showCatName val="0"/>
          <c:showSerName val="0"/>
          <c:showPercent val="0"/>
          <c:showBubbleSize val="0"/>
        </c:dLbls>
        <c:marker val="1"/>
        <c:smooth val="0"/>
        <c:axId val="286307072"/>
        <c:axId val="286308608"/>
      </c:lineChart>
      <c:dateAx>
        <c:axId val="286307072"/>
        <c:scaling>
          <c:orientation val="minMax"/>
        </c:scaling>
        <c:delete val="0"/>
        <c:axPos val="b"/>
        <c:numFmt formatCode="mmm\-yy" sourceLinked="0"/>
        <c:majorTickMark val="out"/>
        <c:minorTickMark val="out"/>
        <c:tickLblPos val="nextTo"/>
        <c:crossAx val="286308608"/>
        <c:crosses val="autoZero"/>
        <c:auto val="1"/>
        <c:lblOffset val="100"/>
        <c:baseTimeUnit val="days"/>
        <c:majorUnit val="2"/>
        <c:majorTimeUnit val="months"/>
      </c:dateAx>
      <c:valAx>
        <c:axId val="286308608"/>
        <c:scaling>
          <c:orientation val="minMax"/>
          <c:max val="88000"/>
          <c:min val="0"/>
        </c:scaling>
        <c:delete val="0"/>
        <c:axPos val="l"/>
        <c:majorGridlines>
          <c:spPr>
            <a:ln>
              <a:noFill/>
            </a:ln>
          </c:spPr>
        </c:majorGridlines>
        <c:title>
          <c:tx>
            <c:rich>
              <a:bodyPr rot="-5400000" vert="horz"/>
              <a:lstStyle/>
              <a:p>
                <a:pPr>
                  <a:defRPr/>
                </a:pPr>
                <a:r>
                  <a:rPr lang="en-US" dirty="0" smtClean="0"/>
                  <a:t>Flow (cfs)</a:t>
                </a:r>
                <a:endParaRPr lang="en-US" dirty="0"/>
              </a:p>
            </c:rich>
          </c:tx>
          <c:layout>
            <c:manualLayout>
              <c:xMode val="edge"/>
              <c:yMode val="edge"/>
              <c:x val="3.4100991800803666E-3"/>
              <c:y val="0.39982973719194193"/>
            </c:manualLayout>
          </c:layout>
          <c:overlay val="0"/>
        </c:title>
        <c:numFmt formatCode="#,##0" sourceLinked="0"/>
        <c:majorTickMark val="out"/>
        <c:minorTickMark val="none"/>
        <c:tickLblPos val="nextTo"/>
        <c:crossAx val="286307072"/>
        <c:crosses val="autoZero"/>
        <c:crossBetween val="between"/>
        <c:majorUnit val="20000"/>
      </c:valAx>
    </c:plotArea>
    <c:legend>
      <c:legendPos val="r"/>
      <c:layout>
        <c:manualLayout>
          <c:xMode val="edge"/>
          <c:yMode val="edge"/>
          <c:x val="0.39697582050031349"/>
          <c:y val="0.28357330333708292"/>
          <c:w val="0.58562620491022688"/>
          <c:h val="0.26114548181477315"/>
        </c:manualLayout>
      </c:layout>
      <c:overlay val="0"/>
      <c:spPr>
        <a:ln w="76200"/>
      </c:spPr>
      <c:txPr>
        <a:bodyPr/>
        <a:lstStyle/>
        <a:p>
          <a:pPr>
            <a:defRPr sz="1700" baseline="0"/>
          </a:pPr>
          <a:endParaRPr lang="en-US"/>
        </a:p>
      </c:txPr>
    </c:legend>
    <c:plotVisOnly val="1"/>
    <c:dispBlanksAs val="zero"/>
    <c:showDLblsOverMax val="0"/>
  </c:chart>
  <c:spPr>
    <a:ln w="76200"/>
  </c:spPr>
  <c:txPr>
    <a:bodyPr/>
    <a:lstStyle/>
    <a:p>
      <a:pPr>
        <a:defRPr sz="1800"/>
      </a:pPr>
      <a:endParaRPr lang="en-US"/>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542817943211644"/>
          <c:y val="2.9775348805083576E-2"/>
          <c:w val="0.79114041994750661"/>
          <c:h val="0.79895582953446609"/>
        </c:manualLayout>
      </c:layout>
      <c:areaChart>
        <c:grouping val="standard"/>
        <c:varyColors val="0"/>
        <c:ser>
          <c:idx val="0"/>
          <c:order val="0"/>
          <c:tx>
            <c:strRef>
              <c:f>Sheet1!$CB$5</c:f>
              <c:strCache>
                <c:ptCount val="1"/>
                <c:pt idx="0">
                  <c:v>Sacramento Freeport + SJ Vernalis Flow</c:v>
                </c:pt>
              </c:strCache>
            </c:strRef>
          </c:tx>
          <c:spPr>
            <a:solidFill>
              <a:srgbClr val="0066CC"/>
            </a:solidFill>
            <a:ln w="25400">
              <a:noFill/>
            </a:ln>
            <a:scene3d>
              <a:camera prst="orthographicFront"/>
              <a:lightRig rig="threePt" dir="t"/>
            </a:scene3d>
            <a:sp3d>
              <a:bevelT w="38100" h="38100"/>
            </a:sp3d>
          </c:spPr>
          <c:cat>
            <c:numRef>
              <c:f>Sheet1!$D$2198:$D$2562</c:f>
              <c:numCache>
                <c:formatCode>d\-mmm\-yy</c:formatCode>
                <c:ptCount val="365"/>
                <c:pt idx="0">
                  <c:v>40452</c:v>
                </c:pt>
                <c:pt idx="1">
                  <c:v>40453</c:v>
                </c:pt>
                <c:pt idx="2">
                  <c:v>40454</c:v>
                </c:pt>
                <c:pt idx="3">
                  <c:v>40455</c:v>
                </c:pt>
                <c:pt idx="4">
                  <c:v>40456</c:v>
                </c:pt>
                <c:pt idx="5">
                  <c:v>40457</c:v>
                </c:pt>
                <c:pt idx="6">
                  <c:v>40458</c:v>
                </c:pt>
                <c:pt idx="7">
                  <c:v>40459</c:v>
                </c:pt>
                <c:pt idx="8">
                  <c:v>40460</c:v>
                </c:pt>
                <c:pt idx="9">
                  <c:v>40461</c:v>
                </c:pt>
                <c:pt idx="10">
                  <c:v>40462</c:v>
                </c:pt>
                <c:pt idx="11">
                  <c:v>40463</c:v>
                </c:pt>
                <c:pt idx="12">
                  <c:v>40464</c:v>
                </c:pt>
                <c:pt idx="13">
                  <c:v>40465</c:v>
                </c:pt>
                <c:pt idx="14">
                  <c:v>40466</c:v>
                </c:pt>
                <c:pt idx="15">
                  <c:v>40467</c:v>
                </c:pt>
                <c:pt idx="16">
                  <c:v>40468</c:v>
                </c:pt>
                <c:pt idx="17">
                  <c:v>40469</c:v>
                </c:pt>
                <c:pt idx="18">
                  <c:v>40470</c:v>
                </c:pt>
                <c:pt idx="19">
                  <c:v>40471</c:v>
                </c:pt>
                <c:pt idx="20">
                  <c:v>40472</c:v>
                </c:pt>
                <c:pt idx="21">
                  <c:v>40473</c:v>
                </c:pt>
                <c:pt idx="22">
                  <c:v>40474</c:v>
                </c:pt>
                <c:pt idx="23">
                  <c:v>40475</c:v>
                </c:pt>
                <c:pt idx="24">
                  <c:v>40476</c:v>
                </c:pt>
                <c:pt idx="25">
                  <c:v>40477</c:v>
                </c:pt>
                <c:pt idx="26">
                  <c:v>40478</c:v>
                </c:pt>
                <c:pt idx="27">
                  <c:v>40479</c:v>
                </c:pt>
                <c:pt idx="28">
                  <c:v>40480</c:v>
                </c:pt>
                <c:pt idx="29">
                  <c:v>40481</c:v>
                </c:pt>
                <c:pt idx="30">
                  <c:v>40482</c:v>
                </c:pt>
                <c:pt idx="31">
                  <c:v>40483</c:v>
                </c:pt>
                <c:pt idx="32">
                  <c:v>40484</c:v>
                </c:pt>
                <c:pt idx="33">
                  <c:v>40485</c:v>
                </c:pt>
                <c:pt idx="34">
                  <c:v>40486</c:v>
                </c:pt>
                <c:pt idx="35">
                  <c:v>40487</c:v>
                </c:pt>
                <c:pt idx="36">
                  <c:v>40488</c:v>
                </c:pt>
                <c:pt idx="37">
                  <c:v>40489</c:v>
                </c:pt>
                <c:pt idx="38">
                  <c:v>40490</c:v>
                </c:pt>
                <c:pt idx="39">
                  <c:v>40491</c:v>
                </c:pt>
                <c:pt idx="40">
                  <c:v>40492</c:v>
                </c:pt>
                <c:pt idx="41">
                  <c:v>40493</c:v>
                </c:pt>
                <c:pt idx="42">
                  <c:v>40494</c:v>
                </c:pt>
                <c:pt idx="43">
                  <c:v>40495</c:v>
                </c:pt>
                <c:pt idx="44">
                  <c:v>40496</c:v>
                </c:pt>
                <c:pt idx="45">
                  <c:v>40497</c:v>
                </c:pt>
                <c:pt idx="46">
                  <c:v>40498</c:v>
                </c:pt>
                <c:pt idx="47">
                  <c:v>40499</c:v>
                </c:pt>
                <c:pt idx="48">
                  <c:v>40500</c:v>
                </c:pt>
                <c:pt idx="49">
                  <c:v>40501</c:v>
                </c:pt>
                <c:pt idx="50">
                  <c:v>40502</c:v>
                </c:pt>
                <c:pt idx="51">
                  <c:v>40503</c:v>
                </c:pt>
                <c:pt idx="52">
                  <c:v>40504</c:v>
                </c:pt>
                <c:pt idx="53">
                  <c:v>40505</c:v>
                </c:pt>
                <c:pt idx="54">
                  <c:v>40506</c:v>
                </c:pt>
                <c:pt idx="55">
                  <c:v>40507</c:v>
                </c:pt>
                <c:pt idx="56">
                  <c:v>40508</c:v>
                </c:pt>
                <c:pt idx="57">
                  <c:v>40509</c:v>
                </c:pt>
                <c:pt idx="58">
                  <c:v>40510</c:v>
                </c:pt>
                <c:pt idx="59">
                  <c:v>40511</c:v>
                </c:pt>
                <c:pt idx="60">
                  <c:v>40512</c:v>
                </c:pt>
                <c:pt idx="61">
                  <c:v>40513</c:v>
                </c:pt>
                <c:pt idx="62">
                  <c:v>40514</c:v>
                </c:pt>
                <c:pt idx="63">
                  <c:v>40515</c:v>
                </c:pt>
                <c:pt idx="64">
                  <c:v>40516</c:v>
                </c:pt>
                <c:pt idx="65">
                  <c:v>40517</c:v>
                </c:pt>
                <c:pt idx="66">
                  <c:v>40518</c:v>
                </c:pt>
                <c:pt idx="67">
                  <c:v>40519</c:v>
                </c:pt>
                <c:pt idx="68">
                  <c:v>40520</c:v>
                </c:pt>
                <c:pt idx="69">
                  <c:v>40521</c:v>
                </c:pt>
                <c:pt idx="70">
                  <c:v>40522</c:v>
                </c:pt>
                <c:pt idx="71">
                  <c:v>40523</c:v>
                </c:pt>
                <c:pt idx="72">
                  <c:v>40524</c:v>
                </c:pt>
                <c:pt idx="73">
                  <c:v>40525</c:v>
                </c:pt>
                <c:pt idx="74">
                  <c:v>40526</c:v>
                </c:pt>
                <c:pt idx="75">
                  <c:v>40527</c:v>
                </c:pt>
                <c:pt idx="76">
                  <c:v>40528</c:v>
                </c:pt>
                <c:pt idx="77">
                  <c:v>40529</c:v>
                </c:pt>
                <c:pt idx="78">
                  <c:v>40530</c:v>
                </c:pt>
                <c:pt idx="79">
                  <c:v>40531</c:v>
                </c:pt>
                <c:pt idx="80">
                  <c:v>40532</c:v>
                </c:pt>
                <c:pt idx="81">
                  <c:v>40533</c:v>
                </c:pt>
                <c:pt idx="82">
                  <c:v>40534</c:v>
                </c:pt>
                <c:pt idx="83">
                  <c:v>40535</c:v>
                </c:pt>
                <c:pt idx="84">
                  <c:v>40536</c:v>
                </c:pt>
                <c:pt idx="85">
                  <c:v>40537</c:v>
                </c:pt>
                <c:pt idx="86">
                  <c:v>40538</c:v>
                </c:pt>
                <c:pt idx="87">
                  <c:v>40539</c:v>
                </c:pt>
                <c:pt idx="88">
                  <c:v>40540</c:v>
                </c:pt>
                <c:pt idx="89">
                  <c:v>40541</c:v>
                </c:pt>
                <c:pt idx="90">
                  <c:v>40542</c:v>
                </c:pt>
                <c:pt idx="91">
                  <c:v>40543</c:v>
                </c:pt>
                <c:pt idx="92">
                  <c:v>40544</c:v>
                </c:pt>
                <c:pt idx="93">
                  <c:v>40545</c:v>
                </c:pt>
                <c:pt idx="94">
                  <c:v>40546</c:v>
                </c:pt>
                <c:pt idx="95">
                  <c:v>40547</c:v>
                </c:pt>
                <c:pt idx="96">
                  <c:v>40548</c:v>
                </c:pt>
                <c:pt idx="97">
                  <c:v>40549</c:v>
                </c:pt>
                <c:pt idx="98">
                  <c:v>40550</c:v>
                </c:pt>
                <c:pt idx="99">
                  <c:v>40551</c:v>
                </c:pt>
                <c:pt idx="100">
                  <c:v>40552</c:v>
                </c:pt>
                <c:pt idx="101">
                  <c:v>40553</c:v>
                </c:pt>
                <c:pt idx="102">
                  <c:v>40554</c:v>
                </c:pt>
                <c:pt idx="103">
                  <c:v>40555</c:v>
                </c:pt>
                <c:pt idx="104">
                  <c:v>40556</c:v>
                </c:pt>
                <c:pt idx="105">
                  <c:v>40557</c:v>
                </c:pt>
                <c:pt idx="106">
                  <c:v>40558</c:v>
                </c:pt>
                <c:pt idx="107">
                  <c:v>40559</c:v>
                </c:pt>
                <c:pt idx="108">
                  <c:v>40560</c:v>
                </c:pt>
                <c:pt idx="109">
                  <c:v>40561</c:v>
                </c:pt>
                <c:pt idx="110">
                  <c:v>40562</c:v>
                </c:pt>
                <c:pt idx="111">
                  <c:v>40563</c:v>
                </c:pt>
                <c:pt idx="112">
                  <c:v>40564</c:v>
                </c:pt>
                <c:pt idx="113">
                  <c:v>40565</c:v>
                </c:pt>
                <c:pt idx="114">
                  <c:v>40566</c:v>
                </c:pt>
                <c:pt idx="115">
                  <c:v>40567</c:v>
                </c:pt>
                <c:pt idx="116">
                  <c:v>40568</c:v>
                </c:pt>
                <c:pt idx="117">
                  <c:v>40569</c:v>
                </c:pt>
                <c:pt idx="118">
                  <c:v>40570</c:v>
                </c:pt>
                <c:pt idx="119">
                  <c:v>40571</c:v>
                </c:pt>
                <c:pt idx="120">
                  <c:v>40572</c:v>
                </c:pt>
                <c:pt idx="121">
                  <c:v>40573</c:v>
                </c:pt>
                <c:pt idx="122">
                  <c:v>40574</c:v>
                </c:pt>
                <c:pt idx="123">
                  <c:v>40575</c:v>
                </c:pt>
                <c:pt idx="124">
                  <c:v>40576</c:v>
                </c:pt>
                <c:pt idx="125">
                  <c:v>40577</c:v>
                </c:pt>
                <c:pt idx="126">
                  <c:v>40578</c:v>
                </c:pt>
                <c:pt idx="127">
                  <c:v>40579</c:v>
                </c:pt>
                <c:pt idx="128">
                  <c:v>40580</c:v>
                </c:pt>
                <c:pt idx="129">
                  <c:v>40581</c:v>
                </c:pt>
                <c:pt idx="130">
                  <c:v>40582</c:v>
                </c:pt>
                <c:pt idx="131">
                  <c:v>40583</c:v>
                </c:pt>
                <c:pt idx="132">
                  <c:v>40584</c:v>
                </c:pt>
                <c:pt idx="133">
                  <c:v>40585</c:v>
                </c:pt>
                <c:pt idx="134">
                  <c:v>40586</c:v>
                </c:pt>
                <c:pt idx="135">
                  <c:v>40587</c:v>
                </c:pt>
                <c:pt idx="136">
                  <c:v>40588</c:v>
                </c:pt>
                <c:pt idx="137">
                  <c:v>40589</c:v>
                </c:pt>
                <c:pt idx="138">
                  <c:v>40590</c:v>
                </c:pt>
                <c:pt idx="139">
                  <c:v>40591</c:v>
                </c:pt>
                <c:pt idx="140">
                  <c:v>40592</c:v>
                </c:pt>
                <c:pt idx="141">
                  <c:v>40593</c:v>
                </c:pt>
                <c:pt idx="142">
                  <c:v>40594</c:v>
                </c:pt>
                <c:pt idx="143">
                  <c:v>40595</c:v>
                </c:pt>
                <c:pt idx="144">
                  <c:v>40596</c:v>
                </c:pt>
                <c:pt idx="145">
                  <c:v>40597</c:v>
                </c:pt>
                <c:pt idx="146">
                  <c:v>40598</c:v>
                </c:pt>
                <c:pt idx="147">
                  <c:v>40599</c:v>
                </c:pt>
                <c:pt idx="148">
                  <c:v>40600</c:v>
                </c:pt>
                <c:pt idx="149">
                  <c:v>40601</c:v>
                </c:pt>
                <c:pt idx="150">
                  <c:v>40602</c:v>
                </c:pt>
                <c:pt idx="151">
                  <c:v>40603</c:v>
                </c:pt>
                <c:pt idx="152">
                  <c:v>40604</c:v>
                </c:pt>
                <c:pt idx="153">
                  <c:v>40605</c:v>
                </c:pt>
                <c:pt idx="154">
                  <c:v>40606</c:v>
                </c:pt>
                <c:pt idx="155">
                  <c:v>40607</c:v>
                </c:pt>
                <c:pt idx="156">
                  <c:v>40608</c:v>
                </c:pt>
                <c:pt idx="157">
                  <c:v>40609</c:v>
                </c:pt>
                <c:pt idx="158">
                  <c:v>40610</c:v>
                </c:pt>
                <c:pt idx="159">
                  <c:v>40611</c:v>
                </c:pt>
                <c:pt idx="160">
                  <c:v>40612</c:v>
                </c:pt>
                <c:pt idx="161">
                  <c:v>40613</c:v>
                </c:pt>
                <c:pt idx="162">
                  <c:v>40614</c:v>
                </c:pt>
                <c:pt idx="163">
                  <c:v>40615</c:v>
                </c:pt>
                <c:pt idx="164">
                  <c:v>40616</c:v>
                </c:pt>
                <c:pt idx="165">
                  <c:v>40617</c:v>
                </c:pt>
                <c:pt idx="166">
                  <c:v>40618</c:v>
                </c:pt>
                <c:pt idx="167">
                  <c:v>40619</c:v>
                </c:pt>
                <c:pt idx="168">
                  <c:v>40620</c:v>
                </c:pt>
                <c:pt idx="169">
                  <c:v>40621</c:v>
                </c:pt>
                <c:pt idx="170">
                  <c:v>40622</c:v>
                </c:pt>
                <c:pt idx="171">
                  <c:v>40623</c:v>
                </c:pt>
                <c:pt idx="172">
                  <c:v>40624</c:v>
                </c:pt>
                <c:pt idx="173">
                  <c:v>40625</c:v>
                </c:pt>
                <c:pt idx="174">
                  <c:v>40626</c:v>
                </c:pt>
                <c:pt idx="175">
                  <c:v>40627</c:v>
                </c:pt>
                <c:pt idx="176">
                  <c:v>40628</c:v>
                </c:pt>
                <c:pt idx="177">
                  <c:v>40629</c:v>
                </c:pt>
                <c:pt idx="178">
                  <c:v>40630</c:v>
                </c:pt>
                <c:pt idx="179">
                  <c:v>40631</c:v>
                </c:pt>
                <c:pt idx="180">
                  <c:v>40632</c:v>
                </c:pt>
                <c:pt idx="181">
                  <c:v>40633</c:v>
                </c:pt>
                <c:pt idx="182">
                  <c:v>40634</c:v>
                </c:pt>
                <c:pt idx="183">
                  <c:v>40635</c:v>
                </c:pt>
                <c:pt idx="184">
                  <c:v>40636</c:v>
                </c:pt>
                <c:pt idx="185">
                  <c:v>40637</c:v>
                </c:pt>
                <c:pt idx="186">
                  <c:v>40638</c:v>
                </c:pt>
                <c:pt idx="187">
                  <c:v>40639</c:v>
                </c:pt>
                <c:pt idx="188">
                  <c:v>40640</c:v>
                </c:pt>
                <c:pt idx="189">
                  <c:v>40641</c:v>
                </c:pt>
                <c:pt idx="190">
                  <c:v>40642</c:v>
                </c:pt>
                <c:pt idx="191">
                  <c:v>40643</c:v>
                </c:pt>
                <c:pt idx="192">
                  <c:v>40644</c:v>
                </c:pt>
                <c:pt idx="193">
                  <c:v>40645</c:v>
                </c:pt>
                <c:pt idx="194">
                  <c:v>40646</c:v>
                </c:pt>
                <c:pt idx="195">
                  <c:v>40647</c:v>
                </c:pt>
                <c:pt idx="196">
                  <c:v>40648</c:v>
                </c:pt>
                <c:pt idx="197">
                  <c:v>40649</c:v>
                </c:pt>
                <c:pt idx="198">
                  <c:v>40650</c:v>
                </c:pt>
                <c:pt idx="199">
                  <c:v>40651</c:v>
                </c:pt>
                <c:pt idx="200">
                  <c:v>40652</c:v>
                </c:pt>
                <c:pt idx="201">
                  <c:v>40653</c:v>
                </c:pt>
                <c:pt idx="202">
                  <c:v>40654</c:v>
                </c:pt>
                <c:pt idx="203">
                  <c:v>40655</c:v>
                </c:pt>
                <c:pt idx="204">
                  <c:v>40656</c:v>
                </c:pt>
                <c:pt idx="205">
                  <c:v>40657</c:v>
                </c:pt>
                <c:pt idx="206">
                  <c:v>40658</c:v>
                </c:pt>
                <c:pt idx="207">
                  <c:v>40659</c:v>
                </c:pt>
                <c:pt idx="208">
                  <c:v>40660</c:v>
                </c:pt>
                <c:pt idx="209">
                  <c:v>40661</c:v>
                </c:pt>
                <c:pt idx="210">
                  <c:v>40662</c:v>
                </c:pt>
                <c:pt idx="211">
                  <c:v>40663</c:v>
                </c:pt>
                <c:pt idx="212">
                  <c:v>40664</c:v>
                </c:pt>
                <c:pt idx="213">
                  <c:v>40665</c:v>
                </c:pt>
                <c:pt idx="214">
                  <c:v>40666</c:v>
                </c:pt>
                <c:pt idx="215">
                  <c:v>40667</c:v>
                </c:pt>
                <c:pt idx="216">
                  <c:v>40668</c:v>
                </c:pt>
                <c:pt idx="217">
                  <c:v>40669</c:v>
                </c:pt>
                <c:pt idx="218">
                  <c:v>40670</c:v>
                </c:pt>
                <c:pt idx="219">
                  <c:v>40671</c:v>
                </c:pt>
                <c:pt idx="220">
                  <c:v>40672</c:v>
                </c:pt>
                <c:pt idx="221">
                  <c:v>40673</c:v>
                </c:pt>
                <c:pt idx="222">
                  <c:v>40674</c:v>
                </c:pt>
                <c:pt idx="223">
                  <c:v>40675</c:v>
                </c:pt>
                <c:pt idx="224">
                  <c:v>40676</c:v>
                </c:pt>
                <c:pt idx="225">
                  <c:v>40677</c:v>
                </c:pt>
                <c:pt idx="226">
                  <c:v>40678</c:v>
                </c:pt>
                <c:pt idx="227">
                  <c:v>40679</c:v>
                </c:pt>
                <c:pt idx="228">
                  <c:v>40680</c:v>
                </c:pt>
                <c:pt idx="229">
                  <c:v>40681</c:v>
                </c:pt>
                <c:pt idx="230">
                  <c:v>40682</c:v>
                </c:pt>
                <c:pt idx="231">
                  <c:v>40683</c:v>
                </c:pt>
                <c:pt idx="232">
                  <c:v>40684</c:v>
                </c:pt>
                <c:pt idx="233">
                  <c:v>40685</c:v>
                </c:pt>
                <c:pt idx="234">
                  <c:v>40686</c:v>
                </c:pt>
                <c:pt idx="235">
                  <c:v>40687</c:v>
                </c:pt>
                <c:pt idx="236">
                  <c:v>40688</c:v>
                </c:pt>
                <c:pt idx="237">
                  <c:v>40689</c:v>
                </c:pt>
                <c:pt idx="238">
                  <c:v>40690</c:v>
                </c:pt>
                <c:pt idx="239">
                  <c:v>40691</c:v>
                </c:pt>
                <c:pt idx="240">
                  <c:v>40692</c:v>
                </c:pt>
                <c:pt idx="241">
                  <c:v>40693</c:v>
                </c:pt>
                <c:pt idx="242">
                  <c:v>40694</c:v>
                </c:pt>
                <c:pt idx="243">
                  <c:v>40695</c:v>
                </c:pt>
                <c:pt idx="244">
                  <c:v>40696</c:v>
                </c:pt>
                <c:pt idx="245">
                  <c:v>40697</c:v>
                </c:pt>
                <c:pt idx="246">
                  <c:v>40698</c:v>
                </c:pt>
                <c:pt idx="247">
                  <c:v>40699</c:v>
                </c:pt>
                <c:pt idx="248">
                  <c:v>40700</c:v>
                </c:pt>
                <c:pt idx="249">
                  <c:v>40701</c:v>
                </c:pt>
                <c:pt idx="250">
                  <c:v>40702</c:v>
                </c:pt>
                <c:pt idx="251">
                  <c:v>40703</c:v>
                </c:pt>
                <c:pt idx="252">
                  <c:v>40704</c:v>
                </c:pt>
                <c:pt idx="253">
                  <c:v>40705</c:v>
                </c:pt>
                <c:pt idx="254">
                  <c:v>40706</c:v>
                </c:pt>
                <c:pt idx="255">
                  <c:v>40707</c:v>
                </c:pt>
                <c:pt idx="256">
                  <c:v>40708</c:v>
                </c:pt>
                <c:pt idx="257">
                  <c:v>40709</c:v>
                </c:pt>
                <c:pt idx="258">
                  <c:v>40710</c:v>
                </c:pt>
                <c:pt idx="259">
                  <c:v>40711</c:v>
                </c:pt>
                <c:pt idx="260">
                  <c:v>40712</c:v>
                </c:pt>
                <c:pt idx="261">
                  <c:v>40713</c:v>
                </c:pt>
                <c:pt idx="262">
                  <c:v>40714</c:v>
                </c:pt>
                <c:pt idx="263">
                  <c:v>40715</c:v>
                </c:pt>
                <c:pt idx="264">
                  <c:v>40716</c:v>
                </c:pt>
                <c:pt idx="265">
                  <c:v>40717</c:v>
                </c:pt>
                <c:pt idx="266">
                  <c:v>40718</c:v>
                </c:pt>
                <c:pt idx="267">
                  <c:v>40719</c:v>
                </c:pt>
                <c:pt idx="268">
                  <c:v>40720</c:v>
                </c:pt>
                <c:pt idx="269">
                  <c:v>40721</c:v>
                </c:pt>
                <c:pt idx="270">
                  <c:v>40722</c:v>
                </c:pt>
                <c:pt idx="271">
                  <c:v>40723</c:v>
                </c:pt>
                <c:pt idx="272">
                  <c:v>40724</c:v>
                </c:pt>
                <c:pt idx="273">
                  <c:v>40725</c:v>
                </c:pt>
                <c:pt idx="274">
                  <c:v>40726</c:v>
                </c:pt>
                <c:pt idx="275">
                  <c:v>40727</c:v>
                </c:pt>
                <c:pt idx="276">
                  <c:v>40728</c:v>
                </c:pt>
                <c:pt idx="277">
                  <c:v>40729</c:v>
                </c:pt>
                <c:pt idx="278">
                  <c:v>40730</c:v>
                </c:pt>
                <c:pt idx="279">
                  <c:v>40731</c:v>
                </c:pt>
                <c:pt idx="280">
                  <c:v>40732</c:v>
                </c:pt>
                <c:pt idx="281">
                  <c:v>40733</c:v>
                </c:pt>
                <c:pt idx="282">
                  <c:v>40734</c:v>
                </c:pt>
                <c:pt idx="283">
                  <c:v>40735</c:v>
                </c:pt>
                <c:pt idx="284">
                  <c:v>40736</c:v>
                </c:pt>
                <c:pt idx="285">
                  <c:v>40737</c:v>
                </c:pt>
                <c:pt idx="286">
                  <c:v>40738</c:v>
                </c:pt>
                <c:pt idx="287">
                  <c:v>40739</c:v>
                </c:pt>
                <c:pt idx="288">
                  <c:v>40740</c:v>
                </c:pt>
                <c:pt idx="289">
                  <c:v>40741</c:v>
                </c:pt>
                <c:pt idx="290">
                  <c:v>40742</c:v>
                </c:pt>
                <c:pt idx="291">
                  <c:v>40743</c:v>
                </c:pt>
                <c:pt idx="292">
                  <c:v>40744</c:v>
                </c:pt>
                <c:pt idx="293">
                  <c:v>40745</c:v>
                </c:pt>
                <c:pt idx="294">
                  <c:v>40746</c:v>
                </c:pt>
                <c:pt idx="295">
                  <c:v>40747</c:v>
                </c:pt>
                <c:pt idx="296">
                  <c:v>40748</c:v>
                </c:pt>
                <c:pt idx="297">
                  <c:v>40749</c:v>
                </c:pt>
                <c:pt idx="298">
                  <c:v>40750</c:v>
                </c:pt>
                <c:pt idx="299">
                  <c:v>40751</c:v>
                </c:pt>
                <c:pt idx="300">
                  <c:v>40752</c:v>
                </c:pt>
                <c:pt idx="301">
                  <c:v>40753</c:v>
                </c:pt>
                <c:pt idx="302">
                  <c:v>40754</c:v>
                </c:pt>
                <c:pt idx="303">
                  <c:v>40755</c:v>
                </c:pt>
                <c:pt idx="304">
                  <c:v>40756</c:v>
                </c:pt>
                <c:pt idx="305">
                  <c:v>40757</c:v>
                </c:pt>
                <c:pt idx="306">
                  <c:v>40758</c:v>
                </c:pt>
                <c:pt idx="307">
                  <c:v>40759</c:v>
                </c:pt>
                <c:pt idx="308">
                  <c:v>40760</c:v>
                </c:pt>
                <c:pt idx="309">
                  <c:v>40761</c:v>
                </c:pt>
                <c:pt idx="310">
                  <c:v>40762</c:v>
                </c:pt>
                <c:pt idx="311">
                  <c:v>40763</c:v>
                </c:pt>
                <c:pt idx="312">
                  <c:v>40764</c:v>
                </c:pt>
                <c:pt idx="313">
                  <c:v>40765</c:v>
                </c:pt>
                <c:pt idx="314">
                  <c:v>40766</c:v>
                </c:pt>
                <c:pt idx="315">
                  <c:v>40767</c:v>
                </c:pt>
                <c:pt idx="316">
                  <c:v>40768</c:v>
                </c:pt>
                <c:pt idx="317">
                  <c:v>40769</c:v>
                </c:pt>
                <c:pt idx="318">
                  <c:v>40770</c:v>
                </c:pt>
                <c:pt idx="319">
                  <c:v>40771</c:v>
                </c:pt>
                <c:pt idx="320">
                  <c:v>40772</c:v>
                </c:pt>
                <c:pt idx="321">
                  <c:v>40773</c:v>
                </c:pt>
                <c:pt idx="322">
                  <c:v>40774</c:v>
                </c:pt>
                <c:pt idx="323">
                  <c:v>40775</c:v>
                </c:pt>
                <c:pt idx="324">
                  <c:v>40776</c:v>
                </c:pt>
                <c:pt idx="325">
                  <c:v>40777</c:v>
                </c:pt>
                <c:pt idx="326">
                  <c:v>40778</c:v>
                </c:pt>
                <c:pt idx="327">
                  <c:v>40779</c:v>
                </c:pt>
                <c:pt idx="328">
                  <c:v>40780</c:v>
                </c:pt>
                <c:pt idx="329">
                  <c:v>40781</c:v>
                </c:pt>
                <c:pt idx="330">
                  <c:v>40782</c:v>
                </c:pt>
                <c:pt idx="331">
                  <c:v>40783</c:v>
                </c:pt>
                <c:pt idx="332">
                  <c:v>40784</c:v>
                </c:pt>
                <c:pt idx="333">
                  <c:v>40785</c:v>
                </c:pt>
                <c:pt idx="334">
                  <c:v>40786</c:v>
                </c:pt>
                <c:pt idx="335">
                  <c:v>40787</c:v>
                </c:pt>
                <c:pt idx="336">
                  <c:v>40788</c:v>
                </c:pt>
                <c:pt idx="337">
                  <c:v>40789</c:v>
                </c:pt>
                <c:pt idx="338">
                  <c:v>40790</c:v>
                </c:pt>
                <c:pt idx="339">
                  <c:v>40791</c:v>
                </c:pt>
                <c:pt idx="340">
                  <c:v>40792</c:v>
                </c:pt>
                <c:pt idx="341">
                  <c:v>40793</c:v>
                </c:pt>
                <c:pt idx="342">
                  <c:v>40794</c:v>
                </c:pt>
                <c:pt idx="343">
                  <c:v>40795</c:v>
                </c:pt>
                <c:pt idx="344">
                  <c:v>40796</c:v>
                </c:pt>
                <c:pt idx="345">
                  <c:v>40797</c:v>
                </c:pt>
                <c:pt idx="346">
                  <c:v>40798</c:v>
                </c:pt>
                <c:pt idx="347">
                  <c:v>40799</c:v>
                </c:pt>
                <c:pt idx="348">
                  <c:v>40800</c:v>
                </c:pt>
                <c:pt idx="349">
                  <c:v>40801</c:v>
                </c:pt>
                <c:pt idx="350">
                  <c:v>40802</c:v>
                </c:pt>
                <c:pt idx="351">
                  <c:v>40803</c:v>
                </c:pt>
                <c:pt idx="352">
                  <c:v>40804</c:v>
                </c:pt>
                <c:pt idx="353">
                  <c:v>40805</c:v>
                </c:pt>
                <c:pt idx="354">
                  <c:v>40806</c:v>
                </c:pt>
                <c:pt idx="355">
                  <c:v>40807</c:v>
                </c:pt>
                <c:pt idx="356">
                  <c:v>40808</c:v>
                </c:pt>
                <c:pt idx="357">
                  <c:v>40809</c:v>
                </c:pt>
                <c:pt idx="358">
                  <c:v>40810</c:v>
                </c:pt>
                <c:pt idx="359">
                  <c:v>40811</c:v>
                </c:pt>
                <c:pt idx="360">
                  <c:v>40812</c:v>
                </c:pt>
                <c:pt idx="361">
                  <c:v>40813</c:v>
                </c:pt>
                <c:pt idx="362">
                  <c:v>40814</c:v>
                </c:pt>
                <c:pt idx="363">
                  <c:v>40815</c:v>
                </c:pt>
                <c:pt idx="364">
                  <c:v>40816</c:v>
                </c:pt>
              </c:numCache>
            </c:numRef>
          </c:cat>
          <c:val>
            <c:numRef>
              <c:f>Sheet1!$CB$2198:$CB$2562</c:f>
              <c:numCache>
                <c:formatCode>_(* #,##0_);_(* \(#,##0\);_(* "-"??_);_(@_)</c:formatCode>
                <c:ptCount val="365"/>
                <c:pt idx="0">
                  <c:v>16530</c:v>
                </c:pt>
                <c:pt idx="1">
                  <c:v>16110</c:v>
                </c:pt>
                <c:pt idx="2">
                  <c:v>15520</c:v>
                </c:pt>
                <c:pt idx="3">
                  <c:v>15480</c:v>
                </c:pt>
                <c:pt idx="4">
                  <c:v>15400</c:v>
                </c:pt>
                <c:pt idx="5">
                  <c:v>15110</c:v>
                </c:pt>
                <c:pt idx="6">
                  <c:v>14720</c:v>
                </c:pt>
                <c:pt idx="7">
                  <c:v>14510</c:v>
                </c:pt>
                <c:pt idx="8">
                  <c:v>14260</c:v>
                </c:pt>
                <c:pt idx="9">
                  <c:v>13740</c:v>
                </c:pt>
                <c:pt idx="10">
                  <c:v>13650</c:v>
                </c:pt>
                <c:pt idx="11">
                  <c:v>13320</c:v>
                </c:pt>
                <c:pt idx="12">
                  <c:v>12920</c:v>
                </c:pt>
                <c:pt idx="13">
                  <c:v>12870</c:v>
                </c:pt>
                <c:pt idx="14">
                  <c:v>12420</c:v>
                </c:pt>
                <c:pt idx="15">
                  <c:v>12180</c:v>
                </c:pt>
                <c:pt idx="16">
                  <c:v>12100</c:v>
                </c:pt>
                <c:pt idx="17">
                  <c:v>12160</c:v>
                </c:pt>
                <c:pt idx="18">
                  <c:v>12110</c:v>
                </c:pt>
                <c:pt idx="19">
                  <c:v>12100</c:v>
                </c:pt>
                <c:pt idx="20">
                  <c:v>12290</c:v>
                </c:pt>
                <c:pt idx="21">
                  <c:v>12380</c:v>
                </c:pt>
                <c:pt idx="22">
                  <c:v>12490</c:v>
                </c:pt>
                <c:pt idx="23">
                  <c:v>13370</c:v>
                </c:pt>
                <c:pt idx="24">
                  <c:v>15530</c:v>
                </c:pt>
                <c:pt idx="25">
                  <c:v>17770</c:v>
                </c:pt>
                <c:pt idx="26">
                  <c:v>19350</c:v>
                </c:pt>
                <c:pt idx="27">
                  <c:v>18330</c:v>
                </c:pt>
                <c:pt idx="28">
                  <c:v>16440</c:v>
                </c:pt>
                <c:pt idx="29">
                  <c:v>15620</c:v>
                </c:pt>
                <c:pt idx="30">
                  <c:v>15570</c:v>
                </c:pt>
                <c:pt idx="31">
                  <c:v>15530</c:v>
                </c:pt>
                <c:pt idx="32">
                  <c:v>15080</c:v>
                </c:pt>
                <c:pt idx="33">
                  <c:v>14560</c:v>
                </c:pt>
                <c:pt idx="34">
                  <c:v>14060</c:v>
                </c:pt>
                <c:pt idx="35">
                  <c:v>13370</c:v>
                </c:pt>
                <c:pt idx="36">
                  <c:v>13090</c:v>
                </c:pt>
                <c:pt idx="37">
                  <c:v>13380</c:v>
                </c:pt>
                <c:pt idx="38">
                  <c:v>13910</c:v>
                </c:pt>
                <c:pt idx="39">
                  <c:v>13970</c:v>
                </c:pt>
                <c:pt idx="40">
                  <c:v>14190</c:v>
                </c:pt>
                <c:pt idx="41">
                  <c:v>14220</c:v>
                </c:pt>
                <c:pt idx="42">
                  <c:v>13650</c:v>
                </c:pt>
                <c:pt idx="43">
                  <c:v>13100</c:v>
                </c:pt>
                <c:pt idx="44">
                  <c:v>12680</c:v>
                </c:pt>
                <c:pt idx="45">
                  <c:v>12480</c:v>
                </c:pt>
                <c:pt idx="46">
                  <c:v>12260</c:v>
                </c:pt>
                <c:pt idx="47">
                  <c:v>12140</c:v>
                </c:pt>
                <c:pt idx="48">
                  <c:v>12020</c:v>
                </c:pt>
                <c:pt idx="49">
                  <c:v>12290</c:v>
                </c:pt>
                <c:pt idx="50">
                  <c:v>13150</c:v>
                </c:pt>
                <c:pt idx="51">
                  <c:v>14780</c:v>
                </c:pt>
                <c:pt idx="52">
                  <c:v>15980</c:v>
                </c:pt>
                <c:pt idx="53">
                  <c:v>16860</c:v>
                </c:pt>
                <c:pt idx="54">
                  <c:v>18190</c:v>
                </c:pt>
                <c:pt idx="55">
                  <c:v>18540</c:v>
                </c:pt>
                <c:pt idx="56">
                  <c:v>18330</c:v>
                </c:pt>
                <c:pt idx="57">
                  <c:v>17740</c:v>
                </c:pt>
                <c:pt idx="58">
                  <c:v>18150</c:v>
                </c:pt>
                <c:pt idx="59">
                  <c:v>19900</c:v>
                </c:pt>
                <c:pt idx="60">
                  <c:v>20950</c:v>
                </c:pt>
                <c:pt idx="61">
                  <c:v>19760</c:v>
                </c:pt>
                <c:pt idx="62">
                  <c:v>18370</c:v>
                </c:pt>
                <c:pt idx="63">
                  <c:v>20100</c:v>
                </c:pt>
                <c:pt idx="64">
                  <c:v>22680</c:v>
                </c:pt>
                <c:pt idx="65">
                  <c:v>24430</c:v>
                </c:pt>
                <c:pt idx="66">
                  <c:v>25340</c:v>
                </c:pt>
                <c:pt idx="67">
                  <c:v>27790</c:v>
                </c:pt>
                <c:pt idx="68">
                  <c:v>32160</c:v>
                </c:pt>
                <c:pt idx="69">
                  <c:v>34500</c:v>
                </c:pt>
                <c:pt idx="70">
                  <c:v>34900</c:v>
                </c:pt>
                <c:pt idx="71">
                  <c:v>34020</c:v>
                </c:pt>
                <c:pt idx="72">
                  <c:v>32510</c:v>
                </c:pt>
                <c:pt idx="73">
                  <c:v>31900</c:v>
                </c:pt>
                <c:pt idx="74">
                  <c:v>36140</c:v>
                </c:pt>
                <c:pt idx="75">
                  <c:v>40830</c:v>
                </c:pt>
                <c:pt idx="76">
                  <c:v>50120</c:v>
                </c:pt>
                <c:pt idx="77">
                  <c:v>57010</c:v>
                </c:pt>
                <c:pt idx="78">
                  <c:v>56170</c:v>
                </c:pt>
                <c:pt idx="79">
                  <c:v>66250</c:v>
                </c:pt>
                <c:pt idx="80">
                  <c:v>77520</c:v>
                </c:pt>
                <c:pt idx="81">
                  <c:v>84510</c:v>
                </c:pt>
                <c:pt idx="82">
                  <c:v>83400</c:v>
                </c:pt>
                <c:pt idx="83">
                  <c:v>80600</c:v>
                </c:pt>
                <c:pt idx="84">
                  <c:v>77600</c:v>
                </c:pt>
                <c:pt idx="85">
                  <c:v>77300</c:v>
                </c:pt>
                <c:pt idx="86">
                  <c:v>76300</c:v>
                </c:pt>
                <c:pt idx="87">
                  <c:v>74600</c:v>
                </c:pt>
                <c:pt idx="88">
                  <c:v>73100</c:v>
                </c:pt>
                <c:pt idx="89">
                  <c:v>72000</c:v>
                </c:pt>
                <c:pt idx="90">
                  <c:v>74700</c:v>
                </c:pt>
                <c:pt idx="91">
                  <c:v>78100</c:v>
                </c:pt>
                <c:pt idx="92">
                  <c:v>78100</c:v>
                </c:pt>
                <c:pt idx="93">
                  <c:v>76900</c:v>
                </c:pt>
                <c:pt idx="94">
                  <c:v>76200</c:v>
                </c:pt>
                <c:pt idx="95">
                  <c:v>74500</c:v>
                </c:pt>
                <c:pt idx="96">
                  <c:v>69900</c:v>
                </c:pt>
                <c:pt idx="97">
                  <c:v>65400</c:v>
                </c:pt>
                <c:pt idx="98">
                  <c:v>60800</c:v>
                </c:pt>
                <c:pt idx="99">
                  <c:v>57100</c:v>
                </c:pt>
                <c:pt idx="100">
                  <c:v>54400</c:v>
                </c:pt>
                <c:pt idx="101">
                  <c:v>51900</c:v>
                </c:pt>
                <c:pt idx="102">
                  <c:v>49100</c:v>
                </c:pt>
                <c:pt idx="103">
                  <c:v>46400</c:v>
                </c:pt>
                <c:pt idx="104">
                  <c:v>44000</c:v>
                </c:pt>
                <c:pt idx="105">
                  <c:v>41800</c:v>
                </c:pt>
                <c:pt idx="106">
                  <c:v>40800</c:v>
                </c:pt>
                <c:pt idx="107">
                  <c:v>40000</c:v>
                </c:pt>
                <c:pt idx="108">
                  <c:v>39800</c:v>
                </c:pt>
                <c:pt idx="109">
                  <c:v>39700</c:v>
                </c:pt>
                <c:pt idx="110">
                  <c:v>39100</c:v>
                </c:pt>
                <c:pt idx="111">
                  <c:v>38100</c:v>
                </c:pt>
                <c:pt idx="112">
                  <c:v>36700</c:v>
                </c:pt>
                <c:pt idx="113">
                  <c:v>35700</c:v>
                </c:pt>
                <c:pt idx="114">
                  <c:v>34700</c:v>
                </c:pt>
                <c:pt idx="115">
                  <c:v>33240</c:v>
                </c:pt>
                <c:pt idx="116">
                  <c:v>31950</c:v>
                </c:pt>
                <c:pt idx="117">
                  <c:v>31130</c:v>
                </c:pt>
                <c:pt idx="118">
                  <c:v>29690</c:v>
                </c:pt>
                <c:pt idx="119">
                  <c:v>29610</c:v>
                </c:pt>
                <c:pt idx="120">
                  <c:v>28330</c:v>
                </c:pt>
                <c:pt idx="121">
                  <c:v>28030</c:v>
                </c:pt>
                <c:pt idx="122">
                  <c:v>28650</c:v>
                </c:pt>
                <c:pt idx="123">
                  <c:v>28240</c:v>
                </c:pt>
                <c:pt idx="124">
                  <c:v>27700</c:v>
                </c:pt>
                <c:pt idx="125">
                  <c:v>27380</c:v>
                </c:pt>
                <c:pt idx="126">
                  <c:v>26990</c:v>
                </c:pt>
                <c:pt idx="127">
                  <c:v>26400</c:v>
                </c:pt>
                <c:pt idx="128">
                  <c:v>25980</c:v>
                </c:pt>
                <c:pt idx="129">
                  <c:v>25570</c:v>
                </c:pt>
                <c:pt idx="130">
                  <c:v>25330</c:v>
                </c:pt>
                <c:pt idx="131">
                  <c:v>25100</c:v>
                </c:pt>
                <c:pt idx="132">
                  <c:v>25250</c:v>
                </c:pt>
                <c:pt idx="133">
                  <c:v>25150</c:v>
                </c:pt>
                <c:pt idx="134">
                  <c:v>24870</c:v>
                </c:pt>
                <c:pt idx="135">
                  <c:v>24410</c:v>
                </c:pt>
                <c:pt idx="136">
                  <c:v>24010</c:v>
                </c:pt>
                <c:pt idx="137">
                  <c:v>23880</c:v>
                </c:pt>
                <c:pt idx="138">
                  <c:v>24890</c:v>
                </c:pt>
                <c:pt idx="139">
                  <c:v>29210</c:v>
                </c:pt>
                <c:pt idx="140">
                  <c:v>36480</c:v>
                </c:pt>
                <c:pt idx="141">
                  <c:v>43330</c:v>
                </c:pt>
                <c:pt idx="142">
                  <c:v>49300</c:v>
                </c:pt>
                <c:pt idx="143">
                  <c:v>49700</c:v>
                </c:pt>
                <c:pt idx="144">
                  <c:v>46500</c:v>
                </c:pt>
                <c:pt idx="145">
                  <c:v>42800</c:v>
                </c:pt>
                <c:pt idx="146">
                  <c:v>39800</c:v>
                </c:pt>
                <c:pt idx="147">
                  <c:v>41700</c:v>
                </c:pt>
                <c:pt idx="148">
                  <c:v>41700</c:v>
                </c:pt>
                <c:pt idx="149">
                  <c:v>42300</c:v>
                </c:pt>
                <c:pt idx="150">
                  <c:v>42000</c:v>
                </c:pt>
                <c:pt idx="151">
                  <c:v>41600</c:v>
                </c:pt>
                <c:pt idx="152">
                  <c:v>42200</c:v>
                </c:pt>
                <c:pt idx="153">
                  <c:v>42400</c:v>
                </c:pt>
                <c:pt idx="154">
                  <c:v>43300</c:v>
                </c:pt>
                <c:pt idx="155">
                  <c:v>44800</c:v>
                </c:pt>
                <c:pt idx="156">
                  <c:v>44700</c:v>
                </c:pt>
                <c:pt idx="157">
                  <c:v>44800</c:v>
                </c:pt>
                <c:pt idx="158">
                  <c:v>47500</c:v>
                </c:pt>
                <c:pt idx="159">
                  <c:v>49100</c:v>
                </c:pt>
                <c:pt idx="160">
                  <c:v>47500</c:v>
                </c:pt>
                <c:pt idx="161">
                  <c:v>45300</c:v>
                </c:pt>
                <c:pt idx="162">
                  <c:v>44300</c:v>
                </c:pt>
                <c:pt idx="163">
                  <c:v>44140</c:v>
                </c:pt>
                <c:pt idx="164">
                  <c:v>44950</c:v>
                </c:pt>
                <c:pt idx="165">
                  <c:v>50520</c:v>
                </c:pt>
                <c:pt idx="166">
                  <c:v>64310</c:v>
                </c:pt>
                <c:pt idx="167">
                  <c:v>80220</c:v>
                </c:pt>
                <c:pt idx="168">
                  <c:v>88050</c:v>
                </c:pt>
                <c:pt idx="169">
                  <c:v>91660</c:v>
                </c:pt>
                <c:pt idx="170">
                  <c:v>93560</c:v>
                </c:pt>
                <c:pt idx="171">
                  <c:v>97000</c:v>
                </c:pt>
                <c:pt idx="172">
                  <c:v>99400</c:v>
                </c:pt>
                <c:pt idx="173">
                  <c:v>99300</c:v>
                </c:pt>
                <c:pt idx="174">
                  <c:v>100200</c:v>
                </c:pt>
                <c:pt idx="175">
                  <c:v>101700</c:v>
                </c:pt>
                <c:pt idx="176">
                  <c:v>103800</c:v>
                </c:pt>
                <c:pt idx="177">
                  <c:v>105000</c:v>
                </c:pt>
                <c:pt idx="178">
                  <c:v>104900</c:v>
                </c:pt>
                <c:pt idx="179">
                  <c:v>103800</c:v>
                </c:pt>
                <c:pt idx="180">
                  <c:v>102500</c:v>
                </c:pt>
                <c:pt idx="181">
                  <c:v>103000</c:v>
                </c:pt>
                <c:pt idx="182">
                  <c:v>102800</c:v>
                </c:pt>
                <c:pt idx="183">
                  <c:v>101500</c:v>
                </c:pt>
                <c:pt idx="184">
                  <c:v>101200</c:v>
                </c:pt>
                <c:pt idx="185">
                  <c:v>101700</c:v>
                </c:pt>
                <c:pt idx="186">
                  <c:v>100800</c:v>
                </c:pt>
                <c:pt idx="187">
                  <c:v>99500</c:v>
                </c:pt>
                <c:pt idx="188">
                  <c:v>98700</c:v>
                </c:pt>
                <c:pt idx="189">
                  <c:v>98000</c:v>
                </c:pt>
                <c:pt idx="190">
                  <c:v>96500</c:v>
                </c:pt>
                <c:pt idx="191">
                  <c:v>94400</c:v>
                </c:pt>
                <c:pt idx="192">
                  <c:v>90600</c:v>
                </c:pt>
                <c:pt idx="193">
                  <c:v>86500</c:v>
                </c:pt>
                <c:pt idx="194">
                  <c:v>82100</c:v>
                </c:pt>
                <c:pt idx="195">
                  <c:v>78000</c:v>
                </c:pt>
                <c:pt idx="196">
                  <c:v>74500</c:v>
                </c:pt>
                <c:pt idx="197">
                  <c:v>71000</c:v>
                </c:pt>
                <c:pt idx="198">
                  <c:v>68500</c:v>
                </c:pt>
                <c:pt idx="199">
                  <c:v>66900</c:v>
                </c:pt>
                <c:pt idx="200">
                  <c:v>65600</c:v>
                </c:pt>
                <c:pt idx="201">
                  <c:v>65300</c:v>
                </c:pt>
                <c:pt idx="202">
                  <c:v>65800</c:v>
                </c:pt>
                <c:pt idx="203">
                  <c:v>67200</c:v>
                </c:pt>
                <c:pt idx="204">
                  <c:v>69400</c:v>
                </c:pt>
                <c:pt idx="205">
                  <c:v>69400</c:v>
                </c:pt>
                <c:pt idx="206">
                  <c:v>68000</c:v>
                </c:pt>
                <c:pt idx="207">
                  <c:v>66100</c:v>
                </c:pt>
                <c:pt idx="208">
                  <c:v>64700</c:v>
                </c:pt>
                <c:pt idx="209">
                  <c:v>62700</c:v>
                </c:pt>
                <c:pt idx="210">
                  <c:v>61000</c:v>
                </c:pt>
                <c:pt idx="211">
                  <c:v>58400</c:v>
                </c:pt>
                <c:pt idx="212">
                  <c:v>55600</c:v>
                </c:pt>
                <c:pt idx="213">
                  <c:v>53300</c:v>
                </c:pt>
                <c:pt idx="214">
                  <c:v>51000</c:v>
                </c:pt>
                <c:pt idx="215">
                  <c:v>49300</c:v>
                </c:pt>
                <c:pt idx="216">
                  <c:v>48600</c:v>
                </c:pt>
                <c:pt idx="217">
                  <c:v>48450</c:v>
                </c:pt>
                <c:pt idx="218">
                  <c:v>48500</c:v>
                </c:pt>
                <c:pt idx="219">
                  <c:v>49400</c:v>
                </c:pt>
                <c:pt idx="220">
                  <c:v>49600</c:v>
                </c:pt>
                <c:pt idx="221">
                  <c:v>49200</c:v>
                </c:pt>
                <c:pt idx="222">
                  <c:v>48600</c:v>
                </c:pt>
                <c:pt idx="223">
                  <c:v>47900</c:v>
                </c:pt>
                <c:pt idx="224">
                  <c:v>46800</c:v>
                </c:pt>
                <c:pt idx="225">
                  <c:v>46000</c:v>
                </c:pt>
                <c:pt idx="226">
                  <c:v>46500</c:v>
                </c:pt>
                <c:pt idx="227">
                  <c:v>46900</c:v>
                </c:pt>
                <c:pt idx="228">
                  <c:v>46900</c:v>
                </c:pt>
                <c:pt idx="229">
                  <c:v>47900</c:v>
                </c:pt>
                <c:pt idx="230">
                  <c:v>49400</c:v>
                </c:pt>
                <c:pt idx="231">
                  <c:v>51000</c:v>
                </c:pt>
                <c:pt idx="232">
                  <c:v>51000</c:v>
                </c:pt>
                <c:pt idx="233">
                  <c:v>50000</c:v>
                </c:pt>
                <c:pt idx="234">
                  <c:v>49300</c:v>
                </c:pt>
                <c:pt idx="235">
                  <c:v>48200</c:v>
                </c:pt>
                <c:pt idx="236">
                  <c:v>46700</c:v>
                </c:pt>
                <c:pt idx="237">
                  <c:v>45600</c:v>
                </c:pt>
                <c:pt idx="238">
                  <c:v>45000</c:v>
                </c:pt>
                <c:pt idx="239">
                  <c:v>44700</c:v>
                </c:pt>
                <c:pt idx="240">
                  <c:v>44400</c:v>
                </c:pt>
                <c:pt idx="241">
                  <c:v>44500</c:v>
                </c:pt>
                <c:pt idx="242">
                  <c:v>44400</c:v>
                </c:pt>
                <c:pt idx="243">
                  <c:v>44700</c:v>
                </c:pt>
                <c:pt idx="244">
                  <c:v>45200</c:v>
                </c:pt>
                <c:pt idx="245">
                  <c:v>46300</c:v>
                </c:pt>
                <c:pt idx="246">
                  <c:v>47000</c:v>
                </c:pt>
                <c:pt idx="247">
                  <c:v>48500</c:v>
                </c:pt>
                <c:pt idx="248">
                  <c:v>50200</c:v>
                </c:pt>
                <c:pt idx="249">
                  <c:v>50300</c:v>
                </c:pt>
                <c:pt idx="250">
                  <c:v>53200</c:v>
                </c:pt>
                <c:pt idx="251">
                  <c:v>55000</c:v>
                </c:pt>
                <c:pt idx="252">
                  <c:v>56900</c:v>
                </c:pt>
                <c:pt idx="253">
                  <c:v>59500</c:v>
                </c:pt>
                <c:pt idx="254">
                  <c:v>59200</c:v>
                </c:pt>
                <c:pt idx="255">
                  <c:v>57900</c:v>
                </c:pt>
                <c:pt idx="256">
                  <c:v>54900</c:v>
                </c:pt>
                <c:pt idx="257">
                  <c:v>53700</c:v>
                </c:pt>
                <c:pt idx="258">
                  <c:v>53700</c:v>
                </c:pt>
                <c:pt idx="259">
                  <c:v>55200</c:v>
                </c:pt>
                <c:pt idx="260">
                  <c:v>54900</c:v>
                </c:pt>
                <c:pt idx="261">
                  <c:v>53000</c:v>
                </c:pt>
                <c:pt idx="262">
                  <c:v>52600</c:v>
                </c:pt>
                <c:pt idx="263">
                  <c:v>52740</c:v>
                </c:pt>
                <c:pt idx="264">
                  <c:v>52100</c:v>
                </c:pt>
                <c:pt idx="265">
                  <c:v>50400</c:v>
                </c:pt>
                <c:pt idx="266">
                  <c:v>47700</c:v>
                </c:pt>
                <c:pt idx="267">
                  <c:v>45700</c:v>
                </c:pt>
                <c:pt idx="268">
                  <c:v>45800</c:v>
                </c:pt>
                <c:pt idx="269">
                  <c:v>46600</c:v>
                </c:pt>
                <c:pt idx="270">
                  <c:v>47500</c:v>
                </c:pt>
                <c:pt idx="271">
                  <c:v>49800</c:v>
                </c:pt>
                <c:pt idx="272">
                  <c:v>50600</c:v>
                </c:pt>
                <c:pt idx="273">
                  <c:v>50500</c:v>
                </c:pt>
                <c:pt idx="274">
                  <c:v>47900</c:v>
                </c:pt>
                <c:pt idx="275">
                  <c:v>45400</c:v>
                </c:pt>
                <c:pt idx="276">
                  <c:v>43600</c:v>
                </c:pt>
                <c:pt idx="277">
                  <c:v>41800</c:v>
                </c:pt>
                <c:pt idx="278">
                  <c:v>40290</c:v>
                </c:pt>
                <c:pt idx="279">
                  <c:v>38610</c:v>
                </c:pt>
                <c:pt idx="280">
                  <c:v>36900</c:v>
                </c:pt>
                <c:pt idx="281">
                  <c:v>35400</c:v>
                </c:pt>
                <c:pt idx="282">
                  <c:v>34100</c:v>
                </c:pt>
                <c:pt idx="283">
                  <c:v>32000</c:v>
                </c:pt>
                <c:pt idx="284">
                  <c:v>29500</c:v>
                </c:pt>
                <c:pt idx="285">
                  <c:v>28260</c:v>
                </c:pt>
                <c:pt idx="286">
                  <c:v>28100</c:v>
                </c:pt>
                <c:pt idx="287">
                  <c:v>28300</c:v>
                </c:pt>
                <c:pt idx="288">
                  <c:v>28300</c:v>
                </c:pt>
                <c:pt idx="289">
                  <c:v>27900</c:v>
                </c:pt>
                <c:pt idx="290">
                  <c:v>27420</c:v>
                </c:pt>
                <c:pt idx="291">
                  <c:v>27580</c:v>
                </c:pt>
                <c:pt idx="292">
                  <c:v>26990</c:v>
                </c:pt>
                <c:pt idx="293">
                  <c:v>25280</c:v>
                </c:pt>
                <c:pt idx="294">
                  <c:v>23850</c:v>
                </c:pt>
                <c:pt idx="295">
                  <c:v>22720</c:v>
                </c:pt>
                <c:pt idx="296">
                  <c:v>21980</c:v>
                </c:pt>
                <c:pt idx="297">
                  <c:v>21680</c:v>
                </c:pt>
                <c:pt idx="298">
                  <c:v>21250</c:v>
                </c:pt>
                <c:pt idx="299">
                  <c:v>20830</c:v>
                </c:pt>
                <c:pt idx="300">
                  <c:v>20410</c:v>
                </c:pt>
                <c:pt idx="301">
                  <c:v>19930</c:v>
                </c:pt>
                <c:pt idx="302">
                  <c:v>19780</c:v>
                </c:pt>
                <c:pt idx="303">
                  <c:v>19910</c:v>
                </c:pt>
                <c:pt idx="304">
                  <c:v>20290</c:v>
                </c:pt>
                <c:pt idx="305">
                  <c:v>20670</c:v>
                </c:pt>
                <c:pt idx="306">
                  <c:v>21460</c:v>
                </c:pt>
                <c:pt idx="307">
                  <c:v>21710</c:v>
                </c:pt>
                <c:pt idx="308">
                  <c:v>21720</c:v>
                </c:pt>
                <c:pt idx="309">
                  <c:v>21350</c:v>
                </c:pt>
                <c:pt idx="310">
                  <c:v>21490</c:v>
                </c:pt>
                <c:pt idx="311">
                  <c:v>21880</c:v>
                </c:pt>
                <c:pt idx="312">
                  <c:v>21070</c:v>
                </c:pt>
                <c:pt idx="313">
                  <c:v>20050</c:v>
                </c:pt>
                <c:pt idx="314">
                  <c:v>20050</c:v>
                </c:pt>
                <c:pt idx="315">
                  <c:v>21120</c:v>
                </c:pt>
                <c:pt idx="316">
                  <c:v>21260</c:v>
                </c:pt>
                <c:pt idx="317">
                  <c:v>21410</c:v>
                </c:pt>
                <c:pt idx="318">
                  <c:v>21920</c:v>
                </c:pt>
                <c:pt idx="319">
                  <c:v>21680</c:v>
                </c:pt>
                <c:pt idx="320">
                  <c:v>21590</c:v>
                </c:pt>
                <c:pt idx="321">
                  <c:v>21550</c:v>
                </c:pt>
                <c:pt idx="322">
                  <c:v>21770</c:v>
                </c:pt>
                <c:pt idx="323">
                  <c:v>21860</c:v>
                </c:pt>
                <c:pt idx="324">
                  <c:v>22510</c:v>
                </c:pt>
                <c:pt idx="325">
                  <c:v>23100</c:v>
                </c:pt>
                <c:pt idx="326">
                  <c:v>23160</c:v>
                </c:pt>
                <c:pt idx="327">
                  <c:v>23540</c:v>
                </c:pt>
                <c:pt idx="328">
                  <c:v>24600</c:v>
                </c:pt>
                <c:pt idx="329">
                  <c:v>25230</c:v>
                </c:pt>
                <c:pt idx="330">
                  <c:v>26160</c:v>
                </c:pt>
                <c:pt idx="331">
                  <c:v>26730</c:v>
                </c:pt>
                <c:pt idx="332">
                  <c:v>27150</c:v>
                </c:pt>
                <c:pt idx="333">
                  <c:v>26240</c:v>
                </c:pt>
                <c:pt idx="334">
                  <c:v>25890</c:v>
                </c:pt>
                <c:pt idx="335">
                  <c:v>26030</c:v>
                </c:pt>
                <c:pt idx="336">
                  <c:v>25810</c:v>
                </c:pt>
                <c:pt idx="337">
                  <c:v>25560</c:v>
                </c:pt>
                <c:pt idx="338">
                  <c:v>25510</c:v>
                </c:pt>
                <c:pt idx="339">
                  <c:v>25260</c:v>
                </c:pt>
                <c:pt idx="340">
                  <c:v>25110</c:v>
                </c:pt>
                <c:pt idx="341">
                  <c:v>25410</c:v>
                </c:pt>
                <c:pt idx="342">
                  <c:v>25510</c:v>
                </c:pt>
                <c:pt idx="343">
                  <c:v>25580</c:v>
                </c:pt>
                <c:pt idx="344">
                  <c:v>25650</c:v>
                </c:pt>
                <c:pt idx="345">
                  <c:v>25450</c:v>
                </c:pt>
                <c:pt idx="346">
                  <c:v>25180</c:v>
                </c:pt>
                <c:pt idx="347">
                  <c:v>24510</c:v>
                </c:pt>
                <c:pt idx="348">
                  <c:v>24730</c:v>
                </c:pt>
                <c:pt idx="349">
                  <c:v>25250</c:v>
                </c:pt>
                <c:pt idx="350">
                  <c:v>25950</c:v>
                </c:pt>
                <c:pt idx="351">
                  <c:v>26480</c:v>
                </c:pt>
                <c:pt idx="352">
                  <c:v>26400</c:v>
                </c:pt>
                <c:pt idx="353">
                  <c:v>25660</c:v>
                </c:pt>
                <c:pt idx="354">
                  <c:v>24960</c:v>
                </c:pt>
                <c:pt idx="355">
                  <c:v>24550</c:v>
                </c:pt>
                <c:pt idx="356">
                  <c:v>24390</c:v>
                </c:pt>
                <c:pt idx="357">
                  <c:v>24160</c:v>
                </c:pt>
                <c:pt idx="358">
                  <c:v>24600</c:v>
                </c:pt>
                <c:pt idx="359">
                  <c:v>25880</c:v>
                </c:pt>
                <c:pt idx="360">
                  <c:v>26030</c:v>
                </c:pt>
                <c:pt idx="361">
                  <c:v>25480</c:v>
                </c:pt>
                <c:pt idx="362">
                  <c:v>25230</c:v>
                </c:pt>
                <c:pt idx="363">
                  <c:v>25090</c:v>
                </c:pt>
                <c:pt idx="364">
                  <c:v>25650</c:v>
                </c:pt>
              </c:numCache>
            </c:numRef>
          </c:val>
        </c:ser>
        <c:ser>
          <c:idx val="1"/>
          <c:order val="1"/>
          <c:tx>
            <c:strRef>
              <c:f>Sheet1!$BG$5</c:f>
              <c:strCache>
                <c:ptCount val="1"/>
                <c:pt idx="0">
                  <c:v>Historical - SWP/CVP Export</c:v>
                </c:pt>
              </c:strCache>
            </c:strRef>
          </c:tx>
          <c:spPr>
            <a:solidFill>
              <a:srgbClr val="00B0F0"/>
            </a:solidFill>
            <a:ln w="9525">
              <a:solidFill>
                <a:schemeClr val="bg1">
                  <a:lumMod val="65000"/>
                  <a:lumOff val="35000"/>
                </a:schemeClr>
              </a:solidFill>
            </a:ln>
            <a:effectLst>
              <a:outerShdw blurRad="50800" dist="38100" dir="2700000" algn="tl" rotWithShape="0">
                <a:prstClr val="black">
                  <a:alpha val="90000"/>
                </a:prstClr>
              </a:outerShdw>
            </a:effectLst>
          </c:spPr>
          <c:cat>
            <c:numRef>
              <c:f>Sheet1!$D$2198:$D$2562</c:f>
              <c:numCache>
                <c:formatCode>d\-mmm\-yy</c:formatCode>
                <c:ptCount val="365"/>
                <c:pt idx="0">
                  <c:v>40452</c:v>
                </c:pt>
                <c:pt idx="1">
                  <c:v>40453</c:v>
                </c:pt>
                <c:pt idx="2">
                  <c:v>40454</c:v>
                </c:pt>
                <c:pt idx="3">
                  <c:v>40455</c:v>
                </c:pt>
                <c:pt idx="4">
                  <c:v>40456</c:v>
                </c:pt>
                <c:pt idx="5">
                  <c:v>40457</c:v>
                </c:pt>
                <c:pt idx="6">
                  <c:v>40458</c:v>
                </c:pt>
                <c:pt idx="7">
                  <c:v>40459</c:v>
                </c:pt>
                <c:pt idx="8">
                  <c:v>40460</c:v>
                </c:pt>
                <c:pt idx="9">
                  <c:v>40461</c:v>
                </c:pt>
                <c:pt idx="10">
                  <c:v>40462</c:v>
                </c:pt>
                <c:pt idx="11">
                  <c:v>40463</c:v>
                </c:pt>
                <c:pt idx="12">
                  <c:v>40464</c:v>
                </c:pt>
                <c:pt idx="13">
                  <c:v>40465</c:v>
                </c:pt>
                <c:pt idx="14">
                  <c:v>40466</c:v>
                </c:pt>
                <c:pt idx="15">
                  <c:v>40467</c:v>
                </c:pt>
                <c:pt idx="16">
                  <c:v>40468</c:v>
                </c:pt>
                <c:pt idx="17">
                  <c:v>40469</c:v>
                </c:pt>
                <c:pt idx="18">
                  <c:v>40470</c:v>
                </c:pt>
                <c:pt idx="19">
                  <c:v>40471</c:v>
                </c:pt>
                <c:pt idx="20">
                  <c:v>40472</c:v>
                </c:pt>
                <c:pt idx="21">
                  <c:v>40473</c:v>
                </c:pt>
                <c:pt idx="22">
                  <c:v>40474</c:v>
                </c:pt>
                <c:pt idx="23">
                  <c:v>40475</c:v>
                </c:pt>
                <c:pt idx="24">
                  <c:v>40476</c:v>
                </c:pt>
                <c:pt idx="25">
                  <c:v>40477</c:v>
                </c:pt>
                <c:pt idx="26">
                  <c:v>40478</c:v>
                </c:pt>
                <c:pt idx="27">
                  <c:v>40479</c:v>
                </c:pt>
                <c:pt idx="28">
                  <c:v>40480</c:v>
                </c:pt>
                <c:pt idx="29">
                  <c:v>40481</c:v>
                </c:pt>
                <c:pt idx="30">
                  <c:v>40482</c:v>
                </c:pt>
                <c:pt idx="31">
                  <c:v>40483</c:v>
                </c:pt>
                <c:pt idx="32">
                  <c:v>40484</c:v>
                </c:pt>
                <c:pt idx="33">
                  <c:v>40485</c:v>
                </c:pt>
                <c:pt idx="34">
                  <c:v>40486</c:v>
                </c:pt>
                <c:pt idx="35">
                  <c:v>40487</c:v>
                </c:pt>
                <c:pt idx="36">
                  <c:v>40488</c:v>
                </c:pt>
                <c:pt idx="37">
                  <c:v>40489</c:v>
                </c:pt>
                <c:pt idx="38">
                  <c:v>40490</c:v>
                </c:pt>
                <c:pt idx="39">
                  <c:v>40491</c:v>
                </c:pt>
                <c:pt idx="40">
                  <c:v>40492</c:v>
                </c:pt>
                <c:pt idx="41">
                  <c:v>40493</c:v>
                </c:pt>
                <c:pt idx="42">
                  <c:v>40494</c:v>
                </c:pt>
                <c:pt idx="43">
                  <c:v>40495</c:v>
                </c:pt>
                <c:pt idx="44">
                  <c:v>40496</c:v>
                </c:pt>
                <c:pt idx="45">
                  <c:v>40497</c:v>
                </c:pt>
                <c:pt idx="46">
                  <c:v>40498</c:v>
                </c:pt>
                <c:pt idx="47">
                  <c:v>40499</c:v>
                </c:pt>
                <c:pt idx="48">
                  <c:v>40500</c:v>
                </c:pt>
                <c:pt idx="49">
                  <c:v>40501</c:v>
                </c:pt>
                <c:pt idx="50">
                  <c:v>40502</c:v>
                </c:pt>
                <c:pt idx="51">
                  <c:v>40503</c:v>
                </c:pt>
                <c:pt idx="52">
                  <c:v>40504</c:v>
                </c:pt>
                <c:pt idx="53">
                  <c:v>40505</c:v>
                </c:pt>
                <c:pt idx="54">
                  <c:v>40506</c:v>
                </c:pt>
                <c:pt idx="55">
                  <c:v>40507</c:v>
                </c:pt>
                <c:pt idx="56">
                  <c:v>40508</c:v>
                </c:pt>
                <c:pt idx="57">
                  <c:v>40509</c:v>
                </c:pt>
                <c:pt idx="58">
                  <c:v>40510</c:v>
                </c:pt>
                <c:pt idx="59">
                  <c:v>40511</c:v>
                </c:pt>
                <c:pt idx="60">
                  <c:v>40512</c:v>
                </c:pt>
                <c:pt idx="61">
                  <c:v>40513</c:v>
                </c:pt>
                <c:pt idx="62">
                  <c:v>40514</c:v>
                </c:pt>
                <c:pt idx="63">
                  <c:v>40515</c:v>
                </c:pt>
                <c:pt idx="64">
                  <c:v>40516</c:v>
                </c:pt>
                <c:pt idx="65">
                  <c:v>40517</c:v>
                </c:pt>
                <c:pt idx="66">
                  <c:v>40518</c:v>
                </c:pt>
                <c:pt idx="67">
                  <c:v>40519</c:v>
                </c:pt>
                <c:pt idx="68">
                  <c:v>40520</c:v>
                </c:pt>
                <c:pt idx="69">
                  <c:v>40521</c:v>
                </c:pt>
                <c:pt idx="70">
                  <c:v>40522</c:v>
                </c:pt>
                <c:pt idx="71">
                  <c:v>40523</c:v>
                </c:pt>
                <c:pt idx="72">
                  <c:v>40524</c:v>
                </c:pt>
                <c:pt idx="73">
                  <c:v>40525</c:v>
                </c:pt>
                <c:pt idx="74">
                  <c:v>40526</c:v>
                </c:pt>
                <c:pt idx="75">
                  <c:v>40527</c:v>
                </c:pt>
                <c:pt idx="76">
                  <c:v>40528</c:v>
                </c:pt>
                <c:pt idx="77">
                  <c:v>40529</c:v>
                </c:pt>
                <c:pt idx="78">
                  <c:v>40530</c:v>
                </c:pt>
                <c:pt idx="79">
                  <c:v>40531</c:v>
                </c:pt>
                <c:pt idx="80">
                  <c:v>40532</c:v>
                </c:pt>
                <c:pt idx="81">
                  <c:v>40533</c:v>
                </c:pt>
                <c:pt idx="82">
                  <c:v>40534</c:v>
                </c:pt>
                <c:pt idx="83">
                  <c:v>40535</c:v>
                </c:pt>
                <c:pt idx="84">
                  <c:v>40536</c:v>
                </c:pt>
                <c:pt idx="85">
                  <c:v>40537</c:v>
                </c:pt>
                <c:pt idx="86">
                  <c:v>40538</c:v>
                </c:pt>
                <c:pt idx="87">
                  <c:v>40539</c:v>
                </c:pt>
                <c:pt idx="88">
                  <c:v>40540</c:v>
                </c:pt>
                <c:pt idx="89">
                  <c:v>40541</c:v>
                </c:pt>
                <c:pt idx="90">
                  <c:v>40542</c:v>
                </c:pt>
                <c:pt idx="91">
                  <c:v>40543</c:v>
                </c:pt>
                <c:pt idx="92">
                  <c:v>40544</c:v>
                </c:pt>
                <c:pt idx="93">
                  <c:v>40545</c:v>
                </c:pt>
                <c:pt idx="94">
                  <c:v>40546</c:v>
                </c:pt>
                <c:pt idx="95">
                  <c:v>40547</c:v>
                </c:pt>
                <c:pt idx="96">
                  <c:v>40548</c:v>
                </c:pt>
                <c:pt idx="97">
                  <c:v>40549</c:v>
                </c:pt>
                <c:pt idx="98">
                  <c:v>40550</c:v>
                </c:pt>
                <c:pt idx="99">
                  <c:v>40551</c:v>
                </c:pt>
                <c:pt idx="100">
                  <c:v>40552</c:v>
                </c:pt>
                <c:pt idx="101">
                  <c:v>40553</c:v>
                </c:pt>
                <c:pt idx="102">
                  <c:v>40554</c:v>
                </c:pt>
                <c:pt idx="103">
                  <c:v>40555</c:v>
                </c:pt>
                <c:pt idx="104">
                  <c:v>40556</c:v>
                </c:pt>
                <c:pt idx="105">
                  <c:v>40557</c:v>
                </c:pt>
                <c:pt idx="106">
                  <c:v>40558</c:v>
                </c:pt>
                <c:pt idx="107">
                  <c:v>40559</c:v>
                </c:pt>
                <c:pt idx="108">
                  <c:v>40560</c:v>
                </c:pt>
                <c:pt idx="109">
                  <c:v>40561</c:v>
                </c:pt>
                <c:pt idx="110">
                  <c:v>40562</c:v>
                </c:pt>
                <c:pt idx="111">
                  <c:v>40563</c:v>
                </c:pt>
                <c:pt idx="112">
                  <c:v>40564</c:v>
                </c:pt>
                <c:pt idx="113">
                  <c:v>40565</c:v>
                </c:pt>
                <c:pt idx="114">
                  <c:v>40566</c:v>
                </c:pt>
                <c:pt idx="115">
                  <c:v>40567</c:v>
                </c:pt>
                <c:pt idx="116">
                  <c:v>40568</c:v>
                </c:pt>
                <c:pt idx="117">
                  <c:v>40569</c:v>
                </c:pt>
                <c:pt idx="118">
                  <c:v>40570</c:v>
                </c:pt>
                <c:pt idx="119">
                  <c:v>40571</c:v>
                </c:pt>
                <c:pt idx="120">
                  <c:v>40572</c:v>
                </c:pt>
                <c:pt idx="121">
                  <c:v>40573</c:v>
                </c:pt>
                <c:pt idx="122">
                  <c:v>40574</c:v>
                </c:pt>
                <c:pt idx="123">
                  <c:v>40575</c:v>
                </c:pt>
                <c:pt idx="124">
                  <c:v>40576</c:v>
                </c:pt>
                <c:pt idx="125">
                  <c:v>40577</c:v>
                </c:pt>
                <c:pt idx="126">
                  <c:v>40578</c:v>
                </c:pt>
                <c:pt idx="127">
                  <c:v>40579</c:v>
                </c:pt>
                <c:pt idx="128">
                  <c:v>40580</c:v>
                </c:pt>
                <c:pt idx="129">
                  <c:v>40581</c:v>
                </c:pt>
                <c:pt idx="130">
                  <c:v>40582</c:v>
                </c:pt>
                <c:pt idx="131">
                  <c:v>40583</c:v>
                </c:pt>
                <c:pt idx="132">
                  <c:v>40584</c:v>
                </c:pt>
                <c:pt idx="133">
                  <c:v>40585</c:v>
                </c:pt>
                <c:pt idx="134">
                  <c:v>40586</c:v>
                </c:pt>
                <c:pt idx="135">
                  <c:v>40587</c:v>
                </c:pt>
                <c:pt idx="136">
                  <c:v>40588</c:v>
                </c:pt>
                <c:pt idx="137">
                  <c:v>40589</c:v>
                </c:pt>
                <c:pt idx="138">
                  <c:v>40590</c:v>
                </c:pt>
                <c:pt idx="139">
                  <c:v>40591</c:v>
                </c:pt>
                <c:pt idx="140">
                  <c:v>40592</c:v>
                </c:pt>
                <c:pt idx="141">
                  <c:v>40593</c:v>
                </c:pt>
                <c:pt idx="142">
                  <c:v>40594</c:v>
                </c:pt>
                <c:pt idx="143">
                  <c:v>40595</c:v>
                </c:pt>
                <c:pt idx="144">
                  <c:v>40596</c:v>
                </c:pt>
                <c:pt idx="145">
                  <c:v>40597</c:v>
                </c:pt>
                <c:pt idx="146">
                  <c:v>40598</c:v>
                </c:pt>
                <c:pt idx="147">
                  <c:v>40599</c:v>
                </c:pt>
                <c:pt idx="148">
                  <c:v>40600</c:v>
                </c:pt>
                <c:pt idx="149">
                  <c:v>40601</c:v>
                </c:pt>
                <c:pt idx="150">
                  <c:v>40602</c:v>
                </c:pt>
                <c:pt idx="151">
                  <c:v>40603</c:v>
                </c:pt>
                <c:pt idx="152">
                  <c:v>40604</c:v>
                </c:pt>
                <c:pt idx="153">
                  <c:v>40605</c:v>
                </c:pt>
                <c:pt idx="154">
                  <c:v>40606</c:v>
                </c:pt>
                <c:pt idx="155">
                  <c:v>40607</c:v>
                </c:pt>
                <c:pt idx="156">
                  <c:v>40608</c:v>
                </c:pt>
                <c:pt idx="157">
                  <c:v>40609</c:v>
                </c:pt>
                <c:pt idx="158">
                  <c:v>40610</c:v>
                </c:pt>
                <c:pt idx="159">
                  <c:v>40611</c:v>
                </c:pt>
                <c:pt idx="160">
                  <c:v>40612</c:v>
                </c:pt>
                <c:pt idx="161">
                  <c:v>40613</c:v>
                </c:pt>
                <c:pt idx="162">
                  <c:v>40614</c:v>
                </c:pt>
                <c:pt idx="163">
                  <c:v>40615</c:v>
                </c:pt>
                <c:pt idx="164">
                  <c:v>40616</c:v>
                </c:pt>
                <c:pt idx="165">
                  <c:v>40617</c:v>
                </c:pt>
                <c:pt idx="166">
                  <c:v>40618</c:v>
                </c:pt>
                <c:pt idx="167">
                  <c:v>40619</c:v>
                </c:pt>
                <c:pt idx="168">
                  <c:v>40620</c:v>
                </c:pt>
                <c:pt idx="169">
                  <c:v>40621</c:v>
                </c:pt>
                <c:pt idx="170">
                  <c:v>40622</c:v>
                </c:pt>
                <c:pt idx="171">
                  <c:v>40623</c:v>
                </c:pt>
                <c:pt idx="172">
                  <c:v>40624</c:v>
                </c:pt>
                <c:pt idx="173">
                  <c:v>40625</c:v>
                </c:pt>
                <c:pt idx="174">
                  <c:v>40626</c:v>
                </c:pt>
                <c:pt idx="175">
                  <c:v>40627</c:v>
                </c:pt>
                <c:pt idx="176">
                  <c:v>40628</c:v>
                </c:pt>
                <c:pt idx="177">
                  <c:v>40629</c:v>
                </c:pt>
                <c:pt idx="178">
                  <c:v>40630</c:v>
                </c:pt>
                <c:pt idx="179">
                  <c:v>40631</c:v>
                </c:pt>
                <c:pt idx="180">
                  <c:v>40632</c:v>
                </c:pt>
                <c:pt idx="181">
                  <c:v>40633</c:v>
                </c:pt>
                <c:pt idx="182">
                  <c:v>40634</c:v>
                </c:pt>
                <c:pt idx="183">
                  <c:v>40635</c:v>
                </c:pt>
                <c:pt idx="184">
                  <c:v>40636</c:v>
                </c:pt>
                <c:pt idx="185">
                  <c:v>40637</c:v>
                </c:pt>
                <c:pt idx="186">
                  <c:v>40638</c:v>
                </c:pt>
                <c:pt idx="187">
                  <c:v>40639</c:v>
                </c:pt>
                <c:pt idx="188">
                  <c:v>40640</c:v>
                </c:pt>
                <c:pt idx="189">
                  <c:v>40641</c:v>
                </c:pt>
                <c:pt idx="190">
                  <c:v>40642</c:v>
                </c:pt>
                <c:pt idx="191">
                  <c:v>40643</c:v>
                </c:pt>
                <c:pt idx="192">
                  <c:v>40644</c:v>
                </c:pt>
                <c:pt idx="193">
                  <c:v>40645</c:v>
                </c:pt>
                <c:pt idx="194">
                  <c:v>40646</c:v>
                </c:pt>
                <c:pt idx="195">
                  <c:v>40647</c:v>
                </c:pt>
                <c:pt idx="196">
                  <c:v>40648</c:v>
                </c:pt>
                <c:pt idx="197">
                  <c:v>40649</c:v>
                </c:pt>
                <c:pt idx="198">
                  <c:v>40650</c:v>
                </c:pt>
                <c:pt idx="199">
                  <c:v>40651</c:v>
                </c:pt>
                <c:pt idx="200">
                  <c:v>40652</c:v>
                </c:pt>
                <c:pt idx="201">
                  <c:v>40653</c:v>
                </c:pt>
                <c:pt idx="202">
                  <c:v>40654</c:v>
                </c:pt>
                <c:pt idx="203">
                  <c:v>40655</c:v>
                </c:pt>
                <c:pt idx="204">
                  <c:v>40656</c:v>
                </c:pt>
                <c:pt idx="205">
                  <c:v>40657</c:v>
                </c:pt>
                <c:pt idx="206">
                  <c:v>40658</c:v>
                </c:pt>
                <c:pt idx="207">
                  <c:v>40659</c:v>
                </c:pt>
                <c:pt idx="208">
                  <c:v>40660</c:v>
                </c:pt>
                <c:pt idx="209">
                  <c:v>40661</c:v>
                </c:pt>
                <c:pt idx="210">
                  <c:v>40662</c:v>
                </c:pt>
                <c:pt idx="211">
                  <c:v>40663</c:v>
                </c:pt>
                <c:pt idx="212">
                  <c:v>40664</c:v>
                </c:pt>
                <c:pt idx="213">
                  <c:v>40665</c:v>
                </c:pt>
                <c:pt idx="214">
                  <c:v>40666</c:v>
                </c:pt>
                <c:pt idx="215">
                  <c:v>40667</c:v>
                </c:pt>
                <c:pt idx="216">
                  <c:v>40668</c:v>
                </c:pt>
                <c:pt idx="217">
                  <c:v>40669</c:v>
                </c:pt>
                <c:pt idx="218">
                  <c:v>40670</c:v>
                </c:pt>
                <c:pt idx="219">
                  <c:v>40671</c:v>
                </c:pt>
                <c:pt idx="220">
                  <c:v>40672</c:v>
                </c:pt>
                <c:pt idx="221">
                  <c:v>40673</c:v>
                </c:pt>
                <c:pt idx="222">
                  <c:v>40674</c:v>
                </c:pt>
                <c:pt idx="223">
                  <c:v>40675</c:v>
                </c:pt>
                <c:pt idx="224">
                  <c:v>40676</c:v>
                </c:pt>
                <c:pt idx="225">
                  <c:v>40677</c:v>
                </c:pt>
                <c:pt idx="226">
                  <c:v>40678</c:v>
                </c:pt>
                <c:pt idx="227">
                  <c:v>40679</c:v>
                </c:pt>
                <c:pt idx="228">
                  <c:v>40680</c:v>
                </c:pt>
                <c:pt idx="229">
                  <c:v>40681</c:v>
                </c:pt>
                <c:pt idx="230">
                  <c:v>40682</c:v>
                </c:pt>
                <c:pt idx="231">
                  <c:v>40683</c:v>
                </c:pt>
                <c:pt idx="232">
                  <c:v>40684</c:v>
                </c:pt>
                <c:pt idx="233">
                  <c:v>40685</c:v>
                </c:pt>
                <c:pt idx="234">
                  <c:v>40686</c:v>
                </c:pt>
                <c:pt idx="235">
                  <c:v>40687</c:v>
                </c:pt>
                <c:pt idx="236">
                  <c:v>40688</c:v>
                </c:pt>
                <c:pt idx="237">
                  <c:v>40689</c:v>
                </c:pt>
                <c:pt idx="238">
                  <c:v>40690</c:v>
                </c:pt>
                <c:pt idx="239">
                  <c:v>40691</c:v>
                </c:pt>
                <c:pt idx="240">
                  <c:v>40692</c:v>
                </c:pt>
                <c:pt idx="241">
                  <c:v>40693</c:v>
                </c:pt>
                <c:pt idx="242">
                  <c:v>40694</c:v>
                </c:pt>
                <c:pt idx="243">
                  <c:v>40695</c:v>
                </c:pt>
                <c:pt idx="244">
                  <c:v>40696</c:v>
                </c:pt>
                <c:pt idx="245">
                  <c:v>40697</c:v>
                </c:pt>
                <c:pt idx="246">
                  <c:v>40698</c:v>
                </c:pt>
                <c:pt idx="247">
                  <c:v>40699</c:v>
                </c:pt>
                <c:pt idx="248">
                  <c:v>40700</c:v>
                </c:pt>
                <c:pt idx="249">
                  <c:v>40701</c:v>
                </c:pt>
                <c:pt idx="250">
                  <c:v>40702</c:v>
                </c:pt>
                <c:pt idx="251">
                  <c:v>40703</c:v>
                </c:pt>
                <c:pt idx="252">
                  <c:v>40704</c:v>
                </c:pt>
                <c:pt idx="253">
                  <c:v>40705</c:v>
                </c:pt>
                <c:pt idx="254">
                  <c:v>40706</c:v>
                </c:pt>
                <c:pt idx="255">
                  <c:v>40707</c:v>
                </c:pt>
                <c:pt idx="256">
                  <c:v>40708</c:v>
                </c:pt>
                <c:pt idx="257">
                  <c:v>40709</c:v>
                </c:pt>
                <c:pt idx="258">
                  <c:v>40710</c:v>
                </c:pt>
                <c:pt idx="259">
                  <c:v>40711</c:v>
                </c:pt>
                <c:pt idx="260">
                  <c:v>40712</c:v>
                </c:pt>
                <c:pt idx="261">
                  <c:v>40713</c:v>
                </c:pt>
                <c:pt idx="262">
                  <c:v>40714</c:v>
                </c:pt>
                <c:pt idx="263">
                  <c:v>40715</c:v>
                </c:pt>
                <c:pt idx="264">
                  <c:v>40716</c:v>
                </c:pt>
                <c:pt idx="265">
                  <c:v>40717</c:v>
                </c:pt>
                <c:pt idx="266">
                  <c:v>40718</c:v>
                </c:pt>
                <c:pt idx="267">
                  <c:v>40719</c:v>
                </c:pt>
                <c:pt idx="268">
                  <c:v>40720</c:v>
                </c:pt>
                <c:pt idx="269">
                  <c:v>40721</c:v>
                </c:pt>
                <c:pt idx="270">
                  <c:v>40722</c:v>
                </c:pt>
                <c:pt idx="271">
                  <c:v>40723</c:v>
                </c:pt>
                <c:pt idx="272">
                  <c:v>40724</c:v>
                </c:pt>
                <c:pt idx="273">
                  <c:v>40725</c:v>
                </c:pt>
                <c:pt idx="274">
                  <c:v>40726</c:v>
                </c:pt>
                <c:pt idx="275">
                  <c:v>40727</c:v>
                </c:pt>
                <c:pt idx="276">
                  <c:v>40728</c:v>
                </c:pt>
                <c:pt idx="277">
                  <c:v>40729</c:v>
                </c:pt>
                <c:pt idx="278">
                  <c:v>40730</c:v>
                </c:pt>
                <c:pt idx="279">
                  <c:v>40731</c:v>
                </c:pt>
                <c:pt idx="280">
                  <c:v>40732</c:v>
                </c:pt>
                <c:pt idx="281">
                  <c:v>40733</c:v>
                </c:pt>
                <c:pt idx="282">
                  <c:v>40734</c:v>
                </c:pt>
                <c:pt idx="283">
                  <c:v>40735</c:v>
                </c:pt>
                <c:pt idx="284">
                  <c:v>40736</c:v>
                </c:pt>
                <c:pt idx="285">
                  <c:v>40737</c:v>
                </c:pt>
                <c:pt idx="286">
                  <c:v>40738</c:v>
                </c:pt>
                <c:pt idx="287">
                  <c:v>40739</c:v>
                </c:pt>
                <c:pt idx="288">
                  <c:v>40740</c:v>
                </c:pt>
                <c:pt idx="289">
                  <c:v>40741</c:v>
                </c:pt>
                <c:pt idx="290">
                  <c:v>40742</c:v>
                </c:pt>
                <c:pt idx="291">
                  <c:v>40743</c:v>
                </c:pt>
                <c:pt idx="292">
                  <c:v>40744</c:v>
                </c:pt>
                <c:pt idx="293">
                  <c:v>40745</c:v>
                </c:pt>
                <c:pt idx="294">
                  <c:v>40746</c:v>
                </c:pt>
                <c:pt idx="295">
                  <c:v>40747</c:v>
                </c:pt>
                <c:pt idx="296">
                  <c:v>40748</c:v>
                </c:pt>
                <c:pt idx="297">
                  <c:v>40749</c:v>
                </c:pt>
                <c:pt idx="298">
                  <c:v>40750</c:v>
                </c:pt>
                <c:pt idx="299">
                  <c:v>40751</c:v>
                </c:pt>
                <c:pt idx="300">
                  <c:v>40752</c:v>
                </c:pt>
                <c:pt idx="301">
                  <c:v>40753</c:v>
                </c:pt>
                <c:pt idx="302">
                  <c:v>40754</c:v>
                </c:pt>
                <c:pt idx="303">
                  <c:v>40755</c:v>
                </c:pt>
                <c:pt idx="304">
                  <c:v>40756</c:v>
                </c:pt>
                <c:pt idx="305">
                  <c:v>40757</c:v>
                </c:pt>
                <c:pt idx="306">
                  <c:v>40758</c:v>
                </c:pt>
                <c:pt idx="307">
                  <c:v>40759</c:v>
                </c:pt>
                <c:pt idx="308">
                  <c:v>40760</c:v>
                </c:pt>
                <c:pt idx="309">
                  <c:v>40761</c:v>
                </c:pt>
                <c:pt idx="310">
                  <c:v>40762</c:v>
                </c:pt>
                <c:pt idx="311">
                  <c:v>40763</c:v>
                </c:pt>
                <c:pt idx="312">
                  <c:v>40764</c:v>
                </c:pt>
                <c:pt idx="313">
                  <c:v>40765</c:v>
                </c:pt>
                <c:pt idx="314">
                  <c:v>40766</c:v>
                </c:pt>
                <c:pt idx="315">
                  <c:v>40767</c:v>
                </c:pt>
                <c:pt idx="316">
                  <c:v>40768</c:v>
                </c:pt>
                <c:pt idx="317">
                  <c:v>40769</c:v>
                </c:pt>
                <c:pt idx="318">
                  <c:v>40770</c:v>
                </c:pt>
                <c:pt idx="319">
                  <c:v>40771</c:v>
                </c:pt>
                <c:pt idx="320">
                  <c:v>40772</c:v>
                </c:pt>
                <c:pt idx="321">
                  <c:v>40773</c:v>
                </c:pt>
                <c:pt idx="322">
                  <c:v>40774</c:v>
                </c:pt>
                <c:pt idx="323">
                  <c:v>40775</c:v>
                </c:pt>
                <c:pt idx="324">
                  <c:v>40776</c:v>
                </c:pt>
                <c:pt idx="325">
                  <c:v>40777</c:v>
                </c:pt>
                <c:pt idx="326">
                  <c:v>40778</c:v>
                </c:pt>
                <c:pt idx="327">
                  <c:v>40779</c:v>
                </c:pt>
                <c:pt idx="328">
                  <c:v>40780</c:v>
                </c:pt>
                <c:pt idx="329">
                  <c:v>40781</c:v>
                </c:pt>
                <c:pt idx="330">
                  <c:v>40782</c:v>
                </c:pt>
                <c:pt idx="331">
                  <c:v>40783</c:v>
                </c:pt>
                <c:pt idx="332">
                  <c:v>40784</c:v>
                </c:pt>
                <c:pt idx="333">
                  <c:v>40785</c:v>
                </c:pt>
                <c:pt idx="334">
                  <c:v>40786</c:v>
                </c:pt>
                <c:pt idx="335">
                  <c:v>40787</c:v>
                </c:pt>
                <c:pt idx="336">
                  <c:v>40788</c:v>
                </c:pt>
                <c:pt idx="337">
                  <c:v>40789</c:v>
                </c:pt>
                <c:pt idx="338">
                  <c:v>40790</c:v>
                </c:pt>
                <c:pt idx="339">
                  <c:v>40791</c:v>
                </c:pt>
                <c:pt idx="340">
                  <c:v>40792</c:v>
                </c:pt>
                <c:pt idx="341">
                  <c:v>40793</c:v>
                </c:pt>
                <c:pt idx="342">
                  <c:v>40794</c:v>
                </c:pt>
                <c:pt idx="343">
                  <c:v>40795</c:v>
                </c:pt>
                <c:pt idx="344">
                  <c:v>40796</c:v>
                </c:pt>
                <c:pt idx="345">
                  <c:v>40797</c:v>
                </c:pt>
                <c:pt idx="346">
                  <c:v>40798</c:v>
                </c:pt>
                <c:pt idx="347">
                  <c:v>40799</c:v>
                </c:pt>
                <c:pt idx="348">
                  <c:v>40800</c:v>
                </c:pt>
                <c:pt idx="349">
                  <c:v>40801</c:v>
                </c:pt>
                <c:pt idx="350">
                  <c:v>40802</c:v>
                </c:pt>
                <c:pt idx="351">
                  <c:v>40803</c:v>
                </c:pt>
                <c:pt idx="352">
                  <c:v>40804</c:v>
                </c:pt>
                <c:pt idx="353">
                  <c:v>40805</c:v>
                </c:pt>
                <c:pt idx="354">
                  <c:v>40806</c:v>
                </c:pt>
                <c:pt idx="355">
                  <c:v>40807</c:v>
                </c:pt>
                <c:pt idx="356">
                  <c:v>40808</c:v>
                </c:pt>
                <c:pt idx="357">
                  <c:v>40809</c:v>
                </c:pt>
                <c:pt idx="358">
                  <c:v>40810</c:v>
                </c:pt>
                <c:pt idx="359">
                  <c:v>40811</c:v>
                </c:pt>
                <c:pt idx="360">
                  <c:v>40812</c:v>
                </c:pt>
                <c:pt idx="361">
                  <c:v>40813</c:v>
                </c:pt>
                <c:pt idx="362">
                  <c:v>40814</c:v>
                </c:pt>
                <c:pt idx="363">
                  <c:v>40815</c:v>
                </c:pt>
                <c:pt idx="364">
                  <c:v>40816</c:v>
                </c:pt>
              </c:numCache>
            </c:numRef>
          </c:cat>
          <c:val>
            <c:numRef>
              <c:f>Sheet1!$BG$2198:$BG$2562</c:f>
              <c:numCache>
                <c:formatCode>General</c:formatCode>
                <c:ptCount val="365"/>
                <c:pt idx="0">
                  <c:v>10189</c:v>
                </c:pt>
                <c:pt idx="1">
                  <c:v>10198</c:v>
                </c:pt>
                <c:pt idx="2">
                  <c:v>10183</c:v>
                </c:pt>
                <c:pt idx="3">
                  <c:v>9720</c:v>
                </c:pt>
                <c:pt idx="4">
                  <c:v>10191</c:v>
                </c:pt>
                <c:pt idx="5">
                  <c:v>10172</c:v>
                </c:pt>
                <c:pt idx="6">
                  <c:v>10160</c:v>
                </c:pt>
                <c:pt idx="7">
                  <c:v>10171</c:v>
                </c:pt>
                <c:pt idx="8">
                  <c:v>10142</c:v>
                </c:pt>
                <c:pt idx="9">
                  <c:v>10205</c:v>
                </c:pt>
                <c:pt idx="10">
                  <c:v>10143</c:v>
                </c:pt>
                <c:pt idx="11">
                  <c:v>7664</c:v>
                </c:pt>
                <c:pt idx="12">
                  <c:v>9198</c:v>
                </c:pt>
                <c:pt idx="13">
                  <c:v>9178</c:v>
                </c:pt>
                <c:pt idx="14">
                  <c:v>8181</c:v>
                </c:pt>
                <c:pt idx="15">
                  <c:v>8668</c:v>
                </c:pt>
                <c:pt idx="16">
                  <c:v>8874</c:v>
                </c:pt>
                <c:pt idx="17">
                  <c:v>8879</c:v>
                </c:pt>
                <c:pt idx="18">
                  <c:v>9159</c:v>
                </c:pt>
                <c:pt idx="19">
                  <c:v>9175</c:v>
                </c:pt>
                <c:pt idx="20">
                  <c:v>8636</c:v>
                </c:pt>
                <c:pt idx="21">
                  <c:v>8656</c:v>
                </c:pt>
                <c:pt idx="22">
                  <c:v>7159</c:v>
                </c:pt>
                <c:pt idx="23">
                  <c:v>7121</c:v>
                </c:pt>
                <c:pt idx="24">
                  <c:v>8145</c:v>
                </c:pt>
                <c:pt idx="25">
                  <c:v>8645</c:v>
                </c:pt>
                <c:pt idx="26">
                  <c:v>9141</c:v>
                </c:pt>
                <c:pt idx="27">
                  <c:v>10161</c:v>
                </c:pt>
                <c:pt idx="28">
                  <c:v>10132</c:v>
                </c:pt>
                <c:pt idx="29">
                  <c:v>10143</c:v>
                </c:pt>
                <c:pt idx="30">
                  <c:v>9250</c:v>
                </c:pt>
                <c:pt idx="31">
                  <c:v>9028</c:v>
                </c:pt>
                <c:pt idx="32">
                  <c:v>9138</c:v>
                </c:pt>
                <c:pt idx="33">
                  <c:v>9162</c:v>
                </c:pt>
                <c:pt idx="34">
                  <c:v>9148</c:v>
                </c:pt>
                <c:pt idx="35">
                  <c:v>9159</c:v>
                </c:pt>
                <c:pt idx="36">
                  <c:v>7662</c:v>
                </c:pt>
                <c:pt idx="37">
                  <c:v>8774</c:v>
                </c:pt>
                <c:pt idx="38">
                  <c:v>9171</c:v>
                </c:pt>
                <c:pt idx="39">
                  <c:v>9665</c:v>
                </c:pt>
                <c:pt idx="40">
                  <c:v>9654</c:v>
                </c:pt>
                <c:pt idx="41">
                  <c:v>9619</c:v>
                </c:pt>
                <c:pt idx="42">
                  <c:v>9671</c:v>
                </c:pt>
                <c:pt idx="43">
                  <c:v>9166</c:v>
                </c:pt>
                <c:pt idx="44">
                  <c:v>8167</c:v>
                </c:pt>
                <c:pt idx="45">
                  <c:v>8224</c:v>
                </c:pt>
                <c:pt idx="46">
                  <c:v>8172</c:v>
                </c:pt>
                <c:pt idx="47">
                  <c:v>8401</c:v>
                </c:pt>
                <c:pt idx="48">
                  <c:v>8147</c:v>
                </c:pt>
                <c:pt idx="49">
                  <c:v>8178</c:v>
                </c:pt>
                <c:pt idx="50">
                  <c:v>8581</c:v>
                </c:pt>
                <c:pt idx="51">
                  <c:v>8613</c:v>
                </c:pt>
                <c:pt idx="52">
                  <c:v>9103</c:v>
                </c:pt>
                <c:pt idx="53">
                  <c:v>9645</c:v>
                </c:pt>
                <c:pt idx="54">
                  <c:v>9640</c:v>
                </c:pt>
                <c:pt idx="55">
                  <c:v>9611</c:v>
                </c:pt>
                <c:pt idx="56">
                  <c:v>9667</c:v>
                </c:pt>
                <c:pt idx="57">
                  <c:v>10161</c:v>
                </c:pt>
                <c:pt idx="58">
                  <c:v>10166</c:v>
                </c:pt>
                <c:pt idx="59">
                  <c:v>9630</c:v>
                </c:pt>
                <c:pt idx="60">
                  <c:v>9968</c:v>
                </c:pt>
                <c:pt idx="61">
                  <c:v>9422</c:v>
                </c:pt>
                <c:pt idx="62">
                  <c:v>10541</c:v>
                </c:pt>
                <c:pt idx="63">
                  <c:v>10519</c:v>
                </c:pt>
                <c:pt idx="64">
                  <c:v>10545</c:v>
                </c:pt>
                <c:pt idx="65">
                  <c:v>10544</c:v>
                </c:pt>
                <c:pt idx="66">
                  <c:v>10543</c:v>
                </c:pt>
                <c:pt idx="67">
                  <c:v>10562</c:v>
                </c:pt>
                <c:pt idx="68">
                  <c:v>10563</c:v>
                </c:pt>
                <c:pt idx="69">
                  <c:v>10577</c:v>
                </c:pt>
                <c:pt idx="70">
                  <c:v>10545</c:v>
                </c:pt>
                <c:pt idx="71">
                  <c:v>10402</c:v>
                </c:pt>
                <c:pt idx="72">
                  <c:v>10158</c:v>
                </c:pt>
                <c:pt idx="73">
                  <c:v>10225</c:v>
                </c:pt>
                <c:pt idx="74">
                  <c:v>10173</c:v>
                </c:pt>
                <c:pt idx="75">
                  <c:v>10546</c:v>
                </c:pt>
                <c:pt idx="76">
                  <c:v>10565</c:v>
                </c:pt>
                <c:pt idx="77">
                  <c:v>10543</c:v>
                </c:pt>
                <c:pt idx="78">
                  <c:v>10512</c:v>
                </c:pt>
                <c:pt idx="79">
                  <c:v>10509</c:v>
                </c:pt>
                <c:pt idx="80">
                  <c:v>10588</c:v>
                </c:pt>
                <c:pt idx="81">
                  <c:v>10441</c:v>
                </c:pt>
                <c:pt idx="82">
                  <c:v>10233</c:v>
                </c:pt>
                <c:pt idx="83">
                  <c:v>11356</c:v>
                </c:pt>
                <c:pt idx="84">
                  <c:v>11350</c:v>
                </c:pt>
                <c:pt idx="85">
                  <c:v>12477</c:v>
                </c:pt>
                <c:pt idx="86">
                  <c:v>12477</c:v>
                </c:pt>
                <c:pt idx="87">
                  <c:v>12833</c:v>
                </c:pt>
                <c:pt idx="88">
                  <c:v>12862</c:v>
                </c:pt>
                <c:pt idx="89">
                  <c:v>12780</c:v>
                </c:pt>
                <c:pt idx="90">
                  <c:v>12626</c:v>
                </c:pt>
                <c:pt idx="91">
                  <c:v>12755</c:v>
                </c:pt>
                <c:pt idx="92">
                  <c:v>10594</c:v>
                </c:pt>
                <c:pt idx="93">
                  <c:v>10616</c:v>
                </c:pt>
                <c:pt idx="94">
                  <c:v>10621</c:v>
                </c:pt>
                <c:pt idx="95">
                  <c:v>10620</c:v>
                </c:pt>
                <c:pt idx="96">
                  <c:v>12759</c:v>
                </c:pt>
                <c:pt idx="97">
                  <c:v>12715</c:v>
                </c:pt>
                <c:pt idx="98">
                  <c:v>12795</c:v>
                </c:pt>
                <c:pt idx="99">
                  <c:v>12795</c:v>
                </c:pt>
                <c:pt idx="100">
                  <c:v>12323</c:v>
                </c:pt>
                <c:pt idx="101">
                  <c:v>11409</c:v>
                </c:pt>
                <c:pt idx="102">
                  <c:v>11852</c:v>
                </c:pt>
                <c:pt idx="103">
                  <c:v>11461</c:v>
                </c:pt>
                <c:pt idx="104">
                  <c:v>11606</c:v>
                </c:pt>
                <c:pt idx="105">
                  <c:v>11616</c:v>
                </c:pt>
                <c:pt idx="106">
                  <c:v>11127</c:v>
                </c:pt>
                <c:pt idx="107">
                  <c:v>11133</c:v>
                </c:pt>
                <c:pt idx="108">
                  <c:v>11576</c:v>
                </c:pt>
                <c:pt idx="109">
                  <c:v>11625</c:v>
                </c:pt>
                <c:pt idx="110">
                  <c:v>10837</c:v>
                </c:pt>
                <c:pt idx="111">
                  <c:v>11623</c:v>
                </c:pt>
                <c:pt idx="112">
                  <c:v>11103</c:v>
                </c:pt>
                <c:pt idx="113">
                  <c:v>10287</c:v>
                </c:pt>
                <c:pt idx="114">
                  <c:v>10601</c:v>
                </c:pt>
                <c:pt idx="115">
                  <c:v>9103</c:v>
                </c:pt>
                <c:pt idx="116">
                  <c:v>8057</c:v>
                </c:pt>
                <c:pt idx="117">
                  <c:v>8089</c:v>
                </c:pt>
                <c:pt idx="118">
                  <c:v>8098</c:v>
                </c:pt>
                <c:pt idx="119">
                  <c:v>7838</c:v>
                </c:pt>
                <c:pt idx="120">
                  <c:v>8969</c:v>
                </c:pt>
                <c:pt idx="121">
                  <c:v>9777</c:v>
                </c:pt>
                <c:pt idx="122">
                  <c:v>9645</c:v>
                </c:pt>
                <c:pt idx="123">
                  <c:v>9756</c:v>
                </c:pt>
                <c:pt idx="124">
                  <c:v>8988</c:v>
                </c:pt>
                <c:pt idx="125">
                  <c:v>9273</c:v>
                </c:pt>
                <c:pt idx="126">
                  <c:v>8675</c:v>
                </c:pt>
                <c:pt idx="127">
                  <c:v>9235</c:v>
                </c:pt>
                <c:pt idx="128">
                  <c:v>9227</c:v>
                </c:pt>
                <c:pt idx="129">
                  <c:v>9069</c:v>
                </c:pt>
                <c:pt idx="130">
                  <c:v>8802</c:v>
                </c:pt>
                <c:pt idx="131">
                  <c:v>8790</c:v>
                </c:pt>
                <c:pt idx="132">
                  <c:v>8280</c:v>
                </c:pt>
                <c:pt idx="133">
                  <c:v>8707</c:v>
                </c:pt>
                <c:pt idx="134">
                  <c:v>8704</c:v>
                </c:pt>
                <c:pt idx="135">
                  <c:v>9013</c:v>
                </c:pt>
                <c:pt idx="136">
                  <c:v>8943</c:v>
                </c:pt>
                <c:pt idx="137">
                  <c:v>8952</c:v>
                </c:pt>
                <c:pt idx="138">
                  <c:v>9099</c:v>
                </c:pt>
                <c:pt idx="139">
                  <c:v>9340</c:v>
                </c:pt>
                <c:pt idx="140">
                  <c:v>9354</c:v>
                </c:pt>
                <c:pt idx="141">
                  <c:v>9352</c:v>
                </c:pt>
                <c:pt idx="142">
                  <c:v>9853</c:v>
                </c:pt>
                <c:pt idx="143">
                  <c:v>9854</c:v>
                </c:pt>
                <c:pt idx="144">
                  <c:v>8854</c:v>
                </c:pt>
                <c:pt idx="145">
                  <c:v>8846</c:v>
                </c:pt>
                <c:pt idx="146">
                  <c:v>8351</c:v>
                </c:pt>
                <c:pt idx="147">
                  <c:v>8370</c:v>
                </c:pt>
                <c:pt idx="148">
                  <c:v>8585</c:v>
                </c:pt>
                <c:pt idx="149">
                  <c:v>8584</c:v>
                </c:pt>
                <c:pt idx="150">
                  <c:v>8584</c:v>
                </c:pt>
                <c:pt idx="151">
                  <c:v>8563</c:v>
                </c:pt>
                <c:pt idx="152">
                  <c:v>9316</c:v>
                </c:pt>
                <c:pt idx="153">
                  <c:v>8617</c:v>
                </c:pt>
                <c:pt idx="154">
                  <c:v>8666</c:v>
                </c:pt>
                <c:pt idx="155">
                  <c:v>8489</c:v>
                </c:pt>
                <c:pt idx="156">
                  <c:v>8465</c:v>
                </c:pt>
                <c:pt idx="157">
                  <c:v>8487</c:v>
                </c:pt>
                <c:pt idx="158">
                  <c:v>7973</c:v>
                </c:pt>
                <c:pt idx="159">
                  <c:v>7743</c:v>
                </c:pt>
                <c:pt idx="160">
                  <c:v>7696</c:v>
                </c:pt>
                <c:pt idx="161">
                  <c:v>7710</c:v>
                </c:pt>
                <c:pt idx="162">
                  <c:v>7732</c:v>
                </c:pt>
                <c:pt idx="163">
                  <c:v>8341</c:v>
                </c:pt>
                <c:pt idx="164">
                  <c:v>8007</c:v>
                </c:pt>
                <c:pt idx="165">
                  <c:v>7061</c:v>
                </c:pt>
                <c:pt idx="166">
                  <c:v>7067</c:v>
                </c:pt>
                <c:pt idx="167">
                  <c:v>7053</c:v>
                </c:pt>
                <c:pt idx="168">
                  <c:v>7072</c:v>
                </c:pt>
                <c:pt idx="169">
                  <c:v>7066</c:v>
                </c:pt>
                <c:pt idx="170">
                  <c:v>7076</c:v>
                </c:pt>
                <c:pt idx="171">
                  <c:v>7099</c:v>
                </c:pt>
                <c:pt idx="172">
                  <c:v>8041</c:v>
                </c:pt>
                <c:pt idx="173">
                  <c:v>5409</c:v>
                </c:pt>
                <c:pt idx="174">
                  <c:v>775</c:v>
                </c:pt>
                <c:pt idx="175">
                  <c:v>408</c:v>
                </c:pt>
                <c:pt idx="176">
                  <c:v>956</c:v>
                </c:pt>
                <c:pt idx="177">
                  <c:v>3246</c:v>
                </c:pt>
                <c:pt idx="178">
                  <c:v>4085</c:v>
                </c:pt>
                <c:pt idx="179">
                  <c:v>4321</c:v>
                </c:pt>
                <c:pt idx="180">
                  <c:v>1584</c:v>
                </c:pt>
                <c:pt idx="181">
                  <c:v>5059</c:v>
                </c:pt>
                <c:pt idx="182">
                  <c:v>5449</c:v>
                </c:pt>
                <c:pt idx="183">
                  <c:v>5240</c:v>
                </c:pt>
                <c:pt idx="184">
                  <c:v>5541</c:v>
                </c:pt>
                <c:pt idx="185">
                  <c:v>5734</c:v>
                </c:pt>
                <c:pt idx="186">
                  <c:v>5732</c:v>
                </c:pt>
                <c:pt idx="187">
                  <c:v>5784</c:v>
                </c:pt>
                <c:pt idx="188">
                  <c:v>6034</c:v>
                </c:pt>
                <c:pt idx="189">
                  <c:v>5643</c:v>
                </c:pt>
                <c:pt idx="190">
                  <c:v>5868</c:v>
                </c:pt>
                <c:pt idx="191">
                  <c:v>6856</c:v>
                </c:pt>
                <c:pt idx="192">
                  <c:v>6790</c:v>
                </c:pt>
                <c:pt idx="193">
                  <c:v>6344</c:v>
                </c:pt>
                <c:pt idx="194">
                  <c:v>6352</c:v>
                </c:pt>
                <c:pt idx="195">
                  <c:v>5394</c:v>
                </c:pt>
                <c:pt idx="196">
                  <c:v>5345</c:v>
                </c:pt>
                <c:pt idx="197">
                  <c:v>5357</c:v>
                </c:pt>
                <c:pt idx="198">
                  <c:v>6009</c:v>
                </c:pt>
                <c:pt idx="199">
                  <c:v>6288</c:v>
                </c:pt>
                <c:pt idx="200">
                  <c:v>6279</c:v>
                </c:pt>
                <c:pt idx="201">
                  <c:v>6285</c:v>
                </c:pt>
                <c:pt idx="202">
                  <c:v>6282</c:v>
                </c:pt>
                <c:pt idx="203">
                  <c:v>7777</c:v>
                </c:pt>
                <c:pt idx="204">
                  <c:v>9165</c:v>
                </c:pt>
                <c:pt idx="205">
                  <c:v>8654</c:v>
                </c:pt>
                <c:pt idx="206">
                  <c:v>4528</c:v>
                </c:pt>
                <c:pt idx="207">
                  <c:v>3345</c:v>
                </c:pt>
                <c:pt idx="208">
                  <c:v>4618</c:v>
                </c:pt>
                <c:pt idx="209">
                  <c:v>8377</c:v>
                </c:pt>
                <c:pt idx="210">
                  <c:v>8452</c:v>
                </c:pt>
                <c:pt idx="211">
                  <c:v>4762</c:v>
                </c:pt>
                <c:pt idx="212">
                  <c:v>4771</c:v>
                </c:pt>
                <c:pt idx="213">
                  <c:v>4760</c:v>
                </c:pt>
                <c:pt idx="214">
                  <c:v>4462</c:v>
                </c:pt>
                <c:pt idx="215">
                  <c:v>5206</c:v>
                </c:pt>
                <c:pt idx="216">
                  <c:v>5208</c:v>
                </c:pt>
                <c:pt idx="217">
                  <c:v>4518</c:v>
                </c:pt>
                <c:pt idx="218">
                  <c:v>4026</c:v>
                </c:pt>
                <c:pt idx="219">
                  <c:v>3524</c:v>
                </c:pt>
                <c:pt idx="220">
                  <c:v>3450</c:v>
                </c:pt>
                <c:pt idx="221">
                  <c:v>3388</c:v>
                </c:pt>
                <c:pt idx="222">
                  <c:v>3387</c:v>
                </c:pt>
                <c:pt idx="223">
                  <c:v>3381</c:v>
                </c:pt>
                <c:pt idx="224">
                  <c:v>3372</c:v>
                </c:pt>
                <c:pt idx="225">
                  <c:v>3394</c:v>
                </c:pt>
                <c:pt idx="226">
                  <c:v>3692</c:v>
                </c:pt>
                <c:pt idx="227">
                  <c:v>4093</c:v>
                </c:pt>
                <c:pt idx="228">
                  <c:v>4093</c:v>
                </c:pt>
                <c:pt idx="229">
                  <c:v>3432</c:v>
                </c:pt>
                <c:pt idx="230">
                  <c:v>2460</c:v>
                </c:pt>
                <c:pt idx="231">
                  <c:v>2509</c:v>
                </c:pt>
                <c:pt idx="232">
                  <c:v>2507</c:v>
                </c:pt>
                <c:pt idx="233">
                  <c:v>2515</c:v>
                </c:pt>
                <c:pt idx="234">
                  <c:v>2511</c:v>
                </c:pt>
                <c:pt idx="235">
                  <c:v>2505</c:v>
                </c:pt>
                <c:pt idx="236">
                  <c:v>2514</c:v>
                </c:pt>
                <c:pt idx="237">
                  <c:v>2568</c:v>
                </c:pt>
                <c:pt idx="238">
                  <c:v>2430</c:v>
                </c:pt>
                <c:pt idx="239">
                  <c:v>2537</c:v>
                </c:pt>
                <c:pt idx="240">
                  <c:v>2509</c:v>
                </c:pt>
                <c:pt idx="241">
                  <c:v>2507</c:v>
                </c:pt>
                <c:pt idx="242">
                  <c:v>2506</c:v>
                </c:pt>
                <c:pt idx="243">
                  <c:v>6722</c:v>
                </c:pt>
                <c:pt idx="244">
                  <c:v>9361</c:v>
                </c:pt>
                <c:pt idx="245">
                  <c:v>10226</c:v>
                </c:pt>
                <c:pt idx="246">
                  <c:v>10093</c:v>
                </c:pt>
                <c:pt idx="247">
                  <c:v>10075</c:v>
                </c:pt>
                <c:pt idx="248">
                  <c:v>10027</c:v>
                </c:pt>
                <c:pt idx="249">
                  <c:v>9796</c:v>
                </c:pt>
                <c:pt idx="250">
                  <c:v>9227</c:v>
                </c:pt>
                <c:pt idx="251">
                  <c:v>8989</c:v>
                </c:pt>
                <c:pt idx="252">
                  <c:v>8988</c:v>
                </c:pt>
                <c:pt idx="253">
                  <c:v>8471</c:v>
                </c:pt>
                <c:pt idx="254">
                  <c:v>9520</c:v>
                </c:pt>
                <c:pt idx="255">
                  <c:v>9000</c:v>
                </c:pt>
                <c:pt idx="256">
                  <c:v>8995</c:v>
                </c:pt>
                <c:pt idx="257">
                  <c:v>8999</c:v>
                </c:pt>
                <c:pt idx="258">
                  <c:v>9678</c:v>
                </c:pt>
                <c:pt idx="259">
                  <c:v>9690</c:v>
                </c:pt>
                <c:pt idx="260">
                  <c:v>9681</c:v>
                </c:pt>
                <c:pt idx="261">
                  <c:v>9678</c:v>
                </c:pt>
                <c:pt idx="262">
                  <c:v>9676</c:v>
                </c:pt>
                <c:pt idx="263">
                  <c:v>9675</c:v>
                </c:pt>
                <c:pt idx="264">
                  <c:v>9665</c:v>
                </c:pt>
                <c:pt idx="265">
                  <c:v>10544</c:v>
                </c:pt>
                <c:pt idx="266">
                  <c:v>10981</c:v>
                </c:pt>
                <c:pt idx="267">
                  <c:v>10912</c:v>
                </c:pt>
                <c:pt idx="268">
                  <c:v>10921</c:v>
                </c:pt>
                <c:pt idx="269">
                  <c:v>10929</c:v>
                </c:pt>
                <c:pt idx="270">
                  <c:v>10872</c:v>
                </c:pt>
                <c:pt idx="271">
                  <c:v>10932</c:v>
                </c:pt>
                <c:pt idx="272">
                  <c:v>10853</c:v>
                </c:pt>
                <c:pt idx="273">
                  <c:v>11398</c:v>
                </c:pt>
                <c:pt idx="274">
                  <c:v>11421</c:v>
                </c:pt>
                <c:pt idx="275">
                  <c:v>11400</c:v>
                </c:pt>
                <c:pt idx="276">
                  <c:v>11417</c:v>
                </c:pt>
                <c:pt idx="277">
                  <c:v>11413</c:v>
                </c:pt>
                <c:pt idx="278">
                  <c:v>11454</c:v>
                </c:pt>
                <c:pt idx="279">
                  <c:v>11421</c:v>
                </c:pt>
                <c:pt idx="280">
                  <c:v>11397</c:v>
                </c:pt>
                <c:pt idx="281">
                  <c:v>11418</c:v>
                </c:pt>
                <c:pt idx="282">
                  <c:v>11388</c:v>
                </c:pt>
                <c:pt idx="283">
                  <c:v>11360</c:v>
                </c:pt>
                <c:pt idx="284">
                  <c:v>11316</c:v>
                </c:pt>
                <c:pt idx="285">
                  <c:v>11376</c:v>
                </c:pt>
                <c:pt idx="286">
                  <c:v>11392</c:v>
                </c:pt>
                <c:pt idx="287">
                  <c:v>11390</c:v>
                </c:pt>
                <c:pt idx="288">
                  <c:v>11388</c:v>
                </c:pt>
                <c:pt idx="289">
                  <c:v>11390</c:v>
                </c:pt>
                <c:pt idx="290">
                  <c:v>11379</c:v>
                </c:pt>
                <c:pt idx="291">
                  <c:v>11280</c:v>
                </c:pt>
                <c:pt idx="292">
                  <c:v>11382</c:v>
                </c:pt>
                <c:pt idx="293">
                  <c:v>11098</c:v>
                </c:pt>
                <c:pt idx="294">
                  <c:v>11438</c:v>
                </c:pt>
                <c:pt idx="295">
                  <c:v>11408</c:v>
                </c:pt>
                <c:pt idx="296">
                  <c:v>11405</c:v>
                </c:pt>
                <c:pt idx="297">
                  <c:v>11391</c:v>
                </c:pt>
                <c:pt idx="298">
                  <c:v>11408</c:v>
                </c:pt>
                <c:pt idx="299">
                  <c:v>11429</c:v>
                </c:pt>
                <c:pt idx="300">
                  <c:v>11430</c:v>
                </c:pt>
                <c:pt idx="301">
                  <c:v>11430</c:v>
                </c:pt>
                <c:pt idx="302">
                  <c:v>11422</c:v>
                </c:pt>
                <c:pt idx="303">
                  <c:v>11412</c:v>
                </c:pt>
                <c:pt idx="304">
                  <c:v>11406</c:v>
                </c:pt>
                <c:pt idx="305">
                  <c:v>11386</c:v>
                </c:pt>
                <c:pt idx="306">
                  <c:v>11394</c:v>
                </c:pt>
                <c:pt idx="307">
                  <c:v>11357</c:v>
                </c:pt>
                <c:pt idx="308">
                  <c:v>11385</c:v>
                </c:pt>
                <c:pt idx="309">
                  <c:v>11395</c:v>
                </c:pt>
                <c:pt idx="310">
                  <c:v>11312</c:v>
                </c:pt>
                <c:pt idx="311">
                  <c:v>11321</c:v>
                </c:pt>
                <c:pt idx="312">
                  <c:v>11230</c:v>
                </c:pt>
                <c:pt idx="313">
                  <c:v>11424</c:v>
                </c:pt>
                <c:pt idx="314">
                  <c:v>11424</c:v>
                </c:pt>
                <c:pt idx="315">
                  <c:v>11404</c:v>
                </c:pt>
                <c:pt idx="316">
                  <c:v>11398</c:v>
                </c:pt>
                <c:pt idx="317">
                  <c:v>11386</c:v>
                </c:pt>
                <c:pt idx="318">
                  <c:v>11064</c:v>
                </c:pt>
                <c:pt idx="319">
                  <c:v>11397</c:v>
                </c:pt>
                <c:pt idx="320">
                  <c:v>11406</c:v>
                </c:pt>
                <c:pt idx="321">
                  <c:v>11408</c:v>
                </c:pt>
                <c:pt idx="322">
                  <c:v>11410</c:v>
                </c:pt>
                <c:pt idx="323">
                  <c:v>11439</c:v>
                </c:pt>
                <c:pt idx="324">
                  <c:v>11399</c:v>
                </c:pt>
                <c:pt idx="325">
                  <c:v>11411</c:v>
                </c:pt>
                <c:pt idx="326">
                  <c:v>11398</c:v>
                </c:pt>
                <c:pt idx="327">
                  <c:v>11408</c:v>
                </c:pt>
                <c:pt idx="328">
                  <c:v>11404</c:v>
                </c:pt>
                <c:pt idx="329">
                  <c:v>11405</c:v>
                </c:pt>
                <c:pt idx="330">
                  <c:v>11398</c:v>
                </c:pt>
                <c:pt idx="331">
                  <c:v>11388</c:v>
                </c:pt>
                <c:pt idx="332">
                  <c:v>11395</c:v>
                </c:pt>
                <c:pt idx="333">
                  <c:v>11388</c:v>
                </c:pt>
                <c:pt idx="334">
                  <c:v>11376</c:v>
                </c:pt>
                <c:pt idx="335">
                  <c:v>11360</c:v>
                </c:pt>
                <c:pt idx="336">
                  <c:v>11361</c:v>
                </c:pt>
                <c:pt idx="337">
                  <c:v>11374</c:v>
                </c:pt>
                <c:pt idx="338">
                  <c:v>11380</c:v>
                </c:pt>
                <c:pt idx="339">
                  <c:v>11362</c:v>
                </c:pt>
                <c:pt idx="340">
                  <c:v>11371</c:v>
                </c:pt>
                <c:pt idx="341">
                  <c:v>10955</c:v>
                </c:pt>
                <c:pt idx="342">
                  <c:v>11386</c:v>
                </c:pt>
                <c:pt idx="343">
                  <c:v>11377</c:v>
                </c:pt>
                <c:pt idx="344">
                  <c:v>11375</c:v>
                </c:pt>
                <c:pt idx="345">
                  <c:v>11381</c:v>
                </c:pt>
                <c:pt idx="346">
                  <c:v>11349</c:v>
                </c:pt>
                <c:pt idx="347">
                  <c:v>11335</c:v>
                </c:pt>
                <c:pt idx="348">
                  <c:v>11336</c:v>
                </c:pt>
                <c:pt idx="349">
                  <c:v>11361</c:v>
                </c:pt>
                <c:pt idx="350">
                  <c:v>11377</c:v>
                </c:pt>
                <c:pt idx="351">
                  <c:v>11365</c:v>
                </c:pt>
                <c:pt idx="352">
                  <c:v>11355</c:v>
                </c:pt>
                <c:pt idx="353">
                  <c:v>11359</c:v>
                </c:pt>
                <c:pt idx="354">
                  <c:v>11374</c:v>
                </c:pt>
                <c:pt idx="355">
                  <c:v>11373</c:v>
                </c:pt>
                <c:pt idx="356">
                  <c:v>11377</c:v>
                </c:pt>
                <c:pt idx="357">
                  <c:v>11374</c:v>
                </c:pt>
                <c:pt idx="358">
                  <c:v>11384</c:v>
                </c:pt>
                <c:pt idx="359">
                  <c:v>11374</c:v>
                </c:pt>
                <c:pt idx="360">
                  <c:v>11373</c:v>
                </c:pt>
                <c:pt idx="361">
                  <c:v>10949</c:v>
                </c:pt>
                <c:pt idx="362">
                  <c:v>11358</c:v>
                </c:pt>
                <c:pt idx="363">
                  <c:v>11374</c:v>
                </c:pt>
                <c:pt idx="364">
                  <c:v>11412</c:v>
                </c:pt>
              </c:numCache>
            </c:numRef>
          </c:val>
        </c:ser>
        <c:dLbls>
          <c:showLegendKey val="0"/>
          <c:showVal val="0"/>
          <c:showCatName val="0"/>
          <c:showSerName val="0"/>
          <c:showPercent val="0"/>
          <c:showBubbleSize val="0"/>
        </c:dLbls>
        <c:axId val="318417536"/>
        <c:axId val="318427520"/>
      </c:areaChart>
      <c:lineChart>
        <c:grouping val="standard"/>
        <c:varyColors val="0"/>
        <c:ser>
          <c:idx val="2"/>
          <c:order val="2"/>
          <c:tx>
            <c:strRef>
              <c:f>Sheet1!$BF$5</c:f>
              <c:strCache>
                <c:ptCount val="1"/>
                <c:pt idx="0">
                  <c:v>BDCP/CA Water Fix Reoperation - SWP/CVP Export</c:v>
                </c:pt>
              </c:strCache>
            </c:strRef>
          </c:tx>
          <c:spPr>
            <a:ln>
              <a:solidFill>
                <a:schemeClr val="tx1"/>
              </a:solidFill>
            </a:ln>
            <a:effectLst>
              <a:outerShdw blurRad="50800" dist="38100" dir="2700000" algn="tl" rotWithShape="0">
                <a:prstClr val="black">
                  <a:alpha val="40000"/>
                </a:prstClr>
              </a:outerShdw>
            </a:effectLst>
          </c:spPr>
          <c:marker>
            <c:symbol val="none"/>
          </c:marker>
          <c:cat>
            <c:numRef>
              <c:f>Sheet1!$D$2198:$D$2562</c:f>
              <c:numCache>
                <c:formatCode>d\-mmm\-yy</c:formatCode>
                <c:ptCount val="365"/>
                <c:pt idx="0">
                  <c:v>40452</c:v>
                </c:pt>
                <c:pt idx="1">
                  <c:v>40453</c:v>
                </c:pt>
                <c:pt idx="2">
                  <c:v>40454</c:v>
                </c:pt>
                <c:pt idx="3">
                  <c:v>40455</c:v>
                </c:pt>
                <c:pt idx="4">
                  <c:v>40456</c:v>
                </c:pt>
                <c:pt idx="5">
                  <c:v>40457</c:v>
                </c:pt>
                <c:pt idx="6">
                  <c:v>40458</c:v>
                </c:pt>
                <c:pt idx="7">
                  <c:v>40459</c:v>
                </c:pt>
                <c:pt idx="8">
                  <c:v>40460</c:v>
                </c:pt>
                <c:pt idx="9">
                  <c:v>40461</c:v>
                </c:pt>
                <c:pt idx="10">
                  <c:v>40462</c:v>
                </c:pt>
                <c:pt idx="11">
                  <c:v>40463</c:v>
                </c:pt>
                <c:pt idx="12">
                  <c:v>40464</c:v>
                </c:pt>
                <c:pt idx="13">
                  <c:v>40465</c:v>
                </c:pt>
                <c:pt idx="14">
                  <c:v>40466</c:v>
                </c:pt>
                <c:pt idx="15">
                  <c:v>40467</c:v>
                </c:pt>
                <c:pt idx="16">
                  <c:v>40468</c:v>
                </c:pt>
                <c:pt idx="17">
                  <c:v>40469</c:v>
                </c:pt>
                <c:pt idx="18">
                  <c:v>40470</c:v>
                </c:pt>
                <c:pt idx="19">
                  <c:v>40471</c:v>
                </c:pt>
                <c:pt idx="20">
                  <c:v>40472</c:v>
                </c:pt>
                <c:pt idx="21">
                  <c:v>40473</c:v>
                </c:pt>
                <c:pt idx="22">
                  <c:v>40474</c:v>
                </c:pt>
                <c:pt idx="23">
                  <c:v>40475</c:v>
                </c:pt>
                <c:pt idx="24">
                  <c:v>40476</c:v>
                </c:pt>
                <c:pt idx="25">
                  <c:v>40477</c:v>
                </c:pt>
                <c:pt idx="26">
                  <c:v>40478</c:v>
                </c:pt>
                <c:pt idx="27">
                  <c:v>40479</c:v>
                </c:pt>
                <c:pt idx="28">
                  <c:v>40480</c:v>
                </c:pt>
                <c:pt idx="29">
                  <c:v>40481</c:v>
                </c:pt>
                <c:pt idx="30">
                  <c:v>40482</c:v>
                </c:pt>
                <c:pt idx="31">
                  <c:v>40483</c:v>
                </c:pt>
                <c:pt idx="32">
                  <c:v>40484</c:v>
                </c:pt>
                <c:pt idx="33">
                  <c:v>40485</c:v>
                </c:pt>
                <c:pt idx="34">
                  <c:v>40486</c:v>
                </c:pt>
                <c:pt idx="35">
                  <c:v>40487</c:v>
                </c:pt>
                <c:pt idx="36">
                  <c:v>40488</c:v>
                </c:pt>
                <c:pt idx="37">
                  <c:v>40489</c:v>
                </c:pt>
                <c:pt idx="38">
                  <c:v>40490</c:v>
                </c:pt>
                <c:pt idx="39">
                  <c:v>40491</c:v>
                </c:pt>
                <c:pt idx="40">
                  <c:v>40492</c:v>
                </c:pt>
                <c:pt idx="41">
                  <c:v>40493</c:v>
                </c:pt>
                <c:pt idx="42">
                  <c:v>40494</c:v>
                </c:pt>
                <c:pt idx="43">
                  <c:v>40495</c:v>
                </c:pt>
                <c:pt idx="44">
                  <c:v>40496</c:v>
                </c:pt>
                <c:pt idx="45">
                  <c:v>40497</c:v>
                </c:pt>
                <c:pt idx="46">
                  <c:v>40498</c:v>
                </c:pt>
                <c:pt idx="47">
                  <c:v>40499</c:v>
                </c:pt>
                <c:pt idx="48">
                  <c:v>40500</c:v>
                </c:pt>
                <c:pt idx="49">
                  <c:v>40501</c:v>
                </c:pt>
                <c:pt idx="50">
                  <c:v>40502</c:v>
                </c:pt>
                <c:pt idx="51">
                  <c:v>40503</c:v>
                </c:pt>
                <c:pt idx="52">
                  <c:v>40504</c:v>
                </c:pt>
                <c:pt idx="53">
                  <c:v>40505</c:v>
                </c:pt>
                <c:pt idx="54">
                  <c:v>40506</c:v>
                </c:pt>
                <c:pt idx="55">
                  <c:v>40507</c:v>
                </c:pt>
                <c:pt idx="56">
                  <c:v>40508</c:v>
                </c:pt>
                <c:pt idx="57">
                  <c:v>40509</c:v>
                </c:pt>
                <c:pt idx="58">
                  <c:v>40510</c:v>
                </c:pt>
                <c:pt idx="59">
                  <c:v>40511</c:v>
                </c:pt>
                <c:pt idx="60">
                  <c:v>40512</c:v>
                </c:pt>
                <c:pt idx="61">
                  <c:v>40513</c:v>
                </c:pt>
                <c:pt idx="62">
                  <c:v>40514</c:v>
                </c:pt>
                <c:pt idx="63">
                  <c:v>40515</c:v>
                </c:pt>
                <c:pt idx="64">
                  <c:v>40516</c:v>
                </c:pt>
                <c:pt idx="65">
                  <c:v>40517</c:v>
                </c:pt>
                <c:pt idx="66">
                  <c:v>40518</c:v>
                </c:pt>
                <c:pt idx="67">
                  <c:v>40519</c:v>
                </c:pt>
                <c:pt idx="68">
                  <c:v>40520</c:v>
                </c:pt>
                <c:pt idx="69">
                  <c:v>40521</c:v>
                </c:pt>
                <c:pt idx="70">
                  <c:v>40522</c:v>
                </c:pt>
                <c:pt idx="71">
                  <c:v>40523</c:v>
                </c:pt>
                <c:pt idx="72">
                  <c:v>40524</c:v>
                </c:pt>
                <c:pt idx="73">
                  <c:v>40525</c:v>
                </c:pt>
                <c:pt idx="74">
                  <c:v>40526</c:v>
                </c:pt>
                <c:pt idx="75">
                  <c:v>40527</c:v>
                </c:pt>
                <c:pt idx="76">
                  <c:v>40528</c:v>
                </c:pt>
                <c:pt idx="77">
                  <c:v>40529</c:v>
                </c:pt>
                <c:pt idx="78">
                  <c:v>40530</c:v>
                </c:pt>
                <c:pt idx="79">
                  <c:v>40531</c:v>
                </c:pt>
                <c:pt idx="80">
                  <c:v>40532</c:v>
                </c:pt>
                <c:pt idx="81">
                  <c:v>40533</c:v>
                </c:pt>
                <c:pt idx="82">
                  <c:v>40534</c:v>
                </c:pt>
                <c:pt idx="83">
                  <c:v>40535</c:v>
                </c:pt>
                <c:pt idx="84">
                  <c:v>40536</c:v>
                </c:pt>
                <c:pt idx="85">
                  <c:v>40537</c:v>
                </c:pt>
                <c:pt idx="86">
                  <c:v>40538</c:v>
                </c:pt>
                <c:pt idx="87">
                  <c:v>40539</c:v>
                </c:pt>
                <c:pt idx="88">
                  <c:v>40540</c:v>
                </c:pt>
                <c:pt idx="89">
                  <c:v>40541</c:v>
                </c:pt>
                <c:pt idx="90">
                  <c:v>40542</c:v>
                </c:pt>
                <c:pt idx="91">
                  <c:v>40543</c:v>
                </c:pt>
                <c:pt idx="92">
                  <c:v>40544</c:v>
                </c:pt>
                <c:pt idx="93">
                  <c:v>40545</c:v>
                </c:pt>
                <c:pt idx="94">
                  <c:v>40546</c:v>
                </c:pt>
                <c:pt idx="95">
                  <c:v>40547</c:v>
                </c:pt>
                <c:pt idx="96">
                  <c:v>40548</c:v>
                </c:pt>
                <c:pt idx="97">
                  <c:v>40549</c:v>
                </c:pt>
                <c:pt idx="98">
                  <c:v>40550</c:v>
                </c:pt>
                <c:pt idx="99">
                  <c:v>40551</c:v>
                </c:pt>
                <c:pt idx="100">
                  <c:v>40552</c:v>
                </c:pt>
                <c:pt idx="101">
                  <c:v>40553</c:v>
                </c:pt>
                <c:pt idx="102">
                  <c:v>40554</c:v>
                </c:pt>
                <c:pt idx="103">
                  <c:v>40555</c:v>
                </c:pt>
                <c:pt idx="104">
                  <c:v>40556</c:v>
                </c:pt>
                <c:pt idx="105">
                  <c:v>40557</c:v>
                </c:pt>
                <c:pt idx="106">
                  <c:v>40558</c:v>
                </c:pt>
                <c:pt idx="107">
                  <c:v>40559</c:v>
                </c:pt>
                <c:pt idx="108">
                  <c:v>40560</c:v>
                </c:pt>
                <c:pt idx="109">
                  <c:v>40561</c:v>
                </c:pt>
                <c:pt idx="110">
                  <c:v>40562</c:v>
                </c:pt>
                <c:pt idx="111">
                  <c:v>40563</c:v>
                </c:pt>
                <c:pt idx="112">
                  <c:v>40564</c:v>
                </c:pt>
                <c:pt idx="113">
                  <c:v>40565</c:v>
                </c:pt>
                <c:pt idx="114">
                  <c:v>40566</c:v>
                </c:pt>
                <c:pt idx="115">
                  <c:v>40567</c:v>
                </c:pt>
                <c:pt idx="116">
                  <c:v>40568</c:v>
                </c:pt>
                <c:pt idx="117">
                  <c:v>40569</c:v>
                </c:pt>
                <c:pt idx="118">
                  <c:v>40570</c:v>
                </c:pt>
                <c:pt idx="119">
                  <c:v>40571</c:v>
                </c:pt>
                <c:pt idx="120">
                  <c:v>40572</c:v>
                </c:pt>
                <c:pt idx="121">
                  <c:v>40573</c:v>
                </c:pt>
                <c:pt idx="122">
                  <c:v>40574</c:v>
                </c:pt>
                <c:pt idx="123">
                  <c:v>40575</c:v>
                </c:pt>
                <c:pt idx="124">
                  <c:v>40576</c:v>
                </c:pt>
                <c:pt idx="125">
                  <c:v>40577</c:v>
                </c:pt>
                <c:pt idx="126">
                  <c:v>40578</c:v>
                </c:pt>
                <c:pt idx="127">
                  <c:v>40579</c:v>
                </c:pt>
                <c:pt idx="128">
                  <c:v>40580</c:v>
                </c:pt>
                <c:pt idx="129">
                  <c:v>40581</c:v>
                </c:pt>
                <c:pt idx="130">
                  <c:v>40582</c:v>
                </c:pt>
                <c:pt idx="131">
                  <c:v>40583</c:v>
                </c:pt>
                <c:pt idx="132">
                  <c:v>40584</c:v>
                </c:pt>
                <c:pt idx="133">
                  <c:v>40585</c:v>
                </c:pt>
                <c:pt idx="134">
                  <c:v>40586</c:v>
                </c:pt>
                <c:pt idx="135">
                  <c:v>40587</c:v>
                </c:pt>
                <c:pt idx="136">
                  <c:v>40588</c:v>
                </c:pt>
                <c:pt idx="137">
                  <c:v>40589</c:v>
                </c:pt>
                <c:pt idx="138">
                  <c:v>40590</c:v>
                </c:pt>
                <c:pt idx="139">
                  <c:v>40591</c:v>
                </c:pt>
                <c:pt idx="140">
                  <c:v>40592</c:v>
                </c:pt>
                <c:pt idx="141">
                  <c:v>40593</c:v>
                </c:pt>
                <c:pt idx="142">
                  <c:v>40594</c:v>
                </c:pt>
                <c:pt idx="143">
                  <c:v>40595</c:v>
                </c:pt>
                <c:pt idx="144">
                  <c:v>40596</c:v>
                </c:pt>
                <c:pt idx="145">
                  <c:v>40597</c:v>
                </c:pt>
                <c:pt idx="146">
                  <c:v>40598</c:v>
                </c:pt>
                <c:pt idx="147">
                  <c:v>40599</c:v>
                </c:pt>
                <c:pt idx="148">
                  <c:v>40600</c:v>
                </c:pt>
                <c:pt idx="149">
                  <c:v>40601</c:v>
                </c:pt>
                <c:pt idx="150">
                  <c:v>40602</c:v>
                </c:pt>
                <c:pt idx="151">
                  <c:v>40603</c:v>
                </c:pt>
                <c:pt idx="152">
                  <c:v>40604</c:v>
                </c:pt>
                <c:pt idx="153">
                  <c:v>40605</c:v>
                </c:pt>
                <c:pt idx="154">
                  <c:v>40606</c:v>
                </c:pt>
                <c:pt idx="155">
                  <c:v>40607</c:v>
                </c:pt>
                <c:pt idx="156">
                  <c:v>40608</c:v>
                </c:pt>
                <c:pt idx="157">
                  <c:v>40609</c:v>
                </c:pt>
                <c:pt idx="158">
                  <c:v>40610</c:v>
                </c:pt>
                <c:pt idx="159">
                  <c:v>40611</c:v>
                </c:pt>
                <c:pt idx="160">
                  <c:v>40612</c:v>
                </c:pt>
                <c:pt idx="161">
                  <c:v>40613</c:v>
                </c:pt>
                <c:pt idx="162">
                  <c:v>40614</c:v>
                </c:pt>
                <c:pt idx="163">
                  <c:v>40615</c:v>
                </c:pt>
                <c:pt idx="164">
                  <c:v>40616</c:v>
                </c:pt>
                <c:pt idx="165">
                  <c:v>40617</c:v>
                </c:pt>
                <c:pt idx="166">
                  <c:v>40618</c:v>
                </c:pt>
                <c:pt idx="167">
                  <c:v>40619</c:v>
                </c:pt>
                <c:pt idx="168">
                  <c:v>40620</c:v>
                </c:pt>
                <c:pt idx="169">
                  <c:v>40621</c:v>
                </c:pt>
                <c:pt idx="170">
                  <c:v>40622</c:v>
                </c:pt>
                <c:pt idx="171">
                  <c:v>40623</c:v>
                </c:pt>
                <c:pt idx="172">
                  <c:v>40624</c:v>
                </c:pt>
                <c:pt idx="173">
                  <c:v>40625</c:v>
                </c:pt>
                <c:pt idx="174">
                  <c:v>40626</c:v>
                </c:pt>
                <c:pt idx="175">
                  <c:v>40627</c:v>
                </c:pt>
                <c:pt idx="176">
                  <c:v>40628</c:v>
                </c:pt>
                <c:pt idx="177">
                  <c:v>40629</c:v>
                </c:pt>
                <c:pt idx="178">
                  <c:v>40630</c:v>
                </c:pt>
                <c:pt idx="179">
                  <c:v>40631</c:v>
                </c:pt>
                <c:pt idx="180">
                  <c:v>40632</c:v>
                </c:pt>
                <c:pt idx="181">
                  <c:v>40633</c:v>
                </c:pt>
                <c:pt idx="182">
                  <c:v>40634</c:v>
                </c:pt>
                <c:pt idx="183">
                  <c:v>40635</c:v>
                </c:pt>
                <c:pt idx="184">
                  <c:v>40636</c:v>
                </c:pt>
                <c:pt idx="185">
                  <c:v>40637</c:v>
                </c:pt>
                <c:pt idx="186">
                  <c:v>40638</c:v>
                </c:pt>
                <c:pt idx="187">
                  <c:v>40639</c:v>
                </c:pt>
                <c:pt idx="188">
                  <c:v>40640</c:v>
                </c:pt>
                <c:pt idx="189">
                  <c:v>40641</c:v>
                </c:pt>
                <c:pt idx="190">
                  <c:v>40642</c:v>
                </c:pt>
                <c:pt idx="191">
                  <c:v>40643</c:v>
                </c:pt>
                <c:pt idx="192">
                  <c:v>40644</c:v>
                </c:pt>
                <c:pt idx="193">
                  <c:v>40645</c:v>
                </c:pt>
                <c:pt idx="194">
                  <c:v>40646</c:v>
                </c:pt>
                <c:pt idx="195">
                  <c:v>40647</c:v>
                </c:pt>
                <c:pt idx="196">
                  <c:v>40648</c:v>
                </c:pt>
                <c:pt idx="197">
                  <c:v>40649</c:v>
                </c:pt>
                <c:pt idx="198">
                  <c:v>40650</c:v>
                </c:pt>
                <c:pt idx="199">
                  <c:v>40651</c:v>
                </c:pt>
                <c:pt idx="200">
                  <c:v>40652</c:v>
                </c:pt>
                <c:pt idx="201">
                  <c:v>40653</c:v>
                </c:pt>
                <c:pt idx="202">
                  <c:v>40654</c:v>
                </c:pt>
                <c:pt idx="203">
                  <c:v>40655</c:v>
                </c:pt>
                <c:pt idx="204">
                  <c:v>40656</c:v>
                </c:pt>
                <c:pt idx="205">
                  <c:v>40657</c:v>
                </c:pt>
                <c:pt idx="206">
                  <c:v>40658</c:v>
                </c:pt>
                <c:pt idx="207">
                  <c:v>40659</c:v>
                </c:pt>
                <c:pt idx="208">
                  <c:v>40660</c:v>
                </c:pt>
                <c:pt idx="209">
                  <c:v>40661</c:v>
                </c:pt>
                <c:pt idx="210">
                  <c:v>40662</c:v>
                </c:pt>
                <c:pt idx="211">
                  <c:v>40663</c:v>
                </c:pt>
                <c:pt idx="212">
                  <c:v>40664</c:v>
                </c:pt>
                <c:pt idx="213">
                  <c:v>40665</c:v>
                </c:pt>
                <c:pt idx="214">
                  <c:v>40666</c:v>
                </c:pt>
                <c:pt idx="215">
                  <c:v>40667</c:v>
                </c:pt>
                <c:pt idx="216">
                  <c:v>40668</c:v>
                </c:pt>
                <c:pt idx="217">
                  <c:v>40669</c:v>
                </c:pt>
                <c:pt idx="218">
                  <c:v>40670</c:v>
                </c:pt>
                <c:pt idx="219">
                  <c:v>40671</c:v>
                </c:pt>
                <c:pt idx="220">
                  <c:v>40672</c:v>
                </c:pt>
                <c:pt idx="221">
                  <c:v>40673</c:v>
                </c:pt>
                <c:pt idx="222">
                  <c:v>40674</c:v>
                </c:pt>
                <c:pt idx="223">
                  <c:v>40675</c:v>
                </c:pt>
                <c:pt idx="224">
                  <c:v>40676</c:v>
                </c:pt>
                <c:pt idx="225">
                  <c:v>40677</c:v>
                </c:pt>
                <c:pt idx="226">
                  <c:v>40678</c:v>
                </c:pt>
                <c:pt idx="227">
                  <c:v>40679</c:v>
                </c:pt>
                <c:pt idx="228">
                  <c:v>40680</c:v>
                </c:pt>
                <c:pt idx="229">
                  <c:v>40681</c:v>
                </c:pt>
                <c:pt idx="230">
                  <c:v>40682</c:v>
                </c:pt>
                <c:pt idx="231">
                  <c:v>40683</c:v>
                </c:pt>
                <c:pt idx="232">
                  <c:v>40684</c:v>
                </c:pt>
                <c:pt idx="233">
                  <c:v>40685</c:v>
                </c:pt>
                <c:pt idx="234">
                  <c:v>40686</c:v>
                </c:pt>
                <c:pt idx="235">
                  <c:v>40687</c:v>
                </c:pt>
                <c:pt idx="236">
                  <c:v>40688</c:v>
                </c:pt>
                <c:pt idx="237">
                  <c:v>40689</c:v>
                </c:pt>
                <c:pt idx="238">
                  <c:v>40690</c:v>
                </c:pt>
                <c:pt idx="239">
                  <c:v>40691</c:v>
                </c:pt>
                <c:pt idx="240">
                  <c:v>40692</c:v>
                </c:pt>
                <c:pt idx="241">
                  <c:v>40693</c:v>
                </c:pt>
                <c:pt idx="242">
                  <c:v>40694</c:v>
                </c:pt>
                <c:pt idx="243">
                  <c:v>40695</c:v>
                </c:pt>
                <c:pt idx="244">
                  <c:v>40696</c:v>
                </c:pt>
                <c:pt idx="245">
                  <c:v>40697</c:v>
                </c:pt>
                <c:pt idx="246">
                  <c:v>40698</c:v>
                </c:pt>
                <c:pt idx="247">
                  <c:v>40699</c:v>
                </c:pt>
                <c:pt idx="248">
                  <c:v>40700</c:v>
                </c:pt>
                <c:pt idx="249">
                  <c:v>40701</c:v>
                </c:pt>
                <c:pt idx="250">
                  <c:v>40702</c:v>
                </c:pt>
                <c:pt idx="251">
                  <c:v>40703</c:v>
                </c:pt>
                <c:pt idx="252">
                  <c:v>40704</c:v>
                </c:pt>
                <c:pt idx="253">
                  <c:v>40705</c:v>
                </c:pt>
                <c:pt idx="254">
                  <c:v>40706</c:v>
                </c:pt>
                <c:pt idx="255">
                  <c:v>40707</c:v>
                </c:pt>
                <c:pt idx="256">
                  <c:v>40708</c:v>
                </c:pt>
                <c:pt idx="257">
                  <c:v>40709</c:v>
                </c:pt>
                <c:pt idx="258">
                  <c:v>40710</c:v>
                </c:pt>
                <c:pt idx="259">
                  <c:v>40711</c:v>
                </c:pt>
                <c:pt idx="260">
                  <c:v>40712</c:v>
                </c:pt>
                <c:pt idx="261">
                  <c:v>40713</c:v>
                </c:pt>
                <c:pt idx="262">
                  <c:v>40714</c:v>
                </c:pt>
                <c:pt idx="263">
                  <c:v>40715</c:v>
                </c:pt>
                <c:pt idx="264">
                  <c:v>40716</c:v>
                </c:pt>
                <c:pt idx="265">
                  <c:v>40717</c:v>
                </c:pt>
                <c:pt idx="266">
                  <c:v>40718</c:v>
                </c:pt>
                <c:pt idx="267">
                  <c:v>40719</c:v>
                </c:pt>
                <c:pt idx="268">
                  <c:v>40720</c:v>
                </c:pt>
                <c:pt idx="269">
                  <c:v>40721</c:v>
                </c:pt>
                <c:pt idx="270">
                  <c:v>40722</c:v>
                </c:pt>
                <c:pt idx="271">
                  <c:v>40723</c:v>
                </c:pt>
                <c:pt idx="272">
                  <c:v>40724</c:v>
                </c:pt>
                <c:pt idx="273">
                  <c:v>40725</c:v>
                </c:pt>
                <c:pt idx="274">
                  <c:v>40726</c:v>
                </c:pt>
                <c:pt idx="275">
                  <c:v>40727</c:v>
                </c:pt>
                <c:pt idx="276">
                  <c:v>40728</c:v>
                </c:pt>
                <c:pt idx="277">
                  <c:v>40729</c:v>
                </c:pt>
                <c:pt idx="278">
                  <c:v>40730</c:v>
                </c:pt>
                <c:pt idx="279">
                  <c:v>40731</c:v>
                </c:pt>
                <c:pt idx="280">
                  <c:v>40732</c:v>
                </c:pt>
                <c:pt idx="281">
                  <c:v>40733</c:v>
                </c:pt>
                <c:pt idx="282">
                  <c:v>40734</c:v>
                </c:pt>
                <c:pt idx="283">
                  <c:v>40735</c:v>
                </c:pt>
                <c:pt idx="284">
                  <c:v>40736</c:v>
                </c:pt>
                <c:pt idx="285">
                  <c:v>40737</c:v>
                </c:pt>
                <c:pt idx="286">
                  <c:v>40738</c:v>
                </c:pt>
                <c:pt idx="287">
                  <c:v>40739</c:v>
                </c:pt>
                <c:pt idx="288">
                  <c:v>40740</c:v>
                </c:pt>
                <c:pt idx="289">
                  <c:v>40741</c:v>
                </c:pt>
                <c:pt idx="290">
                  <c:v>40742</c:v>
                </c:pt>
                <c:pt idx="291">
                  <c:v>40743</c:v>
                </c:pt>
                <c:pt idx="292">
                  <c:v>40744</c:v>
                </c:pt>
                <c:pt idx="293">
                  <c:v>40745</c:v>
                </c:pt>
                <c:pt idx="294">
                  <c:v>40746</c:v>
                </c:pt>
                <c:pt idx="295">
                  <c:v>40747</c:v>
                </c:pt>
                <c:pt idx="296">
                  <c:v>40748</c:v>
                </c:pt>
                <c:pt idx="297">
                  <c:v>40749</c:v>
                </c:pt>
                <c:pt idx="298">
                  <c:v>40750</c:v>
                </c:pt>
                <c:pt idx="299">
                  <c:v>40751</c:v>
                </c:pt>
                <c:pt idx="300">
                  <c:v>40752</c:v>
                </c:pt>
                <c:pt idx="301">
                  <c:v>40753</c:v>
                </c:pt>
                <c:pt idx="302">
                  <c:v>40754</c:v>
                </c:pt>
                <c:pt idx="303">
                  <c:v>40755</c:v>
                </c:pt>
                <c:pt idx="304">
                  <c:v>40756</c:v>
                </c:pt>
                <c:pt idx="305">
                  <c:v>40757</c:v>
                </c:pt>
                <c:pt idx="306">
                  <c:v>40758</c:v>
                </c:pt>
                <c:pt idx="307">
                  <c:v>40759</c:v>
                </c:pt>
                <c:pt idx="308">
                  <c:v>40760</c:v>
                </c:pt>
                <c:pt idx="309">
                  <c:v>40761</c:v>
                </c:pt>
                <c:pt idx="310">
                  <c:v>40762</c:v>
                </c:pt>
                <c:pt idx="311">
                  <c:v>40763</c:v>
                </c:pt>
                <c:pt idx="312">
                  <c:v>40764</c:v>
                </c:pt>
                <c:pt idx="313">
                  <c:v>40765</c:v>
                </c:pt>
                <c:pt idx="314">
                  <c:v>40766</c:v>
                </c:pt>
                <c:pt idx="315">
                  <c:v>40767</c:v>
                </c:pt>
                <c:pt idx="316">
                  <c:v>40768</c:v>
                </c:pt>
                <c:pt idx="317">
                  <c:v>40769</c:v>
                </c:pt>
                <c:pt idx="318">
                  <c:v>40770</c:v>
                </c:pt>
                <c:pt idx="319">
                  <c:v>40771</c:v>
                </c:pt>
                <c:pt idx="320">
                  <c:v>40772</c:v>
                </c:pt>
                <c:pt idx="321">
                  <c:v>40773</c:v>
                </c:pt>
                <c:pt idx="322">
                  <c:v>40774</c:v>
                </c:pt>
                <c:pt idx="323">
                  <c:v>40775</c:v>
                </c:pt>
                <c:pt idx="324">
                  <c:v>40776</c:v>
                </c:pt>
                <c:pt idx="325">
                  <c:v>40777</c:v>
                </c:pt>
                <c:pt idx="326">
                  <c:v>40778</c:v>
                </c:pt>
                <c:pt idx="327">
                  <c:v>40779</c:v>
                </c:pt>
                <c:pt idx="328">
                  <c:v>40780</c:v>
                </c:pt>
                <c:pt idx="329">
                  <c:v>40781</c:v>
                </c:pt>
                <c:pt idx="330">
                  <c:v>40782</c:v>
                </c:pt>
                <c:pt idx="331">
                  <c:v>40783</c:v>
                </c:pt>
                <c:pt idx="332">
                  <c:v>40784</c:v>
                </c:pt>
                <c:pt idx="333">
                  <c:v>40785</c:v>
                </c:pt>
                <c:pt idx="334">
                  <c:v>40786</c:v>
                </c:pt>
                <c:pt idx="335">
                  <c:v>40787</c:v>
                </c:pt>
                <c:pt idx="336">
                  <c:v>40788</c:v>
                </c:pt>
                <c:pt idx="337">
                  <c:v>40789</c:v>
                </c:pt>
                <c:pt idx="338">
                  <c:v>40790</c:v>
                </c:pt>
                <c:pt idx="339">
                  <c:v>40791</c:v>
                </c:pt>
                <c:pt idx="340">
                  <c:v>40792</c:v>
                </c:pt>
                <c:pt idx="341">
                  <c:v>40793</c:v>
                </c:pt>
                <c:pt idx="342">
                  <c:v>40794</c:v>
                </c:pt>
                <c:pt idx="343">
                  <c:v>40795</c:v>
                </c:pt>
                <c:pt idx="344">
                  <c:v>40796</c:v>
                </c:pt>
                <c:pt idx="345">
                  <c:v>40797</c:v>
                </c:pt>
                <c:pt idx="346">
                  <c:v>40798</c:v>
                </c:pt>
                <c:pt idx="347">
                  <c:v>40799</c:v>
                </c:pt>
                <c:pt idx="348">
                  <c:v>40800</c:v>
                </c:pt>
                <c:pt idx="349">
                  <c:v>40801</c:v>
                </c:pt>
                <c:pt idx="350">
                  <c:v>40802</c:v>
                </c:pt>
                <c:pt idx="351">
                  <c:v>40803</c:v>
                </c:pt>
                <c:pt idx="352">
                  <c:v>40804</c:v>
                </c:pt>
                <c:pt idx="353">
                  <c:v>40805</c:v>
                </c:pt>
                <c:pt idx="354">
                  <c:v>40806</c:v>
                </c:pt>
                <c:pt idx="355">
                  <c:v>40807</c:v>
                </c:pt>
                <c:pt idx="356">
                  <c:v>40808</c:v>
                </c:pt>
                <c:pt idx="357">
                  <c:v>40809</c:v>
                </c:pt>
                <c:pt idx="358">
                  <c:v>40810</c:v>
                </c:pt>
                <c:pt idx="359">
                  <c:v>40811</c:v>
                </c:pt>
                <c:pt idx="360">
                  <c:v>40812</c:v>
                </c:pt>
                <c:pt idx="361">
                  <c:v>40813</c:v>
                </c:pt>
                <c:pt idx="362">
                  <c:v>40814</c:v>
                </c:pt>
                <c:pt idx="363">
                  <c:v>40815</c:v>
                </c:pt>
                <c:pt idx="364">
                  <c:v>40816</c:v>
                </c:pt>
              </c:numCache>
            </c:numRef>
          </c:cat>
          <c:val>
            <c:numRef>
              <c:f>Sheet1!$BF$2198:$BF$2562</c:f>
              <c:numCache>
                <c:formatCode>0</c:formatCode>
                <c:ptCount val="365"/>
                <c:pt idx="0">
                  <c:v>10189</c:v>
                </c:pt>
                <c:pt idx="1">
                  <c:v>10198</c:v>
                </c:pt>
                <c:pt idx="2">
                  <c:v>10183</c:v>
                </c:pt>
                <c:pt idx="3">
                  <c:v>9720</c:v>
                </c:pt>
                <c:pt idx="4">
                  <c:v>10191</c:v>
                </c:pt>
                <c:pt idx="5">
                  <c:v>10172</c:v>
                </c:pt>
                <c:pt idx="6">
                  <c:v>10160</c:v>
                </c:pt>
                <c:pt idx="7">
                  <c:v>10171</c:v>
                </c:pt>
                <c:pt idx="8">
                  <c:v>10142</c:v>
                </c:pt>
                <c:pt idx="9">
                  <c:v>10205</c:v>
                </c:pt>
                <c:pt idx="10">
                  <c:v>10143</c:v>
                </c:pt>
                <c:pt idx="11">
                  <c:v>7664</c:v>
                </c:pt>
                <c:pt idx="12">
                  <c:v>9198</c:v>
                </c:pt>
                <c:pt idx="13">
                  <c:v>9178</c:v>
                </c:pt>
                <c:pt idx="14">
                  <c:v>8181</c:v>
                </c:pt>
                <c:pt idx="15">
                  <c:v>8668</c:v>
                </c:pt>
                <c:pt idx="16">
                  <c:v>3100</c:v>
                </c:pt>
                <c:pt idx="17">
                  <c:v>2980</c:v>
                </c:pt>
                <c:pt idx="18">
                  <c:v>2780</c:v>
                </c:pt>
                <c:pt idx="19">
                  <c:v>2650</c:v>
                </c:pt>
                <c:pt idx="20">
                  <c:v>2760</c:v>
                </c:pt>
                <c:pt idx="21">
                  <c:v>2800</c:v>
                </c:pt>
                <c:pt idx="22">
                  <c:v>2680</c:v>
                </c:pt>
                <c:pt idx="23">
                  <c:v>3300</c:v>
                </c:pt>
                <c:pt idx="24">
                  <c:v>5300</c:v>
                </c:pt>
                <c:pt idx="25">
                  <c:v>7600</c:v>
                </c:pt>
                <c:pt idx="26">
                  <c:v>9000</c:v>
                </c:pt>
                <c:pt idx="27">
                  <c:v>8100</c:v>
                </c:pt>
                <c:pt idx="28">
                  <c:v>6300</c:v>
                </c:pt>
                <c:pt idx="29">
                  <c:v>5600</c:v>
                </c:pt>
                <c:pt idx="30">
                  <c:v>5700</c:v>
                </c:pt>
                <c:pt idx="31">
                  <c:v>9028</c:v>
                </c:pt>
                <c:pt idx="32">
                  <c:v>9138</c:v>
                </c:pt>
                <c:pt idx="33">
                  <c:v>9162</c:v>
                </c:pt>
                <c:pt idx="34">
                  <c:v>9148</c:v>
                </c:pt>
                <c:pt idx="35">
                  <c:v>9159</c:v>
                </c:pt>
                <c:pt idx="36">
                  <c:v>7662</c:v>
                </c:pt>
                <c:pt idx="37">
                  <c:v>8774</c:v>
                </c:pt>
                <c:pt idx="38">
                  <c:v>9171</c:v>
                </c:pt>
                <c:pt idx="39">
                  <c:v>9665</c:v>
                </c:pt>
                <c:pt idx="40">
                  <c:v>9654</c:v>
                </c:pt>
                <c:pt idx="41">
                  <c:v>9619</c:v>
                </c:pt>
                <c:pt idx="42">
                  <c:v>9671</c:v>
                </c:pt>
                <c:pt idx="43">
                  <c:v>9166</c:v>
                </c:pt>
                <c:pt idx="44">
                  <c:v>8167</c:v>
                </c:pt>
                <c:pt idx="45">
                  <c:v>8224</c:v>
                </c:pt>
                <c:pt idx="46">
                  <c:v>8172</c:v>
                </c:pt>
                <c:pt idx="47">
                  <c:v>8401</c:v>
                </c:pt>
                <c:pt idx="48">
                  <c:v>8147</c:v>
                </c:pt>
                <c:pt idx="49">
                  <c:v>8178</c:v>
                </c:pt>
                <c:pt idx="50">
                  <c:v>8581</c:v>
                </c:pt>
                <c:pt idx="51">
                  <c:v>8613</c:v>
                </c:pt>
                <c:pt idx="52">
                  <c:v>9103</c:v>
                </c:pt>
                <c:pt idx="53">
                  <c:v>9645</c:v>
                </c:pt>
                <c:pt idx="54">
                  <c:v>9640</c:v>
                </c:pt>
                <c:pt idx="55">
                  <c:v>9611</c:v>
                </c:pt>
                <c:pt idx="56">
                  <c:v>9667</c:v>
                </c:pt>
                <c:pt idx="57">
                  <c:v>10280.4</c:v>
                </c:pt>
                <c:pt idx="58">
                  <c:v>10536.54642857143</c:v>
                </c:pt>
                <c:pt idx="59">
                  <c:v>10879.885714285714</c:v>
                </c:pt>
                <c:pt idx="60">
                  <c:v>11293.471428571429</c:v>
                </c:pt>
                <c:pt idx="61">
                  <c:v>7648.4747499999994</c:v>
                </c:pt>
                <c:pt idx="62">
                  <c:v>7798.6805000000004</c:v>
                </c:pt>
                <c:pt idx="63">
                  <c:v>7927.304250000001</c:v>
                </c:pt>
                <c:pt idx="64">
                  <c:v>8508.9804999999997</c:v>
                </c:pt>
                <c:pt idx="65">
                  <c:v>9585.4272499999988</c:v>
                </c:pt>
                <c:pt idx="66">
                  <c:v>10518.073250000001</c:v>
                </c:pt>
                <c:pt idx="67">
                  <c:v>10015.0975</c:v>
                </c:pt>
                <c:pt idx="68">
                  <c:v>10183.312</c:v>
                </c:pt>
                <c:pt idx="69">
                  <c:v>10594.236000000001</c:v>
                </c:pt>
                <c:pt idx="70">
                  <c:v>10325.944249999999</c:v>
                </c:pt>
                <c:pt idx="71">
                  <c:v>9752.4064999999991</c:v>
                </c:pt>
                <c:pt idx="72">
                  <c:v>9408.3709999999992</c:v>
                </c:pt>
                <c:pt idx="73">
                  <c:v>9250.7795000000006</c:v>
                </c:pt>
                <c:pt idx="74">
                  <c:v>8882.8989999999994</c:v>
                </c:pt>
                <c:pt idx="75">
                  <c:v>9383.9229999999989</c:v>
                </c:pt>
                <c:pt idx="76">
                  <c:v>9614.5820000000003</c:v>
                </c:pt>
                <c:pt idx="77">
                  <c:v>9986.5360000000001</c:v>
                </c:pt>
                <c:pt idx="78">
                  <c:v>14500</c:v>
                </c:pt>
                <c:pt idx="79">
                  <c:v>14500</c:v>
                </c:pt>
                <c:pt idx="80">
                  <c:v>14500</c:v>
                </c:pt>
                <c:pt idx="81">
                  <c:v>14500</c:v>
                </c:pt>
                <c:pt idx="82">
                  <c:v>14500</c:v>
                </c:pt>
                <c:pt idx="83">
                  <c:v>14500</c:v>
                </c:pt>
                <c:pt idx="84">
                  <c:v>14500</c:v>
                </c:pt>
                <c:pt idx="85">
                  <c:v>14500</c:v>
                </c:pt>
                <c:pt idx="86">
                  <c:v>14500</c:v>
                </c:pt>
                <c:pt idx="87">
                  <c:v>14500</c:v>
                </c:pt>
                <c:pt idx="88">
                  <c:v>14500</c:v>
                </c:pt>
                <c:pt idx="89">
                  <c:v>14500</c:v>
                </c:pt>
                <c:pt idx="90">
                  <c:v>14500</c:v>
                </c:pt>
                <c:pt idx="91">
                  <c:v>14500</c:v>
                </c:pt>
                <c:pt idx="92">
                  <c:v>14500</c:v>
                </c:pt>
                <c:pt idx="93">
                  <c:v>14500</c:v>
                </c:pt>
                <c:pt idx="94">
                  <c:v>14500</c:v>
                </c:pt>
                <c:pt idx="95">
                  <c:v>14500</c:v>
                </c:pt>
                <c:pt idx="96">
                  <c:v>14500</c:v>
                </c:pt>
                <c:pt idx="97">
                  <c:v>14500</c:v>
                </c:pt>
                <c:pt idx="98">
                  <c:v>14500</c:v>
                </c:pt>
                <c:pt idx="99">
                  <c:v>14500</c:v>
                </c:pt>
                <c:pt idx="100">
                  <c:v>14500</c:v>
                </c:pt>
                <c:pt idx="101">
                  <c:v>14500</c:v>
                </c:pt>
                <c:pt idx="102">
                  <c:v>14500</c:v>
                </c:pt>
                <c:pt idx="103">
                  <c:v>14500</c:v>
                </c:pt>
                <c:pt idx="104">
                  <c:v>14500</c:v>
                </c:pt>
                <c:pt idx="105">
                  <c:v>14500</c:v>
                </c:pt>
                <c:pt idx="106">
                  <c:v>14500</c:v>
                </c:pt>
                <c:pt idx="107">
                  <c:v>14500</c:v>
                </c:pt>
                <c:pt idx="108">
                  <c:v>14500</c:v>
                </c:pt>
                <c:pt idx="109">
                  <c:v>14500</c:v>
                </c:pt>
                <c:pt idx="110">
                  <c:v>14500</c:v>
                </c:pt>
                <c:pt idx="111">
                  <c:v>14500</c:v>
                </c:pt>
                <c:pt idx="112">
                  <c:v>14500</c:v>
                </c:pt>
                <c:pt idx="113">
                  <c:v>14500</c:v>
                </c:pt>
                <c:pt idx="114">
                  <c:v>14500</c:v>
                </c:pt>
                <c:pt idx="115">
                  <c:v>14050.427</c:v>
                </c:pt>
                <c:pt idx="116">
                  <c:v>13684.49775</c:v>
                </c:pt>
                <c:pt idx="117">
                  <c:v>13448.50225</c:v>
                </c:pt>
                <c:pt idx="118">
                  <c:v>12991.99375</c:v>
                </c:pt>
                <c:pt idx="119">
                  <c:v>12804.38975</c:v>
                </c:pt>
                <c:pt idx="120">
                  <c:v>11640.918750000001</c:v>
                </c:pt>
                <c:pt idx="121">
                  <c:v>11518.920499999998</c:v>
                </c:pt>
                <c:pt idx="122">
                  <c:v>12652.73625</c:v>
                </c:pt>
                <c:pt idx="123">
                  <c:v>12129.949999999999</c:v>
                </c:pt>
                <c:pt idx="124">
                  <c:v>11833.399999999998</c:v>
                </c:pt>
                <c:pt idx="125">
                  <c:v>11549.899999999998</c:v>
                </c:pt>
                <c:pt idx="126">
                  <c:v>11291.974999999999</c:v>
                </c:pt>
                <c:pt idx="127">
                  <c:v>10634.894749999999</c:v>
                </c:pt>
                <c:pt idx="128">
                  <c:v>10271.862749999998</c:v>
                </c:pt>
                <c:pt idx="129">
                  <c:v>9882.0747499999998</c:v>
                </c:pt>
                <c:pt idx="130">
                  <c:v>9678.7885000000006</c:v>
                </c:pt>
                <c:pt idx="131">
                  <c:v>9504.5014999999985</c:v>
                </c:pt>
                <c:pt idx="132">
                  <c:v>9549.57575</c:v>
                </c:pt>
                <c:pt idx="133">
                  <c:v>9402.0462499999994</c:v>
                </c:pt>
                <c:pt idx="134">
                  <c:v>9140.3490000000002</c:v>
                </c:pt>
                <c:pt idx="135">
                  <c:v>8765.281500000001</c:v>
                </c:pt>
                <c:pt idx="136">
                  <c:v>8460.9154999999992</c:v>
                </c:pt>
                <c:pt idx="137">
                  <c:v>8362.1204999999991</c:v>
                </c:pt>
                <c:pt idx="138">
                  <c:v>9179.9134999999987</c:v>
                </c:pt>
                <c:pt idx="139">
                  <c:v>9538.6</c:v>
                </c:pt>
                <c:pt idx="140">
                  <c:v>9832.1</c:v>
                </c:pt>
                <c:pt idx="141">
                  <c:v>10360.999999999998</c:v>
                </c:pt>
                <c:pt idx="142">
                  <c:v>11018.349999999999</c:v>
                </c:pt>
                <c:pt idx="143">
                  <c:v>11683.85</c:v>
                </c:pt>
                <c:pt idx="144">
                  <c:v>12267.749999999998</c:v>
                </c:pt>
                <c:pt idx="145">
                  <c:v>12751.35</c:v>
                </c:pt>
                <c:pt idx="146">
                  <c:v>13141.2</c:v>
                </c:pt>
                <c:pt idx="147">
                  <c:v>13640.325000000001</c:v>
                </c:pt>
                <c:pt idx="148">
                  <c:v>14128.524999999998</c:v>
                </c:pt>
                <c:pt idx="149">
                  <c:v>14500</c:v>
                </c:pt>
                <c:pt idx="150">
                  <c:v>14500</c:v>
                </c:pt>
                <c:pt idx="151">
                  <c:v>14500</c:v>
                </c:pt>
                <c:pt idx="152">
                  <c:v>14500</c:v>
                </c:pt>
                <c:pt idx="153">
                  <c:v>14500</c:v>
                </c:pt>
                <c:pt idx="154">
                  <c:v>14500</c:v>
                </c:pt>
                <c:pt idx="155">
                  <c:v>14500</c:v>
                </c:pt>
                <c:pt idx="156">
                  <c:v>14500</c:v>
                </c:pt>
                <c:pt idx="157">
                  <c:v>14500</c:v>
                </c:pt>
                <c:pt idx="158">
                  <c:v>14500</c:v>
                </c:pt>
                <c:pt idx="159">
                  <c:v>14500</c:v>
                </c:pt>
                <c:pt idx="160">
                  <c:v>14500</c:v>
                </c:pt>
                <c:pt idx="161">
                  <c:v>14500</c:v>
                </c:pt>
                <c:pt idx="162">
                  <c:v>14266.335499999999</c:v>
                </c:pt>
                <c:pt idx="163">
                  <c:v>14187.82775</c:v>
                </c:pt>
                <c:pt idx="164">
                  <c:v>13966.94025</c:v>
                </c:pt>
                <c:pt idx="165">
                  <c:v>13680.216249999999</c:v>
                </c:pt>
                <c:pt idx="166">
                  <c:v>13836.16425</c:v>
                </c:pt>
                <c:pt idx="167">
                  <c:v>14047.079999999998</c:v>
                </c:pt>
                <c:pt idx="168">
                  <c:v>14147.681</c:v>
                </c:pt>
                <c:pt idx="169">
                  <c:v>14500</c:v>
                </c:pt>
                <c:pt idx="170">
                  <c:v>14500</c:v>
                </c:pt>
                <c:pt idx="171">
                  <c:v>14500</c:v>
                </c:pt>
                <c:pt idx="172">
                  <c:v>14500</c:v>
                </c:pt>
                <c:pt idx="173">
                  <c:v>14409</c:v>
                </c:pt>
                <c:pt idx="174">
                  <c:v>9775</c:v>
                </c:pt>
                <c:pt idx="175">
                  <c:v>9408</c:v>
                </c:pt>
                <c:pt idx="176">
                  <c:v>9956</c:v>
                </c:pt>
                <c:pt idx="177">
                  <c:v>12246</c:v>
                </c:pt>
                <c:pt idx="178">
                  <c:v>13085</c:v>
                </c:pt>
                <c:pt idx="179">
                  <c:v>13321</c:v>
                </c:pt>
                <c:pt idx="180">
                  <c:v>10584</c:v>
                </c:pt>
                <c:pt idx="181">
                  <c:v>14059</c:v>
                </c:pt>
                <c:pt idx="182">
                  <c:v>14449</c:v>
                </c:pt>
                <c:pt idx="183">
                  <c:v>14240</c:v>
                </c:pt>
                <c:pt idx="184">
                  <c:v>14500</c:v>
                </c:pt>
                <c:pt idx="185">
                  <c:v>14500</c:v>
                </c:pt>
                <c:pt idx="186">
                  <c:v>14500</c:v>
                </c:pt>
                <c:pt idx="187">
                  <c:v>14500</c:v>
                </c:pt>
                <c:pt idx="188">
                  <c:v>14500</c:v>
                </c:pt>
                <c:pt idx="189">
                  <c:v>14500</c:v>
                </c:pt>
                <c:pt idx="190">
                  <c:v>14500</c:v>
                </c:pt>
                <c:pt idx="191">
                  <c:v>14500</c:v>
                </c:pt>
                <c:pt idx="192">
                  <c:v>14500</c:v>
                </c:pt>
                <c:pt idx="193">
                  <c:v>14500</c:v>
                </c:pt>
                <c:pt idx="194">
                  <c:v>14500</c:v>
                </c:pt>
                <c:pt idx="195">
                  <c:v>14394</c:v>
                </c:pt>
                <c:pt idx="196">
                  <c:v>14345</c:v>
                </c:pt>
                <c:pt idx="197">
                  <c:v>14357</c:v>
                </c:pt>
                <c:pt idx="198">
                  <c:v>14500</c:v>
                </c:pt>
                <c:pt idx="199">
                  <c:v>14500</c:v>
                </c:pt>
                <c:pt idx="200">
                  <c:v>14500</c:v>
                </c:pt>
                <c:pt idx="201">
                  <c:v>14500</c:v>
                </c:pt>
                <c:pt idx="202">
                  <c:v>14500</c:v>
                </c:pt>
                <c:pt idx="203">
                  <c:v>14500</c:v>
                </c:pt>
                <c:pt idx="204">
                  <c:v>14500</c:v>
                </c:pt>
                <c:pt idx="205">
                  <c:v>14500</c:v>
                </c:pt>
                <c:pt idx="206">
                  <c:v>13528</c:v>
                </c:pt>
                <c:pt idx="207">
                  <c:v>12345</c:v>
                </c:pt>
                <c:pt idx="208">
                  <c:v>13618</c:v>
                </c:pt>
                <c:pt idx="209">
                  <c:v>14500</c:v>
                </c:pt>
                <c:pt idx="210">
                  <c:v>14500</c:v>
                </c:pt>
                <c:pt idx="211">
                  <c:v>13762</c:v>
                </c:pt>
                <c:pt idx="212">
                  <c:v>13771</c:v>
                </c:pt>
                <c:pt idx="213">
                  <c:v>13760</c:v>
                </c:pt>
                <c:pt idx="214">
                  <c:v>13462</c:v>
                </c:pt>
                <c:pt idx="215">
                  <c:v>13264.2495</c:v>
                </c:pt>
                <c:pt idx="216">
                  <c:v>13974.083999999999</c:v>
                </c:pt>
                <c:pt idx="217">
                  <c:v>13518</c:v>
                </c:pt>
                <c:pt idx="218">
                  <c:v>13026</c:v>
                </c:pt>
                <c:pt idx="219">
                  <c:v>12524</c:v>
                </c:pt>
                <c:pt idx="220">
                  <c:v>12450</c:v>
                </c:pt>
                <c:pt idx="221">
                  <c:v>12388</c:v>
                </c:pt>
                <c:pt idx="222">
                  <c:v>12387</c:v>
                </c:pt>
                <c:pt idx="223">
                  <c:v>12381</c:v>
                </c:pt>
                <c:pt idx="224">
                  <c:v>12372</c:v>
                </c:pt>
                <c:pt idx="225">
                  <c:v>12394</c:v>
                </c:pt>
                <c:pt idx="226">
                  <c:v>12366.666666666666</c:v>
                </c:pt>
                <c:pt idx="227">
                  <c:v>12100</c:v>
                </c:pt>
                <c:pt idx="228">
                  <c:v>11866.666666666666</c:v>
                </c:pt>
                <c:pt idx="229">
                  <c:v>11666.666666666666</c:v>
                </c:pt>
                <c:pt idx="230">
                  <c:v>11460</c:v>
                </c:pt>
                <c:pt idx="231">
                  <c:v>11400</c:v>
                </c:pt>
                <c:pt idx="232">
                  <c:v>11300</c:v>
                </c:pt>
                <c:pt idx="233">
                  <c:v>11166.666666666666</c:v>
                </c:pt>
                <c:pt idx="234">
                  <c:v>11066.666666666666</c:v>
                </c:pt>
                <c:pt idx="235">
                  <c:v>10933.333333333334</c:v>
                </c:pt>
                <c:pt idx="236">
                  <c:v>10800</c:v>
                </c:pt>
                <c:pt idx="237">
                  <c:v>10700</c:v>
                </c:pt>
                <c:pt idx="238">
                  <c:v>10666.666666666666</c:v>
                </c:pt>
                <c:pt idx="239">
                  <c:v>10666.666666666666</c:v>
                </c:pt>
                <c:pt idx="240">
                  <c:v>10533.333333333334</c:v>
                </c:pt>
                <c:pt idx="241">
                  <c:v>10366.666666666666</c:v>
                </c:pt>
                <c:pt idx="242">
                  <c:v>10200</c:v>
                </c:pt>
                <c:pt idx="243">
                  <c:v>13782.12175</c:v>
                </c:pt>
                <c:pt idx="244">
                  <c:v>14246.659749999999</c:v>
                </c:pt>
                <c:pt idx="245">
                  <c:v>14239.832749999998</c:v>
                </c:pt>
                <c:pt idx="246">
                  <c:v>14231.8675</c:v>
                </c:pt>
                <c:pt idx="247">
                  <c:v>14500</c:v>
                </c:pt>
                <c:pt idx="248">
                  <c:v>14500</c:v>
                </c:pt>
                <c:pt idx="249">
                  <c:v>14500</c:v>
                </c:pt>
                <c:pt idx="250">
                  <c:v>14500</c:v>
                </c:pt>
                <c:pt idx="251">
                  <c:v>14500</c:v>
                </c:pt>
                <c:pt idx="252">
                  <c:v>14500</c:v>
                </c:pt>
                <c:pt idx="253">
                  <c:v>14057.813499999998</c:v>
                </c:pt>
                <c:pt idx="254">
                  <c:v>14232.576249999998</c:v>
                </c:pt>
                <c:pt idx="255">
                  <c:v>14300.493999999999</c:v>
                </c:pt>
                <c:pt idx="256">
                  <c:v>14197.42225</c:v>
                </c:pt>
                <c:pt idx="257">
                  <c:v>14084.674999999999</c:v>
                </c:pt>
                <c:pt idx="258">
                  <c:v>13908.01175</c:v>
                </c:pt>
                <c:pt idx="259">
                  <c:v>13798.026249999999</c:v>
                </c:pt>
                <c:pt idx="260">
                  <c:v>13781.5105</c:v>
                </c:pt>
                <c:pt idx="261">
                  <c:v>13728.221999999998</c:v>
                </c:pt>
                <c:pt idx="262">
                  <c:v>13675.477999999999</c:v>
                </c:pt>
                <c:pt idx="263">
                  <c:v>14500</c:v>
                </c:pt>
                <c:pt idx="264">
                  <c:v>13572.96675</c:v>
                </c:pt>
                <c:pt idx="265">
                  <c:v>13736.28775</c:v>
                </c:pt>
                <c:pt idx="266">
                  <c:v>13890.5615</c:v>
                </c:pt>
                <c:pt idx="267">
                  <c:v>13874.17175</c:v>
                </c:pt>
                <c:pt idx="268">
                  <c:v>13873.378499999999</c:v>
                </c:pt>
                <c:pt idx="269">
                  <c:v>13957.58625</c:v>
                </c:pt>
                <c:pt idx="270">
                  <c:v>13953.196499999998</c:v>
                </c:pt>
                <c:pt idx="271">
                  <c:v>14322.069749999999</c:v>
                </c:pt>
                <c:pt idx="272">
                  <c:v>14311.85025</c:v>
                </c:pt>
                <c:pt idx="273">
                  <c:v>14500</c:v>
                </c:pt>
                <c:pt idx="274">
                  <c:v>14500</c:v>
                </c:pt>
                <c:pt idx="275">
                  <c:v>14500</c:v>
                </c:pt>
                <c:pt idx="276">
                  <c:v>14500</c:v>
                </c:pt>
                <c:pt idx="277">
                  <c:v>14500</c:v>
                </c:pt>
                <c:pt idx="278">
                  <c:v>14500</c:v>
                </c:pt>
                <c:pt idx="279">
                  <c:v>14500</c:v>
                </c:pt>
                <c:pt idx="280">
                  <c:v>14500</c:v>
                </c:pt>
                <c:pt idx="281">
                  <c:v>14500</c:v>
                </c:pt>
                <c:pt idx="282">
                  <c:v>14500</c:v>
                </c:pt>
                <c:pt idx="283">
                  <c:v>14500</c:v>
                </c:pt>
                <c:pt idx="284">
                  <c:v>14500</c:v>
                </c:pt>
                <c:pt idx="285">
                  <c:v>14500</c:v>
                </c:pt>
                <c:pt idx="286">
                  <c:v>14500</c:v>
                </c:pt>
                <c:pt idx="287">
                  <c:v>14500</c:v>
                </c:pt>
                <c:pt idx="288">
                  <c:v>14500</c:v>
                </c:pt>
                <c:pt idx="289">
                  <c:v>14500</c:v>
                </c:pt>
                <c:pt idx="290">
                  <c:v>14500</c:v>
                </c:pt>
                <c:pt idx="291">
                  <c:v>14500</c:v>
                </c:pt>
                <c:pt idx="292">
                  <c:v>14500</c:v>
                </c:pt>
                <c:pt idx="293">
                  <c:v>14500</c:v>
                </c:pt>
                <c:pt idx="294">
                  <c:v>13377</c:v>
                </c:pt>
                <c:pt idx="295">
                  <c:v>12267</c:v>
                </c:pt>
                <c:pt idx="296">
                  <c:v>11597</c:v>
                </c:pt>
                <c:pt idx="297">
                  <c:v>11391</c:v>
                </c:pt>
                <c:pt idx="298">
                  <c:v>11408</c:v>
                </c:pt>
                <c:pt idx="299">
                  <c:v>11429</c:v>
                </c:pt>
                <c:pt idx="300">
                  <c:v>11430</c:v>
                </c:pt>
                <c:pt idx="301">
                  <c:v>11430</c:v>
                </c:pt>
                <c:pt idx="302">
                  <c:v>11422</c:v>
                </c:pt>
                <c:pt idx="303">
                  <c:v>11412</c:v>
                </c:pt>
                <c:pt idx="304">
                  <c:v>13873</c:v>
                </c:pt>
                <c:pt idx="305">
                  <c:v>14196</c:v>
                </c:pt>
                <c:pt idx="306">
                  <c:v>14500</c:v>
                </c:pt>
                <c:pt idx="307">
                  <c:v>14500</c:v>
                </c:pt>
                <c:pt idx="308">
                  <c:v>14500</c:v>
                </c:pt>
                <c:pt idx="309">
                  <c:v>14500</c:v>
                </c:pt>
                <c:pt idx="310">
                  <c:v>14500</c:v>
                </c:pt>
                <c:pt idx="311">
                  <c:v>14500</c:v>
                </c:pt>
                <c:pt idx="312">
                  <c:v>14500</c:v>
                </c:pt>
                <c:pt idx="313">
                  <c:v>13819</c:v>
                </c:pt>
                <c:pt idx="314">
                  <c:v>13864</c:v>
                </c:pt>
                <c:pt idx="315">
                  <c:v>14500</c:v>
                </c:pt>
                <c:pt idx="316">
                  <c:v>14500</c:v>
                </c:pt>
                <c:pt idx="317">
                  <c:v>14500</c:v>
                </c:pt>
                <c:pt idx="318">
                  <c:v>14500</c:v>
                </c:pt>
                <c:pt idx="319">
                  <c:v>14500</c:v>
                </c:pt>
                <c:pt idx="320">
                  <c:v>14500</c:v>
                </c:pt>
                <c:pt idx="321">
                  <c:v>14500</c:v>
                </c:pt>
                <c:pt idx="322">
                  <c:v>14500</c:v>
                </c:pt>
                <c:pt idx="323">
                  <c:v>14500</c:v>
                </c:pt>
                <c:pt idx="324">
                  <c:v>14500</c:v>
                </c:pt>
                <c:pt idx="325">
                  <c:v>14500</c:v>
                </c:pt>
                <c:pt idx="326">
                  <c:v>14500</c:v>
                </c:pt>
                <c:pt idx="327">
                  <c:v>14500</c:v>
                </c:pt>
                <c:pt idx="328">
                  <c:v>14500</c:v>
                </c:pt>
                <c:pt idx="329">
                  <c:v>14500</c:v>
                </c:pt>
                <c:pt idx="330">
                  <c:v>14500</c:v>
                </c:pt>
                <c:pt idx="331">
                  <c:v>14500</c:v>
                </c:pt>
                <c:pt idx="332">
                  <c:v>14500</c:v>
                </c:pt>
                <c:pt idx="333">
                  <c:v>14500</c:v>
                </c:pt>
                <c:pt idx="334">
                  <c:v>14500</c:v>
                </c:pt>
                <c:pt idx="335">
                  <c:v>14500</c:v>
                </c:pt>
                <c:pt idx="336">
                  <c:v>14500</c:v>
                </c:pt>
                <c:pt idx="337">
                  <c:v>14500</c:v>
                </c:pt>
                <c:pt idx="338">
                  <c:v>14500</c:v>
                </c:pt>
                <c:pt idx="339">
                  <c:v>14500</c:v>
                </c:pt>
                <c:pt idx="340">
                  <c:v>14500</c:v>
                </c:pt>
                <c:pt idx="341">
                  <c:v>14500</c:v>
                </c:pt>
                <c:pt idx="342">
                  <c:v>14500</c:v>
                </c:pt>
                <c:pt idx="343">
                  <c:v>14500</c:v>
                </c:pt>
                <c:pt idx="344">
                  <c:v>14500</c:v>
                </c:pt>
                <c:pt idx="345">
                  <c:v>14500</c:v>
                </c:pt>
                <c:pt idx="346">
                  <c:v>14500</c:v>
                </c:pt>
                <c:pt idx="347">
                  <c:v>14500</c:v>
                </c:pt>
                <c:pt idx="348">
                  <c:v>14500</c:v>
                </c:pt>
                <c:pt idx="349">
                  <c:v>14500</c:v>
                </c:pt>
                <c:pt idx="350">
                  <c:v>14500</c:v>
                </c:pt>
                <c:pt idx="351">
                  <c:v>14500</c:v>
                </c:pt>
                <c:pt idx="352">
                  <c:v>14500</c:v>
                </c:pt>
                <c:pt idx="353">
                  <c:v>14500</c:v>
                </c:pt>
                <c:pt idx="354">
                  <c:v>14500</c:v>
                </c:pt>
                <c:pt idx="355">
                  <c:v>14500</c:v>
                </c:pt>
                <c:pt idx="356">
                  <c:v>14500</c:v>
                </c:pt>
                <c:pt idx="357">
                  <c:v>14500</c:v>
                </c:pt>
                <c:pt idx="358">
                  <c:v>14500</c:v>
                </c:pt>
                <c:pt idx="359">
                  <c:v>14500</c:v>
                </c:pt>
                <c:pt idx="360">
                  <c:v>14500</c:v>
                </c:pt>
                <c:pt idx="361">
                  <c:v>14500</c:v>
                </c:pt>
                <c:pt idx="362">
                  <c:v>14500</c:v>
                </c:pt>
                <c:pt idx="363">
                  <c:v>14500</c:v>
                </c:pt>
                <c:pt idx="364">
                  <c:v>14500</c:v>
                </c:pt>
              </c:numCache>
            </c:numRef>
          </c:val>
          <c:smooth val="0"/>
        </c:ser>
        <c:dLbls>
          <c:showLegendKey val="0"/>
          <c:showVal val="0"/>
          <c:showCatName val="0"/>
          <c:showSerName val="0"/>
          <c:showPercent val="0"/>
          <c:showBubbleSize val="0"/>
        </c:dLbls>
        <c:marker val="1"/>
        <c:smooth val="0"/>
        <c:axId val="318417536"/>
        <c:axId val="318427520"/>
      </c:lineChart>
      <c:dateAx>
        <c:axId val="318417536"/>
        <c:scaling>
          <c:orientation val="minMax"/>
        </c:scaling>
        <c:delete val="0"/>
        <c:axPos val="b"/>
        <c:numFmt formatCode="mmm\-yy" sourceLinked="0"/>
        <c:majorTickMark val="out"/>
        <c:minorTickMark val="out"/>
        <c:tickLblPos val="nextTo"/>
        <c:crossAx val="318427520"/>
        <c:crosses val="autoZero"/>
        <c:auto val="1"/>
        <c:lblOffset val="100"/>
        <c:baseTimeUnit val="days"/>
        <c:majorUnit val="2"/>
        <c:majorTimeUnit val="months"/>
      </c:dateAx>
      <c:valAx>
        <c:axId val="318427520"/>
        <c:scaling>
          <c:orientation val="minMax"/>
          <c:max val="88000"/>
          <c:min val="0"/>
        </c:scaling>
        <c:delete val="0"/>
        <c:axPos val="l"/>
        <c:majorGridlines>
          <c:spPr>
            <a:ln>
              <a:noFill/>
            </a:ln>
          </c:spPr>
        </c:majorGridlines>
        <c:title>
          <c:tx>
            <c:rich>
              <a:bodyPr rot="-5400000" vert="horz"/>
              <a:lstStyle/>
              <a:p>
                <a:pPr>
                  <a:defRPr/>
                </a:pPr>
                <a:r>
                  <a:rPr lang="en-US" dirty="0" smtClean="0"/>
                  <a:t>Flow (cfs)</a:t>
                </a:r>
                <a:endParaRPr lang="en-US" dirty="0"/>
              </a:p>
            </c:rich>
          </c:tx>
          <c:layout>
            <c:manualLayout>
              <c:xMode val="edge"/>
              <c:yMode val="edge"/>
              <c:x val="3.4100991800803666E-3"/>
              <c:y val="0.38860633374775522"/>
            </c:manualLayout>
          </c:layout>
          <c:overlay val="0"/>
        </c:title>
        <c:numFmt formatCode="#,##0" sourceLinked="0"/>
        <c:majorTickMark val="out"/>
        <c:minorTickMark val="none"/>
        <c:tickLblPos val="nextTo"/>
        <c:crossAx val="318417536"/>
        <c:crosses val="autoZero"/>
        <c:crossBetween val="between"/>
        <c:majorUnit val="20000"/>
      </c:valAx>
    </c:plotArea>
    <c:legend>
      <c:legendPos val="r"/>
      <c:layout>
        <c:manualLayout>
          <c:xMode val="edge"/>
          <c:yMode val="edge"/>
          <c:x val="0.38795194295403346"/>
          <c:y val="0.27649433623428649"/>
          <c:w val="0.58549938447959493"/>
          <c:h val="0.15679375604365245"/>
        </c:manualLayout>
      </c:layout>
      <c:overlay val="0"/>
      <c:spPr>
        <a:ln w="76200"/>
      </c:spPr>
      <c:txPr>
        <a:bodyPr/>
        <a:lstStyle/>
        <a:p>
          <a:pPr>
            <a:defRPr sz="1700" baseline="0"/>
          </a:pPr>
          <a:endParaRPr lang="en-US"/>
        </a:p>
      </c:txPr>
    </c:legend>
    <c:plotVisOnly val="1"/>
    <c:dispBlanksAs val="zero"/>
    <c:showDLblsOverMax val="0"/>
  </c:chart>
  <c:spPr>
    <a:ln w="76200"/>
  </c:spPr>
  <c:txPr>
    <a:bodyPr/>
    <a:lstStyle/>
    <a:p>
      <a:pPr>
        <a:defRPr sz="1800"/>
      </a:pPr>
      <a:endParaRPr lang="en-US"/>
    </a:p>
  </c:txPr>
  <c:externalData r:id="rId1">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46"/>
    </mc:Choice>
    <mc:Fallback>
      <c:style val="46"/>
    </mc:Fallback>
  </mc:AlternateContent>
  <c:chart>
    <c:autoTitleDeleted val="1"/>
    <c:plotArea>
      <c:layout>
        <c:manualLayout>
          <c:layoutTarget val="inner"/>
          <c:xMode val="edge"/>
          <c:yMode val="edge"/>
          <c:x val="0.16964766122984626"/>
          <c:y val="5.488243657042953E-2"/>
          <c:w val="0.77776891169853768"/>
          <c:h val="0.72870242782152261"/>
        </c:manualLayout>
      </c:layout>
      <c:barChart>
        <c:barDir val="col"/>
        <c:grouping val="clustered"/>
        <c:varyColors val="0"/>
        <c:ser>
          <c:idx val="0"/>
          <c:order val="0"/>
          <c:tx>
            <c:strRef>
              <c:f>Sheet1!$B$1</c:f>
              <c:strCache>
                <c:ptCount val="1"/>
                <c:pt idx="0">
                  <c:v>3,000 cfs</c:v>
                </c:pt>
              </c:strCache>
            </c:strRef>
          </c:tx>
          <c:invertIfNegative val="0"/>
          <c:cat>
            <c:numRef>
              <c:f>Sheet1!$A$2</c:f>
              <c:numCache>
                <c:formatCode>General</c:formatCode>
                <c:ptCount val="1"/>
              </c:numCache>
            </c:numRef>
          </c:cat>
          <c:val>
            <c:numRef>
              <c:f>Sheet1!$B$2</c:f>
              <c:numCache>
                <c:formatCode>General</c:formatCode>
                <c:ptCount val="1"/>
                <c:pt idx="0">
                  <c:v>8.9</c:v>
                </c:pt>
              </c:numCache>
            </c:numRef>
          </c:val>
        </c:ser>
        <c:ser>
          <c:idx val="1"/>
          <c:order val="1"/>
          <c:tx>
            <c:strRef>
              <c:f>Sheet1!$C$1</c:f>
              <c:strCache>
                <c:ptCount val="1"/>
                <c:pt idx="0">
                  <c:v>9,000 cfs</c:v>
                </c:pt>
              </c:strCache>
            </c:strRef>
          </c:tx>
          <c:spPr>
            <a:gradFill rotWithShape="1">
              <a:gsLst>
                <a:gs pos="0">
                  <a:schemeClr val="accent2">
                    <a:shade val="15000"/>
                    <a:satMod val="180000"/>
                  </a:schemeClr>
                </a:gs>
                <a:gs pos="50000">
                  <a:schemeClr val="accent2">
                    <a:shade val="45000"/>
                    <a:satMod val="170000"/>
                  </a:schemeClr>
                </a:gs>
                <a:gs pos="70000">
                  <a:schemeClr val="accent2">
                    <a:tint val="99000"/>
                    <a:shade val="65000"/>
                    <a:satMod val="155000"/>
                  </a:schemeClr>
                </a:gs>
                <a:gs pos="100000">
                  <a:schemeClr val="accent2">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c:spPr>
          <c:invertIfNegative val="0"/>
          <c:cat>
            <c:numRef>
              <c:f>Sheet1!$A$2</c:f>
              <c:numCache>
                <c:formatCode>General</c:formatCode>
                <c:ptCount val="1"/>
              </c:numCache>
            </c:numRef>
          </c:cat>
          <c:val>
            <c:numRef>
              <c:f>Sheet1!$C$2</c:f>
              <c:numCache>
                <c:formatCode>General</c:formatCode>
                <c:ptCount val="1"/>
                <c:pt idx="0">
                  <c:v>14.9</c:v>
                </c:pt>
              </c:numCache>
            </c:numRef>
          </c:val>
        </c:ser>
        <c:dLbls>
          <c:showLegendKey val="0"/>
          <c:showVal val="0"/>
          <c:showCatName val="0"/>
          <c:showSerName val="0"/>
          <c:showPercent val="0"/>
          <c:showBubbleSize val="0"/>
        </c:dLbls>
        <c:gapWidth val="65"/>
        <c:overlap val="-25"/>
        <c:axId val="353859840"/>
        <c:axId val="353861632"/>
      </c:barChart>
      <c:catAx>
        <c:axId val="353859840"/>
        <c:scaling>
          <c:orientation val="minMax"/>
        </c:scaling>
        <c:delete val="0"/>
        <c:axPos val="b"/>
        <c:numFmt formatCode="General" sourceLinked="1"/>
        <c:majorTickMark val="out"/>
        <c:minorTickMark val="none"/>
        <c:tickLblPos val="nextTo"/>
        <c:crossAx val="353861632"/>
        <c:crosses val="autoZero"/>
        <c:auto val="1"/>
        <c:lblAlgn val="ctr"/>
        <c:lblOffset val="100"/>
        <c:noMultiLvlLbl val="0"/>
      </c:catAx>
      <c:valAx>
        <c:axId val="353861632"/>
        <c:scaling>
          <c:orientation val="minMax"/>
        </c:scaling>
        <c:delete val="0"/>
        <c:axPos val="l"/>
        <c:majorGridlines>
          <c:spPr>
            <a:ln>
              <a:noFill/>
            </a:ln>
          </c:spPr>
        </c:majorGridlines>
        <c:title>
          <c:tx>
            <c:rich>
              <a:bodyPr rot="-5400000" vert="horz"/>
              <a:lstStyle/>
              <a:p>
                <a:pPr>
                  <a:defRPr sz="2000"/>
                </a:pPr>
                <a:r>
                  <a:rPr lang="en-US" sz="2000" dirty="0"/>
                  <a:t>Capital Cost Estimates </a:t>
                </a:r>
                <a:br>
                  <a:rPr lang="en-US" sz="2000" dirty="0"/>
                </a:br>
                <a:r>
                  <a:rPr lang="en-US" sz="2000" dirty="0"/>
                  <a:t> ($ Billions)</a:t>
                </a:r>
              </a:p>
            </c:rich>
          </c:tx>
          <c:layout>
            <c:manualLayout>
              <c:xMode val="edge"/>
              <c:yMode val="edge"/>
              <c:x val="1.3043478260869899E-2"/>
              <c:y val="0.22459681001413295"/>
            </c:manualLayout>
          </c:layout>
          <c:overlay val="0"/>
        </c:title>
        <c:numFmt formatCode="&quot;$&quot;#,##0" sourceLinked="0"/>
        <c:majorTickMark val="out"/>
        <c:minorTickMark val="none"/>
        <c:tickLblPos val="nextTo"/>
        <c:txPr>
          <a:bodyPr/>
          <a:lstStyle/>
          <a:p>
            <a:pPr>
              <a:defRPr sz="2000"/>
            </a:pPr>
            <a:endParaRPr lang="en-US"/>
          </a:p>
        </c:txPr>
        <c:crossAx val="353859840"/>
        <c:crosses val="autoZero"/>
        <c:crossBetween val="between"/>
      </c:valAx>
      <c:spPr>
        <a:noFill/>
      </c:spPr>
    </c:plotArea>
    <c:plotVisOnly val="1"/>
    <c:dispBlanksAs val="gap"/>
    <c:showDLblsOverMax val="0"/>
  </c:chart>
  <c:spPr>
    <a:noFill/>
  </c:spPr>
  <c:txPr>
    <a:bodyPr/>
    <a:lstStyle/>
    <a:p>
      <a:pPr>
        <a:defRPr sz="1800"/>
      </a:pPr>
      <a:endParaRPr lang="en-US"/>
    </a:p>
  </c:txPr>
  <c:externalData r:id="rId1">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0.16343879742305001"/>
          <c:y val="4.3681640204810461E-2"/>
          <c:w val="0.80039381538979104"/>
          <c:h val="0.72832886943344199"/>
        </c:manualLayout>
      </c:layout>
      <c:barChart>
        <c:barDir val="col"/>
        <c:grouping val="clustered"/>
        <c:varyColors val="0"/>
        <c:ser>
          <c:idx val="0"/>
          <c:order val="0"/>
          <c:tx>
            <c:strRef>
              <c:f>Sheet1!$B$1</c:f>
              <c:strCache>
                <c:ptCount val="1"/>
                <c:pt idx="0">
                  <c:v>Without – Cal Water Fix</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flip="none" rotWithShape="1">
                <a:gsLst>
                  <a:gs pos="1000">
                    <a:srgbClr val="002148"/>
                  </a:gs>
                  <a:gs pos="44000">
                    <a:srgbClr val="0070C0"/>
                  </a:gs>
                  <a:gs pos="100000">
                    <a:srgbClr val="002148"/>
                  </a:gs>
                </a:gsLst>
                <a:lin ang="10800000" scaled="1"/>
                <a:tileRect/>
              </a:gradFill>
              <a:ln>
                <a:noFill/>
              </a:ln>
              <a:scene3d>
                <a:camera prst="orthographicFront"/>
                <a:lightRig rig="threePt" dir="t"/>
              </a:scene3d>
              <a:sp3d>
                <a:bevelT/>
              </a:sp3d>
            </c:spPr>
          </c:dPt>
          <c:dLbls>
            <c:showLegendKey val="0"/>
            <c:showVal val="1"/>
            <c:showCatName val="0"/>
            <c:showSerName val="0"/>
            <c:showPercent val="0"/>
            <c:showBubbleSize val="0"/>
            <c:showLeaderLines val="0"/>
          </c:dLbls>
          <c:cat>
            <c:strRef>
              <c:f>Sheet1!$A$2:$A$4</c:f>
              <c:strCache>
                <c:ptCount val="3"/>
                <c:pt idx="0">
                  <c:v>2015
Operations</c:v>
                </c:pt>
                <c:pt idx="1">
                  <c:v>2025
Operations</c:v>
                </c:pt>
                <c:pt idx="2">
                  <c:v>2060
Operations</c:v>
                </c:pt>
              </c:strCache>
            </c:strRef>
          </c:cat>
          <c:val>
            <c:numRef>
              <c:f>Sheet1!$B$2:$B$4</c:f>
              <c:numCache>
                <c:formatCode>0.0</c:formatCode>
                <c:ptCount val="3"/>
                <c:pt idx="0">
                  <c:v>4.9000000000000004</c:v>
                </c:pt>
                <c:pt idx="1">
                  <c:v>4.7</c:v>
                </c:pt>
                <c:pt idx="2">
                  <c:v>4.4400000000000004</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4</c:f>
              <c:strCache>
                <c:ptCount val="3"/>
                <c:pt idx="0">
                  <c:v>2015
Operations</c:v>
                </c:pt>
                <c:pt idx="1">
                  <c:v>2025
Operations</c:v>
                </c:pt>
                <c:pt idx="2">
                  <c:v>2060
Operations</c:v>
                </c:pt>
              </c:strCache>
            </c:strRef>
          </c:cat>
          <c:val>
            <c:numRef>
              <c:f>Sheet1!$C$2:$C$4</c:f>
            </c:numRef>
          </c:val>
        </c:ser>
        <c:ser>
          <c:idx val="2"/>
          <c:order val="2"/>
          <c:tx>
            <c:strRef>
              <c:f>Sheet1!$D$1</c:f>
              <c:strCache>
                <c:ptCount val="1"/>
                <c:pt idx="0">
                  <c:v>With – Cal Water Fix</c:v>
                </c:pt>
              </c:strCache>
            </c:strRef>
          </c:tx>
          <c:spPr>
            <a:gradFill flip="none" rotWithShape="1">
              <a:gsLst>
                <a:gs pos="0">
                  <a:srgbClr val="663012"/>
                </a:gs>
                <a:gs pos="44000">
                  <a:srgbClr val="996600"/>
                </a:gs>
                <a:gs pos="100000">
                  <a:srgbClr val="663012"/>
                </a:gs>
              </a:gsLst>
              <a:lin ang="10800000" scaled="1"/>
              <a:tileRect/>
            </a:gradFill>
          </c:spPr>
          <c:invertIfNegative val="0"/>
          <c:dLbls>
            <c:numFmt formatCode="#,##0.0" sourceLinked="0"/>
            <c:showLegendKey val="0"/>
            <c:showVal val="1"/>
            <c:showCatName val="0"/>
            <c:showSerName val="0"/>
            <c:showPercent val="0"/>
            <c:showBubbleSize val="0"/>
            <c:showLeaderLines val="0"/>
          </c:dLbls>
          <c:cat>
            <c:strRef>
              <c:f>Sheet1!$A$2:$A$4</c:f>
              <c:strCache>
                <c:ptCount val="3"/>
                <c:pt idx="0">
                  <c:v>2015
Operations</c:v>
                </c:pt>
                <c:pt idx="1">
                  <c:v>2025
Operations</c:v>
                </c:pt>
                <c:pt idx="2">
                  <c:v>2060
Operations</c:v>
                </c:pt>
              </c:strCache>
            </c:strRef>
          </c:cat>
          <c:val>
            <c:numRef>
              <c:f>Sheet1!$D$2:$D$4</c:f>
              <c:numCache>
                <c:formatCode>General</c:formatCode>
                <c:ptCount val="3"/>
                <c:pt idx="1">
                  <c:v>5.3</c:v>
                </c:pt>
                <c:pt idx="2">
                  <c:v>5</c:v>
                </c:pt>
              </c:numCache>
            </c:numRef>
          </c:val>
        </c:ser>
        <c:dLbls>
          <c:showLegendKey val="0"/>
          <c:showVal val="0"/>
          <c:showCatName val="0"/>
          <c:showSerName val="0"/>
          <c:showPercent val="0"/>
          <c:showBubbleSize val="0"/>
        </c:dLbls>
        <c:gapWidth val="80"/>
        <c:axId val="361400576"/>
        <c:axId val="361406464"/>
      </c:barChart>
      <c:catAx>
        <c:axId val="361400576"/>
        <c:scaling>
          <c:orientation val="minMax"/>
        </c:scaling>
        <c:delete val="0"/>
        <c:axPos val="b"/>
        <c:numFmt formatCode="General" sourceLinked="0"/>
        <c:majorTickMark val="out"/>
        <c:minorTickMark val="none"/>
        <c:tickLblPos val="nextTo"/>
        <c:txPr>
          <a:bodyPr rot="0" anchor="ctr" anchorCtr="1"/>
          <a:lstStyle/>
          <a:p>
            <a:pPr>
              <a:defRPr sz="2000" b="1">
                <a:latin typeface="+mn-lt"/>
                <a:cs typeface="Arial" pitchFamily="34" charset="0"/>
              </a:defRPr>
            </a:pPr>
            <a:endParaRPr lang="en-US"/>
          </a:p>
        </c:txPr>
        <c:crossAx val="361406464"/>
        <c:crosses val="autoZero"/>
        <c:auto val="1"/>
        <c:lblAlgn val="ctr"/>
        <c:lblOffset val="100"/>
        <c:noMultiLvlLbl val="0"/>
      </c:catAx>
      <c:valAx>
        <c:axId val="361406464"/>
        <c:scaling>
          <c:orientation val="minMax"/>
          <c:max val="5.5"/>
          <c:min val="2"/>
        </c:scaling>
        <c:delete val="0"/>
        <c:axPos val="l"/>
        <c:majorGridlines>
          <c:spPr>
            <a:ln>
              <a:solidFill>
                <a:srgbClr val="00297A"/>
              </a:solidFill>
            </a:ln>
          </c:spPr>
        </c:majorGridlines>
        <c:title>
          <c:tx>
            <c:rich>
              <a:bodyPr rot="-5400000" vert="horz"/>
              <a:lstStyle/>
              <a:p>
                <a:pPr>
                  <a:defRPr sz="1800" b="0">
                    <a:solidFill>
                      <a:schemeClr val="tx1"/>
                    </a:solidFill>
                  </a:defRPr>
                </a:pPr>
                <a:r>
                  <a:rPr lang="en-US" sz="1800" b="0" dirty="0" smtClean="0">
                    <a:solidFill>
                      <a:schemeClr val="tx1"/>
                    </a:solidFill>
                  </a:rPr>
                  <a:t>Avg. SWP-CVP Exports (million AF)</a:t>
                </a:r>
                <a:endParaRPr lang="en-US" sz="1800" b="0" dirty="0">
                  <a:solidFill>
                    <a:schemeClr val="tx1"/>
                  </a:solidFill>
                </a:endParaRPr>
              </a:p>
            </c:rich>
          </c:tx>
          <c:layout>
            <c:manualLayout>
              <c:xMode val="edge"/>
              <c:yMode val="edge"/>
              <c:x val="2.8558171600631073E-2"/>
              <c:y val="5.7813197194586372E-2"/>
            </c:manualLayout>
          </c:layout>
          <c:overlay val="0"/>
        </c:title>
        <c:numFmt formatCode="General" sourceLinked="0"/>
        <c:majorTickMark val="out"/>
        <c:minorTickMark val="none"/>
        <c:tickLblPos val="nextTo"/>
        <c:txPr>
          <a:bodyPr/>
          <a:lstStyle/>
          <a:p>
            <a:pPr>
              <a:defRPr sz="2200"/>
            </a:pPr>
            <a:endParaRPr lang="en-US"/>
          </a:p>
        </c:txPr>
        <c:crossAx val="361400576"/>
        <c:crosses val="autoZero"/>
        <c:crossBetween val="between"/>
        <c:majorUnit val="1"/>
      </c:valAx>
    </c:plotArea>
    <c:plotVisOnly val="1"/>
    <c:dispBlanksAs val="gap"/>
    <c:showDLblsOverMax val="0"/>
  </c:chart>
  <c:txPr>
    <a:bodyPr/>
    <a:lstStyle/>
    <a:p>
      <a:pPr>
        <a:defRPr sz="1800"/>
      </a:pPr>
      <a:endParaRPr lang="en-US"/>
    </a:p>
  </c:txPr>
  <c:externalData r:id="rId2">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213736557266761"/>
          <c:y val="0.17313895545665486"/>
          <c:w val="0.85117676594772829"/>
          <c:h val="0.58580861864154887"/>
        </c:manualLayout>
      </c:layout>
      <c:barChart>
        <c:barDir val="col"/>
        <c:grouping val="stacked"/>
        <c:varyColors val="0"/>
        <c:ser>
          <c:idx val="0"/>
          <c:order val="2"/>
          <c:tx>
            <c:strRef>
              <c:f>Sheet1!$X$2</c:f>
              <c:strCache>
                <c:ptCount val="1"/>
                <c:pt idx="0">
                  <c:v>Actual Sales</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dLbls>
            <c:numFmt formatCode="#,##0.00" sourceLinked="0"/>
            <c:txPr>
              <a:bodyPr rot="-5400000" vert="horz"/>
              <a:lstStyle/>
              <a:p>
                <a:pPr>
                  <a:defRPr sz="2000" b="0">
                    <a:latin typeface="+mn-lt"/>
                  </a:defRPr>
                </a:pPr>
                <a:endParaRPr lang="en-US"/>
              </a:p>
            </c:txPr>
            <c:dLblPos val="ctr"/>
            <c:showLegendKey val="0"/>
            <c:showVal val="1"/>
            <c:showCatName val="0"/>
            <c:showSerName val="0"/>
            <c:showPercent val="0"/>
            <c:showBubbleSize val="0"/>
            <c:showLeaderLines val="0"/>
          </c:dLbls>
          <c:cat>
            <c:strRef>
              <c:f>Sheet1!$A$1:$W$1</c:f>
              <c:strCache>
                <c:ptCount val="23"/>
                <c:pt idx="0">
                  <c:v>2004</c:v>
                </c:pt>
                <c:pt idx="1">
                  <c:v>2005</c:v>
                </c:pt>
                <c:pt idx="2">
                  <c:v>2006</c:v>
                </c:pt>
                <c:pt idx="3">
                  <c:v>2007</c:v>
                </c:pt>
                <c:pt idx="4">
                  <c:v>2008</c:v>
                </c:pt>
                <c:pt idx="5">
                  <c:v>2009</c:v>
                </c:pt>
                <c:pt idx="6">
                  <c:v>2010</c:v>
                </c:pt>
                <c:pt idx="7">
                  <c:v>2011</c:v>
                </c:pt>
                <c:pt idx="8">
                  <c:v>2012</c:v>
                </c:pt>
                <c:pt idx="9">
                  <c:v>2013</c:v>
                </c:pt>
                <c:pt idx="10">
                  <c:v>2014</c:v>
                </c:pt>
                <c:pt idx="11">
                  <c:v>2015</c:v>
                </c:pt>
                <c:pt idx="12">
                  <c:v>2016</c:v>
                </c:pt>
                <c:pt idx="13">
                  <c:v>2017</c:v>
                </c:pt>
                <c:pt idx="14">
                  <c:v>2018</c:v>
                </c:pt>
                <c:pt idx="15">
                  <c:v>2019</c:v>
                </c:pt>
                <c:pt idx="16">
                  <c:v>2020</c:v>
                </c:pt>
                <c:pt idx="17">
                  <c:v>2021</c:v>
                </c:pt>
                <c:pt idx="18">
                  <c:v>2022</c:v>
                </c:pt>
                <c:pt idx="19">
                  <c:v>2023</c:v>
                </c:pt>
                <c:pt idx="20">
                  <c:v>2024</c:v>
                </c:pt>
                <c:pt idx="21">
                  <c:v>2025</c:v>
                </c:pt>
                <c:pt idx="22">
                  <c:v>2026</c:v>
                </c:pt>
              </c:strCache>
            </c:strRef>
          </c:cat>
          <c:val>
            <c:numRef>
              <c:f>Sheet1!$A$2:$O$2</c:f>
              <c:numCache>
                <c:formatCode>_(* #,##0_);_(* \(#,##0\);_(* "-"_);_(@_)</c:formatCode>
                <c:ptCount val="15"/>
                <c:pt idx="0">
                  <c:v>2427357</c:v>
                </c:pt>
                <c:pt idx="1">
                  <c:v>2071103.8000000003</c:v>
                </c:pt>
                <c:pt idx="2">
                  <c:v>2110923.0999999996</c:v>
                </c:pt>
                <c:pt idx="3">
                  <c:v>2349973.5</c:v>
                </c:pt>
                <c:pt idx="4">
                  <c:v>2256750.6000000006</c:v>
                </c:pt>
                <c:pt idx="5">
                  <c:v>2151218.4</c:v>
                </c:pt>
                <c:pt idx="6">
                  <c:v>1767593.9000000001</c:v>
                </c:pt>
                <c:pt idx="7">
                  <c:v>1602368.7</c:v>
                </c:pt>
                <c:pt idx="8">
                  <c:v>1698545.1</c:v>
                </c:pt>
                <c:pt idx="9">
                  <c:v>1849465.4000000001</c:v>
                </c:pt>
                <c:pt idx="10">
                  <c:v>2058631.4000000004</c:v>
                </c:pt>
                <c:pt idx="11">
                  <c:v>1901762.2999999998</c:v>
                </c:pt>
              </c:numCache>
            </c:numRef>
          </c:val>
        </c:ser>
        <c:dLbls>
          <c:showLegendKey val="0"/>
          <c:showVal val="0"/>
          <c:showCatName val="0"/>
          <c:showSerName val="0"/>
          <c:showPercent val="0"/>
          <c:showBubbleSize val="0"/>
        </c:dLbls>
        <c:gapWidth val="29"/>
        <c:overlap val="100"/>
        <c:axId val="373343360"/>
        <c:axId val="373345280"/>
      </c:barChart>
      <c:lineChart>
        <c:grouping val="standard"/>
        <c:varyColors val="0"/>
        <c:ser>
          <c:idx val="3"/>
          <c:order val="0"/>
          <c:tx>
            <c:strRef>
              <c:f>Sheet1!$X$6</c:f>
              <c:strCache>
                <c:ptCount val="1"/>
                <c:pt idx="0">
                  <c:v>Long Term Average Sales</c:v>
                </c:pt>
              </c:strCache>
            </c:strRef>
          </c:tx>
          <c:spPr>
            <a:ln w="38100">
              <a:solidFill>
                <a:srgbClr val="FFFF00"/>
              </a:solidFill>
              <a:prstDash val="sysDot"/>
            </a:ln>
            <a:effectLst>
              <a:outerShdw blurRad="50800" dist="38100" dir="2700000" algn="tl" rotWithShape="0">
                <a:prstClr val="black">
                  <a:alpha val="40000"/>
                </a:prstClr>
              </a:outerShdw>
            </a:effectLst>
          </c:spPr>
          <c:marker>
            <c:symbol val="none"/>
          </c:marker>
          <c:cat>
            <c:strRef>
              <c:f>Sheet1!$A$1:$O$1</c:f>
              <c:strCache>
                <c:ptCount val="15"/>
                <c:pt idx="0">
                  <c:v>2004</c:v>
                </c:pt>
                <c:pt idx="1">
                  <c:v>2005</c:v>
                </c:pt>
                <c:pt idx="2">
                  <c:v>2006</c:v>
                </c:pt>
                <c:pt idx="3">
                  <c:v>2007</c:v>
                </c:pt>
                <c:pt idx="4">
                  <c:v>2008</c:v>
                </c:pt>
                <c:pt idx="5">
                  <c:v>2009</c:v>
                </c:pt>
                <c:pt idx="6">
                  <c:v>2010</c:v>
                </c:pt>
                <c:pt idx="7">
                  <c:v>2011</c:v>
                </c:pt>
                <c:pt idx="8">
                  <c:v>2012</c:v>
                </c:pt>
                <c:pt idx="9">
                  <c:v>2013</c:v>
                </c:pt>
                <c:pt idx="10">
                  <c:v>2014</c:v>
                </c:pt>
                <c:pt idx="11">
                  <c:v>2015</c:v>
                </c:pt>
                <c:pt idx="12">
                  <c:v>2016</c:v>
                </c:pt>
                <c:pt idx="13">
                  <c:v>2017</c:v>
                </c:pt>
                <c:pt idx="14">
                  <c:v>2018</c:v>
                </c:pt>
              </c:strCache>
            </c:strRef>
          </c:cat>
          <c:val>
            <c:numRef>
              <c:f>Sheet1!$A$6:$O$6</c:f>
              <c:numCache>
                <c:formatCode>_(* #,##0_);_(* \(#,##0\);_(* "-"_);_(@_)</c:formatCode>
                <c:ptCount val="15"/>
                <c:pt idx="0">
                  <c:v>2020474.4333333333</c:v>
                </c:pt>
                <c:pt idx="1">
                  <c:v>2020474.4333333333</c:v>
                </c:pt>
                <c:pt idx="2">
                  <c:v>2020474.4333333333</c:v>
                </c:pt>
                <c:pt idx="3">
                  <c:v>2020474.4333333333</c:v>
                </c:pt>
                <c:pt idx="4">
                  <c:v>2020474.4333333333</c:v>
                </c:pt>
                <c:pt idx="5">
                  <c:v>2020474.4333333333</c:v>
                </c:pt>
                <c:pt idx="6">
                  <c:v>2020474.4333333333</c:v>
                </c:pt>
                <c:pt idx="7">
                  <c:v>2020474.4333333333</c:v>
                </c:pt>
                <c:pt idx="8">
                  <c:v>2020474.4333333333</c:v>
                </c:pt>
                <c:pt idx="9">
                  <c:v>2020474.4333333333</c:v>
                </c:pt>
                <c:pt idx="10">
                  <c:v>2020474.4333333333</c:v>
                </c:pt>
                <c:pt idx="11">
                  <c:v>2020474.4333333333</c:v>
                </c:pt>
              </c:numCache>
            </c:numRef>
          </c:val>
          <c:smooth val="0"/>
        </c:ser>
        <c:ser>
          <c:idx val="4"/>
          <c:order val="1"/>
          <c:tx>
            <c:strRef>
              <c:f>Sheet1!$X$3</c:f>
              <c:strCache>
                <c:ptCount val="1"/>
                <c:pt idx="0">
                  <c:v>Projection</c:v>
                </c:pt>
              </c:strCache>
            </c:strRef>
          </c:tx>
          <c:spPr>
            <a:ln w="38100">
              <a:solidFill>
                <a:schemeClr val="accent3">
                  <a:lumMod val="50000"/>
                </a:schemeClr>
              </a:solidFill>
            </a:ln>
          </c:spPr>
          <c:marker>
            <c:symbol val="none"/>
          </c:marker>
          <c:cat>
            <c:strRef>
              <c:f>Sheet1!$A$1:$O$1</c:f>
              <c:strCache>
                <c:ptCount val="15"/>
                <c:pt idx="0">
                  <c:v>2004</c:v>
                </c:pt>
                <c:pt idx="1">
                  <c:v>2005</c:v>
                </c:pt>
                <c:pt idx="2">
                  <c:v>2006</c:v>
                </c:pt>
                <c:pt idx="3">
                  <c:v>2007</c:v>
                </c:pt>
                <c:pt idx="4">
                  <c:v>2008</c:v>
                </c:pt>
                <c:pt idx="5">
                  <c:v>2009</c:v>
                </c:pt>
                <c:pt idx="6">
                  <c:v>2010</c:v>
                </c:pt>
                <c:pt idx="7">
                  <c:v>2011</c:v>
                </c:pt>
                <c:pt idx="8">
                  <c:v>2012</c:v>
                </c:pt>
                <c:pt idx="9">
                  <c:v>2013</c:v>
                </c:pt>
                <c:pt idx="10">
                  <c:v>2014</c:v>
                </c:pt>
                <c:pt idx="11">
                  <c:v>2015</c:v>
                </c:pt>
                <c:pt idx="12">
                  <c:v>2016</c:v>
                </c:pt>
                <c:pt idx="13">
                  <c:v>2017</c:v>
                </c:pt>
                <c:pt idx="14">
                  <c:v>2018</c:v>
                </c:pt>
              </c:strCache>
            </c:strRef>
          </c:cat>
          <c:val>
            <c:numRef>
              <c:f>Sheet1!$A$3:$O$3</c:f>
              <c:numCache>
                <c:formatCode>General</c:formatCode>
                <c:ptCount val="15"/>
                <c:pt idx="12" formatCode="_(* #,##0_);_(* \(#,##0\);_(* &quot;-&quot;_);_(@_)">
                  <c:v>1631136.0999999999</c:v>
                </c:pt>
                <c:pt idx="13" formatCode="_(* #,##0_);_(* \(#,##0\);_(* &quot;-&quot;_);_(@_)">
                  <c:v>1699999.9999999998</c:v>
                </c:pt>
                <c:pt idx="14" formatCode="_(* #,##0_);_(* \(#,##0\);_(* &quot;-&quot;_);_(@_)">
                  <c:v>1699999.9999999995</c:v>
                </c:pt>
              </c:numCache>
            </c:numRef>
          </c:val>
          <c:smooth val="0"/>
        </c:ser>
        <c:dLbls>
          <c:showLegendKey val="0"/>
          <c:showVal val="0"/>
          <c:showCatName val="0"/>
          <c:showSerName val="0"/>
          <c:showPercent val="0"/>
          <c:showBubbleSize val="0"/>
        </c:dLbls>
        <c:marker val="1"/>
        <c:smooth val="0"/>
        <c:axId val="373343360"/>
        <c:axId val="373345280"/>
      </c:lineChart>
      <c:catAx>
        <c:axId val="373343360"/>
        <c:scaling>
          <c:orientation val="minMax"/>
        </c:scaling>
        <c:delete val="0"/>
        <c:axPos val="b"/>
        <c:title>
          <c:tx>
            <c:rich>
              <a:bodyPr/>
              <a:lstStyle/>
              <a:p>
                <a:pPr algn="ctr" rtl="0">
                  <a:defRPr lang="en-US" sz="2200" b="0" i="0" u="none" strike="noStrike" kern="1200" baseline="0">
                    <a:solidFill>
                      <a:prstClr val="white"/>
                    </a:solidFill>
                    <a:latin typeface="+mn-lt"/>
                    <a:ea typeface="+mn-ea"/>
                    <a:cs typeface="Arial" pitchFamily="34" charset="0"/>
                  </a:defRPr>
                </a:pPr>
                <a:r>
                  <a:rPr lang="en-US" sz="2200" b="0" i="0" u="none" strike="noStrike" kern="1200" baseline="0" dirty="0">
                    <a:solidFill>
                      <a:prstClr val="white"/>
                    </a:solidFill>
                    <a:latin typeface="+mn-lt"/>
                    <a:ea typeface="+mn-ea"/>
                    <a:cs typeface="Arial" pitchFamily="34" charset="0"/>
                  </a:rPr>
                  <a:t>Fiscal Year Ending</a:t>
                </a:r>
              </a:p>
            </c:rich>
          </c:tx>
          <c:layout>
            <c:manualLayout>
              <c:xMode val="edge"/>
              <c:yMode val="edge"/>
              <c:x val="0.40878009813990646"/>
              <c:y val="0.91994761049008555"/>
            </c:manualLayout>
          </c:layout>
          <c:overlay val="0"/>
        </c:title>
        <c:numFmt formatCode="_(* #,##0_);_(* \(#,##0\);_(* &quot;-&quot;??_);_(@_)" sourceLinked="1"/>
        <c:majorTickMark val="out"/>
        <c:minorTickMark val="none"/>
        <c:tickLblPos val="nextTo"/>
        <c:spPr>
          <a:ln w="31750">
            <a:solidFill>
              <a:prstClr val="white"/>
            </a:solidFill>
          </a:ln>
        </c:spPr>
        <c:txPr>
          <a:bodyPr rot="-5400000" vert="horz"/>
          <a:lstStyle/>
          <a:p>
            <a:pPr algn="ctr">
              <a:defRPr lang="en-US" sz="2200" b="0" i="0" u="none" strike="noStrike" kern="1200" baseline="0">
                <a:solidFill>
                  <a:prstClr val="white"/>
                </a:solidFill>
                <a:latin typeface="+mn-lt"/>
                <a:ea typeface="+mn-ea"/>
                <a:cs typeface="Arial" pitchFamily="34" charset="0"/>
              </a:defRPr>
            </a:pPr>
            <a:endParaRPr lang="en-US"/>
          </a:p>
        </c:txPr>
        <c:crossAx val="373345280"/>
        <c:crosses val="autoZero"/>
        <c:auto val="1"/>
        <c:lblAlgn val="ctr"/>
        <c:lblOffset val="0"/>
        <c:tickLblSkip val="1"/>
        <c:noMultiLvlLbl val="0"/>
      </c:catAx>
      <c:valAx>
        <c:axId val="373345280"/>
        <c:scaling>
          <c:orientation val="minMax"/>
          <c:max val="2500000"/>
          <c:min val="0"/>
        </c:scaling>
        <c:delete val="0"/>
        <c:axPos val="l"/>
        <c:majorGridlines>
          <c:spPr>
            <a:ln>
              <a:solidFill>
                <a:srgbClr val="002060">
                  <a:alpha val="64000"/>
                </a:srgbClr>
              </a:solidFill>
              <a:prstDash val="dash"/>
            </a:ln>
          </c:spPr>
        </c:majorGridlines>
        <c:title>
          <c:tx>
            <c:rich>
              <a:bodyPr rot="0" vert="horz"/>
              <a:lstStyle/>
              <a:p>
                <a:pPr algn="ctr">
                  <a:defRPr lang="en-US" sz="1800" b="0" i="0" u="none" strike="noStrike" kern="1200" baseline="0">
                    <a:solidFill>
                      <a:prstClr val="white"/>
                    </a:solidFill>
                    <a:latin typeface="+mn-lt"/>
                    <a:ea typeface="+mn-ea"/>
                    <a:cs typeface="Arial" pitchFamily="34" charset="0"/>
                  </a:defRPr>
                </a:pPr>
                <a:r>
                  <a:rPr lang="en-US" sz="1800" b="0" i="0" u="none" strike="noStrike" kern="1200" baseline="0" dirty="0">
                    <a:solidFill>
                      <a:prstClr val="white"/>
                    </a:solidFill>
                    <a:latin typeface="+mn-lt"/>
                    <a:ea typeface="+mn-ea"/>
                    <a:cs typeface="Arial" pitchFamily="34" charset="0"/>
                  </a:rPr>
                  <a:t>Million Acre-Feet</a:t>
                </a:r>
              </a:p>
            </c:rich>
          </c:tx>
          <c:layout>
            <c:manualLayout>
              <c:xMode val="edge"/>
              <c:yMode val="edge"/>
              <c:x val="2.8985507246376812E-3"/>
              <c:y val="6.9727412800559607E-2"/>
            </c:manualLayout>
          </c:layout>
          <c:overlay val="0"/>
        </c:title>
        <c:numFmt formatCode="#,##0.0" sourceLinked="0"/>
        <c:majorTickMark val="out"/>
        <c:minorTickMark val="none"/>
        <c:tickLblPos val="nextTo"/>
        <c:spPr>
          <a:ln w="31750">
            <a:solidFill>
              <a:prstClr val="white"/>
            </a:solidFill>
          </a:ln>
        </c:spPr>
        <c:txPr>
          <a:bodyPr/>
          <a:lstStyle/>
          <a:p>
            <a:pPr>
              <a:defRPr b="0">
                <a:solidFill>
                  <a:schemeClr val="tx1"/>
                </a:solidFill>
                <a:latin typeface="+mn-lt"/>
              </a:defRPr>
            </a:pPr>
            <a:endParaRPr lang="en-US"/>
          </a:p>
        </c:txPr>
        <c:crossAx val="373343360"/>
        <c:crossesAt val="1"/>
        <c:crossBetween val="between"/>
        <c:dispUnits>
          <c:builtInUnit val="millions"/>
        </c:dispUnits>
      </c:valAx>
      <c:spPr>
        <a:noFill/>
        <a:ln w="25400">
          <a:noFill/>
        </a:ln>
      </c:spPr>
    </c:plotArea>
    <c:legend>
      <c:legendPos val="r"/>
      <c:layout>
        <c:manualLayout>
          <c:xMode val="edge"/>
          <c:yMode val="edge"/>
          <c:x val="0.4325099851648978"/>
          <c:y val="7.0217487887289029E-2"/>
          <c:w val="0.52902654867256638"/>
          <c:h val="0.15771044923732361"/>
        </c:manualLayout>
      </c:layout>
      <c:overlay val="0"/>
      <c:txPr>
        <a:bodyPr/>
        <a:lstStyle/>
        <a:p>
          <a:pPr>
            <a:defRPr b="0">
              <a:latin typeface="+mn-lt"/>
            </a:defRPr>
          </a:pPr>
          <a:endParaRPr lang="en-US"/>
        </a:p>
      </c:txPr>
    </c:legend>
    <c:plotVisOnly val="1"/>
    <c:dispBlanksAs val="gap"/>
    <c:showDLblsOverMax val="0"/>
  </c:chart>
  <c:txPr>
    <a:bodyPr/>
    <a:lstStyle/>
    <a:p>
      <a:pPr>
        <a:defRPr sz="2200" b="1">
          <a:latin typeface="Arial" pitchFamily="34" charset="0"/>
          <a:cs typeface="Arial" pitchFamily="34" charset="0"/>
        </a:defRPr>
      </a:pPr>
      <a:endParaRPr lang="en-US"/>
    </a:p>
  </c:txPr>
  <c:externalData r:id="rId1">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lrMapOvr bg1="dk1" tx1="lt1" bg2="dk2" tx2="lt2" accent1="accent1" accent2="accent2" accent3="accent3" accent4="accent4" accent5="accent5" accent6="accent6" hlink="hlink" folHlink="folHlink"/>
  <c:chart>
    <c:autoTitleDeleted val="0"/>
    <c:plotArea>
      <c:layout>
        <c:manualLayout>
          <c:layoutTarget val="inner"/>
          <c:xMode val="edge"/>
          <c:yMode val="edge"/>
          <c:x val="0.10849609354180727"/>
          <c:y val="0.10741672798990409"/>
          <c:w val="0.8392970293957337"/>
          <c:h val="0.78484822751921191"/>
        </c:manualLayout>
      </c:layout>
      <c:barChart>
        <c:barDir val="col"/>
        <c:grouping val="stacked"/>
        <c:varyColors val="0"/>
        <c:ser>
          <c:idx val="0"/>
          <c:order val="0"/>
          <c:tx>
            <c:strRef>
              <c:f>Sheet1!$C$1</c:f>
              <c:strCache>
                <c:ptCount val="1"/>
                <c:pt idx="0">
                  <c:v>Emergency Storage</c:v>
                </c:pt>
              </c:strCache>
            </c:strRef>
          </c:tx>
          <c:spPr>
            <a:gradFill flip="none" rotWithShape="1">
              <a:gsLst>
                <a:gs pos="0">
                  <a:srgbClr val="FF9933">
                    <a:shade val="30000"/>
                    <a:satMod val="115000"/>
                  </a:srgbClr>
                </a:gs>
                <a:gs pos="50000">
                  <a:srgbClr val="FF9933">
                    <a:shade val="67500"/>
                    <a:satMod val="115000"/>
                  </a:srgbClr>
                </a:gs>
                <a:gs pos="100000">
                  <a:srgbClr val="FF9933">
                    <a:shade val="100000"/>
                    <a:satMod val="115000"/>
                  </a:srgbClr>
                </a:gs>
              </a:gsLst>
              <a:lin ang="10800000" scaled="1"/>
              <a:tileRect/>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D8047">
                  <a:satMod val="300000"/>
                </a:srgbClr>
              </a:contourClr>
            </a:sp3d>
          </c:spPr>
          <c:invertIfNegative val="0"/>
          <c:cat>
            <c:numRef>
              <c:f>Sheet1!$B$2:$B$12</c:f>
              <c:numCache>
                <c:formatCode>General</c:formatCode>
                <c:ptCount val="11"/>
                <c:pt idx="0">
                  <c:v>2006</c:v>
                </c:pt>
                <c:pt idx="1">
                  <c:v>2007</c:v>
                </c:pt>
                <c:pt idx="2">
                  <c:v>2008</c:v>
                </c:pt>
                <c:pt idx="3">
                  <c:v>2009</c:v>
                </c:pt>
                <c:pt idx="4">
                  <c:v>2010</c:v>
                </c:pt>
                <c:pt idx="5">
                  <c:v>2011</c:v>
                </c:pt>
                <c:pt idx="6">
                  <c:v>2012</c:v>
                </c:pt>
                <c:pt idx="7">
                  <c:v>2013</c:v>
                </c:pt>
                <c:pt idx="8">
                  <c:v>2014</c:v>
                </c:pt>
                <c:pt idx="9">
                  <c:v>2015</c:v>
                </c:pt>
                <c:pt idx="10">
                  <c:v>2016</c:v>
                </c:pt>
              </c:numCache>
            </c:numRef>
          </c:cat>
          <c:val>
            <c:numRef>
              <c:f>Sheet1!$C$2:$C$12</c:f>
              <c:numCache>
                <c:formatCode>General</c:formatCode>
                <c:ptCount val="11"/>
                <c:pt idx="0">
                  <c:v>0.67</c:v>
                </c:pt>
                <c:pt idx="1">
                  <c:v>0.67</c:v>
                </c:pt>
                <c:pt idx="2">
                  <c:v>0.67</c:v>
                </c:pt>
                <c:pt idx="3">
                  <c:v>0.626</c:v>
                </c:pt>
                <c:pt idx="4">
                  <c:v>0.626</c:v>
                </c:pt>
                <c:pt idx="5">
                  <c:v>0.626</c:v>
                </c:pt>
                <c:pt idx="6">
                  <c:v>0.626</c:v>
                </c:pt>
                <c:pt idx="7">
                  <c:v>0.626</c:v>
                </c:pt>
                <c:pt idx="8">
                  <c:v>0.626</c:v>
                </c:pt>
                <c:pt idx="9">
                  <c:v>0.626</c:v>
                </c:pt>
              </c:numCache>
            </c:numRef>
          </c:val>
        </c:ser>
        <c:ser>
          <c:idx val="3"/>
          <c:order val="1"/>
          <c:tx>
            <c:strRef>
              <c:f>Sheet1!$D$1</c:f>
              <c:strCache>
                <c:ptCount val="1"/>
                <c:pt idx="0">
                  <c:v>Dry-Year Storage</c:v>
                </c:pt>
              </c:strCache>
            </c:strRef>
          </c:tx>
          <c:spPr>
            <a:gradFill flip="none" rotWithShape="1">
              <a:gsLst>
                <a:gs pos="0">
                  <a:srgbClr val="748560">
                    <a:shade val="15000"/>
                    <a:satMod val="180000"/>
                  </a:srgbClr>
                </a:gs>
                <a:gs pos="50000">
                  <a:srgbClr val="748560">
                    <a:shade val="45000"/>
                    <a:satMod val="170000"/>
                  </a:srgbClr>
                </a:gs>
                <a:gs pos="70000">
                  <a:srgbClr val="748560">
                    <a:tint val="99000"/>
                    <a:shade val="65000"/>
                    <a:satMod val="155000"/>
                  </a:srgbClr>
                </a:gs>
                <a:gs pos="100000">
                  <a:srgbClr val="748560">
                    <a:tint val="95500"/>
                    <a:shade val="100000"/>
                    <a:satMod val="155000"/>
                  </a:srgbClr>
                </a:gs>
              </a:gsLst>
              <a:lin ang="10800000" scaled="1"/>
              <a:tileRect/>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748560">
                  <a:satMod val="300000"/>
                </a:srgbClr>
              </a:contourClr>
            </a:sp3d>
          </c:spPr>
          <c:invertIfNegative val="0"/>
          <c:dLbls>
            <c:dLbl>
              <c:idx val="8"/>
              <c:layout>
                <c:manualLayout>
                  <c:x val="-1.0936132973192011E-7"/>
                  <c:y val="0"/>
                </c:manualLayout>
              </c:layout>
              <c:showLegendKey val="0"/>
              <c:showVal val="1"/>
              <c:showCatName val="0"/>
              <c:showSerName val="0"/>
              <c:showPercent val="0"/>
              <c:showBubbleSize val="0"/>
              <c:extLst>
                <c:ext xmlns:c15="http://schemas.microsoft.com/office/drawing/2012/chart" uri="{CE6537A1-D6FC-4f65-9D91-7224C49458BB}">
                  <c15:layout/>
                </c:ext>
              </c:extLst>
            </c:dLbl>
            <c:dLbl>
              <c:idx val="9"/>
              <c:delete val="1"/>
              <c:extLst>
                <c:ext xmlns:c15="http://schemas.microsoft.com/office/drawing/2012/chart" uri="{CE6537A1-D6FC-4f65-9D91-7224C49458BB}"/>
              </c:extLst>
            </c:dLbl>
            <c:numFmt formatCode="#,##0.0" sourceLinked="0"/>
            <c:spPr>
              <a:noFill/>
              <a:ln>
                <a:noFill/>
              </a:ln>
              <a:effectLst/>
            </c:spPr>
            <c:txPr>
              <a:bodyPr/>
              <a:lstStyle/>
              <a:p>
                <a:pPr>
                  <a:defRPr sz="2400" b="1"/>
                </a:pPr>
                <a:endParaRPr lang="en-US"/>
              </a:p>
            </c:txPr>
            <c:showLegendKey val="0"/>
            <c:showVal val="1"/>
            <c:showCatName val="0"/>
            <c:showSerName val="0"/>
            <c:showPercent val="0"/>
            <c:showBubbleSize val="0"/>
            <c:showLeaderLines val="0"/>
            <c:extLst>
              <c:ext xmlns:c15="http://schemas.microsoft.com/office/drawing/2012/chart" uri="{CE6537A1-D6FC-4f65-9D91-7224C49458BB}">
                <c15:layout/>
                <c15:showLeaderLines val="0"/>
              </c:ext>
            </c:extLst>
          </c:dLbls>
          <c:cat>
            <c:numRef>
              <c:f>Sheet1!$B$2:$B$12</c:f>
              <c:numCache>
                <c:formatCode>General</c:formatCode>
                <c:ptCount val="11"/>
                <c:pt idx="0">
                  <c:v>2006</c:v>
                </c:pt>
                <c:pt idx="1">
                  <c:v>2007</c:v>
                </c:pt>
                <c:pt idx="2">
                  <c:v>2008</c:v>
                </c:pt>
                <c:pt idx="3">
                  <c:v>2009</c:v>
                </c:pt>
                <c:pt idx="4">
                  <c:v>2010</c:v>
                </c:pt>
                <c:pt idx="5">
                  <c:v>2011</c:v>
                </c:pt>
                <c:pt idx="6">
                  <c:v>2012</c:v>
                </c:pt>
                <c:pt idx="7">
                  <c:v>2013</c:v>
                </c:pt>
                <c:pt idx="8">
                  <c:v>2014</c:v>
                </c:pt>
                <c:pt idx="9">
                  <c:v>2015</c:v>
                </c:pt>
                <c:pt idx="10">
                  <c:v>2016</c:v>
                </c:pt>
              </c:numCache>
            </c:numRef>
          </c:cat>
          <c:val>
            <c:numRef>
              <c:f>Sheet1!$D$2:$D$12</c:f>
              <c:numCache>
                <c:formatCode>0.00</c:formatCode>
                <c:ptCount val="11"/>
                <c:pt idx="0">
                  <c:v>2.2146140000000001</c:v>
                </c:pt>
                <c:pt idx="1">
                  <c:v>1.78165</c:v>
                </c:pt>
                <c:pt idx="2">
                  <c:v>1.0640000000000001</c:v>
                </c:pt>
                <c:pt idx="3">
                  <c:v>0.9900000000000001</c:v>
                </c:pt>
                <c:pt idx="4">
                  <c:v>1.6720000000000002</c:v>
                </c:pt>
                <c:pt idx="5">
                  <c:v>2.3679999999999999</c:v>
                </c:pt>
                <c:pt idx="6">
                  <c:v>2.7389999999999999</c:v>
                </c:pt>
                <c:pt idx="7">
                  <c:v>2.3239999999999998</c:v>
                </c:pt>
                <c:pt idx="8">
                  <c:v>1.2</c:v>
                </c:pt>
                <c:pt idx="9">
                  <c:v>0.87</c:v>
                </c:pt>
              </c:numCache>
            </c:numRef>
          </c:val>
        </c:ser>
        <c:ser>
          <c:idx val="1"/>
          <c:order val="2"/>
          <c:tx>
            <c:strRef>
              <c:f>Sheet1!$E$1</c:f>
              <c:strCache>
                <c:ptCount val="1"/>
                <c:pt idx="0">
                  <c:v>Additional Storage with Cal Fix</c:v>
                </c:pt>
              </c:strCache>
            </c:strRef>
          </c:tx>
          <c:spPr>
            <a:gradFill flip="none" rotWithShape="1">
              <a:gsLst>
                <a:gs pos="0">
                  <a:srgbClr val="7E848D">
                    <a:lumMod val="60000"/>
                    <a:lumOff val="40000"/>
                    <a:shade val="30000"/>
                    <a:satMod val="115000"/>
                  </a:srgbClr>
                </a:gs>
                <a:gs pos="50000">
                  <a:srgbClr val="7E848D">
                    <a:lumMod val="60000"/>
                    <a:lumOff val="40000"/>
                    <a:shade val="67500"/>
                    <a:satMod val="115000"/>
                  </a:srgbClr>
                </a:gs>
                <a:gs pos="100000">
                  <a:srgbClr val="7E848D">
                    <a:lumMod val="60000"/>
                    <a:lumOff val="40000"/>
                    <a:shade val="100000"/>
                    <a:satMod val="115000"/>
                  </a:srgbClr>
                </a:gs>
              </a:gsLst>
              <a:lin ang="10800000" scaled="1"/>
              <a:tileRect/>
            </a:gradFill>
          </c:spPr>
          <c:invertIfNegative val="0"/>
          <c:dPt>
            <c:idx val="8"/>
            <c:invertIfNegative val="0"/>
            <c:bubble3D val="0"/>
            <c:spPr>
              <a:gradFill flip="none" rotWithShape="1">
                <a:gsLst>
                  <a:gs pos="0">
                    <a:srgbClr val="7E848D">
                      <a:lumMod val="60000"/>
                      <a:lumOff val="40000"/>
                      <a:shade val="30000"/>
                      <a:satMod val="115000"/>
                    </a:srgbClr>
                  </a:gs>
                  <a:gs pos="50000">
                    <a:srgbClr val="7E848D">
                      <a:lumMod val="60000"/>
                      <a:lumOff val="40000"/>
                      <a:shade val="67500"/>
                      <a:satMod val="115000"/>
                    </a:srgbClr>
                  </a:gs>
                  <a:gs pos="100000">
                    <a:srgbClr val="7E848D">
                      <a:lumMod val="60000"/>
                      <a:lumOff val="40000"/>
                      <a:shade val="100000"/>
                      <a:satMod val="115000"/>
                    </a:srgbClr>
                  </a:gs>
                </a:gsLst>
                <a:lin ang="10800000" scaled="1"/>
                <a:tileRect/>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94B6D2">
                    <a:satMod val="300000"/>
                  </a:srgbClr>
                </a:contourClr>
              </a:sp3d>
            </c:spPr>
          </c:dPt>
          <c:cat>
            <c:numRef>
              <c:f>Sheet1!$B$2:$B$12</c:f>
              <c:numCache>
                <c:formatCode>General</c:formatCode>
                <c:ptCount val="11"/>
                <c:pt idx="0">
                  <c:v>2006</c:v>
                </c:pt>
                <c:pt idx="1">
                  <c:v>2007</c:v>
                </c:pt>
                <c:pt idx="2">
                  <c:v>2008</c:v>
                </c:pt>
                <c:pt idx="3">
                  <c:v>2009</c:v>
                </c:pt>
                <c:pt idx="4">
                  <c:v>2010</c:v>
                </c:pt>
                <c:pt idx="5">
                  <c:v>2011</c:v>
                </c:pt>
                <c:pt idx="6">
                  <c:v>2012</c:v>
                </c:pt>
                <c:pt idx="7">
                  <c:v>2013</c:v>
                </c:pt>
                <c:pt idx="8">
                  <c:v>2014</c:v>
                </c:pt>
                <c:pt idx="9">
                  <c:v>2015</c:v>
                </c:pt>
                <c:pt idx="10">
                  <c:v>2016</c:v>
                </c:pt>
              </c:numCache>
            </c:numRef>
          </c:cat>
          <c:val>
            <c:numRef>
              <c:f>Sheet1!$E$2:$E$12</c:f>
              <c:numCache>
                <c:formatCode>0.00</c:formatCode>
                <c:ptCount val="11"/>
                <c:pt idx="0">
                  <c:v>0</c:v>
                </c:pt>
                <c:pt idx="1">
                  <c:v>0</c:v>
                </c:pt>
                <c:pt idx="2">
                  <c:v>0.25584999999999991</c:v>
                </c:pt>
                <c:pt idx="3">
                  <c:v>0.45534999999999981</c:v>
                </c:pt>
                <c:pt idx="4">
                  <c:v>0.8263499999999997</c:v>
                </c:pt>
                <c:pt idx="5">
                  <c:v>0.87884999999999991</c:v>
                </c:pt>
                <c:pt idx="6">
                  <c:v>1.02935</c:v>
                </c:pt>
                <c:pt idx="7">
                  <c:v>1.37235</c:v>
                </c:pt>
                <c:pt idx="8">
                  <c:v>1.3944000000000003</c:v>
                </c:pt>
                <c:pt idx="9">
                  <c:v>1.4287000000000001</c:v>
                </c:pt>
              </c:numCache>
            </c:numRef>
          </c:val>
        </c:ser>
        <c:dLbls>
          <c:showLegendKey val="0"/>
          <c:showVal val="0"/>
          <c:showCatName val="0"/>
          <c:showSerName val="0"/>
          <c:showPercent val="0"/>
          <c:showBubbleSize val="0"/>
        </c:dLbls>
        <c:gapWidth val="34"/>
        <c:overlap val="100"/>
        <c:axId val="373723904"/>
        <c:axId val="373725440"/>
      </c:barChart>
      <c:catAx>
        <c:axId val="373723904"/>
        <c:scaling>
          <c:orientation val="minMax"/>
        </c:scaling>
        <c:delete val="0"/>
        <c:axPos val="b"/>
        <c:numFmt formatCode="General" sourceLinked="1"/>
        <c:majorTickMark val="out"/>
        <c:minorTickMark val="none"/>
        <c:tickLblPos val="nextTo"/>
        <c:spPr>
          <a:ln>
            <a:solidFill>
              <a:schemeClr val="bg2"/>
            </a:solidFill>
          </a:ln>
        </c:spPr>
        <c:txPr>
          <a:bodyPr/>
          <a:lstStyle/>
          <a:p>
            <a:pPr>
              <a:defRPr sz="2000">
                <a:effectLst>
                  <a:outerShdw blurRad="38100" dist="38100" dir="2700000" algn="tl">
                    <a:srgbClr val="000000">
                      <a:alpha val="43137"/>
                    </a:srgbClr>
                  </a:outerShdw>
                </a:effectLst>
              </a:defRPr>
            </a:pPr>
            <a:endParaRPr lang="en-US"/>
          </a:p>
        </c:txPr>
        <c:crossAx val="373725440"/>
        <c:crosses val="autoZero"/>
        <c:auto val="1"/>
        <c:lblAlgn val="ctr"/>
        <c:lblOffset val="100"/>
        <c:noMultiLvlLbl val="0"/>
      </c:catAx>
      <c:valAx>
        <c:axId val="373725440"/>
        <c:scaling>
          <c:orientation val="minMax"/>
          <c:max val="5"/>
          <c:min val="0"/>
        </c:scaling>
        <c:delete val="0"/>
        <c:axPos val="l"/>
        <c:majorGridlines>
          <c:spPr>
            <a:ln>
              <a:solidFill>
                <a:srgbClr val="002060"/>
              </a:solidFill>
            </a:ln>
          </c:spPr>
        </c:majorGridlines>
        <c:title>
          <c:tx>
            <c:rich>
              <a:bodyPr rot="-5400000" vert="horz"/>
              <a:lstStyle/>
              <a:p>
                <a:pPr>
                  <a:defRPr sz="2000"/>
                </a:pPr>
                <a:r>
                  <a:rPr lang="en-US" sz="2000" dirty="0" smtClean="0"/>
                  <a:t>Million Acre-Feet</a:t>
                </a:r>
              </a:p>
            </c:rich>
          </c:tx>
          <c:layout>
            <c:manualLayout>
              <c:xMode val="edge"/>
              <c:yMode val="edge"/>
              <c:x val="1.0312443223527384E-3"/>
              <c:y val="0.31374358560835652"/>
            </c:manualLayout>
          </c:layout>
          <c:overlay val="0"/>
        </c:title>
        <c:numFmt formatCode="General" sourceLinked="1"/>
        <c:majorTickMark val="out"/>
        <c:minorTickMark val="none"/>
        <c:tickLblPos val="nextTo"/>
        <c:spPr>
          <a:ln>
            <a:solidFill>
              <a:schemeClr val="bg2"/>
            </a:solidFill>
          </a:ln>
        </c:spPr>
        <c:txPr>
          <a:bodyPr/>
          <a:lstStyle/>
          <a:p>
            <a:pPr>
              <a:defRPr sz="2400">
                <a:effectLst>
                  <a:outerShdw blurRad="38100" dist="38100" dir="2700000" algn="tl">
                    <a:srgbClr val="000000">
                      <a:alpha val="43137"/>
                    </a:srgbClr>
                  </a:outerShdw>
                </a:effectLst>
              </a:defRPr>
            </a:pPr>
            <a:endParaRPr lang="en-US"/>
          </a:p>
        </c:txPr>
        <c:crossAx val="373723904"/>
        <c:crosses val="autoZero"/>
        <c:crossBetween val="between"/>
        <c:majorUnit val="1"/>
      </c:valAx>
      <c:spPr>
        <a:noFill/>
      </c:spPr>
    </c:plotArea>
    <c:legend>
      <c:legendPos val="b"/>
      <c:layout>
        <c:manualLayout>
          <c:xMode val="edge"/>
          <c:yMode val="edge"/>
          <c:x val="0.11166016204496176"/>
          <c:y val="0.11715617397906719"/>
          <c:w val="0.43928414926395076"/>
          <c:h val="0.16266686695101334"/>
        </c:manualLayout>
      </c:layout>
      <c:overlay val="0"/>
      <c:txPr>
        <a:bodyPr/>
        <a:lstStyle/>
        <a:p>
          <a:pPr>
            <a:defRPr sz="2200"/>
          </a:pPr>
          <a:endParaRPr lang="en-US"/>
        </a:p>
      </c:txPr>
    </c:legend>
    <c:plotVisOnly val="1"/>
    <c:dispBlanksAs val="gap"/>
    <c:showDLblsOverMax val="0"/>
  </c:chart>
  <c:txPr>
    <a:bodyPr/>
    <a:lstStyle/>
    <a:p>
      <a:pPr>
        <a:defRPr sz="1800"/>
      </a:pPr>
      <a:endParaRPr lang="en-US"/>
    </a:p>
  </c:txPr>
  <c:externalData r:id="rId2">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0.12970895392499879"/>
          <c:y val="3.2815807298281263E-2"/>
          <c:w val="0.84339688679372893"/>
          <c:h val="0.72573363813394298"/>
        </c:manualLayout>
      </c:layout>
      <c:barChart>
        <c:barDir val="col"/>
        <c:grouping val="stacked"/>
        <c:varyColors val="0"/>
        <c:ser>
          <c:idx val="0"/>
          <c:order val="0"/>
          <c:tx>
            <c:strRef>
              <c:f>Sheet1!$B$1</c:f>
              <c:strCache>
                <c:ptCount val="1"/>
                <c:pt idx="0">
                  <c:v>SWP-CVP Exports</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a:gsLst>
                  <a:gs pos="1000">
                    <a:srgbClr val="002148"/>
                  </a:gs>
                  <a:gs pos="44000">
                    <a:srgbClr val="0070C0"/>
                  </a:gs>
                  <a:gs pos="100000">
                    <a:srgbClr val="002148"/>
                  </a:gs>
                </a:gsLst>
                <a:lin ang="0" scaled="0"/>
              </a:gradFill>
              <a:ln>
                <a:noFill/>
              </a:ln>
              <a:scene3d>
                <a:camera prst="orthographicFront"/>
                <a:lightRig rig="threePt" dir="t"/>
              </a:scene3d>
              <a:sp3d>
                <a:bevelT/>
              </a:sp3d>
            </c:spPr>
          </c:dPt>
          <c:dPt>
            <c:idx val="9"/>
            <c:invertIfNegative val="0"/>
            <c:bubble3D val="0"/>
            <c:spPr>
              <a:gradFill flip="none" rotWithShape="1">
                <a:gsLst>
                  <a:gs pos="1000">
                    <a:srgbClr val="663300"/>
                  </a:gs>
                  <a:gs pos="50000">
                    <a:srgbClr val="CC6600">
                      <a:shade val="67500"/>
                      <a:satMod val="115000"/>
                    </a:srgbClr>
                  </a:gs>
                  <a:gs pos="100000">
                    <a:srgbClr val="663300"/>
                  </a:gs>
                </a:gsLst>
                <a:lin ang="0" scaled="1"/>
                <a:tileRect/>
              </a:gradFill>
              <a:ln>
                <a:noFill/>
              </a:ln>
              <a:scene3d>
                <a:camera prst="orthographicFront"/>
                <a:lightRig rig="threePt" dir="t"/>
              </a:scene3d>
              <a:sp3d>
                <a:bevelT/>
              </a:sp3d>
            </c:spPr>
          </c:dPt>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B$2:$B$9</c:f>
              <c:numCache>
                <c:formatCode>0.0</c:formatCode>
                <c:ptCount val="8"/>
                <c:pt idx="0">
                  <c:v>8</c:v>
                </c:pt>
                <c:pt idx="1">
                  <c:v>7.9</c:v>
                </c:pt>
                <c:pt idx="2">
                  <c:v>6.7</c:v>
                </c:pt>
                <c:pt idx="3">
                  <c:v>6.2</c:v>
                </c:pt>
                <c:pt idx="4">
                  <c:v>5.6</c:v>
                </c:pt>
                <c:pt idx="5">
                  <c:v>5.4</c:v>
                </c:pt>
                <c:pt idx="6">
                  <c:v>4.7</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C$2:$C$9</c:f>
            </c:numRef>
          </c:val>
        </c:ser>
        <c:ser>
          <c:idx val="2"/>
          <c:order val="2"/>
          <c:tx>
            <c:strRef>
              <c:f>Sheet1!$D$1</c:f>
              <c:strCache>
                <c:ptCount val="1"/>
                <c:pt idx="0">
                  <c:v>BDCP Enhanced Reliability</c:v>
                </c:pt>
              </c:strCache>
            </c:strRef>
          </c:tx>
          <c:spPr>
            <a:gradFill>
              <a:gsLst>
                <a:gs pos="1000">
                  <a:sysClr val="windowText" lastClr="000000"/>
                </a:gs>
                <a:gs pos="44000">
                  <a:srgbClr val="CC6600"/>
                </a:gs>
                <a:gs pos="100000">
                  <a:sysClr val="windowText" lastClr="000000"/>
                </a:gs>
              </a:gsLst>
              <a:lin ang="0" scaled="1"/>
            </a:gradFill>
            <a:scene3d>
              <a:camera prst="orthographicFront"/>
              <a:lightRig rig="threePt" dir="t"/>
            </a:scene3d>
            <a:sp3d>
              <a:bevelT/>
            </a:sp3d>
          </c:spPr>
          <c:invertIfNegative val="0"/>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D$2:$D$9</c:f>
              <c:numCache>
                <c:formatCode>General</c:formatCode>
                <c:ptCount val="8"/>
              </c:numCache>
            </c:numRef>
          </c:val>
        </c:ser>
        <c:ser>
          <c:idx val="3"/>
          <c:order val="3"/>
          <c:tx>
            <c:strRef>
              <c:f>Sheet1!$E$1</c:f>
              <c:strCache>
                <c:ptCount val="1"/>
                <c:pt idx="0">
                  <c:v>BDCP Replacement Supplies</c:v>
                </c:pt>
              </c:strCache>
            </c:strRef>
          </c:tx>
          <c:spPr>
            <a:gradFill>
              <a:gsLst>
                <a:gs pos="1000">
                  <a:sysClr val="windowText" lastClr="000000"/>
                </a:gs>
                <a:gs pos="44000">
                  <a:srgbClr val="CC6600"/>
                </a:gs>
                <a:gs pos="100000">
                  <a:sysClr val="windowText" lastClr="000000"/>
                </a:gs>
              </a:gsLst>
              <a:lin ang="0" scaled="1"/>
            </a:gradFill>
            <a:scene3d>
              <a:camera prst="orthographicFront"/>
              <a:lightRig rig="threePt" dir="t"/>
            </a:scene3d>
            <a:sp3d>
              <a:bevelT/>
            </a:sp3d>
          </c:spPr>
          <c:invertIfNegative val="0"/>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E$2:$E$9</c:f>
              <c:numCache>
                <c:formatCode>General</c:formatCode>
                <c:ptCount val="8"/>
              </c:numCache>
            </c:numRef>
          </c:val>
        </c:ser>
        <c:dLbls>
          <c:showLegendKey val="0"/>
          <c:showVal val="0"/>
          <c:showCatName val="0"/>
          <c:showSerName val="0"/>
          <c:showPercent val="0"/>
          <c:showBubbleSize val="0"/>
        </c:dLbls>
        <c:gapWidth val="20"/>
        <c:overlap val="100"/>
        <c:axId val="322022016"/>
        <c:axId val="322032000"/>
      </c:barChart>
      <c:catAx>
        <c:axId val="322022016"/>
        <c:scaling>
          <c:orientation val="minMax"/>
        </c:scaling>
        <c:delete val="0"/>
        <c:axPos val="b"/>
        <c:numFmt formatCode="General" sourceLinked="0"/>
        <c:majorTickMark val="out"/>
        <c:minorTickMark val="none"/>
        <c:tickLblPos val="nextTo"/>
        <c:txPr>
          <a:bodyPr rot="0" anchor="ctr" anchorCtr="1"/>
          <a:lstStyle/>
          <a:p>
            <a:pPr>
              <a:lnSpc>
                <a:spcPct val="80000"/>
              </a:lnSpc>
              <a:defRPr sz="1800" b="1">
                <a:effectLst>
                  <a:glow rad="25400">
                    <a:prstClr val="black"/>
                  </a:glow>
                  <a:outerShdw dist="50800" dir="5400000" algn="ctr" rotWithShape="0">
                    <a:prstClr val="black"/>
                  </a:outerShdw>
                </a:effectLst>
                <a:latin typeface="+mn-lt"/>
                <a:cs typeface="Arial" pitchFamily="34" charset="0"/>
              </a:defRPr>
            </a:pPr>
            <a:endParaRPr lang="en-US"/>
          </a:p>
        </c:txPr>
        <c:crossAx val="322032000"/>
        <c:crosses val="autoZero"/>
        <c:auto val="1"/>
        <c:lblAlgn val="ctr"/>
        <c:lblOffset val="100"/>
        <c:tickLblSkip val="1"/>
        <c:noMultiLvlLbl val="0"/>
      </c:catAx>
      <c:valAx>
        <c:axId val="322032000"/>
        <c:scaling>
          <c:orientation val="minMax"/>
          <c:max val="10"/>
          <c:min val="0"/>
        </c:scaling>
        <c:delete val="0"/>
        <c:axPos val="l"/>
        <c:majorGridlines>
          <c:spPr>
            <a:ln>
              <a:solidFill>
                <a:srgbClr val="00297A"/>
              </a:solidFill>
            </a:ln>
          </c:spPr>
        </c:majorGridlines>
        <c:title>
          <c:tx>
            <c:rich>
              <a:bodyPr rot="-5400000" vert="horz"/>
              <a:lstStyle/>
              <a:p>
                <a:pPr>
                  <a:defRPr sz="2000"/>
                </a:pPr>
                <a:r>
                  <a:rPr lang="en-US" sz="2000" dirty="0" smtClean="0">
                    <a:solidFill>
                      <a:srgbClr val="FFC000"/>
                    </a:solidFill>
                  </a:rPr>
                  <a:t>Avg. SWP-CVP Export Capacity (MAF)</a:t>
                </a:r>
                <a:endParaRPr lang="en-US" sz="2000" dirty="0">
                  <a:solidFill>
                    <a:srgbClr val="FFC000"/>
                  </a:solidFill>
                </a:endParaRPr>
              </a:p>
            </c:rich>
          </c:tx>
          <c:layout>
            <c:manualLayout>
              <c:xMode val="edge"/>
              <c:yMode val="edge"/>
              <c:x val="4.2590309061440379E-3"/>
              <c:y val="5.0300167927044781E-2"/>
            </c:manualLayout>
          </c:layout>
          <c:overlay val="0"/>
        </c:title>
        <c:numFmt formatCode="General" sourceLinked="0"/>
        <c:majorTickMark val="out"/>
        <c:minorTickMark val="none"/>
        <c:tickLblPos val="nextTo"/>
        <c:txPr>
          <a:bodyPr/>
          <a:lstStyle/>
          <a:p>
            <a:pPr>
              <a:defRPr sz="2000"/>
            </a:pPr>
            <a:endParaRPr lang="en-US"/>
          </a:p>
        </c:txPr>
        <c:crossAx val="322022016"/>
        <c:crosses val="autoZero"/>
        <c:crossBetween val="between"/>
        <c:majorUnit val="2"/>
      </c:valAx>
    </c:plotArea>
    <c:plotVisOnly val="1"/>
    <c:dispBlanksAs val="gap"/>
    <c:showDLblsOverMax val="0"/>
  </c:chart>
  <c:txPr>
    <a:bodyPr/>
    <a:lstStyle/>
    <a:p>
      <a:pPr>
        <a:defRPr sz="1800"/>
      </a:pPr>
      <a:endParaRPr lang="en-US"/>
    </a:p>
  </c:txPr>
  <c:externalData r:id="rId2">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42"/>
    </mc:Choice>
    <mc:Fallback>
      <c:style val="42"/>
    </mc:Fallback>
  </mc:AlternateContent>
  <c:chart>
    <c:autoTitleDeleted val="1"/>
    <c:plotArea>
      <c:layout>
        <c:manualLayout>
          <c:layoutTarget val="inner"/>
          <c:xMode val="edge"/>
          <c:yMode val="edge"/>
          <c:x val="0.20192058561487153"/>
          <c:y val="0.12103149205631254"/>
          <c:w val="0.77903453008740875"/>
          <c:h val="0.69994187821563858"/>
        </c:manualLayout>
      </c:layout>
      <c:barChart>
        <c:barDir val="col"/>
        <c:grouping val="clustered"/>
        <c:varyColors val="0"/>
        <c:ser>
          <c:idx val="1"/>
          <c:order val="0"/>
          <c:tx>
            <c:strRef>
              <c:f>Sheet1!$S$1</c:f>
              <c:strCache>
                <c:ptCount val="1"/>
                <c:pt idx="0">
                  <c:v>Metropolitan Table A (AF)</c:v>
                </c:pt>
              </c:strCache>
            </c:strRef>
          </c:tx>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invertIfNegative val="0"/>
          <c:cat>
            <c:numRef>
              <c:f>Sheet1!$P$2:$P$38</c:f>
              <c:numCache>
                <c:formatCode>General</c:formatCode>
                <c:ptCount val="37"/>
                <c:pt idx="0">
                  <c:v>1980</c:v>
                </c:pt>
                <c:pt idx="1">
                  <c:v>1981</c:v>
                </c:pt>
                <c:pt idx="2">
                  <c:v>1982</c:v>
                </c:pt>
                <c:pt idx="3">
                  <c:v>1983</c:v>
                </c:pt>
                <c:pt idx="4">
                  <c:v>1984</c:v>
                </c:pt>
                <c:pt idx="5">
                  <c:v>1985</c:v>
                </c:pt>
                <c:pt idx="6">
                  <c:v>1986</c:v>
                </c:pt>
                <c:pt idx="7">
                  <c:v>1987</c:v>
                </c:pt>
                <c:pt idx="8">
                  <c:v>1988</c:v>
                </c:pt>
                <c:pt idx="9">
                  <c:v>1989</c:v>
                </c:pt>
                <c:pt idx="10">
                  <c:v>1990</c:v>
                </c:pt>
                <c:pt idx="11">
                  <c:v>1991</c:v>
                </c:pt>
                <c:pt idx="12">
                  <c:v>1992</c:v>
                </c:pt>
                <c:pt idx="13">
                  <c:v>1993</c:v>
                </c:pt>
                <c:pt idx="14">
                  <c:v>1994</c:v>
                </c:pt>
                <c:pt idx="15">
                  <c:v>1995</c:v>
                </c:pt>
                <c:pt idx="16">
                  <c:v>1996</c:v>
                </c:pt>
                <c:pt idx="17">
                  <c:v>1997</c:v>
                </c:pt>
                <c:pt idx="18">
                  <c:v>1998</c:v>
                </c:pt>
                <c:pt idx="19">
                  <c:v>1999</c:v>
                </c:pt>
                <c:pt idx="20">
                  <c:v>2000</c:v>
                </c:pt>
                <c:pt idx="21">
                  <c:v>2001</c:v>
                </c:pt>
                <c:pt idx="22">
                  <c:v>2002</c:v>
                </c:pt>
                <c:pt idx="23">
                  <c:v>2003</c:v>
                </c:pt>
                <c:pt idx="24">
                  <c:v>2004</c:v>
                </c:pt>
                <c:pt idx="25">
                  <c:v>2005</c:v>
                </c:pt>
                <c:pt idx="26">
                  <c:v>2006</c:v>
                </c:pt>
                <c:pt idx="27">
                  <c:v>2007</c:v>
                </c:pt>
                <c:pt idx="28">
                  <c:v>2008</c:v>
                </c:pt>
                <c:pt idx="29">
                  <c:v>2009</c:v>
                </c:pt>
                <c:pt idx="30">
                  <c:v>2010</c:v>
                </c:pt>
                <c:pt idx="31">
                  <c:v>2011</c:v>
                </c:pt>
                <c:pt idx="32">
                  <c:v>2012</c:v>
                </c:pt>
                <c:pt idx="33">
                  <c:v>2013</c:v>
                </c:pt>
                <c:pt idx="34">
                  <c:v>2014</c:v>
                </c:pt>
                <c:pt idx="35">
                  <c:v>2015</c:v>
                </c:pt>
                <c:pt idx="36">
                  <c:v>2016</c:v>
                </c:pt>
              </c:numCache>
            </c:numRef>
          </c:cat>
          <c:val>
            <c:numRef>
              <c:f>Sheet1!$S$2:$S$38</c:f>
              <c:numCache>
                <c:formatCode>#,##0</c:formatCode>
                <c:ptCount val="37"/>
                <c:pt idx="0">
                  <c:v>1057000</c:v>
                </c:pt>
                <c:pt idx="1">
                  <c:v>1157300</c:v>
                </c:pt>
                <c:pt idx="2">
                  <c:v>1257600</c:v>
                </c:pt>
                <c:pt idx="3">
                  <c:v>1358000</c:v>
                </c:pt>
                <c:pt idx="4">
                  <c:v>1458300</c:v>
                </c:pt>
                <c:pt idx="5">
                  <c:v>1558700</c:v>
                </c:pt>
                <c:pt idx="6">
                  <c:v>1659300</c:v>
                </c:pt>
                <c:pt idx="7">
                  <c:v>1759800</c:v>
                </c:pt>
                <c:pt idx="8">
                  <c:v>1860400</c:v>
                </c:pt>
                <c:pt idx="9">
                  <c:v>1961000</c:v>
                </c:pt>
                <c:pt idx="10">
                  <c:v>2011500</c:v>
                </c:pt>
                <c:pt idx="11">
                  <c:v>603450</c:v>
                </c:pt>
                <c:pt idx="12">
                  <c:v>905175</c:v>
                </c:pt>
                <c:pt idx="13">
                  <c:v>2011500</c:v>
                </c:pt>
                <c:pt idx="14">
                  <c:v>1005750</c:v>
                </c:pt>
                <c:pt idx="15">
                  <c:v>2011500</c:v>
                </c:pt>
                <c:pt idx="16">
                  <c:v>2011500</c:v>
                </c:pt>
                <c:pt idx="17">
                  <c:v>2011500</c:v>
                </c:pt>
                <c:pt idx="18">
                  <c:v>2011500</c:v>
                </c:pt>
                <c:pt idx="19">
                  <c:v>2011500</c:v>
                </c:pt>
                <c:pt idx="20">
                  <c:v>1810350</c:v>
                </c:pt>
                <c:pt idx="21">
                  <c:v>784485</c:v>
                </c:pt>
                <c:pt idx="22">
                  <c:v>1408050.0000000002</c:v>
                </c:pt>
                <c:pt idx="23">
                  <c:v>1810350</c:v>
                </c:pt>
                <c:pt idx="24">
                  <c:v>1307475</c:v>
                </c:pt>
                <c:pt idx="25">
                  <c:v>1720350</c:v>
                </c:pt>
                <c:pt idx="26">
                  <c:v>1911500</c:v>
                </c:pt>
                <c:pt idx="27">
                  <c:v>1146900</c:v>
                </c:pt>
                <c:pt idx="28">
                  <c:v>669025.00000000012</c:v>
                </c:pt>
                <c:pt idx="29">
                  <c:v>764600</c:v>
                </c:pt>
                <c:pt idx="30">
                  <c:v>955750</c:v>
                </c:pt>
                <c:pt idx="31">
                  <c:v>1529200</c:v>
                </c:pt>
                <c:pt idx="32">
                  <c:v>1242475</c:v>
                </c:pt>
                <c:pt idx="33">
                  <c:v>669025</c:v>
                </c:pt>
                <c:pt idx="34">
                  <c:v>95575</c:v>
                </c:pt>
                <c:pt idx="35">
                  <c:v>382300</c:v>
                </c:pt>
              </c:numCache>
            </c:numRef>
          </c:val>
        </c:ser>
        <c:dLbls>
          <c:showLegendKey val="0"/>
          <c:showVal val="0"/>
          <c:showCatName val="0"/>
          <c:showSerName val="0"/>
          <c:showPercent val="0"/>
          <c:showBubbleSize val="0"/>
        </c:dLbls>
        <c:gapWidth val="31"/>
        <c:axId val="373059968"/>
        <c:axId val="373061504"/>
      </c:barChart>
      <c:catAx>
        <c:axId val="373059968"/>
        <c:scaling>
          <c:orientation val="minMax"/>
        </c:scaling>
        <c:delete val="0"/>
        <c:axPos val="b"/>
        <c:numFmt formatCode="General" sourceLinked="1"/>
        <c:majorTickMark val="out"/>
        <c:minorTickMark val="none"/>
        <c:tickLblPos val="nextTo"/>
        <c:crossAx val="373061504"/>
        <c:crosses val="autoZero"/>
        <c:auto val="1"/>
        <c:lblAlgn val="ctr"/>
        <c:lblOffset val="100"/>
        <c:noMultiLvlLbl val="0"/>
      </c:catAx>
      <c:valAx>
        <c:axId val="373061504"/>
        <c:scaling>
          <c:orientation val="minMax"/>
          <c:max val="2011499.9999999998"/>
          <c:min val="0"/>
        </c:scaling>
        <c:delete val="0"/>
        <c:axPos val="l"/>
        <c:majorGridlines>
          <c:spPr>
            <a:ln>
              <a:solidFill>
                <a:srgbClr val="002060"/>
              </a:solidFill>
            </a:ln>
          </c:spPr>
        </c:majorGridlines>
        <c:title>
          <c:tx>
            <c:rich>
              <a:bodyPr rot="0" vert="horz"/>
              <a:lstStyle/>
              <a:p>
                <a:pPr>
                  <a:defRPr sz="1600"/>
                </a:pPr>
                <a:r>
                  <a:rPr lang="en-US" sz="1600" dirty="0" smtClean="0"/>
                  <a:t>Table A (in acre-ft.)</a:t>
                </a:r>
                <a:endParaRPr lang="en-US" sz="1600" dirty="0"/>
              </a:p>
            </c:rich>
          </c:tx>
          <c:layout>
            <c:manualLayout>
              <c:xMode val="edge"/>
              <c:yMode val="edge"/>
              <c:x val="1.036780558680165E-2"/>
              <c:y val="1.4363770000565388E-2"/>
            </c:manualLayout>
          </c:layout>
          <c:overlay val="0"/>
        </c:title>
        <c:numFmt formatCode="#,##0" sourceLinked="1"/>
        <c:majorTickMark val="out"/>
        <c:minorTickMark val="none"/>
        <c:tickLblPos val="nextTo"/>
        <c:crossAx val="373059968"/>
        <c:crosses val="autoZero"/>
        <c:crossBetween val="between"/>
      </c:valAx>
      <c:spPr>
        <a:noFill/>
      </c:spPr>
    </c:plotArea>
    <c:plotVisOnly val="1"/>
    <c:dispBlanksAs val="zero"/>
    <c:showDLblsOverMax val="0"/>
  </c:chart>
  <c:spPr>
    <a:noFill/>
  </c:spPr>
  <c:txPr>
    <a:bodyPr/>
    <a:lstStyle/>
    <a:p>
      <a:pPr>
        <a:defRPr sz="1800"/>
      </a:pPr>
      <a:endParaRPr lang="en-US"/>
    </a:p>
  </c:txPr>
  <c:externalData r:id="rId1">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42"/>
    </mc:Choice>
    <mc:Fallback>
      <c:style val="42"/>
    </mc:Fallback>
  </mc:AlternateContent>
  <c:chart>
    <c:autoTitleDeleted val="1"/>
    <c:view3D>
      <c:rotX val="30"/>
      <c:rotY val="90"/>
      <c:rAngAx val="0"/>
      <c:perspective val="20"/>
    </c:view3D>
    <c:floor>
      <c:thickness val="0"/>
    </c:floor>
    <c:sideWall>
      <c:thickness val="0"/>
    </c:sideWall>
    <c:backWall>
      <c:thickness val="0"/>
    </c:backWall>
    <c:plotArea>
      <c:layout>
        <c:manualLayout>
          <c:layoutTarget val="inner"/>
          <c:xMode val="edge"/>
          <c:yMode val="edge"/>
          <c:x val="2.3569023569023569E-2"/>
          <c:y val="2.4362159810972658E-2"/>
          <c:w val="0.96296296296296291"/>
          <c:h val="0.93300406051982521"/>
        </c:manualLayout>
      </c:layout>
      <c:pie3DChart>
        <c:varyColors val="1"/>
        <c:ser>
          <c:idx val="0"/>
          <c:order val="0"/>
          <c:tx>
            <c:strRef>
              <c:f>Sheet1!$A$1</c:f>
              <c:strCache>
                <c:ptCount val="1"/>
                <c:pt idx="0">
                  <c:v>Usage Trends (1990 - 2005)</c:v>
                </c:pt>
              </c:strCache>
            </c:strRef>
          </c:tx>
          <c:dPt>
            <c:idx val="0"/>
            <c:bubble3D val="0"/>
            <c:spPr>
              <a:gradFill rotWithShape="1">
                <a:gsLst>
                  <a:gs pos="0">
                    <a:schemeClr val="accent5">
                      <a:shade val="15000"/>
                      <a:satMod val="180000"/>
                    </a:schemeClr>
                  </a:gs>
                  <a:gs pos="50000">
                    <a:schemeClr val="accent5">
                      <a:shade val="45000"/>
                      <a:satMod val="170000"/>
                    </a:schemeClr>
                  </a:gs>
                  <a:gs pos="70000">
                    <a:schemeClr val="accent5">
                      <a:tint val="99000"/>
                      <a:shade val="65000"/>
                      <a:satMod val="155000"/>
                    </a:schemeClr>
                  </a:gs>
                  <a:gs pos="100000">
                    <a:schemeClr val="accent5">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5">
                    <a:satMod val="300000"/>
                  </a:schemeClr>
                </a:contourClr>
              </a:sp3d>
            </c:spPr>
          </c:dPt>
          <c:dPt>
            <c:idx val="1"/>
            <c:bubble3D val="0"/>
            <c:spPr>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c:spPr>
          </c:dPt>
          <c:dPt>
            <c:idx val="2"/>
            <c:bubble3D val="0"/>
          </c:dPt>
          <c:dPt>
            <c:idx val="3"/>
            <c:bubble3D val="0"/>
            <c:spPr>
              <a:solidFill>
                <a:schemeClr val="accent4">
                  <a:lumMod val="75000"/>
                </a:schemeClr>
              </a:solidFill>
              <a:ln>
                <a:solidFill>
                  <a:schemeClr val="accent4">
                    <a:lumMod val="60000"/>
                    <a:lumOff val="40000"/>
                  </a:schemeClr>
                </a:solid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c:spPr>
          </c:dPt>
          <c:dPt>
            <c:idx val="4"/>
            <c:bubble3D val="0"/>
            <c:spPr>
              <a:solidFill>
                <a:schemeClr val="accent4">
                  <a:lumMod val="75000"/>
                </a:schemeClr>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4">
                    <a:satMod val="300000"/>
                  </a:schemeClr>
                </a:contourClr>
              </a:sp3d>
            </c:spPr>
          </c:dPt>
          <c:dPt>
            <c:idx val="5"/>
            <c:bubble3D val="0"/>
            <c:spPr>
              <a:gradFill rotWithShape="1">
                <a:gsLst>
                  <a:gs pos="0">
                    <a:schemeClr val="accent4">
                      <a:shade val="15000"/>
                      <a:satMod val="180000"/>
                    </a:schemeClr>
                  </a:gs>
                  <a:gs pos="50000">
                    <a:schemeClr val="accent4">
                      <a:shade val="45000"/>
                      <a:satMod val="170000"/>
                    </a:schemeClr>
                  </a:gs>
                  <a:gs pos="70000">
                    <a:schemeClr val="accent4">
                      <a:tint val="99000"/>
                      <a:shade val="65000"/>
                      <a:satMod val="155000"/>
                    </a:schemeClr>
                  </a:gs>
                  <a:gs pos="100000">
                    <a:schemeClr val="accent4">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4">
                    <a:satMod val="300000"/>
                  </a:schemeClr>
                </a:contourClr>
              </a:sp3d>
            </c:spPr>
          </c:dPt>
          <c:cat>
            <c:strRef>
              <c:f>Sheet1!$A$2:$A$6</c:f>
              <c:strCache>
                <c:ptCount val="5"/>
                <c:pt idx="0">
                  <c:v>Outflow to Ocean</c:v>
                </c:pt>
                <c:pt idx="1">
                  <c:v>Upstream Consumptive Use</c:v>
                </c:pt>
                <c:pt idx="2">
                  <c:v>In-Delta Consumptive Use</c:v>
                </c:pt>
                <c:pt idx="3">
                  <c:v>MWD</c:v>
                </c:pt>
                <c:pt idx="4">
                  <c:v>CVP - SWP Exports</c:v>
                </c:pt>
              </c:strCache>
            </c:strRef>
          </c:cat>
          <c:val>
            <c:numRef>
              <c:f>Sheet1!$B$2:$B$6</c:f>
              <c:numCache>
                <c:formatCode>0%</c:formatCode>
                <c:ptCount val="5"/>
                <c:pt idx="0">
                  <c:v>0.48</c:v>
                </c:pt>
                <c:pt idx="1">
                  <c:v>0.31</c:v>
                </c:pt>
                <c:pt idx="2">
                  <c:v>0.04</c:v>
                </c:pt>
                <c:pt idx="3">
                  <c:v>0.05</c:v>
                </c:pt>
                <c:pt idx="4">
                  <c:v>0.12000000000000001</c:v>
                </c:pt>
              </c:numCache>
            </c:numRef>
          </c:val>
        </c:ser>
        <c:dLbls>
          <c:showLegendKey val="0"/>
          <c:showVal val="0"/>
          <c:showCatName val="0"/>
          <c:showSerName val="0"/>
          <c:showPercent val="0"/>
          <c:showBubbleSize val="0"/>
          <c:showLeaderLines val="1"/>
        </c:dLbls>
      </c:pie3DChart>
    </c:plotArea>
    <c:plotVisOnly val="1"/>
    <c:dispBlanksAs val="zero"/>
    <c:showDLblsOverMax val="0"/>
  </c:chart>
  <c:spPr>
    <a:noFill/>
  </c:spPr>
  <c:txPr>
    <a:bodyPr/>
    <a:lstStyle/>
    <a:p>
      <a:pPr>
        <a:defRPr sz="1800"/>
      </a:pPr>
      <a:endParaRPr lang="en-US"/>
    </a:p>
  </c:txPr>
  <c:externalData r:id="rId1">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solidFill>
            <a:ln>
              <a:noFill/>
            </a:ln>
            <a:effectLst>
              <a:outerShdw blurRad="50800" dist="38100" algn="l" rotWithShape="0">
                <a:prstClr val="black">
                  <a:alpha val="40000"/>
                </a:prstClr>
              </a:outerShdw>
            </a:effectLst>
          </c:spPr>
          <c:invertIfNegative val="0"/>
          <c:dPt>
            <c:idx val="0"/>
            <c:invertIfNegative val="0"/>
            <c:bubble3D val="0"/>
            <c:spPr>
              <a:solidFill>
                <a:schemeClr val="accent1">
                  <a:lumMod val="75000"/>
                </a:schemeClr>
              </a:solidFill>
              <a:ln>
                <a:noFill/>
              </a:ln>
              <a:effectLst>
                <a:outerShdw blurRad="50800" dist="38100" algn="l" rotWithShape="0">
                  <a:prstClr val="black">
                    <a:alpha val="40000"/>
                  </a:prstClr>
                </a:outerShdw>
              </a:effectLst>
            </c:spPr>
          </c:dPt>
          <c:dPt>
            <c:idx val="1"/>
            <c:invertIfNegative val="0"/>
            <c:bubble3D val="0"/>
            <c:spPr>
              <a:solidFill>
                <a:schemeClr val="accent2">
                  <a:lumMod val="75000"/>
                </a:schemeClr>
              </a:solidFill>
              <a:ln>
                <a:noFill/>
              </a:ln>
              <a:effectLst>
                <a:outerShdw blurRad="50800" dist="38100" algn="l" rotWithShape="0">
                  <a:prstClr val="black">
                    <a:alpha val="40000"/>
                  </a:prstClr>
                </a:outerShdw>
              </a:effectLst>
            </c:spPr>
          </c:dPt>
          <c:dPt>
            <c:idx val="2"/>
            <c:invertIfNegative val="0"/>
            <c:bubble3D val="0"/>
            <c:spPr>
              <a:solidFill>
                <a:schemeClr val="accent1">
                  <a:lumMod val="75000"/>
                </a:schemeClr>
              </a:solidFill>
              <a:ln>
                <a:noFill/>
              </a:ln>
              <a:effectLst>
                <a:outerShdw blurRad="50800" dist="38100" algn="l" rotWithShape="0">
                  <a:prstClr val="black">
                    <a:alpha val="40000"/>
                  </a:prstClr>
                </a:outerShdw>
              </a:effectLst>
            </c:spPr>
          </c:dPt>
          <c:dPt>
            <c:idx val="3"/>
            <c:invertIfNegative val="0"/>
            <c:bubble3D val="0"/>
            <c:spPr>
              <a:solidFill>
                <a:schemeClr val="accent4">
                  <a:lumMod val="75000"/>
                </a:schemeClr>
              </a:solidFill>
              <a:ln>
                <a:noFill/>
              </a:ln>
              <a:effectLst>
                <a:outerShdw blurRad="50800" dist="38100" algn="l" rotWithShape="0">
                  <a:prstClr val="black">
                    <a:alpha val="40000"/>
                  </a:prstClr>
                </a:outerShdw>
              </a:effectLst>
            </c:spPr>
          </c:dPt>
          <c:dPt>
            <c:idx val="4"/>
            <c:invertIfNegative val="0"/>
            <c:bubble3D val="0"/>
            <c:spPr>
              <a:solidFill>
                <a:srgbClr val="C00000"/>
              </a:solidFill>
              <a:ln>
                <a:noFill/>
              </a:ln>
              <a:effectLst>
                <a:outerShdw blurRad="50800" dist="38100" algn="l" rotWithShape="0">
                  <a:prstClr val="black">
                    <a:alpha val="40000"/>
                  </a:prstClr>
                </a:outerShdw>
              </a:effectLst>
            </c:spPr>
          </c:dPt>
          <c:dPt>
            <c:idx val="5"/>
            <c:invertIfNegative val="0"/>
            <c:bubble3D val="0"/>
            <c:spPr>
              <a:solidFill>
                <a:schemeClr val="accent4">
                  <a:lumMod val="75000"/>
                </a:schemeClr>
              </a:solidFill>
              <a:ln>
                <a:noFill/>
              </a:ln>
              <a:effectLst>
                <a:outerShdw blurRad="50800" dist="38100" algn="l" rotWithShape="0">
                  <a:prstClr val="black">
                    <a:alpha val="40000"/>
                  </a:prstClr>
                </a:outerShdw>
              </a:effectLst>
            </c:spPr>
          </c:dPt>
          <c:cat>
            <c:numRef>
              <c:f>Sheet1!$A$4:$A$9</c:f>
              <c:numCache>
                <c:formatCode>General</c:formatCode>
                <c:ptCount val="6"/>
                <c:pt idx="0">
                  <c:v>2010</c:v>
                </c:pt>
                <c:pt idx="1">
                  <c:v>2011</c:v>
                </c:pt>
                <c:pt idx="2">
                  <c:v>2012</c:v>
                </c:pt>
                <c:pt idx="3">
                  <c:v>2013</c:v>
                </c:pt>
                <c:pt idx="4">
                  <c:v>2014</c:v>
                </c:pt>
                <c:pt idx="5">
                  <c:v>2015</c:v>
                </c:pt>
              </c:numCache>
            </c:numRef>
          </c:cat>
          <c:val>
            <c:numRef>
              <c:f>Sheet1!$B$4:$B$9</c:f>
              <c:numCache>
                <c:formatCode>#,##0</c:formatCode>
                <c:ptCount val="6"/>
                <c:pt idx="0">
                  <c:v>451000</c:v>
                </c:pt>
                <c:pt idx="1">
                  <c:v>2531000</c:v>
                </c:pt>
                <c:pt idx="2">
                  <c:v>806000</c:v>
                </c:pt>
                <c:pt idx="3">
                  <c:v>474000</c:v>
                </c:pt>
                <c:pt idx="4">
                  <c:v>207000</c:v>
                </c:pt>
                <c:pt idx="5">
                  <c:v>200000</c:v>
                </c:pt>
              </c:numCache>
            </c:numRef>
          </c:val>
        </c:ser>
        <c:dLbls>
          <c:showLegendKey val="0"/>
          <c:showVal val="0"/>
          <c:showCatName val="0"/>
          <c:showSerName val="0"/>
          <c:showPercent val="0"/>
          <c:showBubbleSize val="0"/>
        </c:dLbls>
        <c:gapWidth val="73"/>
        <c:overlap val="-27"/>
        <c:axId val="279103360"/>
        <c:axId val="279104896"/>
      </c:barChart>
      <c:catAx>
        <c:axId val="27910336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mn-lt"/>
                <a:ea typeface="+mn-ea"/>
                <a:cs typeface="+mn-cs"/>
              </a:defRPr>
            </a:pPr>
            <a:endParaRPr lang="en-US"/>
          </a:p>
        </c:txPr>
        <c:crossAx val="279104896"/>
        <c:crosses val="autoZero"/>
        <c:auto val="1"/>
        <c:lblAlgn val="ctr"/>
        <c:lblOffset val="100"/>
        <c:noMultiLvlLbl val="0"/>
      </c:catAx>
      <c:valAx>
        <c:axId val="279104896"/>
        <c:scaling>
          <c:orientation val="minMax"/>
        </c:scaling>
        <c:delete val="0"/>
        <c:axPos val="l"/>
        <c:majorGridlines>
          <c:spPr>
            <a:ln w="9525" cap="flat" cmpd="sng" algn="ctr">
              <a:solidFill>
                <a:schemeClr val="bg1">
                  <a:lumMod val="50000"/>
                  <a:lumOff val="50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279103360"/>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634387974230494"/>
          <c:y val="4.3681640204810461E-2"/>
          <c:w val="0.81813156967602874"/>
          <c:h val="0.72832886943343578"/>
        </c:manualLayout>
      </c:layout>
      <c:barChart>
        <c:barDir val="col"/>
        <c:grouping val="stacked"/>
        <c:varyColors val="0"/>
        <c:ser>
          <c:idx val="0"/>
          <c:order val="0"/>
          <c:tx>
            <c:strRef>
              <c:f>Sheet1!$B$1</c:f>
              <c:strCache>
                <c:ptCount val="1"/>
                <c:pt idx="0">
                  <c:v>Thru-Delta</c:v>
                </c:pt>
              </c:strCache>
            </c:strRef>
          </c:tx>
          <c:spPr>
            <a:gradFill flip="none" rotWithShape="1">
              <a:gsLst>
                <a:gs pos="0">
                  <a:srgbClr val="8E0000">
                    <a:shade val="30000"/>
                    <a:satMod val="115000"/>
                  </a:srgbClr>
                </a:gs>
                <a:gs pos="50000">
                  <a:srgbClr val="8E0000">
                    <a:shade val="67500"/>
                    <a:satMod val="115000"/>
                  </a:srgbClr>
                </a:gs>
                <a:gs pos="100000">
                  <a:srgbClr val="8E0000">
                    <a:shade val="100000"/>
                    <a:satMod val="115000"/>
                  </a:srgbClr>
                </a:gs>
              </a:gsLst>
              <a:lin ang="0" scaled="1"/>
              <a:tileRect/>
            </a:gradFill>
          </c:spPr>
          <c:invertIfNegative val="0"/>
          <c:dPt>
            <c:idx val="1"/>
            <c:invertIfNegative val="0"/>
            <c:bubble3D val="0"/>
            <c:spPr>
              <a:gradFill>
                <a:gsLst>
                  <a:gs pos="0">
                    <a:srgbClr val="8E0000">
                      <a:shade val="30000"/>
                      <a:satMod val="115000"/>
                    </a:srgbClr>
                  </a:gs>
                  <a:gs pos="50000">
                    <a:srgbClr val="8E0000">
                      <a:shade val="67500"/>
                      <a:satMod val="115000"/>
                    </a:srgbClr>
                  </a:gs>
                  <a:gs pos="100000">
                    <a:srgbClr val="8E0000">
                      <a:shade val="100000"/>
                      <a:satMod val="115000"/>
                    </a:srgbClr>
                  </a:gs>
                </a:gsLst>
                <a:lin ang="0" scaled="1"/>
              </a:gradFill>
              <a:ln w="38100">
                <a:solidFill>
                  <a:srgbClr val="C00000"/>
                </a:solidFill>
                <a:prstDash val="sysDash"/>
              </a:ln>
            </c:spPr>
          </c:dPt>
          <c:dLbls>
            <c:numFmt formatCode="#,##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Existing 
(Bio Op)</c:v>
                </c:pt>
                <c:pt idx="2">
                  <c:v>3,000 cfs</c:v>
                </c:pt>
                <c:pt idx="3">
                  <c:v>6,000 cfs</c:v>
                </c:pt>
                <c:pt idx="4">
                  <c:v>9,000 cfs</c:v>
                </c:pt>
                <c:pt idx="5">
                  <c:v>12,000 cfs</c:v>
                </c:pt>
                <c:pt idx="6">
                  <c:v>15,000 cfs</c:v>
                </c:pt>
              </c:strCache>
            </c:strRef>
          </c:cat>
          <c:val>
            <c:numRef>
              <c:f>Sheet1!$B$2:$B$8</c:f>
              <c:numCache>
                <c:formatCode>General</c:formatCode>
                <c:ptCount val="7"/>
                <c:pt idx="0">
                  <c:v>288</c:v>
                </c:pt>
                <c:pt idx="1">
                  <c:v>300</c:v>
                </c:pt>
              </c:numCache>
            </c:numRef>
          </c:val>
        </c:ser>
        <c:ser>
          <c:idx val="1"/>
          <c:order val="1"/>
          <c:tx>
            <c:strRef>
              <c:f>Sheet1!$C$1</c:f>
              <c:strCache>
                <c:ptCount val="1"/>
                <c:pt idx="0">
                  <c:v>BDCP Ops 2010 (Scenario 1)</c:v>
                </c:pt>
              </c:strCache>
            </c:strRef>
          </c:tx>
          <c:spPr>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c:spPr>
          <c:invertIfNegative val="0"/>
          <c:dLbls>
            <c:dLbl>
              <c:idx val="0"/>
              <c:delete val="1"/>
            </c:dLbl>
            <c:dLbl>
              <c:idx val="1"/>
              <c:delete val="1"/>
            </c:dLbl>
            <c:dLbl>
              <c:idx val="5"/>
              <c:layout>
                <c:manualLayout>
                  <c:x val="0"/>
                  <c:y val="6.8087918984389515E-3"/>
                </c:manualLayout>
              </c:layout>
              <c:showLegendKey val="0"/>
              <c:showVal val="1"/>
              <c:showCatName val="0"/>
              <c:showSerName val="0"/>
              <c:showPercent val="0"/>
              <c:showBubbleSize val="0"/>
            </c:dLbl>
            <c:dLbl>
              <c:idx val="6"/>
              <c:layout>
                <c:manualLayout>
                  <c:x val="5.9125847620818952E-3"/>
                  <c:y val="2.1825521786687528E-2"/>
                </c:manualLayout>
              </c:layout>
              <c:showLegendKey val="0"/>
              <c:showVal val="1"/>
              <c:showCatName val="0"/>
              <c:showSerName val="0"/>
              <c:showPercent val="0"/>
              <c:showBubbleSize val="0"/>
            </c:dLbl>
            <c:numFmt formatCode="#,##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Existing 
(Bio Op)</c:v>
                </c:pt>
                <c:pt idx="2">
                  <c:v>3,000 cfs</c:v>
                </c:pt>
                <c:pt idx="3">
                  <c:v>6,000 cfs</c:v>
                </c:pt>
                <c:pt idx="4">
                  <c:v>9,000 cfs</c:v>
                </c:pt>
                <c:pt idx="5">
                  <c:v>12,000 cfs</c:v>
                </c:pt>
                <c:pt idx="6">
                  <c:v>15,000 cfs</c:v>
                </c:pt>
              </c:strCache>
            </c:strRef>
          </c:cat>
          <c:val>
            <c:numRef>
              <c:f>Sheet1!$C$2:$C$8</c:f>
              <c:numCache>
                <c:formatCode>General</c:formatCode>
                <c:ptCount val="7"/>
                <c:pt idx="2" formatCode="0">
                  <c:v>264.8563699559366</c:v>
                </c:pt>
                <c:pt idx="3" formatCode="0">
                  <c:v>250.5840878784266</c:v>
                </c:pt>
                <c:pt idx="4" formatCode="0">
                  <c:v>241.2409946368906</c:v>
                </c:pt>
                <c:pt idx="5" formatCode="0">
                  <c:v>234.61251125344256</c:v>
                </c:pt>
                <c:pt idx="6" formatCode="0">
                  <c:v>231.58984133599731</c:v>
                </c:pt>
              </c:numCache>
            </c:numRef>
          </c:val>
        </c:ser>
        <c:dLbls>
          <c:showLegendKey val="0"/>
          <c:showVal val="0"/>
          <c:showCatName val="0"/>
          <c:showSerName val="0"/>
          <c:showPercent val="0"/>
          <c:showBubbleSize val="0"/>
        </c:dLbls>
        <c:gapWidth val="80"/>
        <c:overlap val="100"/>
        <c:axId val="275617280"/>
        <c:axId val="275618816"/>
      </c:barChart>
      <c:catAx>
        <c:axId val="275617280"/>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275618816"/>
        <c:crosses val="autoZero"/>
        <c:auto val="1"/>
        <c:lblAlgn val="ctr"/>
        <c:lblOffset val="100"/>
        <c:noMultiLvlLbl val="0"/>
      </c:catAx>
      <c:valAx>
        <c:axId val="275618816"/>
        <c:scaling>
          <c:orientation val="minMax"/>
          <c:max val="300"/>
        </c:scaling>
        <c:delete val="0"/>
        <c:axPos val="l"/>
        <c:majorGridlines>
          <c:spPr>
            <a:ln>
              <a:solidFill>
                <a:schemeClr val="accent1">
                  <a:lumMod val="75000"/>
                </a:schemeClr>
              </a:solidFill>
            </a:ln>
          </c:spPr>
        </c:majorGridlines>
        <c:title>
          <c:tx>
            <c:rich>
              <a:bodyPr rot="-5400000" vert="horz"/>
              <a:lstStyle/>
              <a:p>
                <a:pPr>
                  <a:defRPr sz="2400"/>
                </a:pPr>
                <a:r>
                  <a:rPr lang="en-US" sz="2400" dirty="0" smtClean="0">
                    <a:solidFill>
                      <a:srgbClr val="FFC000"/>
                    </a:solidFill>
                  </a:rPr>
                  <a:t>Avg</a:t>
                </a:r>
                <a:r>
                  <a:rPr lang="en-US" sz="2400" baseline="0" dirty="0" smtClean="0">
                    <a:solidFill>
                      <a:srgbClr val="FFC000"/>
                    </a:solidFill>
                  </a:rPr>
                  <a:t> Export Salinity (ppm)</a:t>
                </a:r>
                <a:endParaRPr lang="en-US" sz="2400" dirty="0">
                  <a:solidFill>
                    <a:srgbClr val="FFC000"/>
                  </a:solidFill>
                </a:endParaRPr>
              </a:p>
            </c:rich>
          </c:tx>
          <c:layout>
            <c:manualLayout>
              <c:xMode val="edge"/>
              <c:yMode val="edge"/>
              <c:x val="4.3323650117908534E-3"/>
              <c:y val="4.0855199395565325E-2"/>
            </c:manualLayout>
          </c:layout>
          <c:overlay val="0"/>
        </c:title>
        <c:numFmt formatCode="#,##0" sourceLinked="0"/>
        <c:majorTickMark val="out"/>
        <c:minorTickMark val="none"/>
        <c:tickLblPos val="nextTo"/>
        <c:txPr>
          <a:bodyPr/>
          <a:lstStyle/>
          <a:p>
            <a:pPr>
              <a:defRPr sz="2200"/>
            </a:pPr>
            <a:endParaRPr lang="en-US"/>
          </a:p>
        </c:txPr>
        <c:crossAx val="275617280"/>
        <c:crosses val="autoZero"/>
        <c:crossBetween val="between"/>
      </c:valAx>
    </c:plotArea>
    <c:legend>
      <c:legendPos val="r"/>
      <c:legendEntry>
        <c:idx val="0"/>
        <c:delete val="1"/>
      </c:legendEntry>
      <c:legendEntry>
        <c:idx val="1"/>
        <c:delete val="1"/>
      </c:legendEntry>
      <c:layout>
        <c:manualLayout>
          <c:xMode val="edge"/>
          <c:yMode val="edge"/>
          <c:x val="0.16314769744691004"/>
          <c:y val="3.6996256827227304E-4"/>
          <c:w val="0.52587878787878783"/>
          <c:h val="0.14755776429585638"/>
        </c:manualLayout>
      </c:layout>
      <c:overlay val="0"/>
      <c:txPr>
        <a:bodyPr/>
        <a:lstStyle/>
        <a:p>
          <a:pPr>
            <a:defRPr sz="16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3886442998972953"/>
          <c:y val="5.0891102011357416E-2"/>
          <c:w val="0.85265457035261893"/>
          <c:h val="0.76146914799240151"/>
        </c:manualLayout>
      </c:layout>
      <c:barChart>
        <c:barDir val="col"/>
        <c:grouping val="stacked"/>
        <c:varyColors val="0"/>
        <c:ser>
          <c:idx val="1"/>
          <c:order val="0"/>
          <c:tx>
            <c:strRef>
              <c:f>Sheet1!$A$3</c:f>
              <c:strCache>
                <c:ptCount val="1"/>
                <c:pt idx="0">
                  <c:v>South Delta Total</c:v>
                </c:pt>
              </c:strCache>
            </c:strRef>
          </c:tx>
          <c:spPr>
            <a:gradFill>
              <a:gsLst>
                <a:gs pos="833">
                  <a:srgbClr val="002148"/>
                </a:gs>
                <a:gs pos="44000">
                  <a:srgbClr val="0070C0"/>
                </a:gs>
                <a:gs pos="100000">
                  <a:srgbClr val="002148"/>
                </a:gs>
              </a:gsLst>
              <a:lin ang="0" scaled="1"/>
            </a:gradFill>
          </c:spPr>
          <c:invertIfNegative val="0"/>
          <c:dLbls>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3:$I$3</c:f>
              <c:numCache>
                <c:formatCode>0.00</c:formatCode>
                <c:ptCount val="8"/>
                <c:pt idx="0">
                  <c:v>5.9</c:v>
                </c:pt>
                <c:pt idx="1">
                  <c:v>4.7278974685688002</c:v>
                </c:pt>
                <c:pt idx="2">
                  <c:v>5.2762224048417554</c:v>
                </c:pt>
                <c:pt idx="3">
                  <c:v>4.4075863784586389</c:v>
                </c:pt>
                <c:pt idx="4">
                  <c:v>3.7662971405783803</c:v>
                </c:pt>
                <c:pt idx="5">
                  <c:v>3.3325169085129036</c:v>
                </c:pt>
                <c:pt idx="6">
                  <c:v>3.0877961052130396</c:v>
                </c:pt>
                <c:pt idx="7">
                  <c:v>2.9852140161167742</c:v>
                </c:pt>
              </c:numCache>
            </c:numRef>
          </c:val>
        </c:ser>
        <c:ser>
          <c:idx val="0"/>
          <c:order val="1"/>
          <c:tx>
            <c:strRef>
              <c:f>Sheet1!$A$2</c:f>
              <c:strCache>
                <c:ptCount val="1"/>
                <c:pt idx="0">
                  <c:v>North Delta Total</c:v>
                </c:pt>
              </c:strCache>
            </c:strRef>
          </c:tx>
          <c:spPr>
            <a:gradFill>
              <a:gsLst>
                <a:gs pos="0">
                  <a:srgbClr val="663300"/>
                </a:gs>
                <a:gs pos="50000">
                  <a:srgbClr val="AC5600"/>
                </a:gs>
                <a:gs pos="100000">
                  <a:srgbClr val="663300"/>
                </a:gs>
              </a:gsLst>
              <a:lin ang="0" scaled="1"/>
            </a:gradFill>
          </c:spPr>
          <c:invertIfNegative val="0"/>
          <c:dLbls>
            <c:dLbl>
              <c:idx val="0"/>
              <c:delete val="1"/>
            </c:dLbl>
            <c:dLbl>
              <c:idx val="1"/>
              <c:delete val="1"/>
            </c:dLbl>
            <c:dLbl>
              <c:idx val="2"/>
              <c:delete val="1"/>
            </c:dLbl>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2:$I$2</c:f>
              <c:numCache>
                <c:formatCode>0.00</c:formatCode>
                <c:ptCount val="8"/>
                <c:pt idx="0">
                  <c:v>0</c:v>
                </c:pt>
                <c:pt idx="1">
                  <c:v>0</c:v>
                </c:pt>
                <c:pt idx="2">
                  <c:v>0</c:v>
                </c:pt>
                <c:pt idx="3">
                  <c:v>1.2552936598659574</c:v>
                </c:pt>
                <c:pt idx="4">
                  <c:v>2.0507409590110797</c:v>
                </c:pt>
                <c:pt idx="5">
                  <c:v>2.5602150625304883</c:v>
                </c:pt>
                <c:pt idx="6">
                  <c:v>2.816548861195336</c:v>
                </c:pt>
                <c:pt idx="7">
                  <c:v>2.9283317603327257</c:v>
                </c:pt>
              </c:numCache>
            </c:numRef>
          </c:val>
        </c:ser>
        <c:dLbls>
          <c:showLegendKey val="0"/>
          <c:showVal val="0"/>
          <c:showCatName val="0"/>
          <c:showSerName val="0"/>
          <c:showPercent val="0"/>
          <c:showBubbleSize val="0"/>
        </c:dLbls>
        <c:gapWidth val="90"/>
        <c:overlap val="100"/>
        <c:axId val="373981184"/>
        <c:axId val="373982720"/>
      </c:barChart>
      <c:catAx>
        <c:axId val="373981184"/>
        <c:scaling>
          <c:orientation val="minMax"/>
        </c:scaling>
        <c:delete val="0"/>
        <c:axPos val="b"/>
        <c:majorTickMark val="out"/>
        <c:minorTickMark val="none"/>
        <c:tickLblPos val="nextTo"/>
        <c:txPr>
          <a:bodyPr rot="0"/>
          <a:lstStyle/>
          <a:p>
            <a:pPr>
              <a:defRPr sz="1600" b="1"/>
            </a:pPr>
            <a:endParaRPr lang="en-US"/>
          </a:p>
        </c:txPr>
        <c:crossAx val="373982720"/>
        <c:crosses val="autoZero"/>
        <c:auto val="1"/>
        <c:lblAlgn val="ctr"/>
        <c:lblOffset val="100"/>
        <c:noMultiLvlLbl val="0"/>
      </c:catAx>
      <c:valAx>
        <c:axId val="373982720"/>
        <c:scaling>
          <c:orientation val="minMax"/>
        </c:scaling>
        <c:delete val="0"/>
        <c:axPos val="l"/>
        <c:majorGridlines>
          <c:spPr>
            <a:ln>
              <a:solidFill>
                <a:srgbClr val="002060"/>
              </a:solidFill>
            </a:ln>
          </c:spPr>
        </c:majorGridlines>
        <c:title>
          <c:tx>
            <c:rich>
              <a:bodyPr rot="-5400000" vert="horz"/>
              <a:lstStyle/>
              <a:p>
                <a:pPr>
                  <a:defRPr>
                    <a:solidFill>
                      <a:srgbClr val="FFC000"/>
                    </a:solidFill>
                  </a:defRPr>
                </a:pPr>
                <a:r>
                  <a:rPr lang="en-US" sz="1800" b="1" i="0" baseline="0" dirty="0" smtClean="0">
                    <a:solidFill>
                      <a:srgbClr val="FFC000"/>
                    </a:solidFill>
                  </a:rPr>
                  <a:t>Avg. SWP-CVP Exports (million AF)</a:t>
                </a:r>
                <a:endParaRPr lang="en-US" sz="1800" b="1" i="0" baseline="0" dirty="0">
                  <a:solidFill>
                    <a:srgbClr val="FFC000"/>
                  </a:solidFill>
                </a:endParaRPr>
              </a:p>
            </c:rich>
          </c:tx>
          <c:layout/>
          <c:overlay val="0"/>
        </c:title>
        <c:numFmt formatCode="0" sourceLinked="0"/>
        <c:majorTickMark val="out"/>
        <c:minorTickMark val="none"/>
        <c:tickLblPos val="nextTo"/>
        <c:crossAx val="373981184"/>
        <c:crosses val="autoZero"/>
        <c:crossBetween val="between"/>
      </c:valAx>
    </c:plotArea>
    <c:legend>
      <c:legendPos val="r"/>
      <c:layout>
        <c:manualLayout>
          <c:xMode val="edge"/>
          <c:yMode val="edge"/>
          <c:x val="0.17360070752025561"/>
          <c:y val="1.6854904594595949E-2"/>
          <c:w val="0.21825721784776975"/>
          <c:h val="0.14133773061944596"/>
        </c:manualLayout>
      </c:layout>
      <c:overlay val="0"/>
    </c:legend>
    <c:plotVisOnly val="1"/>
    <c:dispBlanksAs val="gap"/>
    <c:showDLblsOverMax val="0"/>
  </c:chart>
  <c:txPr>
    <a:bodyPr/>
    <a:lstStyle/>
    <a:p>
      <a:pPr>
        <a:defRPr sz="1800"/>
      </a:pPr>
      <a:endParaRPr lang="en-US"/>
    </a:p>
  </c:txPr>
  <c:externalData r:id="rId1">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3886442998972953"/>
          <c:y val="5.0891102011357416E-2"/>
          <c:w val="0.85265457035261893"/>
          <c:h val="0.76146914799240151"/>
        </c:manualLayout>
      </c:layout>
      <c:barChart>
        <c:barDir val="col"/>
        <c:grouping val="stacked"/>
        <c:varyColors val="0"/>
        <c:ser>
          <c:idx val="1"/>
          <c:order val="0"/>
          <c:tx>
            <c:strRef>
              <c:f>Sheet1!$A$3</c:f>
              <c:strCache>
                <c:ptCount val="1"/>
                <c:pt idx="0">
                  <c:v>South Delta Total</c:v>
                </c:pt>
              </c:strCache>
            </c:strRef>
          </c:tx>
          <c:spPr>
            <a:gradFill>
              <a:gsLst>
                <a:gs pos="833">
                  <a:srgbClr val="002148"/>
                </a:gs>
                <a:gs pos="44000">
                  <a:srgbClr val="0070C0"/>
                </a:gs>
                <a:gs pos="100000">
                  <a:srgbClr val="002148"/>
                </a:gs>
              </a:gsLst>
              <a:lin ang="0" scaled="1"/>
            </a:gradFill>
          </c:spPr>
          <c:invertIfNegative val="0"/>
          <c:dLbls>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3:$I$3</c:f>
              <c:numCache>
                <c:formatCode>0.00</c:formatCode>
                <c:ptCount val="8"/>
                <c:pt idx="0">
                  <c:v>5.9</c:v>
                </c:pt>
                <c:pt idx="1">
                  <c:v>4.7278974685688002</c:v>
                </c:pt>
                <c:pt idx="2">
                  <c:v>1.9226618373715381</c:v>
                </c:pt>
                <c:pt idx="3">
                  <c:v>1.8625133009175681</c:v>
                </c:pt>
                <c:pt idx="4">
                  <c:v>1.7479882584711273</c:v>
                </c:pt>
                <c:pt idx="5">
                  <c:v>1.5552036665622595</c:v>
                </c:pt>
                <c:pt idx="6">
                  <c:v>1.3577011335535707</c:v>
                </c:pt>
                <c:pt idx="7">
                  <c:v>1.24471108968366</c:v>
                </c:pt>
              </c:numCache>
            </c:numRef>
          </c:val>
        </c:ser>
        <c:ser>
          <c:idx val="0"/>
          <c:order val="1"/>
          <c:tx>
            <c:strRef>
              <c:f>Sheet1!$A$2</c:f>
              <c:strCache>
                <c:ptCount val="1"/>
                <c:pt idx="0">
                  <c:v>North Delta Total</c:v>
                </c:pt>
              </c:strCache>
            </c:strRef>
          </c:tx>
          <c:spPr>
            <a:gradFill>
              <a:gsLst>
                <a:gs pos="0">
                  <a:srgbClr val="663300"/>
                </a:gs>
                <a:gs pos="50000">
                  <a:srgbClr val="AC5600"/>
                </a:gs>
                <a:gs pos="100000">
                  <a:srgbClr val="663300"/>
                </a:gs>
              </a:gsLst>
              <a:lin ang="0" scaled="1"/>
            </a:gradFill>
          </c:spPr>
          <c:invertIfNegative val="0"/>
          <c:dLbls>
            <c:dLbl>
              <c:idx val="0"/>
              <c:delete val="1"/>
            </c:dLbl>
            <c:dLbl>
              <c:idx val="1"/>
              <c:delete val="1"/>
            </c:dLbl>
            <c:dLbl>
              <c:idx val="2"/>
              <c:delete val="1"/>
            </c:dLbl>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2:$I$2</c:f>
              <c:numCache>
                <c:formatCode>0.00</c:formatCode>
                <c:ptCount val="8"/>
                <c:pt idx="0">
                  <c:v>0</c:v>
                </c:pt>
                <c:pt idx="1">
                  <c:v>0</c:v>
                </c:pt>
                <c:pt idx="2">
                  <c:v>0</c:v>
                </c:pt>
                <c:pt idx="3">
                  <c:v>1.6424079659067803</c:v>
                </c:pt>
                <c:pt idx="4">
                  <c:v>2.7265899850272262</c:v>
                </c:pt>
                <c:pt idx="5">
                  <c:v>3.3260544227343436</c:v>
                </c:pt>
                <c:pt idx="6">
                  <c:v>3.6713547895534036</c:v>
                </c:pt>
                <c:pt idx="7">
                  <c:v>3.8252229459391267</c:v>
                </c:pt>
              </c:numCache>
            </c:numRef>
          </c:val>
        </c:ser>
        <c:dLbls>
          <c:showLegendKey val="0"/>
          <c:showVal val="0"/>
          <c:showCatName val="0"/>
          <c:showSerName val="0"/>
          <c:showPercent val="0"/>
          <c:showBubbleSize val="0"/>
        </c:dLbls>
        <c:gapWidth val="90"/>
        <c:overlap val="100"/>
        <c:axId val="379346944"/>
        <c:axId val="379348480"/>
      </c:barChart>
      <c:catAx>
        <c:axId val="379346944"/>
        <c:scaling>
          <c:orientation val="minMax"/>
        </c:scaling>
        <c:delete val="0"/>
        <c:axPos val="b"/>
        <c:majorTickMark val="out"/>
        <c:minorTickMark val="none"/>
        <c:tickLblPos val="nextTo"/>
        <c:txPr>
          <a:bodyPr rot="0"/>
          <a:lstStyle/>
          <a:p>
            <a:pPr>
              <a:defRPr sz="1600" b="1"/>
            </a:pPr>
            <a:endParaRPr lang="en-US"/>
          </a:p>
        </c:txPr>
        <c:crossAx val="379348480"/>
        <c:crosses val="autoZero"/>
        <c:auto val="1"/>
        <c:lblAlgn val="ctr"/>
        <c:lblOffset val="100"/>
        <c:noMultiLvlLbl val="0"/>
      </c:catAx>
      <c:valAx>
        <c:axId val="379348480"/>
        <c:scaling>
          <c:orientation val="minMax"/>
        </c:scaling>
        <c:delete val="0"/>
        <c:axPos val="l"/>
        <c:majorGridlines>
          <c:spPr>
            <a:ln>
              <a:solidFill>
                <a:srgbClr val="002060"/>
              </a:solidFill>
            </a:ln>
          </c:spPr>
        </c:majorGridlines>
        <c:title>
          <c:tx>
            <c:rich>
              <a:bodyPr rot="-5400000" vert="horz"/>
              <a:lstStyle/>
              <a:p>
                <a:pPr>
                  <a:defRPr>
                    <a:solidFill>
                      <a:srgbClr val="FFC000"/>
                    </a:solidFill>
                  </a:defRPr>
                </a:pPr>
                <a:r>
                  <a:rPr lang="en-US" sz="1800" b="1" i="0" baseline="0" dirty="0" smtClean="0">
                    <a:solidFill>
                      <a:srgbClr val="FFC000"/>
                    </a:solidFill>
                  </a:rPr>
                  <a:t>Avg. SWP-CVP Exports (million AF)</a:t>
                </a:r>
                <a:endParaRPr lang="en-US" sz="1800" b="1" i="0" baseline="0" dirty="0">
                  <a:solidFill>
                    <a:srgbClr val="FFC000"/>
                  </a:solidFill>
                </a:endParaRPr>
              </a:p>
            </c:rich>
          </c:tx>
          <c:layout/>
          <c:overlay val="0"/>
        </c:title>
        <c:numFmt formatCode="0" sourceLinked="0"/>
        <c:majorTickMark val="out"/>
        <c:minorTickMark val="none"/>
        <c:tickLblPos val="nextTo"/>
        <c:crossAx val="379346944"/>
        <c:crosses val="autoZero"/>
        <c:crossBetween val="between"/>
      </c:valAx>
    </c:plotArea>
    <c:legend>
      <c:legendPos val="r"/>
      <c:layout>
        <c:manualLayout>
          <c:xMode val="edge"/>
          <c:yMode val="edge"/>
          <c:x val="0.26055722925938607"/>
          <c:y val="4.7408691991158929E-2"/>
          <c:w val="0.21825721784776986"/>
          <c:h val="0.14133773061944596"/>
        </c:manualLayout>
      </c:layout>
      <c:overlay val="0"/>
    </c:legend>
    <c:plotVisOnly val="1"/>
    <c:dispBlanksAs val="gap"/>
    <c:showDLblsOverMax val="0"/>
  </c:chart>
  <c:txPr>
    <a:bodyPr/>
    <a:lstStyle/>
    <a:p>
      <a:pPr>
        <a:defRPr sz="1800"/>
      </a:pPr>
      <a:endParaRPr lang="en-US"/>
    </a:p>
  </c:txPr>
  <c:externalData r:id="rId1">
    <c:autoUpdate val="0"/>
  </c:externalData>
</c:chartSpace>
</file>

<file path=ppt/charts/chart3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3886442998972953"/>
          <c:y val="5.0891102011357416E-2"/>
          <c:w val="0.85265457035261893"/>
          <c:h val="0.76146914799240151"/>
        </c:manualLayout>
      </c:layout>
      <c:barChart>
        <c:barDir val="col"/>
        <c:grouping val="stacked"/>
        <c:varyColors val="0"/>
        <c:ser>
          <c:idx val="1"/>
          <c:order val="0"/>
          <c:tx>
            <c:strRef>
              <c:f>Sheet1!$A$3</c:f>
              <c:strCache>
                <c:ptCount val="1"/>
                <c:pt idx="0">
                  <c:v>South Delta Total</c:v>
                </c:pt>
              </c:strCache>
            </c:strRef>
          </c:tx>
          <c:spPr>
            <a:gradFill>
              <a:gsLst>
                <a:gs pos="833">
                  <a:srgbClr val="002148"/>
                </a:gs>
                <a:gs pos="44000">
                  <a:srgbClr val="0070C0"/>
                </a:gs>
                <a:gs pos="100000">
                  <a:srgbClr val="002148"/>
                </a:gs>
              </a:gsLst>
              <a:lin ang="0" scaled="1"/>
            </a:gradFill>
          </c:spPr>
          <c:invertIfNegative val="0"/>
          <c:dLbls>
            <c:dLbl>
              <c:idx val="2"/>
              <c:delete val="1"/>
            </c:dLbl>
            <c:dLbl>
              <c:idx val="3"/>
              <c:delete val="1"/>
            </c:dLbl>
            <c:dLbl>
              <c:idx val="4"/>
              <c:delete val="1"/>
            </c:dLbl>
            <c:dLbl>
              <c:idx val="5"/>
              <c:delete val="1"/>
            </c:dLbl>
            <c:dLbl>
              <c:idx val="6"/>
              <c:delete val="1"/>
            </c:dLbl>
            <c:dLbl>
              <c:idx val="7"/>
              <c:delete val="1"/>
            </c:dLbl>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3:$I$3</c:f>
              <c:numCache>
                <c:formatCode>0.00</c:formatCode>
                <c:ptCount val="8"/>
                <c:pt idx="0">
                  <c:v>5.9</c:v>
                </c:pt>
                <c:pt idx="1">
                  <c:v>4.7278974685688002</c:v>
                </c:pt>
                <c:pt idx="2">
                  <c:v>0</c:v>
                </c:pt>
                <c:pt idx="3">
                  <c:v>0</c:v>
                </c:pt>
                <c:pt idx="4">
                  <c:v>0</c:v>
                </c:pt>
                <c:pt idx="5">
                  <c:v>0</c:v>
                </c:pt>
                <c:pt idx="6">
                  <c:v>0</c:v>
                </c:pt>
                <c:pt idx="7">
                  <c:v>0</c:v>
                </c:pt>
              </c:numCache>
            </c:numRef>
          </c:val>
        </c:ser>
        <c:ser>
          <c:idx val="0"/>
          <c:order val="1"/>
          <c:tx>
            <c:strRef>
              <c:f>Sheet1!$A$2</c:f>
              <c:strCache>
                <c:ptCount val="1"/>
                <c:pt idx="0">
                  <c:v>North Delta Total</c:v>
                </c:pt>
              </c:strCache>
            </c:strRef>
          </c:tx>
          <c:spPr>
            <a:gradFill>
              <a:gsLst>
                <a:gs pos="0">
                  <a:srgbClr val="663300"/>
                </a:gs>
                <a:gs pos="50000">
                  <a:srgbClr val="AC5600"/>
                </a:gs>
                <a:gs pos="100000">
                  <a:srgbClr val="663300"/>
                </a:gs>
              </a:gsLst>
              <a:lin ang="0" scaled="1"/>
            </a:gradFill>
          </c:spPr>
          <c:invertIfNegative val="0"/>
          <c:dLbls>
            <c:dLbl>
              <c:idx val="0"/>
              <c:delete val="1"/>
            </c:dLbl>
            <c:dLbl>
              <c:idx val="1"/>
              <c:delete val="1"/>
            </c:dLbl>
            <c:dLbl>
              <c:idx val="2"/>
              <c:layout>
                <c:manualLayout>
                  <c:x val="-1.4492753623188406E-3"/>
                  <c:y val="-2.8007638446849142E-2"/>
                </c:manualLayout>
              </c:layout>
              <c:showLegendKey val="0"/>
              <c:showVal val="1"/>
              <c:showCatName val="0"/>
              <c:showSerName val="0"/>
              <c:showPercent val="0"/>
              <c:showBubbleSize val="0"/>
            </c:dLbl>
            <c:numFmt formatCode="#,##0.0" sourceLinked="0"/>
            <c:showLegendKey val="0"/>
            <c:showVal val="1"/>
            <c:showCatName val="0"/>
            <c:showSerName val="0"/>
            <c:showPercent val="0"/>
            <c:showBubbleSize val="0"/>
            <c:showLeaderLines val="0"/>
          </c:dLbls>
          <c:cat>
            <c:strRef>
              <c:f>Sheet1!$B$1:$I$1</c:f>
              <c:strCache>
                <c:ptCount val="8"/>
                <c:pt idx="0">
                  <c:v>Pre-Court 
(D-1641)</c:v>
                </c:pt>
                <c:pt idx="1">
                  <c:v>Existing 
(BiOp-NAA)</c:v>
                </c:pt>
                <c:pt idx="2">
                  <c:v>0 cfs</c:v>
                </c:pt>
                <c:pt idx="3">
                  <c:v>3,000 cfs</c:v>
                </c:pt>
                <c:pt idx="4">
                  <c:v>6,000 cfs</c:v>
                </c:pt>
                <c:pt idx="5">
                  <c:v>9,000 cfs</c:v>
                </c:pt>
                <c:pt idx="6">
                  <c:v>12,000 cfs</c:v>
                </c:pt>
                <c:pt idx="7">
                  <c:v>15,000 cfs</c:v>
                </c:pt>
              </c:strCache>
            </c:strRef>
          </c:cat>
          <c:val>
            <c:numRef>
              <c:f>Sheet1!$B$2:$I$2</c:f>
              <c:numCache>
                <c:formatCode>0.00</c:formatCode>
                <c:ptCount val="8"/>
                <c:pt idx="0">
                  <c:v>0</c:v>
                </c:pt>
                <c:pt idx="1">
                  <c:v>0</c:v>
                </c:pt>
                <c:pt idx="2">
                  <c:v>0</c:v>
                </c:pt>
                <c:pt idx="3">
                  <c:v>1.618307491214632</c:v>
                </c:pt>
                <c:pt idx="4">
                  <c:v>2.8842575070424812</c:v>
                </c:pt>
                <c:pt idx="5">
                  <c:v>3.7880117286346584</c:v>
                </c:pt>
                <c:pt idx="6">
                  <c:v>4.2995749843301709</c:v>
                </c:pt>
                <c:pt idx="7">
                  <c:v>4.476740990980816</c:v>
                </c:pt>
              </c:numCache>
            </c:numRef>
          </c:val>
        </c:ser>
        <c:dLbls>
          <c:showLegendKey val="0"/>
          <c:showVal val="0"/>
          <c:showCatName val="0"/>
          <c:showSerName val="0"/>
          <c:showPercent val="0"/>
          <c:showBubbleSize val="0"/>
        </c:dLbls>
        <c:gapWidth val="90"/>
        <c:overlap val="100"/>
        <c:axId val="378777600"/>
        <c:axId val="378779136"/>
      </c:barChart>
      <c:catAx>
        <c:axId val="378777600"/>
        <c:scaling>
          <c:orientation val="minMax"/>
        </c:scaling>
        <c:delete val="0"/>
        <c:axPos val="b"/>
        <c:majorTickMark val="out"/>
        <c:minorTickMark val="none"/>
        <c:tickLblPos val="nextTo"/>
        <c:txPr>
          <a:bodyPr rot="0"/>
          <a:lstStyle/>
          <a:p>
            <a:pPr>
              <a:defRPr sz="1600" b="1"/>
            </a:pPr>
            <a:endParaRPr lang="en-US"/>
          </a:p>
        </c:txPr>
        <c:crossAx val="378779136"/>
        <c:crosses val="autoZero"/>
        <c:auto val="1"/>
        <c:lblAlgn val="ctr"/>
        <c:lblOffset val="100"/>
        <c:noMultiLvlLbl val="0"/>
      </c:catAx>
      <c:valAx>
        <c:axId val="378779136"/>
        <c:scaling>
          <c:orientation val="minMax"/>
        </c:scaling>
        <c:delete val="0"/>
        <c:axPos val="l"/>
        <c:majorGridlines>
          <c:spPr>
            <a:ln>
              <a:solidFill>
                <a:srgbClr val="002060"/>
              </a:solidFill>
            </a:ln>
          </c:spPr>
        </c:majorGridlines>
        <c:title>
          <c:tx>
            <c:rich>
              <a:bodyPr rot="-5400000" vert="horz"/>
              <a:lstStyle/>
              <a:p>
                <a:pPr>
                  <a:defRPr>
                    <a:solidFill>
                      <a:srgbClr val="FFC000"/>
                    </a:solidFill>
                  </a:defRPr>
                </a:pPr>
                <a:r>
                  <a:rPr lang="en-US" sz="1800" b="1" i="0" baseline="0" dirty="0" smtClean="0">
                    <a:solidFill>
                      <a:srgbClr val="FFC000"/>
                    </a:solidFill>
                  </a:rPr>
                  <a:t>Avg. SWP-CVP Exports (million AF)</a:t>
                </a:r>
                <a:endParaRPr lang="en-US" sz="1800" b="1" i="0" baseline="0" dirty="0">
                  <a:solidFill>
                    <a:srgbClr val="FFC000"/>
                  </a:solidFill>
                </a:endParaRPr>
              </a:p>
            </c:rich>
          </c:tx>
          <c:layout/>
          <c:overlay val="0"/>
        </c:title>
        <c:numFmt formatCode="0" sourceLinked="0"/>
        <c:majorTickMark val="out"/>
        <c:minorTickMark val="none"/>
        <c:tickLblPos val="nextTo"/>
        <c:crossAx val="378777600"/>
        <c:crosses val="autoZero"/>
        <c:crossBetween val="between"/>
      </c:valAx>
    </c:plotArea>
    <c:legend>
      <c:legendPos val="r"/>
      <c:layout>
        <c:manualLayout>
          <c:xMode val="edge"/>
          <c:yMode val="edge"/>
          <c:x val="0.26055722925938607"/>
          <c:y val="4.7408691991158956E-2"/>
          <c:w val="0.21825721784776994"/>
          <c:h val="0.14133773061944596"/>
        </c:manualLayout>
      </c:layout>
      <c:overlay val="0"/>
    </c:legend>
    <c:plotVisOnly val="1"/>
    <c:dispBlanksAs val="gap"/>
    <c:showDLblsOverMax val="0"/>
  </c:chart>
  <c:txPr>
    <a:bodyPr/>
    <a:lstStyle/>
    <a:p>
      <a:pPr>
        <a:defRPr sz="1800"/>
      </a:pPr>
      <a:endParaRPr lang="en-US"/>
    </a:p>
  </c:txPr>
  <c:externalData r:id="rId1">
    <c:autoUpdate val="0"/>
  </c:externalData>
</c:chartSpace>
</file>

<file path=ppt/charts/chart3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634387974230494"/>
          <c:y val="4.3681640204810461E-2"/>
          <c:w val="0.80039381538978305"/>
          <c:h val="0.72832886943343578"/>
        </c:manualLayout>
      </c:layout>
      <c:barChart>
        <c:barDir val="col"/>
        <c:grouping val="stacked"/>
        <c:varyColors val="0"/>
        <c:ser>
          <c:idx val="0"/>
          <c:order val="0"/>
          <c:tx>
            <c:strRef>
              <c:f>Sheet1!$B$1</c:f>
              <c:strCache>
                <c:ptCount val="1"/>
                <c:pt idx="0">
                  <c:v>Thru-Delta</c:v>
                </c:pt>
              </c:strCache>
            </c:strRef>
          </c:tx>
          <c:spPr>
            <a:gradFill flip="none" rotWithShape="1">
              <a:gsLst>
                <a:gs pos="0">
                  <a:srgbClr val="8E0000">
                    <a:shade val="30000"/>
                    <a:satMod val="115000"/>
                  </a:srgbClr>
                </a:gs>
                <a:gs pos="50000">
                  <a:srgbClr val="8E0000">
                    <a:shade val="67500"/>
                    <a:satMod val="115000"/>
                  </a:srgbClr>
                </a:gs>
                <a:gs pos="100000">
                  <a:srgbClr val="8E0000">
                    <a:shade val="100000"/>
                    <a:satMod val="115000"/>
                  </a:srgbClr>
                </a:gs>
              </a:gsLst>
              <a:lin ang="0" scaled="1"/>
              <a:tileRect/>
            </a:gradFill>
          </c:spPr>
          <c:invertIfNegative val="0"/>
          <c:dPt>
            <c:idx val="1"/>
            <c:invertIfNegative val="0"/>
            <c:bubble3D val="0"/>
            <c:spPr>
              <a:gradFill>
                <a:gsLst>
                  <a:gs pos="0">
                    <a:srgbClr val="8E0000">
                      <a:shade val="30000"/>
                      <a:satMod val="115000"/>
                    </a:srgbClr>
                  </a:gs>
                  <a:gs pos="50000">
                    <a:srgbClr val="8E0000">
                      <a:shade val="67500"/>
                      <a:satMod val="115000"/>
                    </a:srgbClr>
                  </a:gs>
                  <a:gs pos="100000">
                    <a:srgbClr val="8E0000">
                      <a:shade val="100000"/>
                      <a:satMod val="115000"/>
                    </a:srgbClr>
                  </a:gs>
                </a:gsLst>
                <a:lin ang="0" scaled="1"/>
              </a:gradFill>
              <a:ln w="38100">
                <a:solidFill>
                  <a:srgbClr val="C00000"/>
                </a:solidFill>
                <a:prstDash val="sysDash"/>
              </a:ln>
            </c:spPr>
          </c:dPt>
          <c:dLbls>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Existing 
(Bio Op)</c:v>
                </c:pt>
                <c:pt idx="2">
                  <c:v>3,000 cfs</c:v>
                </c:pt>
                <c:pt idx="3">
                  <c:v>6,000 cfs</c:v>
                </c:pt>
                <c:pt idx="4">
                  <c:v>9,000 cfs</c:v>
                </c:pt>
                <c:pt idx="5">
                  <c:v>12,000 cfs</c:v>
                </c:pt>
                <c:pt idx="6">
                  <c:v>15,000 cfs</c:v>
                </c:pt>
              </c:strCache>
            </c:strRef>
          </c:cat>
          <c:val>
            <c:numRef>
              <c:f>Sheet1!$B$2:$B$8</c:f>
              <c:numCache>
                <c:formatCode>General</c:formatCode>
                <c:ptCount val="7"/>
                <c:pt idx="0">
                  <c:v>6.0460000000000003</c:v>
                </c:pt>
                <c:pt idx="1">
                  <c:v>4.7</c:v>
                </c:pt>
                <c:pt idx="2">
                  <c:v>4.3630000000000004</c:v>
                </c:pt>
                <c:pt idx="3">
                  <c:v>3.7469999999999999</c:v>
                </c:pt>
                <c:pt idx="4">
                  <c:v>3.331</c:v>
                </c:pt>
                <c:pt idx="5">
                  <c:v>3.0830000000000002</c:v>
                </c:pt>
                <c:pt idx="6">
                  <c:v>2.9849999999999999</c:v>
                </c:pt>
              </c:numCache>
            </c:numRef>
          </c:val>
        </c:ser>
        <c:ser>
          <c:idx val="1"/>
          <c:order val="1"/>
          <c:tx>
            <c:strRef>
              <c:f>Sheet1!$C$1</c:f>
              <c:strCache>
                <c:ptCount val="1"/>
                <c:pt idx="0">
                  <c:v>Isolated Facility</c:v>
                </c:pt>
              </c:strCache>
            </c:strRef>
          </c:tx>
          <c:spPr>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c:spPr>
          <c:invertIfNegative val="0"/>
          <c:dLbls>
            <c:dLbl>
              <c:idx val="0"/>
              <c:delete val="1"/>
            </c:dLbl>
            <c:dLbl>
              <c:idx val="1"/>
              <c:delete val="1"/>
            </c:dLbl>
            <c:dLbl>
              <c:idx val="5"/>
              <c:layout>
                <c:manualLayout>
                  <c:x val="0"/>
                  <c:y val="-2.1454450306199867E-2"/>
                </c:manualLayout>
              </c:layout>
              <c:showLegendKey val="0"/>
              <c:showVal val="1"/>
              <c:showCatName val="0"/>
              <c:showSerName val="0"/>
              <c:showPercent val="0"/>
              <c:showBubbleSize val="0"/>
            </c:dLbl>
            <c:dLbl>
              <c:idx val="6"/>
              <c:layout>
                <c:manualLayout>
                  <c:x val="0"/>
                  <c:y val="-2.6222105929799892E-2"/>
                </c:manualLayout>
              </c:layout>
              <c:showLegendKey val="0"/>
              <c:showVal val="1"/>
              <c:showCatName val="0"/>
              <c:showSerName val="0"/>
              <c:showPercent val="0"/>
              <c:showBubbleSize val="0"/>
            </c:dLbl>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Existing 
(Bio Op)</c:v>
                </c:pt>
                <c:pt idx="2">
                  <c:v>3,000 cfs</c:v>
                </c:pt>
                <c:pt idx="3">
                  <c:v>6,000 cfs</c:v>
                </c:pt>
                <c:pt idx="4">
                  <c:v>9,000 cfs</c:v>
                </c:pt>
                <c:pt idx="5">
                  <c:v>12,000 cfs</c:v>
                </c:pt>
                <c:pt idx="6">
                  <c:v>15,000 cfs</c:v>
                </c:pt>
              </c:strCache>
            </c:strRef>
          </c:cat>
          <c:val>
            <c:numRef>
              <c:f>Sheet1!$C$2:$C$8</c:f>
              <c:numCache>
                <c:formatCode>General</c:formatCode>
                <c:ptCount val="7"/>
                <c:pt idx="0">
                  <c:v>0</c:v>
                </c:pt>
                <c:pt idx="1">
                  <c:v>0</c:v>
                </c:pt>
                <c:pt idx="2">
                  <c:v>1.327</c:v>
                </c:pt>
                <c:pt idx="3">
                  <c:v>2.09</c:v>
                </c:pt>
                <c:pt idx="4">
                  <c:v>2.5680000000000001</c:v>
                </c:pt>
                <c:pt idx="5">
                  <c:v>2.82</c:v>
                </c:pt>
                <c:pt idx="6">
                  <c:v>2.9279999999999999</c:v>
                </c:pt>
              </c:numCache>
            </c:numRef>
          </c:val>
        </c:ser>
        <c:dLbls>
          <c:showLegendKey val="0"/>
          <c:showVal val="0"/>
          <c:showCatName val="0"/>
          <c:showSerName val="0"/>
          <c:showPercent val="0"/>
          <c:showBubbleSize val="0"/>
        </c:dLbls>
        <c:gapWidth val="80"/>
        <c:overlap val="100"/>
        <c:axId val="378951936"/>
        <c:axId val="378957824"/>
      </c:barChart>
      <c:catAx>
        <c:axId val="378951936"/>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378957824"/>
        <c:crosses val="autoZero"/>
        <c:auto val="1"/>
        <c:lblAlgn val="ctr"/>
        <c:lblOffset val="100"/>
        <c:noMultiLvlLbl val="0"/>
      </c:catAx>
      <c:valAx>
        <c:axId val="378957824"/>
        <c:scaling>
          <c:orientation val="minMax"/>
        </c:scaling>
        <c:delete val="0"/>
        <c:axPos val="l"/>
        <c:majorGridlines>
          <c:spPr>
            <a:ln>
              <a:solidFill>
                <a:schemeClr val="accent1">
                  <a:lumMod val="75000"/>
                </a:schemeClr>
              </a:solidFill>
            </a:ln>
          </c:spPr>
        </c:majorGridlines>
        <c:title>
          <c:tx>
            <c:rich>
              <a:bodyPr rot="-5400000" vert="horz"/>
              <a:lstStyle/>
              <a:p>
                <a:pPr>
                  <a:defRPr sz="2400"/>
                </a:pPr>
                <a:r>
                  <a:rPr lang="en-US" sz="2400" dirty="0" smtClean="0">
                    <a:solidFill>
                      <a:srgbClr val="FFC000"/>
                    </a:solidFill>
                  </a:rPr>
                  <a:t>Ave SWP-CVP Exports (AF)</a:t>
                </a:r>
                <a:endParaRPr lang="en-US" sz="2400" dirty="0">
                  <a:solidFill>
                    <a:srgbClr val="FFC000"/>
                  </a:solidFill>
                </a:endParaRPr>
              </a:p>
            </c:rich>
          </c:tx>
          <c:layout>
            <c:manualLayout>
              <c:xMode val="edge"/>
              <c:yMode val="edge"/>
              <c:x val="4.3323650117908534E-3"/>
              <c:y val="4.0855199395565325E-2"/>
            </c:manualLayout>
          </c:layout>
          <c:overlay val="0"/>
        </c:title>
        <c:numFmt formatCode="#,##0&quot; M&quot;" sourceLinked="0"/>
        <c:majorTickMark val="out"/>
        <c:minorTickMark val="none"/>
        <c:tickLblPos val="nextTo"/>
        <c:txPr>
          <a:bodyPr/>
          <a:lstStyle/>
          <a:p>
            <a:pPr>
              <a:defRPr sz="2200"/>
            </a:pPr>
            <a:endParaRPr lang="en-US"/>
          </a:p>
        </c:txPr>
        <c:crossAx val="378951936"/>
        <c:crosses val="autoZero"/>
        <c:crossBetween val="between"/>
      </c:valAx>
    </c:plotArea>
    <c:legend>
      <c:legendPos val="r"/>
      <c:legendEntry>
        <c:idx val="0"/>
        <c:delete val="1"/>
      </c:legendEntry>
      <c:legendEntry>
        <c:idx val="1"/>
        <c:delete val="1"/>
      </c:legendEntry>
      <c:layout>
        <c:manualLayout>
          <c:xMode val="edge"/>
          <c:yMode val="edge"/>
          <c:x val="0.16314769744691004"/>
          <c:y val="3.6996256827227304E-4"/>
          <c:w val="0.52587878787878783"/>
          <c:h val="0.14755776429585638"/>
        </c:manualLayout>
      </c:layout>
      <c:overlay val="0"/>
      <c:txPr>
        <a:bodyPr/>
        <a:lstStyle/>
        <a:p>
          <a:pPr>
            <a:defRPr sz="16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3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634387974230494"/>
          <c:y val="4.3681640204810461E-2"/>
          <c:w val="0.80039381538978305"/>
          <c:h val="0.72832886943343578"/>
        </c:manualLayout>
      </c:layout>
      <c:barChart>
        <c:barDir val="col"/>
        <c:grouping val="stacked"/>
        <c:varyColors val="0"/>
        <c:ser>
          <c:idx val="0"/>
          <c:order val="0"/>
          <c:tx>
            <c:strRef>
              <c:f>Sheet1!$B$1</c:f>
              <c:strCache>
                <c:ptCount val="1"/>
                <c:pt idx="0">
                  <c:v>Thru-Delta</c:v>
                </c:pt>
              </c:strCache>
            </c:strRef>
          </c:tx>
          <c:spPr>
            <a:gradFill flip="none" rotWithShape="1">
              <a:gsLst>
                <a:gs pos="0">
                  <a:srgbClr val="8E0000">
                    <a:shade val="30000"/>
                    <a:satMod val="115000"/>
                  </a:srgbClr>
                </a:gs>
                <a:gs pos="50000">
                  <a:srgbClr val="8E0000">
                    <a:shade val="67500"/>
                    <a:satMod val="115000"/>
                  </a:srgbClr>
                </a:gs>
                <a:gs pos="100000">
                  <a:srgbClr val="8E0000">
                    <a:shade val="100000"/>
                    <a:satMod val="115000"/>
                  </a:srgbClr>
                </a:gs>
              </a:gsLst>
              <a:lin ang="0" scaled="1"/>
              <a:tileRect/>
            </a:gradFill>
          </c:spPr>
          <c:invertIfNegative val="0"/>
          <c:dPt>
            <c:idx val="1"/>
            <c:invertIfNegative val="0"/>
            <c:bubble3D val="0"/>
            <c:spPr>
              <a:gradFill>
                <a:gsLst>
                  <a:gs pos="0">
                    <a:srgbClr val="8E0000">
                      <a:shade val="30000"/>
                      <a:satMod val="115000"/>
                    </a:srgbClr>
                  </a:gs>
                  <a:gs pos="50000">
                    <a:srgbClr val="8E0000">
                      <a:shade val="67500"/>
                      <a:satMod val="115000"/>
                    </a:srgbClr>
                  </a:gs>
                  <a:gs pos="100000">
                    <a:srgbClr val="8E0000">
                      <a:shade val="100000"/>
                      <a:satMod val="115000"/>
                    </a:srgbClr>
                  </a:gs>
                </a:gsLst>
                <a:lin ang="0" scaled="1"/>
              </a:gradFill>
              <a:ln w="38100">
                <a:solidFill>
                  <a:srgbClr val="C00000"/>
                </a:solidFill>
                <a:prstDash val="sysDash"/>
              </a:ln>
            </c:spPr>
          </c:dPt>
          <c:dLbls>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No Fix 
(Bio Op)</c:v>
                </c:pt>
                <c:pt idx="2">
                  <c:v>3,000 cfs</c:v>
                </c:pt>
                <c:pt idx="3">
                  <c:v>6,000 cfs</c:v>
                </c:pt>
                <c:pt idx="4">
                  <c:v>9,000 cfs</c:v>
                </c:pt>
                <c:pt idx="5">
                  <c:v>12,000 cfs</c:v>
                </c:pt>
                <c:pt idx="6">
                  <c:v>15,000 cfs</c:v>
                </c:pt>
              </c:strCache>
            </c:strRef>
          </c:cat>
          <c:val>
            <c:numRef>
              <c:f>Sheet1!$B$2:$B$8</c:f>
              <c:numCache>
                <c:formatCode>General</c:formatCode>
                <c:ptCount val="7"/>
                <c:pt idx="0">
                  <c:v>6.0460000000000003</c:v>
                </c:pt>
                <c:pt idx="1">
                  <c:v>3</c:v>
                </c:pt>
                <c:pt idx="2">
                  <c:v>1.897</c:v>
                </c:pt>
                <c:pt idx="3">
                  <c:v>1.7869999999999999</c:v>
                </c:pt>
                <c:pt idx="4">
                  <c:v>1.595</c:v>
                </c:pt>
                <c:pt idx="5">
                  <c:v>1.391</c:v>
                </c:pt>
                <c:pt idx="6">
                  <c:v>1.28</c:v>
                </c:pt>
              </c:numCache>
            </c:numRef>
          </c:val>
        </c:ser>
        <c:ser>
          <c:idx val="1"/>
          <c:order val="1"/>
          <c:tx>
            <c:strRef>
              <c:f>Sheet1!$C$1</c:f>
              <c:strCache>
                <c:ptCount val="1"/>
                <c:pt idx="0">
                  <c:v>Isolated Facility</c:v>
                </c:pt>
              </c:strCache>
            </c:strRef>
          </c:tx>
          <c:spPr>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c:spPr>
          <c:invertIfNegative val="0"/>
          <c:dPt>
            <c:idx val="1"/>
            <c:invertIfNegative val="0"/>
            <c:bubble3D val="0"/>
            <c:spPr>
              <a:noFill/>
              <a:ln w="38100">
                <a:solidFill>
                  <a:srgbClr val="C00000"/>
                </a:solidFill>
                <a:prstDash val="sysDash"/>
              </a:ln>
            </c:spPr>
          </c:dPt>
          <c:dLbls>
            <c:dLbl>
              <c:idx val="0"/>
              <c:delete val="1"/>
            </c:dLbl>
            <c:dLbl>
              <c:idx val="1"/>
              <c:delete val="1"/>
            </c:dLbl>
            <c:dLbl>
              <c:idx val="5"/>
              <c:layout>
                <c:manualLayout>
                  <c:x val="0"/>
                  <c:y val="-2.1454450306199867E-2"/>
                </c:manualLayout>
              </c:layout>
              <c:showLegendKey val="0"/>
              <c:showVal val="1"/>
              <c:showCatName val="0"/>
              <c:showSerName val="0"/>
              <c:showPercent val="0"/>
              <c:showBubbleSize val="0"/>
            </c:dLbl>
            <c:dLbl>
              <c:idx val="6"/>
              <c:layout>
                <c:manualLayout>
                  <c:x val="0"/>
                  <c:y val="-2.6222105929799892E-2"/>
                </c:manualLayout>
              </c:layout>
              <c:showLegendKey val="0"/>
              <c:showVal val="1"/>
              <c:showCatName val="0"/>
              <c:showSerName val="0"/>
              <c:showPercent val="0"/>
              <c:showBubbleSize val="0"/>
            </c:dLbl>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No Fix 
(Bio Op)</c:v>
                </c:pt>
                <c:pt idx="2">
                  <c:v>3,000 cfs</c:v>
                </c:pt>
                <c:pt idx="3">
                  <c:v>6,000 cfs</c:v>
                </c:pt>
                <c:pt idx="4">
                  <c:v>9,000 cfs</c:v>
                </c:pt>
                <c:pt idx="5">
                  <c:v>12,000 cfs</c:v>
                </c:pt>
                <c:pt idx="6">
                  <c:v>15,000 cfs</c:v>
                </c:pt>
              </c:strCache>
            </c:strRef>
          </c:cat>
          <c:val>
            <c:numRef>
              <c:f>Sheet1!$C$2:$C$8</c:f>
              <c:numCache>
                <c:formatCode>General</c:formatCode>
                <c:ptCount val="7"/>
                <c:pt idx="0">
                  <c:v>0</c:v>
                </c:pt>
                <c:pt idx="1">
                  <c:v>1.9</c:v>
                </c:pt>
                <c:pt idx="2">
                  <c:v>1.6739999999999999</c:v>
                </c:pt>
                <c:pt idx="3">
                  <c:v>2.81</c:v>
                </c:pt>
                <c:pt idx="4">
                  <c:v>3.484</c:v>
                </c:pt>
                <c:pt idx="5">
                  <c:v>3.8450000000000002</c:v>
                </c:pt>
                <c:pt idx="6">
                  <c:v>3.9950000000000001</c:v>
                </c:pt>
              </c:numCache>
            </c:numRef>
          </c:val>
        </c:ser>
        <c:dLbls>
          <c:showLegendKey val="0"/>
          <c:showVal val="0"/>
          <c:showCatName val="0"/>
          <c:showSerName val="0"/>
          <c:showPercent val="0"/>
          <c:showBubbleSize val="0"/>
        </c:dLbls>
        <c:gapWidth val="80"/>
        <c:overlap val="100"/>
        <c:axId val="379419648"/>
        <c:axId val="379425536"/>
      </c:barChart>
      <c:catAx>
        <c:axId val="379419648"/>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379425536"/>
        <c:crosses val="autoZero"/>
        <c:auto val="1"/>
        <c:lblAlgn val="ctr"/>
        <c:lblOffset val="100"/>
        <c:noMultiLvlLbl val="0"/>
      </c:catAx>
      <c:valAx>
        <c:axId val="379425536"/>
        <c:scaling>
          <c:orientation val="minMax"/>
        </c:scaling>
        <c:delete val="0"/>
        <c:axPos val="l"/>
        <c:majorGridlines>
          <c:spPr>
            <a:ln>
              <a:solidFill>
                <a:schemeClr val="accent1">
                  <a:lumMod val="75000"/>
                </a:schemeClr>
              </a:solidFill>
            </a:ln>
          </c:spPr>
        </c:majorGridlines>
        <c:title>
          <c:tx>
            <c:rich>
              <a:bodyPr rot="-5400000" vert="horz"/>
              <a:lstStyle/>
              <a:p>
                <a:pPr>
                  <a:defRPr sz="2400"/>
                </a:pPr>
                <a:r>
                  <a:rPr lang="en-US" sz="2400" dirty="0" smtClean="0">
                    <a:solidFill>
                      <a:srgbClr val="FFC000"/>
                    </a:solidFill>
                  </a:rPr>
                  <a:t>Ave SWP-CVP Exports (AF)</a:t>
                </a:r>
                <a:endParaRPr lang="en-US" sz="2400" dirty="0">
                  <a:solidFill>
                    <a:srgbClr val="FFC000"/>
                  </a:solidFill>
                </a:endParaRPr>
              </a:p>
            </c:rich>
          </c:tx>
          <c:layout>
            <c:manualLayout>
              <c:xMode val="edge"/>
              <c:yMode val="edge"/>
              <c:x val="4.3323650117908534E-3"/>
              <c:y val="4.0855199395565325E-2"/>
            </c:manualLayout>
          </c:layout>
          <c:overlay val="0"/>
        </c:title>
        <c:numFmt formatCode="#,##0&quot; M&quot;" sourceLinked="0"/>
        <c:majorTickMark val="out"/>
        <c:minorTickMark val="none"/>
        <c:tickLblPos val="nextTo"/>
        <c:txPr>
          <a:bodyPr/>
          <a:lstStyle/>
          <a:p>
            <a:pPr>
              <a:defRPr sz="2200"/>
            </a:pPr>
            <a:endParaRPr lang="en-US"/>
          </a:p>
        </c:txPr>
        <c:crossAx val="379419648"/>
        <c:crosses val="autoZero"/>
        <c:crossBetween val="between"/>
      </c:valAx>
    </c:plotArea>
    <c:legend>
      <c:legendPos val="r"/>
      <c:legendEntry>
        <c:idx val="0"/>
        <c:delete val="1"/>
      </c:legendEntry>
      <c:legendEntry>
        <c:idx val="1"/>
        <c:delete val="1"/>
      </c:legendEntry>
      <c:layout>
        <c:manualLayout>
          <c:xMode val="edge"/>
          <c:yMode val="edge"/>
          <c:x val="0.16314769744691004"/>
          <c:y val="3.6996256827227304E-4"/>
          <c:w val="8.8688771431228441E-3"/>
          <c:h val="8.478998899510511E-3"/>
        </c:manualLayout>
      </c:layout>
      <c:overlay val="0"/>
      <c:txPr>
        <a:bodyPr/>
        <a:lstStyle/>
        <a:p>
          <a:pPr>
            <a:defRPr sz="16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3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634387974230494"/>
          <c:y val="4.3681640204810461E-2"/>
          <c:w val="0.80039381538978305"/>
          <c:h val="0.72832886943343578"/>
        </c:manualLayout>
      </c:layout>
      <c:barChart>
        <c:barDir val="col"/>
        <c:grouping val="stacked"/>
        <c:varyColors val="0"/>
        <c:ser>
          <c:idx val="0"/>
          <c:order val="0"/>
          <c:tx>
            <c:strRef>
              <c:f>Sheet1!$B$1</c:f>
              <c:strCache>
                <c:ptCount val="1"/>
                <c:pt idx="0">
                  <c:v>Thru-Delta</c:v>
                </c:pt>
              </c:strCache>
            </c:strRef>
          </c:tx>
          <c:spPr>
            <a:gradFill flip="none" rotWithShape="1">
              <a:gsLst>
                <a:gs pos="0">
                  <a:srgbClr val="8E0000">
                    <a:shade val="30000"/>
                    <a:satMod val="115000"/>
                  </a:srgbClr>
                </a:gs>
                <a:gs pos="50000">
                  <a:srgbClr val="8E0000">
                    <a:shade val="67500"/>
                    <a:satMod val="115000"/>
                  </a:srgbClr>
                </a:gs>
                <a:gs pos="100000">
                  <a:srgbClr val="8E0000">
                    <a:shade val="100000"/>
                    <a:satMod val="115000"/>
                  </a:srgbClr>
                </a:gs>
              </a:gsLst>
              <a:lin ang="0" scaled="1"/>
              <a:tileRect/>
            </a:gradFill>
          </c:spPr>
          <c:invertIfNegative val="0"/>
          <c:dPt>
            <c:idx val="1"/>
            <c:invertIfNegative val="0"/>
            <c:bubble3D val="0"/>
            <c:spPr>
              <a:noFill/>
              <a:ln w="38100">
                <a:solidFill>
                  <a:srgbClr val="C00000"/>
                </a:solidFill>
                <a:prstDash val="sysDash"/>
              </a:ln>
            </c:spPr>
          </c:dPt>
          <c:dLbls>
            <c:dLbl>
              <c:idx val="1"/>
              <c:layout>
                <c:manualLayout>
                  <c:x val="0"/>
                  <c:y val="0.19784330765524524"/>
                </c:manualLayout>
              </c:layout>
              <c:tx>
                <c:rich>
                  <a:bodyPr/>
                  <a:lstStyle/>
                  <a:p>
                    <a:r>
                      <a:rPr lang="en-US" dirty="0" smtClean="0"/>
                      <a:t>0.0</a:t>
                    </a:r>
                    <a:endParaRPr lang="en-US" dirty="0"/>
                  </a:p>
                </c:rich>
              </c:tx>
              <c:showLegendKey val="0"/>
              <c:showVal val="1"/>
              <c:showCatName val="0"/>
              <c:showSerName val="0"/>
              <c:showPercent val="0"/>
              <c:showBubbleSize val="0"/>
            </c:dLbl>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No Fix 
(Bio Op)</c:v>
                </c:pt>
                <c:pt idx="2">
                  <c:v>3,000 cfs</c:v>
                </c:pt>
                <c:pt idx="3">
                  <c:v>6,000 cfs</c:v>
                </c:pt>
                <c:pt idx="4">
                  <c:v>9,000 cfs</c:v>
                </c:pt>
                <c:pt idx="5">
                  <c:v>12,000 cfs</c:v>
                </c:pt>
                <c:pt idx="6">
                  <c:v>15,000 cfs</c:v>
                </c:pt>
              </c:strCache>
            </c:strRef>
          </c:cat>
          <c:val>
            <c:numRef>
              <c:f>Sheet1!$B$2:$B$8</c:f>
              <c:numCache>
                <c:formatCode>General</c:formatCode>
                <c:ptCount val="7"/>
                <c:pt idx="0">
                  <c:v>6.0460000000000003</c:v>
                </c:pt>
                <c:pt idx="1">
                  <c:v>4.9000000000000004</c:v>
                </c:pt>
              </c:numCache>
            </c:numRef>
          </c:val>
        </c:ser>
        <c:ser>
          <c:idx val="1"/>
          <c:order val="1"/>
          <c:tx>
            <c:strRef>
              <c:f>Sheet1!$C$1</c:f>
              <c:strCache>
                <c:ptCount val="1"/>
                <c:pt idx="0">
                  <c:v>Isolated Facility</c:v>
                </c:pt>
              </c:strCache>
            </c:strRef>
          </c:tx>
          <c:spPr>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c:spPr>
          <c:invertIfNegative val="0"/>
          <c:dLbls>
            <c:dLbl>
              <c:idx val="0"/>
              <c:delete val="1"/>
            </c:dLbl>
            <c:dLbl>
              <c:idx val="1"/>
              <c:delete val="1"/>
            </c:dLbl>
            <c:dLbl>
              <c:idx val="5"/>
              <c:layout>
                <c:manualLayout>
                  <c:x val="0"/>
                  <c:y val="-2.1454450306199867E-2"/>
                </c:manualLayout>
              </c:layout>
              <c:showLegendKey val="0"/>
              <c:showVal val="1"/>
              <c:showCatName val="0"/>
              <c:showSerName val="0"/>
              <c:showPercent val="0"/>
              <c:showBubbleSize val="0"/>
            </c:dLbl>
            <c:dLbl>
              <c:idx val="6"/>
              <c:layout>
                <c:manualLayout>
                  <c:x val="0"/>
                  <c:y val="-2.6222105929799892E-2"/>
                </c:manualLayout>
              </c:layout>
              <c:showLegendKey val="0"/>
              <c:showVal val="1"/>
              <c:showCatName val="0"/>
              <c:showSerName val="0"/>
              <c:showPercent val="0"/>
              <c:showBubbleSize val="0"/>
            </c:dLbl>
            <c:numFmt formatCode="#,##0.0" sourceLinked="0"/>
            <c:txPr>
              <a:bodyPr/>
              <a:lstStyle/>
              <a:p>
                <a:pPr>
                  <a:defRPr sz="2000"/>
                </a:pPr>
                <a:endParaRPr lang="en-US"/>
              </a:p>
            </c:txPr>
            <c:showLegendKey val="0"/>
            <c:showVal val="1"/>
            <c:showCatName val="0"/>
            <c:showSerName val="0"/>
            <c:showPercent val="0"/>
            <c:showBubbleSize val="0"/>
            <c:showLeaderLines val="0"/>
          </c:dLbls>
          <c:cat>
            <c:strRef>
              <c:f>Sheet1!$A$2:$A$8</c:f>
              <c:strCache>
                <c:ptCount val="7"/>
                <c:pt idx="0">
                  <c:v>Pre-Court
(D-1641)</c:v>
                </c:pt>
                <c:pt idx="1">
                  <c:v>No Fix 
(Bio Op)</c:v>
                </c:pt>
                <c:pt idx="2">
                  <c:v>3,000 cfs</c:v>
                </c:pt>
                <c:pt idx="3">
                  <c:v>6,000 cfs</c:v>
                </c:pt>
                <c:pt idx="4">
                  <c:v>9,000 cfs</c:v>
                </c:pt>
                <c:pt idx="5">
                  <c:v>12,000 cfs</c:v>
                </c:pt>
                <c:pt idx="6">
                  <c:v>15,000 cfs</c:v>
                </c:pt>
              </c:strCache>
            </c:strRef>
          </c:cat>
          <c:val>
            <c:numRef>
              <c:f>Sheet1!$C$2:$C$8</c:f>
              <c:numCache>
                <c:formatCode>General</c:formatCode>
                <c:ptCount val="7"/>
                <c:pt idx="0">
                  <c:v>0</c:v>
                </c:pt>
                <c:pt idx="1">
                  <c:v>0</c:v>
                </c:pt>
                <c:pt idx="2">
                  <c:v>1.67</c:v>
                </c:pt>
                <c:pt idx="3">
                  <c:v>2.9060000000000001</c:v>
                </c:pt>
                <c:pt idx="4">
                  <c:v>3.8090000000000002</c:v>
                </c:pt>
                <c:pt idx="5">
                  <c:v>4.3499999999999996</c:v>
                </c:pt>
                <c:pt idx="6">
                  <c:v>4.54</c:v>
                </c:pt>
              </c:numCache>
            </c:numRef>
          </c:val>
        </c:ser>
        <c:dLbls>
          <c:showLegendKey val="0"/>
          <c:showVal val="0"/>
          <c:showCatName val="0"/>
          <c:showSerName val="0"/>
          <c:showPercent val="0"/>
          <c:showBubbleSize val="0"/>
        </c:dLbls>
        <c:gapWidth val="80"/>
        <c:overlap val="100"/>
        <c:axId val="379800960"/>
        <c:axId val="379810944"/>
      </c:barChart>
      <c:catAx>
        <c:axId val="379800960"/>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379810944"/>
        <c:crosses val="autoZero"/>
        <c:auto val="1"/>
        <c:lblAlgn val="ctr"/>
        <c:lblOffset val="100"/>
        <c:noMultiLvlLbl val="0"/>
      </c:catAx>
      <c:valAx>
        <c:axId val="379810944"/>
        <c:scaling>
          <c:orientation val="minMax"/>
        </c:scaling>
        <c:delete val="0"/>
        <c:axPos val="l"/>
        <c:majorGridlines>
          <c:spPr>
            <a:ln>
              <a:solidFill>
                <a:schemeClr val="accent1">
                  <a:lumMod val="75000"/>
                </a:schemeClr>
              </a:solidFill>
            </a:ln>
          </c:spPr>
        </c:majorGridlines>
        <c:title>
          <c:tx>
            <c:rich>
              <a:bodyPr rot="-5400000" vert="horz"/>
              <a:lstStyle/>
              <a:p>
                <a:pPr>
                  <a:defRPr sz="2400"/>
                </a:pPr>
                <a:r>
                  <a:rPr lang="en-US" sz="2400" dirty="0" smtClean="0">
                    <a:solidFill>
                      <a:srgbClr val="FFC000"/>
                    </a:solidFill>
                  </a:rPr>
                  <a:t>Ave SWP-CVP Exports (AF)</a:t>
                </a:r>
                <a:endParaRPr lang="en-US" sz="2400" dirty="0">
                  <a:solidFill>
                    <a:srgbClr val="FFC000"/>
                  </a:solidFill>
                </a:endParaRPr>
              </a:p>
            </c:rich>
          </c:tx>
          <c:layout>
            <c:manualLayout>
              <c:xMode val="edge"/>
              <c:yMode val="edge"/>
              <c:x val="4.3323650117908534E-3"/>
              <c:y val="4.0855199395565325E-2"/>
            </c:manualLayout>
          </c:layout>
          <c:overlay val="0"/>
        </c:title>
        <c:numFmt formatCode="#,##0&quot; M&quot;" sourceLinked="0"/>
        <c:majorTickMark val="out"/>
        <c:minorTickMark val="none"/>
        <c:tickLblPos val="nextTo"/>
        <c:txPr>
          <a:bodyPr/>
          <a:lstStyle/>
          <a:p>
            <a:pPr>
              <a:defRPr sz="2200"/>
            </a:pPr>
            <a:endParaRPr lang="en-US"/>
          </a:p>
        </c:txPr>
        <c:crossAx val="379800960"/>
        <c:crosses val="autoZero"/>
        <c:crossBetween val="between"/>
      </c:valAx>
    </c:plotArea>
    <c:legend>
      <c:legendPos val="r"/>
      <c:legendEntry>
        <c:idx val="0"/>
        <c:delete val="1"/>
      </c:legendEntry>
      <c:legendEntry>
        <c:idx val="1"/>
        <c:delete val="1"/>
      </c:legendEntry>
      <c:layout>
        <c:manualLayout>
          <c:xMode val="edge"/>
          <c:yMode val="edge"/>
          <c:x val="0.16314769744691004"/>
          <c:y val="3.6996256827227304E-4"/>
          <c:w val="0.52587878787878783"/>
          <c:h val="0.14755776429585638"/>
        </c:manualLayout>
      </c:layout>
      <c:overlay val="0"/>
      <c:txPr>
        <a:bodyPr/>
        <a:lstStyle/>
        <a:p>
          <a:pPr>
            <a:defRPr sz="16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pt idx="0">
                  <c:v>Runoff</c:v>
                </c:pt>
              </c:strCache>
            </c:strRef>
          </c:tx>
          <c:spPr>
            <a:solidFill>
              <a:srgbClr val="00B0F0"/>
            </a:solidFill>
          </c:spPr>
          <c:invertIfNegative val="0"/>
          <c:cat>
            <c:strRef>
              <c:f>Sheet1!$B$1:$DF$1</c:f>
              <c:strCache>
                <c:ptCount val="109"/>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20</c:v>
                </c:pt>
                <c:pt idx="13">
                  <c:v>1988</c:v>
                </c:pt>
                <c:pt idx="14">
                  <c:v>1990</c:v>
                </c:pt>
                <c:pt idx="15">
                  <c:v>1987</c:v>
                </c:pt>
                <c:pt idx="16">
                  <c:v>2001</c:v>
                </c:pt>
                <c:pt idx="17">
                  <c:v>2008</c:v>
                </c:pt>
                <c:pt idx="18">
                  <c:v>2007</c:v>
                </c:pt>
                <c:pt idx="19">
                  <c:v>1947</c:v>
                </c:pt>
                <c:pt idx="20">
                  <c:v>1944</c:v>
                </c:pt>
                <c:pt idx="21">
                  <c:v>1964</c:v>
                </c:pt>
                <c:pt idx="22">
                  <c:v>1955</c:v>
                </c:pt>
                <c:pt idx="23">
                  <c:v>1918</c:v>
                </c:pt>
                <c:pt idx="24">
                  <c:v>1985</c:v>
                </c:pt>
                <c:pt idx="25">
                  <c:v>1981</c:v>
                </c:pt>
                <c:pt idx="26">
                  <c:v>1912</c:v>
                </c:pt>
                <c:pt idx="27">
                  <c:v>1926</c:v>
                </c:pt>
                <c:pt idx="28">
                  <c:v>2012</c:v>
                </c:pt>
                <c:pt idx="29">
                  <c:v>2013</c:v>
                </c:pt>
                <c:pt idx="30">
                  <c:v>1949</c:v>
                </c:pt>
                <c:pt idx="31">
                  <c:v>1961</c:v>
                </c:pt>
                <c:pt idx="32">
                  <c:v>1959</c:v>
                </c:pt>
                <c:pt idx="33">
                  <c:v>1979</c:v>
                </c:pt>
                <c:pt idx="34">
                  <c:v>1913</c:v>
                </c:pt>
                <c:pt idx="35">
                  <c:v>1966</c:v>
                </c:pt>
                <c:pt idx="36">
                  <c:v>2009</c:v>
                </c:pt>
                <c:pt idx="37">
                  <c:v>1960</c:v>
                </c:pt>
                <c:pt idx="38">
                  <c:v>1932</c:v>
                </c:pt>
                <c:pt idx="39">
                  <c:v>1923</c:v>
                </c:pt>
                <c:pt idx="40">
                  <c:v>1937</c:v>
                </c:pt>
                <c:pt idx="41">
                  <c:v>1972</c:v>
                </c:pt>
                <c:pt idx="42">
                  <c:v>1930</c:v>
                </c:pt>
                <c:pt idx="43">
                  <c:v>1968</c:v>
                </c:pt>
                <c:pt idx="44">
                  <c:v>1950</c:v>
                </c:pt>
                <c:pt idx="45">
                  <c:v>2002</c:v>
                </c:pt>
                <c:pt idx="46">
                  <c:v>1908</c:v>
                </c:pt>
                <c:pt idx="47">
                  <c:v>1989</c:v>
                </c:pt>
                <c:pt idx="48">
                  <c:v>1957</c:v>
                </c:pt>
                <c:pt idx="49">
                  <c:v>1945</c:v>
                </c:pt>
                <c:pt idx="50">
                  <c:v>1962</c:v>
                </c:pt>
                <c:pt idx="51">
                  <c:v>1919</c:v>
                </c:pt>
                <c:pt idx="52">
                  <c:v>1948</c:v>
                </c:pt>
                <c:pt idx="53">
                  <c:v>1925</c:v>
                </c:pt>
                <c:pt idx="54">
                  <c:v>2010</c:v>
                </c:pt>
                <c:pt idx="55">
                  <c:v>2004</c:v>
                </c:pt>
                <c:pt idx="56">
                  <c:v>1935</c:v>
                </c:pt>
                <c:pt idx="57">
                  <c:v>1928</c:v>
                </c:pt>
                <c:pt idx="58">
                  <c:v>1917</c:v>
                </c:pt>
                <c:pt idx="59">
                  <c:v>1936</c:v>
                </c:pt>
                <c:pt idx="60">
                  <c:v>1954</c:v>
                </c:pt>
                <c:pt idx="61">
                  <c:v>1946</c:v>
                </c:pt>
                <c:pt idx="62">
                  <c:v>1922</c:v>
                </c:pt>
                <c:pt idx="63">
                  <c:v>2005</c:v>
                </c:pt>
                <c:pt idx="64">
                  <c:v>2000</c:v>
                </c:pt>
                <c:pt idx="65">
                  <c:v>2003</c:v>
                </c:pt>
                <c:pt idx="66">
                  <c:v>1975</c:v>
                </c:pt>
                <c:pt idx="67">
                  <c:v>1973</c:v>
                </c:pt>
                <c:pt idx="68">
                  <c:v>1953</c:v>
                </c:pt>
                <c:pt idx="69">
                  <c:v>1910</c:v>
                </c:pt>
                <c:pt idx="70">
                  <c:v>1943</c:v>
                </c:pt>
                <c:pt idx="71">
                  <c:v>1999</c:v>
                </c:pt>
                <c:pt idx="72">
                  <c:v>1993</c:v>
                </c:pt>
                <c:pt idx="73">
                  <c:v>1996</c:v>
                </c:pt>
                <c:pt idx="74">
                  <c:v>1980</c:v>
                </c:pt>
                <c:pt idx="75">
                  <c:v>1984</c:v>
                </c:pt>
                <c:pt idx="76">
                  <c:v>1940</c:v>
                </c:pt>
                <c:pt idx="77">
                  <c:v>1971</c:v>
                </c:pt>
                <c:pt idx="78">
                  <c:v>1951</c:v>
                </c:pt>
                <c:pt idx="79">
                  <c:v>1963</c:v>
                </c:pt>
                <c:pt idx="80">
                  <c:v>1921</c:v>
                </c:pt>
                <c:pt idx="81">
                  <c:v>1927</c:v>
                </c:pt>
                <c:pt idx="82">
                  <c:v>1915</c:v>
                </c:pt>
                <c:pt idx="83">
                  <c:v>1978</c:v>
                </c:pt>
                <c:pt idx="84">
                  <c:v>1967</c:v>
                </c:pt>
                <c:pt idx="85">
                  <c:v>1970</c:v>
                </c:pt>
                <c:pt idx="86">
                  <c:v>1916</c:v>
                </c:pt>
                <c:pt idx="87">
                  <c:v>2011</c:v>
                </c:pt>
                <c:pt idx="88">
                  <c:v>1942</c:v>
                </c:pt>
                <c:pt idx="89">
                  <c:v>1997</c:v>
                </c:pt>
                <c:pt idx="90">
                  <c:v>1965</c:v>
                </c:pt>
                <c:pt idx="91">
                  <c:v>1986</c:v>
                </c:pt>
                <c:pt idx="92">
                  <c:v>1911</c:v>
                </c:pt>
                <c:pt idx="93">
                  <c:v>1906</c:v>
                </c:pt>
                <c:pt idx="94">
                  <c:v>1969</c:v>
                </c:pt>
                <c:pt idx="95">
                  <c:v>1941</c:v>
                </c:pt>
                <c:pt idx="96">
                  <c:v>1914</c:v>
                </c:pt>
                <c:pt idx="97">
                  <c:v>1952</c:v>
                </c:pt>
                <c:pt idx="98">
                  <c:v>1958</c:v>
                </c:pt>
                <c:pt idx="99">
                  <c:v>1956</c:v>
                </c:pt>
                <c:pt idx="100">
                  <c:v>1909</c:v>
                </c:pt>
                <c:pt idx="101">
                  <c:v>1998</c:v>
                </c:pt>
                <c:pt idx="102">
                  <c:v>1938</c:v>
                </c:pt>
                <c:pt idx="103">
                  <c:v>2006</c:v>
                </c:pt>
                <c:pt idx="104">
                  <c:v>1974</c:v>
                </c:pt>
                <c:pt idx="105">
                  <c:v>1982</c:v>
                </c:pt>
                <c:pt idx="106">
                  <c:v>1907</c:v>
                </c:pt>
                <c:pt idx="107">
                  <c:v>1995</c:v>
                </c:pt>
                <c:pt idx="108">
                  <c:v>1983</c:v>
                </c:pt>
              </c:strCache>
            </c:strRef>
          </c:cat>
          <c:val>
            <c:numRef>
              <c:f>Sheet1!$B$2:$DF$2</c:f>
              <c:numCache>
                <c:formatCode>General</c:formatCode>
                <c:ptCount val="109"/>
                <c:pt idx="0">
                  <c:v>5.12</c:v>
                </c:pt>
                <c:pt idx="1">
                  <c:v>5.74</c:v>
                </c:pt>
                <c:pt idx="2">
                  <c:v>6.1</c:v>
                </c:pt>
                <c:pt idx="3">
                  <c:v>6.6</c:v>
                </c:pt>
                <c:pt idx="4">
                  <c:v>7.81</c:v>
                </c:pt>
                <c:pt idx="5">
                  <c:v>8.18</c:v>
                </c:pt>
                <c:pt idx="6">
                  <c:v>8.1999999999999993</c:v>
                </c:pt>
                <c:pt idx="7">
                  <c:v>8.4</c:v>
                </c:pt>
                <c:pt idx="8">
                  <c:v>8.44</c:v>
                </c:pt>
                <c:pt idx="9">
                  <c:v>8.6300000000000008</c:v>
                </c:pt>
                <c:pt idx="10">
                  <c:v>8.8699999999999992</c:v>
                </c:pt>
                <c:pt idx="11">
                  <c:v>8.94</c:v>
                </c:pt>
                <c:pt idx="12">
                  <c:v>9.1999999999999993</c:v>
                </c:pt>
                <c:pt idx="13">
                  <c:v>9.23</c:v>
                </c:pt>
                <c:pt idx="14">
                  <c:v>9.26</c:v>
                </c:pt>
                <c:pt idx="15">
                  <c:v>9.27</c:v>
                </c:pt>
                <c:pt idx="16">
                  <c:v>9.81</c:v>
                </c:pt>
                <c:pt idx="17" formatCode="0.00">
                  <c:v>10.28</c:v>
                </c:pt>
                <c:pt idx="18" formatCode="0.00">
                  <c:v>10.28</c:v>
                </c:pt>
                <c:pt idx="19">
                  <c:v>10.39</c:v>
                </c:pt>
                <c:pt idx="20">
                  <c:v>10.43</c:v>
                </c:pt>
                <c:pt idx="21">
                  <c:v>10.92</c:v>
                </c:pt>
                <c:pt idx="22">
                  <c:v>10.98</c:v>
                </c:pt>
                <c:pt idx="23">
                  <c:v>10.99</c:v>
                </c:pt>
                <c:pt idx="24">
                  <c:v>11.04</c:v>
                </c:pt>
                <c:pt idx="25">
                  <c:v>11.1</c:v>
                </c:pt>
                <c:pt idx="26">
                  <c:v>11.41</c:v>
                </c:pt>
                <c:pt idx="27">
                  <c:v>11.76</c:v>
                </c:pt>
                <c:pt idx="28" formatCode="0.00">
                  <c:v>11.83</c:v>
                </c:pt>
                <c:pt idx="29" formatCode="0.00">
                  <c:v>11.86</c:v>
                </c:pt>
                <c:pt idx="30">
                  <c:v>11.97</c:v>
                </c:pt>
                <c:pt idx="31">
                  <c:v>11.97</c:v>
                </c:pt>
                <c:pt idx="32">
                  <c:v>12.05</c:v>
                </c:pt>
                <c:pt idx="33">
                  <c:v>12.41</c:v>
                </c:pt>
                <c:pt idx="34">
                  <c:v>12.85</c:v>
                </c:pt>
                <c:pt idx="35">
                  <c:v>12.95</c:v>
                </c:pt>
                <c:pt idx="36" formatCode="0.00">
                  <c:v>13.02</c:v>
                </c:pt>
                <c:pt idx="37">
                  <c:v>13.06</c:v>
                </c:pt>
                <c:pt idx="38">
                  <c:v>13.12</c:v>
                </c:pt>
                <c:pt idx="39">
                  <c:v>13.21</c:v>
                </c:pt>
                <c:pt idx="40">
                  <c:v>13.33</c:v>
                </c:pt>
                <c:pt idx="41">
                  <c:v>13.43</c:v>
                </c:pt>
                <c:pt idx="42">
                  <c:v>13.52</c:v>
                </c:pt>
                <c:pt idx="43">
                  <c:v>13.64</c:v>
                </c:pt>
                <c:pt idx="44">
                  <c:v>14.44</c:v>
                </c:pt>
                <c:pt idx="45">
                  <c:v>14.6</c:v>
                </c:pt>
                <c:pt idx="46">
                  <c:v>14.77</c:v>
                </c:pt>
                <c:pt idx="47">
                  <c:v>14.82</c:v>
                </c:pt>
                <c:pt idx="48">
                  <c:v>14.89</c:v>
                </c:pt>
                <c:pt idx="49">
                  <c:v>15.06</c:v>
                </c:pt>
                <c:pt idx="50">
                  <c:v>15.11</c:v>
                </c:pt>
                <c:pt idx="51">
                  <c:v>15.66</c:v>
                </c:pt>
                <c:pt idx="52">
                  <c:v>15.75</c:v>
                </c:pt>
                <c:pt idx="53">
                  <c:v>15.99</c:v>
                </c:pt>
                <c:pt idx="54" formatCode="0.00">
                  <c:v>16.010000000000002</c:v>
                </c:pt>
                <c:pt idx="55" formatCode="0.00">
                  <c:v>16.04</c:v>
                </c:pt>
                <c:pt idx="56">
                  <c:v>16.59</c:v>
                </c:pt>
                <c:pt idx="57">
                  <c:v>16.760000000000002</c:v>
                </c:pt>
                <c:pt idx="58">
                  <c:v>17.260000000000002</c:v>
                </c:pt>
                <c:pt idx="59">
                  <c:v>17.350000000000001</c:v>
                </c:pt>
                <c:pt idx="60">
                  <c:v>17.43</c:v>
                </c:pt>
                <c:pt idx="61">
                  <c:v>17.62</c:v>
                </c:pt>
                <c:pt idx="62">
                  <c:v>17.98</c:v>
                </c:pt>
                <c:pt idx="63" formatCode="0.00">
                  <c:v>18.55</c:v>
                </c:pt>
                <c:pt idx="64">
                  <c:v>18.899999999999999</c:v>
                </c:pt>
                <c:pt idx="65" formatCode="0.00">
                  <c:v>19.18</c:v>
                </c:pt>
                <c:pt idx="66">
                  <c:v>19.23</c:v>
                </c:pt>
                <c:pt idx="67">
                  <c:v>20.05</c:v>
                </c:pt>
                <c:pt idx="68">
                  <c:v>20.09</c:v>
                </c:pt>
                <c:pt idx="69">
                  <c:v>20.12</c:v>
                </c:pt>
                <c:pt idx="70">
                  <c:v>21.13</c:v>
                </c:pt>
                <c:pt idx="71">
                  <c:v>21.19</c:v>
                </c:pt>
                <c:pt idx="72">
                  <c:v>22.21</c:v>
                </c:pt>
                <c:pt idx="73">
                  <c:v>22.29</c:v>
                </c:pt>
                <c:pt idx="74">
                  <c:v>22.33</c:v>
                </c:pt>
                <c:pt idx="75">
                  <c:v>22.35</c:v>
                </c:pt>
                <c:pt idx="76">
                  <c:v>22.43</c:v>
                </c:pt>
                <c:pt idx="77">
                  <c:v>22.57</c:v>
                </c:pt>
                <c:pt idx="78">
                  <c:v>22.95</c:v>
                </c:pt>
                <c:pt idx="79">
                  <c:v>22.99</c:v>
                </c:pt>
                <c:pt idx="80">
                  <c:v>23.8</c:v>
                </c:pt>
                <c:pt idx="81">
                  <c:v>23.83</c:v>
                </c:pt>
                <c:pt idx="82">
                  <c:v>23.86</c:v>
                </c:pt>
                <c:pt idx="83">
                  <c:v>23.92</c:v>
                </c:pt>
                <c:pt idx="84">
                  <c:v>24.06</c:v>
                </c:pt>
                <c:pt idx="85">
                  <c:v>24.06</c:v>
                </c:pt>
                <c:pt idx="86">
                  <c:v>24.14</c:v>
                </c:pt>
                <c:pt idx="87" formatCode="0.00">
                  <c:v>25.21</c:v>
                </c:pt>
                <c:pt idx="88">
                  <c:v>25.24</c:v>
                </c:pt>
                <c:pt idx="89">
                  <c:v>25.42</c:v>
                </c:pt>
                <c:pt idx="90">
                  <c:v>25.64</c:v>
                </c:pt>
                <c:pt idx="91">
                  <c:v>25.83</c:v>
                </c:pt>
                <c:pt idx="92">
                  <c:v>26.38</c:v>
                </c:pt>
                <c:pt idx="93">
                  <c:v>26.71</c:v>
                </c:pt>
                <c:pt idx="94">
                  <c:v>26.98</c:v>
                </c:pt>
                <c:pt idx="95">
                  <c:v>27.08</c:v>
                </c:pt>
                <c:pt idx="96">
                  <c:v>27.81</c:v>
                </c:pt>
                <c:pt idx="97">
                  <c:v>28.6</c:v>
                </c:pt>
                <c:pt idx="98">
                  <c:v>29.71</c:v>
                </c:pt>
                <c:pt idx="99">
                  <c:v>29.89</c:v>
                </c:pt>
                <c:pt idx="100">
                  <c:v>30.68</c:v>
                </c:pt>
                <c:pt idx="101">
                  <c:v>31.4</c:v>
                </c:pt>
                <c:pt idx="102">
                  <c:v>31.83</c:v>
                </c:pt>
                <c:pt idx="103" formatCode="0.00">
                  <c:v>32.090000000000003</c:v>
                </c:pt>
                <c:pt idx="104">
                  <c:v>32.5</c:v>
                </c:pt>
                <c:pt idx="105">
                  <c:v>33.409999999999997</c:v>
                </c:pt>
                <c:pt idx="106">
                  <c:v>33.700000000000003</c:v>
                </c:pt>
                <c:pt idx="107">
                  <c:v>34.549999999999997</c:v>
                </c:pt>
                <c:pt idx="108">
                  <c:v>37.68</c:v>
                </c:pt>
              </c:numCache>
            </c:numRef>
          </c:val>
        </c:ser>
        <c:dLbls>
          <c:showLegendKey val="0"/>
          <c:showVal val="0"/>
          <c:showCatName val="0"/>
          <c:showSerName val="0"/>
          <c:showPercent val="0"/>
          <c:showBubbleSize val="0"/>
        </c:dLbls>
        <c:gapWidth val="30"/>
        <c:overlap val="100"/>
        <c:axId val="323008000"/>
        <c:axId val="322877696"/>
      </c:barChart>
      <c:catAx>
        <c:axId val="323008000"/>
        <c:scaling>
          <c:orientation val="minMax"/>
        </c:scaling>
        <c:delete val="0"/>
        <c:axPos val="b"/>
        <c:majorTickMark val="out"/>
        <c:minorTickMark val="none"/>
        <c:tickLblPos val="nextTo"/>
        <c:crossAx val="322877696"/>
        <c:crosses val="autoZero"/>
        <c:auto val="1"/>
        <c:lblAlgn val="ctr"/>
        <c:lblOffset val="100"/>
        <c:tickLblSkip val="6"/>
        <c:noMultiLvlLbl val="0"/>
      </c:catAx>
      <c:valAx>
        <c:axId val="322877696"/>
        <c:scaling>
          <c:orientation val="minMax"/>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General" sourceLinked="1"/>
        <c:majorTickMark val="out"/>
        <c:minorTickMark val="none"/>
        <c:tickLblPos val="nextTo"/>
        <c:crossAx val="323008000"/>
        <c:crosses val="autoZero"/>
        <c:crossBetween val="between"/>
      </c:valAx>
      <c:spPr>
        <a:noFill/>
        <a:ln>
          <a:noFill/>
        </a:ln>
      </c:spPr>
    </c:plotArea>
    <c:plotVisOnly val="1"/>
    <c:dispBlanksAs val="gap"/>
    <c:showDLblsOverMax val="0"/>
  </c:chart>
  <c:txPr>
    <a:bodyPr/>
    <a:lstStyle/>
    <a:p>
      <a:pPr>
        <a:defRPr sz="1800"/>
      </a:pPr>
      <a:endParaRPr lang="en-US"/>
    </a:p>
  </c:txPr>
  <c:externalData r:id="rId1">
    <c:autoUpdate val="0"/>
  </c:externalData>
</c:chartSpace>
</file>

<file path=ppt/charts/chart4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7846925384327358"/>
          <c:y val="4.0020438019018133E-2"/>
          <c:w val="0.72304625984251969"/>
          <c:h val="0.86060345940365335"/>
        </c:manualLayout>
      </c:layout>
      <c:lineChart>
        <c:grouping val="standard"/>
        <c:varyColors val="0"/>
        <c:ser>
          <c:idx val="0"/>
          <c:order val="0"/>
          <c:tx>
            <c:strRef>
              <c:f>Sheet1!$B$1</c:f>
              <c:strCache>
                <c:ptCount val="1"/>
                <c:pt idx="0">
                  <c:v>Existing BioOp</c:v>
                </c:pt>
              </c:strCache>
            </c:strRef>
          </c:tx>
          <c:spPr>
            <a:ln w="63500">
              <a:solidFill>
                <a:srgbClr val="FFC000"/>
              </a:solidFill>
            </a:ln>
            <a:effectLst>
              <a:outerShdw blurRad="50800" dist="38100" dir="2700000" algn="tl" rotWithShape="0">
                <a:prstClr val="black">
                  <a:alpha val="40000"/>
                </a:prstClr>
              </a:outerShdw>
            </a:effectLst>
          </c:spPr>
          <c:marker>
            <c:symbol val="diamond"/>
            <c:size val="10"/>
            <c:spPr>
              <a:solidFill>
                <a:srgbClr val="92D050"/>
              </a:solidFill>
              <a:ln>
                <a:solidFill>
                  <a:srgbClr val="FFC000"/>
                </a:solidFill>
              </a:ln>
              <a:effectLst>
                <a:outerShdw blurRad="50800" dist="38100" dir="2700000" algn="tl" rotWithShape="0">
                  <a:prstClr val="black">
                    <a:alpha val="40000"/>
                  </a:prstClr>
                </a:outerShdw>
              </a:effectLst>
              <a:scene3d>
                <a:camera prst="orthographicFront"/>
                <a:lightRig rig="threePt" dir="t"/>
              </a:scene3d>
              <a:sp3d>
                <a:bevelT/>
              </a:sp3d>
            </c:spPr>
          </c:marker>
          <c:cat>
            <c:strRef>
              <c:f>Sheet1!$A$2:$A$7</c:f>
              <c:strCache>
                <c:ptCount val="6"/>
                <c:pt idx="0">
                  <c:v>0 cfs</c:v>
                </c:pt>
                <c:pt idx="1">
                  <c:v>3,000 cfs</c:v>
                </c:pt>
                <c:pt idx="2">
                  <c:v>6,000 cfs</c:v>
                </c:pt>
                <c:pt idx="3">
                  <c:v>9,000 cfs</c:v>
                </c:pt>
                <c:pt idx="4">
                  <c:v>12,000 cfs</c:v>
                </c:pt>
                <c:pt idx="5">
                  <c:v>15,000 cfs</c:v>
                </c:pt>
              </c:strCache>
            </c:strRef>
          </c:cat>
          <c:val>
            <c:numRef>
              <c:f>Sheet1!$B$2:$B$7</c:f>
              <c:numCache>
                <c:formatCode>_(* #,##0_);_(* \(#,##0\);_(* "-"??_);_(@_)</c:formatCode>
                <c:ptCount val="6"/>
                <c:pt idx="0">
                  <c:v>-1734.0133109089227</c:v>
                </c:pt>
                <c:pt idx="1">
                  <c:v>-1525.0323624049461</c:v>
                </c:pt>
                <c:pt idx="2">
                  <c:v>-1014.4347851477653</c:v>
                </c:pt>
                <c:pt idx="3">
                  <c:v>-288.15192891437459</c:v>
                </c:pt>
                <c:pt idx="4">
                  <c:v>564.42070203771482</c:v>
                </c:pt>
                <c:pt idx="5">
                  <c:v>1188.6312857067394</c:v>
                </c:pt>
              </c:numCache>
            </c:numRef>
          </c:val>
          <c:smooth val="0"/>
        </c:ser>
        <c:ser>
          <c:idx val="1"/>
          <c:order val="1"/>
          <c:tx>
            <c:strRef>
              <c:f>Sheet1!$C$1</c:f>
              <c:strCache>
                <c:ptCount val="1"/>
                <c:pt idx="0">
                  <c:v>More Restrictive south Delta</c:v>
                </c:pt>
              </c:strCache>
            </c:strRef>
          </c:tx>
          <c:spPr>
            <a:ln w="63500">
              <a:solidFill>
                <a:schemeClr val="accent1">
                  <a:lumMod val="40000"/>
                  <a:lumOff val="60000"/>
                </a:schemeClr>
              </a:solidFill>
            </a:ln>
            <a:effectLst>
              <a:outerShdw blurRad="50800" dist="38100" dir="2700000" algn="tl" rotWithShape="0">
                <a:prstClr val="black">
                  <a:alpha val="40000"/>
                </a:prstClr>
              </a:outerShdw>
            </a:effectLst>
          </c:spPr>
          <c:marker>
            <c:symbol val="diamond"/>
            <c:size val="10"/>
            <c:spPr>
              <a:solidFill>
                <a:schemeClr val="tx1">
                  <a:lumMod val="95000"/>
                </a:schemeClr>
              </a:solidFill>
              <a:scene3d>
                <a:camera prst="orthographicFront"/>
                <a:lightRig rig="threePt" dir="t"/>
              </a:scene3d>
              <a:sp3d prstMaterial="dkEdge"/>
            </c:spPr>
          </c:marker>
          <c:cat>
            <c:strRef>
              <c:f>Sheet1!$A$2:$A$7</c:f>
              <c:strCache>
                <c:ptCount val="6"/>
                <c:pt idx="0">
                  <c:v>0 cfs</c:v>
                </c:pt>
                <c:pt idx="1">
                  <c:v>3,000 cfs</c:v>
                </c:pt>
                <c:pt idx="2">
                  <c:v>6,000 cfs</c:v>
                </c:pt>
                <c:pt idx="3">
                  <c:v>9,000 cfs</c:v>
                </c:pt>
                <c:pt idx="4">
                  <c:v>12,000 cfs</c:v>
                </c:pt>
                <c:pt idx="5">
                  <c:v>15,000 cfs</c:v>
                </c:pt>
              </c:strCache>
            </c:strRef>
          </c:cat>
          <c:val>
            <c:numRef>
              <c:f>Sheet1!$C$2:$C$7</c:f>
            </c:numRef>
          </c:val>
          <c:smooth val="0"/>
        </c:ser>
        <c:ser>
          <c:idx val="2"/>
          <c:order val="2"/>
          <c:tx>
            <c:strRef>
              <c:f>Sheet1!$D$1</c:f>
              <c:strCache>
                <c:ptCount val="1"/>
                <c:pt idx="0">
                  <c:v>Fully isolated, no south Delta</c:v>
                </c:pt>
              </c:strCache>
            </c:strRef>
          </c:tx>
          <c:spPr>
            <a:ln w="63500">
              <a:solidFill>
                <a:srgbClr val="00B0F0"/>
              </a:solidFill>
            </a:ln>
            <a:effectLst>
              <a:outerShdw blurRad="50800" dist="38100" dir="2700000" algn="tl" rotWithShape="0">
                <a:prstClr val="black">
                  <a:alpha val="40000"/>
                </a:prstClr>
              </a:outerShdw>
            </a:effectLst>
          </c:spPr>
          <c:marker>
            <c:symbol val="diamond"/>
            <c:size val="10"/>
            <c:spPr>
              <a:solidFill>
                <a:srgbClr val="00B0F0"/>
              </a:solidFill>
              <a:ln>
                <a:solidFill>
                  <a:srgbClr val="00B0F0"/>
                </a:solidFill>
              </a:ln>
              <a:effectLst>
                <a:outerShdw blurRad="50800" dist="38100" dir="2700000" algn="tl" rotWithShape="0">
                  <a:prstClr val="black">
                    <a:alpha val="40000"/>
                  </a:prstClr>
                </a:outerShdw>
              </a:effectLst>
              <a:scene3d>
                <a:camera prst="orthographicFront"/>
                <a:lightRig rig="threePt" dir="t"/>
              </a:scene3d>
              <a:sp3d>
                <a:bevelT/>
              </a:sp3d>
            </c:spPr>
          </c:marker>
          <c:cat>
            <c:strRef>
              <c:f>Sheet1!$A$2:$A$7</c:f>
              <c:strCache>
                <c:ptCount val="6"/>
                <c:pt idx="0">
                  <c:v>0 cfs</c:v>
                </c:pt>
                <c:pt idx="1">
                  <c:v>3,000 cfs</c:v>
                </c:pt>
                <c:pt idx="2">
                  <c:v>6,000 cfs</c:v>
                </c:pt>
                <c:pt idx="3">
                  <c:v>9,000 cfs</c:v>
                </c:pt>
                <c:pt idx="4">
                  <c:v>12,000 cfs</c:v>
                </c:pt>
                <c:pt idx="5">
                  <c:v>15,000 cfs</c:v>
                </c:pt>
              </c:strCache>
            </c:strRef>
          </c:cat>
          <c:val>
            <c:numRef>
              <c:f>Sheet1!$D$2:$D$7</c:f>
            </c:numRef>
          </c:val>
          <c:smooth val="0"/>
        </c:ser>
        <c:dLbls>
          <c:showLegendKey val="0"/>
          <c:showVal val="0"/>
          <c:showCatName val="0"/>
          <c:showSerName val="0"/>
          <c:showPercent val="0"/>
          <c:showBubbleSize val="0"/>
        </c:dLbls>
        <c:marker val="1"/>
        <c:smooth val="0"/>
        <c:axId val="379207040"/>
        <c:axId val="379209216"/>
      </c:lineChart>
      <c:catAx>
        <c:axId val="379207040"/>
        <c:scaling>
          <c:orientation val="minMax"/>
        </c:scaling>
        <c:delete val="0"/>
        <c:axPos val="b"/>
        <c:numFmt formatCode="General" sourceLinked="1"/>
        <c:majorTickMark val="out"/>
        <c:minorTickMark val="none"/>
        <c:tickLblPos val="nextTo"/>
        <c:txPr>
          <a:bodyPr/>
          <a:lstStyle/>
          <a:p>
            <a:pPr>
              <a:defRPr sz="1800" b="1"/>
            </a:pPr>
            <a:endParaRPr lang="en-US"/>
          </a:p>
        </c:txPr>
        <c:crossAx val="379209216"/>
        <c:crossesAt val="0"/>
        <c:auto val="1"/>
        <c:lblAlgn val="ctr"/>
        <c:lblOffset val="100"/>
        <c:noMultiLvlLbl val="0"/>
      </c:catAx>
      <c:valAx>
        <c:axId val="379209216"/>
        <c:scaling>
          <c:orientation val="minMax"/>
          <c:max val="4000"/>
          <c:min val="-3000"/>
        </c:scaling>
        <c:delete val="0"/>
        <c:axPos val="l"/>
        <c:majorGridlines>
          <c:spPr>
            <a:ln w="3175">
              <a:solidFill>
                <a:schemeClr val="accent3">
                  <a:lumMod val="50000"/>
                </a:schemeClr>
              </a:solidFill>
            </a:ln>
          </c:spPr>
        </c:majorGridlines>
        <c:title>
          <c:tx>
            <c:rich>
              <a:bodyPr rot="-5400000" vert="horz"/>
              <a:lstStyle/>
              <a:p>
                <a:pPr>
                  <a:defRPr sz="2400">
                    <a:solidFill>
                      <a:srgbClr val="FFC000"/>
                    </a:solidFill>
                  </a:defRPr>
                </a:pPr>
                <a:r>
                  <a:rPr lang="en-US" sz="2400" dirty="0" smtClean="0">
                    <a:solidFill>
                      <a:srgbClr val="FFC000"/>
                    </a:solidFill>
                  </a:rPr>
                  <a:t>Old Middle River Flows</a:t>
                </a:r>
                <a:r>
                  <a:rPr lang="en-US" sz="2400" baseline="0" dirty="0" smtClean="0">
                    <a:solidFill>
                      <a:srgbClr val="FFC000"/>
                    </a:solidFill>
                  </a:rPr>
                  <a:t> </a:t>
                </a:r>
                <a:r>
                  <a:rPr lang="en-US" sz="1800" baseline="0" dirty="0" smtClean="0">
                    <a:solidFill>
                      <a:srgbClr val="FFC000"/>
                    </a:solidFill>
                  </a:rPr>
                  <a:t>(</a:t>
                </a:r>
                <a:r>
                  <a:rPr lang="en-US" sz="1800" dirty="0" smtClean="0">
                    <a:solidFill>
                      <a:srgbClr val="FFC000"/>
                    </a:solidFill>
                  </a:rPr>
                  <a:t>C</a:t>
                </a:r>
                <a:r>
                  <a:rPr lang="en-US" sz="1800" baseline="0" dirty="0" smtClean="0">
                    <a:solidFill>
                      <a:srgbClr val="FFC000"/>
                    </a:solidFill>
                  </a:rPr>
                  <a:t>FS)</a:t>
                </a:r>
                <a:endParaRPr lang="en-US" sz="1800" dirty="0">
                  <a:solidFill>
                    <a:srgbClr val="FFC000"/>
                  </a:solidFill>
                </a:endParaRPr>
              </a:p>
            </c:rich>
          </c:tx>
          <c:layout>
            <c:manualLayout>
              <c:xMode val="edge"/>
              <c:yMode val="edge"/>
              <c:x val="0"/>
              <c:y val="9.2179983649584699E-2"/>
            </c:manualLayout>
          </c:layout>
          <c:overlay val="0"/>
        </c:title>
        <c:numFmt formatCode="#,##0" sourceLinked="0"/>
        <c:majorTickMark val="out"/>
        <c:minorTickMark val="none"/>
        <c:tickLblPos val="nextTo"/>
        <c:txPr>
          <a:bodyPr/>
          <a:lstStyle/>
          <a:p>
            <a:pPr>
              <a:defRPr sz="2200"/>
            </a:pPr>
            <a:endParaRPr lang="en-US"/>
          </a:p>
        </c:txPr>
        <c:crossAx val="379207040"/>
        <c:crosses val="autoZero"/>
        <c:crossBetween val="between"/>
      </c:valAx>
    </c:plotArea>
    <c:plotVisOnly val="1"/>
    <c:dispBlanksAs val="gap"/>
    <c:showDLblsOverMax val="0"/>
  </c:chart>
  <c:txPr>
    <a:bodyPr/>
    <a:lstStyle/>
    <a:p>
      <a:pPr>
        <a:defRPr sz="1800"/>
      </a:pPr>
      <a:endParaRPr lang="en-US"/>
    </a:p>
  </c:txPr>
  <c:externalData r:id="rId1">
    <c:autoUpdate val="0"/>
  </c:externalData>
</c:chartSpace>
</file>

<file path=ppt/charts/chart4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0.12970895392499879"/>
          <c:y val="3.2815807298281263E-2"/>
          <c:w val="0.84339688679372893"/>
          <c:h val="0.72573363813394298"/>
        </c:manualLayout>
      </c:layout>
      <c:barChart>
        <c:barDir val="col"/>
        <c:grouping val="stacked"/>
        <c:varyColors val="0"/>
        <c:ser>
          <c:idx val="0"/>
          <c:order val="0"/>
          <c:tx>
            <c:strRef>
              <c:f>Sheet1!$B$1</c:f>
              <c:strCache>
                <c:ptCount val="1"/>
                <c:pt idx="0">
                  <c:v>SWP-CVP Exports</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a:gsLst>
                  <a:gs pos="1000">
                    <a:srgbClr val="002148"/>
                  </a:gs>
                  <a:gs pos="44000">
                    <a:srgbClr val="0070C0"/>
                  </a:gs>
                  <a:gs pos="100000">
                    <a:srgbClr val="002148"/>
                  </a:gs>
                </a:gsLst>
                <a:lin ang="0" scaled="0"/>
              </a:gradFill>
              <a:ln>
                <a:noFill/>
              </a:ln>
              <a:scene3d>
                <a:camera prst="orthographicFront"/>
                <a:lightRig rig="threePt" dir="t"/>
              </a:scene3d>
              <a:sp3d>
                <a:bevelT/>
              </a:sp3d>
            </c:spPr>
          </c:dPt>
          <c:dPt>
            <c:idx val="9"/>
            <c:invertIfNegative val="0"/>
            <c:bubble3D val="0"/>
            <c:spPr>
              <a:gradFill flip="none" rotWithShape="1">
                <a:gsLst>
                  <a:gs pos="1000">
                    <a:srgbClr val="663300"/>
                  </a:gs>
                  <a:gs pos="50000">
                    <a:srgbClr val="CC6600">
                      <a:shade val="67500"/>
                      <a:satMod val="115000"/>
                    </a:srgbClr>
                  </a:gs>
                  <a:gs pos="100000">
                    <a:srgbClr val="663300"/>
                  </a:gs>
                </a:gsLst>
                <a:lin ang="0" scaled="1"/>
                <a:tileRect/>
              </a:gradFill>
              <a:ln>
                <a:noFill/>
              </a:ln>
              <a:scene3d>
                <a:camera prst="orthographicFront"/>
                <a:lightRig rig="threePt" dir="t"/>
              </a:scene3d>
              <a:sp3d>
                <a:bevelT/>
              </a:sp3d>
            </c:spPr>
          </c:dPt>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B$2:$B$9</c:f>
              <c:numCache>
                <c:formatCode>0.0</c:formatCode>
                <c:ptCount val="8"/>
                <c:pt idx="0">
                  <c:v>8</c:v>
                </c:pt>
                <c:pt idx="1">
                  <c:v>7.9</c:v>
                </c:pt>
                <c:pt idx="2">
                  <c:v>6.7</c:v>
                </c:pt>
                <c:pt idx="3">
                  <c:v>6.2</c:v>
                </c:pt>
                <c:pt idx="4">
                  <c:v>5.6</c:v>
                </c:pt>
                <c:pt idx="5">
                  <c:v>5.4</c:v>
                </c:pt>
                <c:pt idx="6">
                  <c:v>4.7</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C$2:$C$9</c:f>
            </c:numRef>
          </c:val>
        </c:ser>
        <c:ser>
          <c:idx val="2"/>
          <c:order val="2"/>
          <c:tx>
            <c:strRef>
              <c:f>Sheet1!$D$1</c:f>
              <c:strCache>
                <c:ptCount val="1"/>
                <c:pt idx="0">
                  <c:v>BDCP Enhanced Reliability</c:v>
                </c:pt>
              </c:strCache>
            </c:strRef>
          </c:tx>
          <c:spPr>
            <a:gradFill>
              <a:gsLst>
                <a:gs pos="1000">
                  <a:sysClr val="windowText" lastClr="000000"/>
                </a:gs>
                <a:gs pos="44000">
                  <a:srgbClr val="CC6600"/>
                </a:gs>
                <a:gs pos="100000">
                  <a:sysClr val="windowText" lastClr="000000"/>
                </a:gs>
              </a:gsLst>
              <a:lin ang="0" scaled="1"/>
            </a:gradFill>
            <a:scene3d>
              <a:camera prst="orthographicFront"/>
              <a:lightRig rig="threePt" dir="t"/>
            </a:scene3d>
            <a:sp3d>
              <a:bevelT/>
            </a:sp3d>
          </c:spPr>
          <c:invertIfNegative val="0"/>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D$2:$D$9</c:f>
              <c:numCache>
                <c:formatCode>General</c:formatCode>
                <c:ptCount val="8"/>
              </c:numCache>
            </c:numRef>
          </c:val>
        </c:ser>
        <c:ser>
          <c:idx val="3"/>
          <c:order val="3"/>
          <c:tx>
            <c:strRef>
              <c:f>Sheet1!$E$1</c:f>
              <c:strCache>
                <c:ptCount val="1"/>
                <c:pt idx="0">
                  <c:v>BDCP Replacement Supplies</c:v>
                </c:pt>
              </c:strCache>
            </c:strRef>
          </c:tx>
          <c:spPr>
            <a:gradFill>
              <a:gsLst>
                <a:gs pos="1000">
                  <a:sysClr val="windowText" lastClr="000000"/>
                </a:gs>
                <a:gs pos="44000">
                  <a:srgbClr val="CC6600"/>
                </a:gs>
                <a:gs pos="100000">
                  <a:sysClr val="windowText" lastClr="000000"/>
                </a:gs>
              </a:gsLst>
              <a:lin ang="0" scaled="1"/>
            </a:gradFill>
            <a:scene3d>
              <a:camera prst="orthographicFront"/>
              <a:lightRig rig="threePt" dir="t"/>
            </a:scene3d>
            <a:sp3d>
              <a:bevelT/>
            </a:sp3d>
          </c:spPr>
          <c:invertIfNegative val="0"/>
          <c:cat>
            <c:strRef>
              <c:f>Sheet1!$A$2:$A$9</c:f>
              <c:strCache>
                <c:ptCount val="8"/>
                <c:pt idx="0">
                  <c:v>1980's</c:v>
                </c:pt>
                <c:pt idx="1">
                  <c:v>1991 
NMFS 
BioOp</c:v>
                </c:pt>
                <c:pt idx="2">
                  <c:v>1992 
CVPIA</c:v>
                </c:pt>
                <c:pt idx="3">
                  <c:v>1994 
Accord</c:v>
                </c:pt>
                <c:pt idx="4">
                  <c:v>2000 
Trinity 
River</c:v>
                </c:pt>
                <c:pt idx="5">
                  <c:v>2006 
San 
Joaquin 
River</c:v>
                </c:pt>
                <c:pt idx="6">
                  <c:v>2008-09 
Smelt/ 
Salmon
BioOp</c:v>
                </c:pt>
                <c:pt idx="7">
                  <c:v>Future</c:v>
                </c:pt>
              </c:strCache>
            </c:strRef>
          </c:cat>
          <c:val>
            <c:numRef>
              <c:f>Sheet1!$E$2:$E$9</c:f>
              <c:numCache>
                <c:formatCode>General</c:formatCode>
                <c:ptCount val="8"/>
              </c:numCache>
            </c:numRef>
          </c:val>
        </c:ser>
        <c:dLbls>
          <c:showLegendKey val="0"/>
          <c:showVal val="0"/>
          <c:showCatName val="0"/>
          <c:showSerName val="0"/>
          <c:showPercent val="0"/>
          <c:showBubbleSize val="0"/>
        </c:dLbls>
        <c:gapWidth val="20"/>
        <c:overlap val="100"/>
        <c:axId val="384569728"/>
        <c:axId val="384571264"/>
      </c:barChart>
      <c:catAx>
        <c:axId val="384569728"/>
        <c:scaling>
          <c:orientation val="minMax"/>
        </c:scaling>
        <c:delete val="0"/>
        <c:axPos val="b"/>
        <c:numFmt formatCode="General" sourceLinked="0"/>
        <c:majorTickMark val="out"/>
        <c:minorTickMark val="none"/>
        <c:tickLblPos val="nextTo"/>
        <c:txPr>
          <a:bodyPr rot="0" anchor="ctr" anchorCtr="1"/>
          <a:lstStyle/>
          <a:p>
            <a:pPr>
              <a:lnSpc>
                <a:spcPct val="80000"/>
              </a:lnSpc>
              <a:defRPr sz="1800" b="1">
                <a:effectLst>
                  <a:glow rad="25400">
                    <a:prstClr val="black"/>
                  </a:glow>
                  <a:outerShdw dist="50800" dir="5400000" algn="ctr" rotWithShape="0">
                    <a:prstClr val="black"/>
                  </a:outerShdw>
                </a:effectLst>
                <a:latin typeface="+mn-lt"/>
                <a:cs typeface="Arial" pitchFamily="34" charset="0"/>
              </a:defRPr>
            </a:pPr>
            <a:endParaRPr lang="en-US"/>
          </a:p>
        </c:txPr>
        <c:crossAx val="384571264"/>
        <c:crosses val="autoZero"/>
        <c:auto val="1"/>
        <c:lblAlgn val="ctr"/>
        <c:lblOffset val="100"/>
        <c:tickLblSkip val="1"/>
        <c:noMultiLvlLbl val="0"/>
      </c:catAx>
      <c:valAx>
        <c:axId val="384571264"/>
        <c:scaling>
          <c:orientation val="minMax"/>
          <c:max val="10"/>
          <c:min val="0"/>
        </c:scaling>
        <c:delete val="0"/>
        <c:axPos val="l"/>
        <c:majorGridlines>
          <c:spPr>
            <a:ln>
              <a:solidFill>
                <a:srgbClr val="00297A"/>
              </a:solidFill>
            </a:ln>
          </c:spPr>
        </c:majorGridlines>
        <c:title>
          <c:tx>
            <c:rich>
              <a:bodyPr rot="-5400000" vert="horz"/>
              <a:lstStyle/>
              <a:p>
                <a:pPr>
                  <a:defRPr sz="2000"/>
                </a:pPr>
                <a:r>
                  <a:rPr lang="en-US" sz="2000" dirty="0" smtClean="0">
                    <a:solidFill>
                      <a:srgbClr val="FFC000"/>
                    </a:solidFill>
                  </a:rPr>
                  <a:t>Avg. SWP-CVP Export Capacity (MAF)</a:t>
                </a:r>
                <a:endParaRPr lang="en-US" sz="2000" dirty="0">
                  <a:solidFill>
                    <a:srgbClr val="FFC000"/>
                  </a:solidFill>
                </a:endParaRPr>
              </a:p>
            </c:rich>
          </c:tx>
          <c:layout>
            <c:manualLayout>
              <c:xMode val="edge"/>
              <c:yMode val="edge"/>
              <c:x val="4.2590309061440379E-3"/>
              <c:y val="5.0300167927044781E-2"/>
            </c:manualLayout>
          </c:layout>
          <c:overlay val="0"/>
        </c:title>
        <c:numFmt formatCode="General" sourceLinked="0"/>
        <c:majorTickMark val="out"/>
        <c:minorTickMark val="none"/>
        <c:tickLblPos val="nextTo"/>
        <c:txPr>
          <a:bodyPr/>
          <a:lstStyle/>
          <a:p>
            <a:pPr>
              <a:defRPr sz="2000"/>
            </a:pPr>
            <a:endParaRPr lang="en-US"/>
          </a:p>
        </c:txPr>
        <c:crossAx val="384569728"/>
        <c:crosses val="autoZero"/>
        <c:crossBetween val="between"/>
        <c:majorUnit val="2"/>
      </c:valAx>
    </c:plotArea>
    <c:plotVisOnly val="1"/>
    <c:dispBlanksAs val="gap"/>
    <c:showDLblsOverMax val="0"/>
  </c:chart>
  <c:txPr>
    <a:bodyPr/>
    <a:lstStyle/>
    <a:p>
      <a:pPr>
        <a:defRPr sz="1800"/>
      </a:pPr>
      <a:endParaRPr lang="en-US"/>
    </a:p>
  </c:txPr>
  <c:externalData r:id="rId2">
    <c:autoUpdate val="0"/>
  </c:externalData>
</c:chartSpace>
</file>

<file path=ppt/charts/chart4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9.7362317856819619E-2"/>
          <c:y val="4.3681640204810461E-2"/>
          <c:w val="0.90263768214318052"/>
          <c:h val="0.61217770482498357"/>
        </c:manualLayout>
      </c:layout>
      <c:barChart>
        <c:barDir val="col"/>
        <c:grouping val="stacked"/>
        <c:varyColors val="0"/>
        <c:ser>
          <c:idx val="0"/>
          <c:order val="0"/>
          <c:tx>
            <c:strRef>
              <c:f>Sheet1!$B$1</c:f>
              <c:strCache>
                <c:ptCount val="1"/>
                <c:pt idx="0">
                  <c:v>South Delta</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a:gsLst>
                  <a:gs pos="1000">
                    <a:srgbClr val="002148"/>
                  </a:gs>
                  <a:gs pos="44000">
                    <a:srgbClr val="0070C0"/>
                  </a:gs>
                  <a:gs pos="100000">
                    <a:srgbClr val="002148"/>
                  </a:gs>
                </a:gsLst>
                <a:lin ang="16200000" scaled="1"/>
              </a:gradFill>
              <a:ln>
                <a:noFill/>
              </a:ln>
              <a:scene3d>
                <a:camera prst="orthographicFront"/>
                <a:lightRig rig="threePt" dir="t"/>
              </a:scene3d>
              <a:sp3d>
                <a:bevelT/>
              </a:sp3d>
            </c:spPr>
          </c:dPt>
          <c:dLbls>
            <c:dLbl>
              <c:idx val="3"/>
              <c:layout/>
              <c:tx>
                <c:rich>
                  <a:bodyPr/>
                  <a:lstStyle/>
                  <a:p>
                    <a:r>
                      <a:rPr lang="en-US" dirty="0" smtClean="0"/>
                      <a:t>4.7 - 5.3</a:t>
                    </a:r>
                    <a:endParaRPr lang="en-US" dirty="0"/>
                  </a:p>
                </c:rich>
              </c:tx>
              <c:showLegendKey val="0"/>
              <c:showVal val="1"/>
              <c:showCatName val="0"/>
              <c:showSerName val="0"/>
              <c:showPercent val="0"/>
              <c:showBubbleSize val="0"/>
            </c:dLbl>
            <c:dLbl>
              <c:idx val="4"/>
              <c:layout/>
              <c:tx>
                <c:rich>
                  <a:bodyPr/>
                  <a:lstStyle/>
                  <a:p>
                    <a:r>
                      <a:rPr lang="en-US" sz="2000" b="1" dirty="0" smtClean="0"/>
                      <a:t>4.7 - 5.6</a:t>
                    </a:r>
                    <a:endParaRPr lang="en-US" dirty="0"/>
                  </a:p>
                </c:rich>
              </c:tx>
              <c:showLegendKey val="0"/>
              <c:showVal val="1"/>
              <c:showCatName val="0"/>
              <c:showSerName val="0"/>
              <c:showPercent val="0"/>
              <c:showBubbleSize val="0"/>
            </c:dLbl>
            <c:txPr>
              <a:bodyPr/>
              <a:lstStyle/>
              <a:p>
                <a:pPr>
                  <a:defRPr sz="2000" b="1"/>
                </a:pPr>
                <a:endParaRPr lang="en-US"/>
              </a:p>
            </c:txPr>
            <c:showLegendKey val="0"/>
            <c:showVal val="1"/>
            <c:showCatName val="0"/>
            <c:showSerName val="0"/>
            <c:showPercent val="0"/>
            <c:showBubbleSize val="0"/>
            <c:showLeaderLines val="0"/>
          </c:dLbls>
          <c:cat>
            <c:strRef>
              <c:f>Sheet1!$A$2:$A$6</c:f>
              <c:strCache>
                <c:ptCount val="5"/>
                <c:pt idx="0">
                  <c:v>Existing Regulations
(No Action)</c:v>
                </c:pt>
                <c:pt idx="1">
                  <c:v>BDCP Regulations 
without North Intake</c:v>
                </c:pt>
                <c:pt idx="2">
                  <c:v>Earthquake 
Scenario</c:v>
                </c:pt>
                <c:pt idx="3">
                  <c:v>NEW 
BDCP/CA Water Fix Preferred (Alt. 4A H3-H4)</c:v>
                </c:pt>
                <c:pt idx="4">
                  <c:v>PREVIOUS 
BDCP Preferred (Alt. 4 H1-H4)</c:v>
                </c:pt>
              </c:strCache>
            </c:strRef>
          </c:cat>
          <c:val>
            <c:numRef>
              <c:f>Sheet1!$B$2:$B$6</c:f>
              <c:numCache>
                <c:formatCode>General</c:formatCode>
                <c:ptCount val="5"/>
                <c:pt idx="0">
                  <c:v>4.7</c:v>
                </c:pt>
                <c:pt idx="1">
                  <c:v>3.5</c:v>
                </c:pt>
                <c:pt idx="2">
                  <c:v>1.5</c:v>
                </c:pt>
                <c:pt idx="3">
                  <c:v>5.3</c:v>
                </c:pt>
                <c:pt idx="4">
                  <c:v>5.6</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6</c:f>
              <c:strCache>
                <c:ptCount val="5"/>
                <c:pt idx="0">
                  <c:v>Existing Regulations
(No Action)</c:v>
                </c:pt>
                <c:pt idx="1">
                  <c:v>BDCP Regulations 
without North Intake</c:v>
                </c:pt>
                <c:pt idx="2">
                  <c:v>Earthquake 
Scenario</c:v>
                </c:pt>
                <c:pt idx="3">
                  <c:v>NEW 
BDCP/CA Water Fix Preferred (Alt. 4A H3-H4)</c:v>
                </c:pt>
                <c:pt idx="4">
                  <c:v>PREVIOUS 
BDCP Preferred (Alt. 4 H1-H4)</c:v>
                </c:pt>
              </c:strCache>
            </c:strRef>
          </c:cat>
          <c:val>
            <c:numRef>
              <c:f>Sheet1!$C$2:$C$6</c:f>
            </c:numRef>
          </c:val>
        </c:ser>
        <c:dLbls>
          <c:showLegendKey val="0"/>
          <c:showVal val="0"/>
          <c:showCatName val="0"/>
          <c:showSerName val="0"/>
          <c:showPercent val="0"/>
          <c:showBubbleSize val="0"/>
        </c:dLbls>
        <c:gapWidth val="80"/>
        <c:overlap val="100"/>
        <c:axId val="384658432"/>
        <c:axId val="384664320"/>
      </c:barChart>
      <c:catAx>
        <c:axId val="384658432"/>
        <c:scaling>
          <c:orientation val="minMax"/>
        </c:scaling>
        <c:delete val="0"/>
        <c:axPos val="b"/>
        <c:numFmt formatCode="General" sourceLinked="0"/>
        <c:majorTickMark val="out"/>
        <c:minorTickMark val="none"/>
        <c:tickLblPos val="nextTo"/>
        <c:txPr>
          <a:bodyPr rot="0" anchor="ctr" anchorCtr="1"/>
          <a:lstStyle/>
          <a:p>
            <a:pPr>
              <a:defRPr sz="1800">
                <a:latin typeface="+mn-lt"/>
                <a:cs typeface="Arial" pitchFamily="34" charset="0"/>
              </a:defRPr>
            </a:pPr>
            <a:endParaRPr lang="en-US"/>
          </a:p>
        </c:txPr>
        <c:crossAx val="384664320"/>
        <c:crosses val="autoZero"/>
        <c:auto val="1"/>
        <c:lblAlgn val="ctr"/>
        <c:lblOffset val="100"/>
        <c:noMultiLvlLbl val="0"/>
      </c:catAx>
      <c:valAx>
        <c:axId val="384664320"/>
        <c:scaling>
          <c:orientation val="minMax"/>
          <c:max val="6.8"/>
          <c:min val="0"/>
        </c:scaling>
        <c:delete val="0"/>
        <c:axPos val="l"/>
        <c:majorGridlines>
          <c:spPr>
            <a:ln>
              <a:solidFill>
                <a:srgbClr val="00297A"/>
              </a:solidFill>
            </a:ln>
          </c:spPr>
        </c:majorGridlines>
        <c:title>
          <c:tx>
            <c:rich>
              <a:bodyPr rot="-5400000" vert="horz"/>
              <a:lstStyle/>
              <a:p>
                <a:pPr>
                  <a:defRPr sz="1600"/>
                </a:pPr>
                <a:r>
                  <a:rPr lang="en-US" sz="1600" b="1" i="0" baseline="0" dirty="0" smtClean="0">
                    <a:effectLst/>
                  </a:rPr>
                  <a:t>SWP-CVP Exports (million AF)</a:t>
                </a:r>
                <a:endParaRPr lang="en-US" sz="1600" dirty="0">
                  <a:effectLst/>
                </a:endParaRPr>
              </a:p>
            </c:rich>
          </c:tx>
          <c:layout>
            <c:manualLayout>
              <c:xMode val="edge"/>
              <c:yMode val="edge"/>
              <c:x val="1.4367816091954023E-3"/>
              <c:y val="0.14744326450117887"/>
            </c:manualLayout>
          </c:layout>
          <c:overlay val="0"/>
        </c:title>
        <c:numFmt formatCode="General" sourceLinked="0"/>
        <c:majorTickMark val="out"/>
        <c:minorTickMark val="none"/>
        <c:tickLblPos val="nextTo"/>
        <c:txPr>
          <a:bodyPr/>
          <a:lstStyle/>
          <a:p>
            <a:pPr>
              <a:defRPr sz="2200"/>
            </a:pPr>
            <a:endParaRPr lang="en-US"/>
          </a:p>
        </c:txPr>
        <c:crossAx val="384658432"/>
        <c:crosses val="autoZero"/>
        <c:crossBetween val="between"/>
        <c:majorUnit val="1"/>
      </c:valAx>
    </c:plotArea>
    <c:plotVisOnly val="1"/>
    <c:dispBlanksAs val="gap"/>
    <c:showDLblsOverMax val="0"/>
  </c:chart>
  <c:txPr>
    <a:bodyPr/>
    <a:lstStyle/>
    <a:p>
      <a:pPr>
        <a:defRPr sz="1800"/>
      </a:pPr>
      <a:endParaRPr lang="en-US"/>
    </a:p>
  </c:txPr>
  <c:externalData r:id="rId2">
    <c:autoUpdate val="0"/>
  </c:externalData>
</c:chartSpace>
</file>

<file path=ppt/charts/chart4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0.13246533342624206"/>
          <c:y val="4.3681640204810461E-2"/>
          <c:w val="0.83136726825076068"/>
          <c:h val="0.72832886943344211"/>
        </c:manualLayout>
      </c:layout>
      <c:barChart>
        <c:barDir val="col"/>
        <c:grouping val="clustered"/>
        <c:varyColors val="0"/>
        <c:ser>
          <c:idx val="0"/>
          <c:order val="0"/>
          <c:tx>
            <c:strRef>
              <c:f>Sheet1!$B$1</c:f>
              <c:strCache>
                <c:ptCount val="1"/>
                <c:pt idx="0">
                  <c:v>Existing Regulations / No Action (2025)</c:v>
                </c:pt>
              </c:strCache>
            </c:strRef>
          </c:tx>
          <c:spPr>
            <a:gradFill flip="none" rotWithShape="1">
              <a:gsLst>
                <a:gs pos="1000">
                  <a:srgbClr val="002148"/>
                </a:gs>
                <a:gs pos="44000">
                  <a:srgbClr val="0070C0"/>
                </a:gs>
                <a:gs pos="100000">
                  <a:srgbClr val="002148"/>
                </a:gs>
              </a:gsLst>
              <a:lin ang="0" scaled="1"/>
              <a:tileRect/>
            </a:gradFill>
            <a:ln>
              <a:noFill/>
            </a:ln>
            <a:scene3d>
              <a:camera prst="orthographicFront"/>
              <a:lightRig rig="threePt" dir="t"/>
            </a:scene3d>
            <a:sp3d>
              <a:bevelT/>
            </a:sp3d>
          </c:spPr>
          <c:invertIfNegative val="0"/>
          <c:dPt>
            <c:idx val="1"/>
            <c:invertIfNegative val="0"/>
            <c:bubble3D val="0"/>
            <c:spPr>
              <a:gradFill>
                <a:gsLst>
                  <a:gs pos="1000">
                    <a:srgbClr val="002148"/>
                  </a:gs>
                  <a:gs pos="44000">
                    <a:srgbClr val="0070C0"/>
                  </a:gs>
                  <a:gs pos="100000">
                    <a:srgbClr val="002148"/>
                  </a:gs>
                </a:gsLst>
                <a:lin ang="0" scaled="1"/>
              </a:gradFill>
              <a:ln w="38100">
                <a:noFill/>
                <a:prstDash val="sysDash"/>
              </a:ln>
              <a:scene3d>
                <a:camera prst="orthographicFront"/>
                <a:lightRig rig="threePt" dir="t"/>
              </a:scene3d>
              <a:sp3d>
                <a:bevelT/>
              </a:sp3d>
            </c:spPr>
          </c:dPt>
          <c:dPt>
            <c:idx val="2"/>
            <c:invertIfNegative val="0"/>
            <c:bubble3D val="0"/>
            <c:spPr>
              <a:gradFill>
                <a:gsLst>
                  <a:gs pos="1000">
                    <a:srgbClr val="002148"/>
                  </a:gs>
                  <a:gs pos="44000">
                    <a:srgbClr val="0070C0"/>
                  </a:gs>
                  <a:gs pos="100000">
                    <a:srgbClr val="002148"/>
                  </a:gs>
                </a:gsLst>
                <a:lin ang="16200000" scaled="1"/>
              </a:gradFill>
              <a:ln>
                <a:noFill/>
              </a:ln>
              <a:scene3d>
                <a:camera prst="orthographicFront"/>
                <a:lightRig rig="threePt" dir="t"/>
              </a:scene3d>
              <a:sp3d>
                <a:bevelT/>
              </a:sp3d>
            </c:spPr>
          </c:dPt>
          <c:dLbls>
            <c:txPr>
              <a:bodyPr/>
              <a:lstStyle/>
              <a:p>
                <a:pPr>
                  <a:defRPr sz="2400"/>
                </a:pPr>
                <a:endParaRPr lang="en-US"/>
              </a:p>
            </c:txPr>
            <c:showLegendKey val="0"/>
            <c:showVal val="1"/>
            <c:showCatName val="0"/>
            <c:showSerName val="0"/>
            <c:showPercent val="0"/>
            <c:showBubbleSize val="0"/>
            <c:showLeaderLines val="0"/>
          </c:dLbls>
          <c:cat>
            <c:strRef>
              <c:f>Sheet1!$A$2:$A$4</c:f>
              <c:strCache>
                <c:ptCount val="3"/>
                <c:pt idx="0">
                  <c:v>Critical / Dry</c:v>
                </c:pt>
                <c:pt idx="1">
                  <c:v>Average</c:v>
                </c:pt>
                <c:pt idx="2">
                  <c:v>Wet</c:v>
                </c:pt>
              </c:strCache>
            </c:strRef>
          </c:cat>
          <c:val>
            <c:numRef>
              <c:f>Sheet1!$B$2:$B$4</c:f>
              <c:numCache>
                <c:formatCode>0.0</c:formatCode>
                <c:ptCount val="3"/>
                <c:pt idx="0">
                  <c:v>3.6</c:v>
                </c:pt>
                <c:pt idx="1">
                  <c:v>4.7</c:v>
                </c:pt>
                <c:pt idx="2">
                  <c:v>5.8</c:v>
                </c:pt>
              </c:numCache>
            </c:numRef>
          </c:val>
        </c:ser>
        <c:ser>
          <c:idx val="1"/>
          <c:order val="1"/>
          <c:tx>
            <c:strRef>
              <c:f>Sheet1!$C$1</c:f>
              <c:strCache>
                <c:ptCount val="1"/>
                <c:pt idx="0">
                  <c:v>9,000 cfs Facility</c:v>
                </c:pt>
              </c:strCache>
            </c:strRef>
          </c:tx>
          <c:spPr>
            <a:gradFill flip="none" rotWithShape="1">
              <a:gsLst>
                <a:gs pos="0">
                  <a:srgbClr val="00518E">
                    <a:shade val="30000"/>
                    <a:satMod val="115000"/>
                  </a:srgbClr>
                </a:gs>
                <a:gs pos="50000">
                  <a:srgbClr val="00518E">
                    <a:shade val="67500"/>
                    <a:satMod val="115000"/>
                  </a:srgbClr>
                </a:gs>
                <a:gs pos="100000">
                  <a:srgbClr val="00518E">
                    <a:shade val="100000"/>
                    <a:satMod val="115000"/>
                  </a:srgbClr>
                </a:gs>
              </a:gsLst>
              <a:lin ang="0" scaled="1"/>
              <a:tileRect/>
            </a:gradFill>
            <a:scene3d>
              <a:camera prst="orthographicFront"/>
              <a:lightRig rig="threePt" dir="t"/>
            </a:scene3d>
            <a:sp3d>
              <a:bevelT/>
            </a:sp3d>
          </c:spPr>
          <c:invertIfNegative val="0"/>
          <c:dLbls>
            <c:numFmt formatCode="#,##0.0" sourceLinked="0"/>
            <c:showLegendKey val="0"/>
            <c:showVal val="1"/>
            <c:showCatName val="0"/>
            <c:showSerName val="0"/>
            <c:showPercent val="0"/>
            <c:showBubbleSize val="0"/>
            <c:showLeaderLines val="0"/>
          </c:dLbls>
          <c:cat>
            <c:strRef>
              <c:f>Sheet1!$A$2:$A$4</c:f>
              <c:strCache>
                <c:ptCount val="3"/>
                <c:pt idx="0">
                  <c:v>Critical / Dry</c:v>
                </c:pt>
                <c:pt idx="1">
                  <c:v>Average</c:v>
                </c:pt>
                <c:pt idx="2">
                  <c:v>Wet</c:v>
                </c:pt>
              </c:strCache>
            </c:strRef>
          </c:cat>
          <c:val>
            <c:numRef>
              <c:f>Sheet1!$C$2:$C$4</c:f>
            </c:numRef>
          </c:val>
        </c:ser>
        <c:ser>
          <c:idx val="2"/>
          <c:order val="2"/>
          <c:tx>
            <c:strRef>
              <c:f>Sheet1!$D$1</c:f>
              <c:strCache>
                <c:ptCount val="1"/>
                <c:pt idx="0">
                  <c:v>Cal Water Fix Alt 4a (2025)</c:v>
                </c:pt>
              </c:strCache>
            </c:strRef>
          </c:tx>
          <c:spPr>
            <a:solidFill>
              <a:srgbClr val="9E9273">
                <a:lumMod val="75000"/>
              </a:srgbClr>
            </a:solidFill>
            <a:ln w="9525" cap="flat" cmpd="sng" algn="ctr">
              <a:solidFill>
                <a:srgbClr val="9E9273"/>
              </a:solidFill>
              <a:prstDash val="solid"/>
            </a:ln>
            <a:effectLst>
              <a:outerShdw blurRad="50800" dist="38100" dir="5400000" rotWithShape="0">
                <a:srgbClr val="000000">
                  <a:alpha val="35000"/>
                </a:srgbClr>
              </a:outerShdw>
            </a:effectLst>
            <a:scene3d>
              <a:camera prst="orthographicFront"/>
              <a:lightRig rig="threePt" dir="t"/>
            </a:scene3d>
            <a:sp3d>
              <a:bevelT/>
            </a:sp3d>
          </c:spPr>
          <c:invertIfNegative val="0"/>
          <c:dLbls>
            <c:dLbl>
              <c:idx val="0"/>
              <c:layout/>
              <c:tx>
                <c:rich>
                  <a:bodyPr/>
                  <a:lstStyle/>
                  <a:p>
                    <a:r>
                      <a:rPr lang="en-US" dirty="0" smtClean="0"/>
                      <a:t>3.3 - 3.6</a:t>
                    </a:r>
                    <a:endParaRPr lang="en-US" dirty="0"/>
                  </a:p>
                </c:rich>
              </c:tx>
              <c:showLegendKey val="0"/>
              <c:showVal val="1"/>
              <c:showCatName val="0"/>
              <c:showSerName val="0"/>
              <c:showPercent val="0"/>
              <c:showBubbleSize val="0"/>
            </c:dLbl>
            <c:dLbl>
              <c:idx val="1"/>
              <c:layout/>
              <c:tx>
                <c:rich>
                  <a:bodyPr/>
                  <a:lstStyle/>
                  <a:p>
                    <a:r>
                      <a:rPr lang="en-US" dirty="0" smtClean="0"/>
                      <a:t>4.7 - 5.3</a:t>
                    </a:r>
                    <a:endParaRPr lang="en-US" dirty="0"/>
                  </a:p>
                </c:rich>
              </c:tx>
              <c:showLegendKey val="0"/>
              <c:showVal val="1"/>
              <c:showCatName val="0"/>
              <c:showSerName val="0"/>
              <c:showPercent val="0"/>
              <c:showBubbleSize val="0"/>
            </c:dLbl>
            <c:dLbl>
              <c:idx val="2"/>
              <c:layout/>
              <c:tx>
                <c:rich>
                  <a:bodyPr/>
                  <a:lstStyle/>
                  <a:p>
                    <a:r>
                      <a:rPr lang="en-US" dirty="0" smtClean="0"/>
                      <a:t>6.0 - 6.7</a:t>
                    </a:r>
                    <a:endParaRPr lang="en-US" dirty="0"/>
                  </a:p>
                </c:rich>
              </c:tx>
              <c:showLegendKey val="0"/>
              <c:showVal val="1"/>
              <c:showCatName val="0"/>
              <c:showSerName val="0"/>
              <c:showPercent val="0"/>
              <c:showBubbleSize val="0"/>
            </c:dLbl>
            <c:txPr>
              <a:bodyPr/>
              <a:lstStyle/>
              <a:p>
                <a:pPr>
                  <a:defRPr sz="2400"/>
                </a:pPr>
                <a:endParaRPr lang="en-US"/>
              </a:p>
            </c:txPr>
            <c:showLegendKey val="0"/>
            <c:showVal val="1"/>
            <c:showCatName val="0"/>
            <c:showSerName val="0"/>
            <c:showPercent val="0"/>
            <c:showBubbleSize val="0"/>
            <c:showLeaderLines val="0"/>
          </c:dLbls>
          <c:cat>
            <c:strRef>
              <c:f>Sheet1!$A$2:$A$4</c:f>
              <c:strCache>
                <c:ptCount val="3"/>
                <c:pt idx="0">
                  <c:v>Critical / Dry</c:v>
                </c:pt>
                <c:pt idx="1">
                  <c:v>Average</c:v>
                </c:pt>
                <c:pt idx="2">
                  <c:v>Wet</c:v>
                </c:pt>
              </c:strCache>
            </c:strRef>
          </c:cat>
          <c:val>
            <c:numRef>
              <c:f>Sheet1!$D$2:$D$4</c:f>
              <c:numCache>
                <c:formatCode>0.0</c:formatCode>
                <c:ptCount val="3"/>
                <c:pt idx="0">
                  <c:v>3.6</c:v>
                </c:pt>
                <c:pt idx="1">
                  <c:v>5.3</c:v>
                </c:pt>
                <c:pt idx="2">
                  <c:v>6.7</c:v>
                </c:pt>
              </c:numCache>
            </c:numRef>
          </c:val>
        </c:ser>
        <c:dLbls>
          <c:showLegendKey val="0"/>
          <c:showVal val="0"/>
          <c:showCatName val="0"/>
          <c:showSerName val="0"/>
          <c:showPercent val="0"/>
          <c:showBubbleSize val="0"/>
        </c:dLbls>
        <c:gapWidth val="80"/>
        <c:axId val="385458176"/>
        <c:axId val="385459712"/>
      </c:barChart>
      <c:catAx>
        <c:axId val="385458176"/>
        <c:scaling>
          <c:orientation val="minMax"/>
        </c:scaling>
        <c:delete val="0"/>
        <c:axPos val="b"/>
        <c:numFmt formatCode="General" sourceLinked="0"/>
        <c:majorTickMark val="out"/>
        <c:minorTickMark val="none"/>
        <c:tickLblPos val="nextTo"/>
        <c:txPr>
          <a:bodyPr rot="0" anchor="ctr" anchorCtr="1"/>
          <a:lstStyle/>
          <a:p>
            <a:pPr>
              <a:defRPr sz="2400">
                <a:latin typeface="+mn-lt"/>
                <a:cs typeface="Arial" pitchFamily="34" charset="0"/>
              </a:defRPr>
            </a:pPr>
            <a:endParaRPr lang="en-US"/>
          </a:p>
        </c:txPr>
        <c:crossAx val="385459712"/>
        <c:crosses val="autoZero"/>
        <c:auto val="1"/>
        <c:lblAlgn val="ctr"/>
        <c:lblOffset val="100"/>
        <c:noMultiLvlLbl val="0"/>
      </c:catAx>
      <c:valAx>
        <c:axId val="385459712"/>
        <c:scaling>
          <c:orientation val="minMax"/>
          <c:max val="7.4"/>
          <c:min val="0"/>
        </c:scaling>
        <c:delete val="0"/>
        <c:axPos val="l"/>
        <c:majorGridlines>
          <c:spPr>
            <a:ln>
              <a:solidFill>
                <a:srgbClr val="00297A"/>
              </a:solidFill>
            </a:ln>
          </c:spPr>
        </c:majorGridlines>
        <c:title>
          <c:tx>
            <c:rich>
              <a:bodyPr rot="-5400000" vert="horz"/>
              <a:lstStyle/>
              <a:p>
                <a:pPr>
                  <a:defRPr sz="2400"/>
                </a:pPr>
                <a:r>
                  <a:rPr lang="en-US" sz="2000" dirty="0" smtClean="0">
                    <a:solidFill>
                      <a:srgbClr val="FFC000"/>
                    </a:solidFill>
                  </a:rPr>
                  <a:t>SWP-CVP Exports (million AF)</a:t>
                </a:r>
                <a:endParaRPr lang="en-US" sz="2000" dirty="0">
                  <a:solidFill>
                    <a:srgbClr val="FFC000"/>
                  </a:solidFill>
                </a:endParaRPr>
              </a:p>
            </c:rich>
          </c:tx>
          <c:layout>
            <c:manualLayout>
              <c:xMode val="edge"/>
              <c:yMode val="edge"/>
              <c:x val="1.4699625454449744E-2"/>
              <c:y val="8.6076526859621388E-2"/>
            </c:manualLayout>
          </c:layout>
          <c:overlay val="0"/>
        </c:title>
        <c:numFmt formatCode="General" sourceLinked="0"/>
        <c:majorTickMark val="out"/>
        <c:minorTickMark val="none"/>
        <c:tickLblPos val="nextTo"/>
        <c:txPr>
          <a:bodyPr/>
          <a:lstStyle/>
          <a:p>
            <a:pPr>
              <a:defRPr sz="2200"/>
            </a:pPr>
            <a:endParaRPr lang="en-US"/>
          </a:p>
        </c:txPr>
        <c:crossAx val="385458176"/>
        <c:crosses val="autoZero"/>
        <c:crossBetween val="between"/>
        <c:majorUnit val="1"/>
      </c:valAx>
    </c:plotArea>
    <c:plotVisOnly val="1"/>
    <c:dispBlanksAs val="gap"/>
    <c:showDLblsOverMax val="0"/>
  </c:chart>
  <c:txPr>
    <a:bodyPr/>
    <a:lstStyle/>
    <a:p>
      <a:pPr>
        <a:defRPr sz="1800"/>
      </a:pPr>
      <a:endParaRPr lang="en-US"/>
    </a:p>
  </c:txPr>
  <c:externalData r:id="rId2">
    <c:autoUpdate val="0"/>
  </c:externalData>
</c:chartSpace>
</file>

<file path=ppt/charts/chart4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dk1" tx1="lt1" bg2="dk2" tx2="lt2" accent1="accent1" accent2="accent2" accent3="accent3" accent4="accent4" accent5="accent5" accent6="accent6" hlink="hlink" folHlink="folHlink"/>
  <c:chart>
    <c:autoTitleDeleted val="1"/>
    <c:plotArea>
      <c:layout>
        <c:manualLayout>
          <c:layoutTarget val="inner"/>
          <c:xMode val="edge"/>
          <c:yMode val="edge"/>
          <c:x val="0.13246533342624206"/>
          <c:y val="4.3681640204810461E-2"/>
          <c:w val="0.83136726825076068"/>
          <c:h val="0.72832886943344211"/>
        </c:manualLayout>
      </c:layout>
      <c:lineChart>
        <c:grouping val="standard"/>
        <c:varyColors val="0"/>
        <c:ser>
          <c:idx val="0"/>
          <c:order val="0"/>
          <c:tx>
            <c:strRef>
              <c:f>Sheet1!$B$1</c:f>
              <c:strCache>
                <c:ptCount val="1"/>
                <c:pt idx="0">
                  <c:v>Existing Regulations / No Action (2015-2020)</c:v>
                </c:pt>
              </c:strCache>
            </c:strRef>
          </c:tx>
          <c:spPr>
            <a:ln w="76200">
              <a:solidFill>
                <a:srgbClr val="94B6D2"/>
              </a:solidFill>
            </a:ln>
            <a:effectLst>
              <a:outerShdw blurRad="50800" dist="38100" dir="2700000" algn="tl" rotWithShape="0">
                <a:prstClr val="black"/>
              </a:outerShdw>
            </a:effectLst>
          </c:spPr>
          <c:marker>
            <c:symbol val="none"/>
          </c:marker>
          <c:dPt>
            <c:idx val="1"/>
            <c:bubble3D val="0"/>
            <c:spPr>
              <a:ln w="76200">
                <a:solidFill>
                  <a:srgbClr val="94B6D2"/>
                </a:solidFill>
              </a:ln>
              <a:effectLst>
                <a:outerShdw blurRad="50800" dist="38100" dir="2700000" algn="tl" rotWithShape="0">
                  <a:prstClr val="black"/>
                </a:outerShdw>
              </a:effectLst>
            </c:spPr>
          </c:dPt>
          <c:dPt>
            <c:idx val="2"/>
            <c:bubble3D val="0"/>
            <c:spPr>
              <a:ln w="76200">
                <a:solidFill>
                  <a:srgbClr val="94B6D2"/>
                </a:solidFill>
              </a:ln>
              <a:effectLst>
                <a:outerShdw blurRad="50800" dist="38100" dir="2700000" algn="tl" rotWithShape="0">
                  <a:prstClr val="black"/>
                </a:outerShdw>
              </a:effectLst>
            </c:spPr>
          </c:dPt>
          <c:dLbls>
            <c:delete val="1"/>
          </c:dLbls>
          <c:cat>
            <c:numRef>
              <c:f>Sheet1!$A$2:$A$21</c:f>
              <c:numCache>
                <c:formatCode>General</c:formatCode>
                <c:ptCount val="20"/>
                <c:pt idx="0">
                  <c:v>2014</c:v>
                </c:pt>
                <c:pt idx="1">
                  <c:v>2015</c:v>
                </c:pt>
                <c:pt idx="2">
                  <c:v>2016</c:v>
                </c:pt>
                <c:pt idx="3">
                  <c:v>2017</c:v>
                </c:pt>
                <c:pt idx="4">
                  <c:v>2018</c:v>
                </c:pt>
                <c:pt idx="5">
                  <c:v>2019</c:v>
                </c:pt>
                <c:pt idx="6">
                  <c:v>2020</c:v>
                </c:pt>
                <c:pt idx="7">
                  <c:v>2021</c:v>
                </c:pt>
                <c:pt idx="8">
                  <c:v>2022</c:v>
                </c:pt>
                <c:pt idx="9">
                  <c:v>2023</c:v>
                </c:pt>
                <c:pt idx="10">
                  <c:v>2024</c:v>
                </c:pt>
                <c:pt idx="11">
                  <c:v>2025</c:v>
                </c:pt>
                <c:pt idx="12">
                  <c:v>2026</c:v>
                </c:pt>
                <c:pt idx="13">
                  <c:v>2027</c:v>
                </c:pt>
                <c:pt idx="14">
                  <c:v>2028</c:v>
                </c:pt>
                <c:pt idx="15">
                  <c:v>2029</c:v>
                </c:pt>
                <c:pt idx="16">
                  <c:v>2030</c:v>
                </c:pt>
                <c:pt idx="17">
                  <c:v>2031</c:v>
                </c:pt>
                <c:pt idx="18">
                  <c:v>2032</c:v>
                </c:pt>
                <c:pt idx="19">
                  <c:v>2033</c:v>
                </c:pt>
              </c:numCache>
            </c:numRef>
          </c:cat>
          <c:val>
            <c:numRef>
              <c:f>Sheet1!$B$2:$B$21</c:f>
              <c:numCache>
                <c:formatCode>0.00</c:formatCode>
                <c:ptCount val="20"/>
                <c:pt idx="0">
                  <c:v>4.9000000000000004</c:v>
                </c:pt>
                <c:pt idx="1">
                  <c:v>4.9000000000000004</c:v>
                </c:pt>
                <c:pt idx="2">
                  <c:v>4.88</c:v>
                </c:pt>
                <c:pt idx="3">
                  <c:v>4.8600000000000003</c:v>
                </c:pt>
                <c:pt idx="4">
                  <c:v>4.84</c:v>
                </c:pt>
                <c:pt idx="5">
                  <c:v>4.82</c:v>
                </c:pt>
                <c:pt idx="6">
                  <c:v>4.8</c:v>
                </c:pt>
              </c:numCache>
            </c:numRef>
          </c:val>
          <c:smooth val="0"/>
        </c:ser>
        <c:ser>
          <c:idx val="1"/>
          <c:order val="1"/>
          <c:tx>
            <c:strRef>
              <c:f>Sheet1!$C$1</c:f>
              <c:strCache>
                <c:ptCount val="1"/>
                <c:pt idx="0">
                  <c:v>Existing Regulations / No Action (2020 - 2030)</c:v>
                </c:pt>
              </c:strCache>
            </c:strRef>
          </c:tx>
          <c:spPr>
            <a:ln w="76200">
              <a:solidFill>
                <a:srgbClr val="DD8047">
                  <a:lumMod val="75000"/>
                </a:srgbClr>
              </a:solidFill>
            </a:ln>
            <a:effectLst>
              <a:outerShdw blurRad="50800" dist="38100" dir="2700000" algn="tl" rotWithShape="0">
                <a:prstClr val="black"/>
              </a:outerShdw>
            </a:effectLst>
          </c:spPr>
          <c:marker>
            <c:symbol val="none"/>
          </c:marker>
          <c:dLbls>
            <c:delete val="1"/>
          </c:dLbls>
          <c:cat>
            <c:numRef>
              <c:f>Sheet1!$A$2:$A$21</c:f>
              <c:numCache>
                <c:formatCode>General</c:formatCode>
                <c:ptCount val="20"/>
                <c:pt idx="0">
                  <c:v>2014</c:v>
                </c:pt>
                <c:pt idx="1">
                  <c:v>2015</c:v>
                </c:pt>
                <c:pt idx="2">
                  <c:v>2016</c:v>
                </c:pt>
                <c:pt idx="3">
                  <c:v>2017</c:v>
                </c:pt>
                <c:pt idx="4">
                  <c:v>2018</c:v>
                </c:pt>
                <c:pt idx="5">
                  <c:v>2019</c:v>
                </c:pt>
                <c:pt idx="6">
                  <c:v>2020</c:v>
                </c:pt>
                <c:pt idx="7">
                  <c:v>2021</c:v>
                </c:pt>
                <c:pt idx="8">
                  <c:v>2022</c:v>
                </c:pt>
                <c:pt idx="9">
                  <c:v>2023</c:v>
                </c:pt>
                <c:pt idx="10">
                  <c:v>2024</c:v>
                </c:pt>
                <c:pt idx="11">
                  <c:v>2025</c:v>
                </c:pt>
                <c:pt idx="12">
                  <c:v>2026</c:v>
                </c:pt>
                <c:pt idx="13">
                  <c:v>2027</c:v>
                </c:pt>
                <c:pt idx="14">
                  <c:v>2028</c:v>
                </c:pt>
                <c:pt idx="15">
                  <c:v>2029</c:v>
                </c:pt>
                <c:pt idx="16">
                  <c:v>2030</c:v>
                </c:pt>
                <c:pt idx="17">
                  <c:v>2031</c:v>
                </c:pt>
                <c:pt idx="18">
                  <c:v>2032</c:v>
                </c:pt>
                <c:pt idx="19">
                  <c:v>2033</c:v>
                </c:pt>
              </c:numCache>
            </c:numRef>
          </c:cat>
          <c:val>
            <c:numRef>
              <c:f>Sheet1!$C$2:$C$21</c:f>
              <c:numCache>
                <c:formatCode>General</c:formatCode>
                <c:ptCount val="20"/>
                <c:pt idx="6" formatCode="0.00">
                  <c:v>3.6</c:v>
                </c:pt>
                <c:pt idx="7" formatCode="0.00">
                  <c:v>3.5750000000000002</c:v>
                </c:pt>
                <c:pt idx="8" formatCode="0.00">
                  <c:v>3.55</c:v>
                </c:pt>
                <c:pt idx="9" formatCode="0.00">
                  <c:v>3.5274999999999999</c:v>
                </c:pt>
                <c:pt idx="10" formatCode="0.00">
                  <c:v>3.5</c:v>
                </c:pt>
                <c:pt idx="11" formatCode="0.00">
                  <c:v>3.48</c:v>
                </c:pt>
                <c:pt idx="12" formatCode="0.00">
                  <c:v>3.46</c:v>
                </c:pt>
                <c:pt idx="13" formatCode="0.00">
                  <c:v>3.44</c:v>
                </c:pt>
                <c:pt idx="14" formatCode="0.00">
                  <c:v>3.42</c:v>
                </c:pt>
                <c:pt idx="15" formatCode="0.00">
                  <c:v>3.4</c:v>
                </c:pt>
                <c:pt idx="16" formatCode="0.00">
                  <c:v>3.38</c:v>
                </c:pt>
              </c:numCache>
            </c:numRef>
          </c:val>
          <c:smooth val="0"/>
        </c:ser>
        <c:ser>
          <c:idx val="2"/>
          <c:order val="2"/>
          <c:tx>
            <c:strRef>
              <c:f>Sheet1!$D$1</c:f>
              <c:strCache>
                <c:ptCount val="1"/>
                <c:pt idx="0">
                  <c:v>Cal Water Fix Alt 4a 
(2020 - 2030)</c:v>
                </c:pt>
              </c:strCache>
            </c:strRef>
          </c:tx>
          <c:spPr>
            <a:ln w="76200" cap="flat" cmpd="sng" algn="ctr">
              <a:solidFill>
                <a:srgbClr val="94B6D2"/>
              </a:solidFill>
              <a:prstDash val="solid"/>
            </a:ln>
            <a:effectLst>
              <a:outerShdw blurRad="50800" dist="38100" dir="2700000" algn="tl" rotWithShape="0">
                <a:prstClr val="black"/>
              </a:outerShdw>
            </a:effectLst>
          </c:spPr>
          <c:marker>
            <c:symbol val="none"/>
          </c:marker>
          <c:dLbls>
            <c:delete val="1"/>
          </c:dLbls>
          <c:cat>
            <c:numRef>
              <c:f>Sheet1!$A$2:$A$21</c:f>
              <c:numCache>
                <c:formatCode>General</c:formatCode>
                <c:ptCount val="20"/>
                <c:pt idx="0">
                  <c:v>2014</c:v>
                </c:pt>
                <c:pt idx="1">
                  <c:v>2015</c:v>
                </c:pt>
                <c:pt idx="2">
                  <c:v>2016</c:v>
                </c:pt>
                <c:pt idx="3">
                  <c:v>2017</c:v>
                </c:pt>
                <c:pt idx="4">
                  <c:v>2018</c:v>
                </c:pt>
                <c:pt idx="5">
                  <c:v>2019</c:v>
                </c:pt>
                <c:pt idx="6">
                  <c:v>2020</c:v>
                </c:pt>
                <c:pt idx="7">
                  <c:v>2021</c:v>
                </c:pt>
                <c:pt idx="8">
                  <c:v>2022</c:v>
                </c:pt>
                <c:pt idx="9">
                  <c:v>2023</c:v>
                </c:pt>
                <c:pt idx="10">
                  <c:v>2024</c:v>
                </c:pt>
                <c:pt idx="11">
                  <c:v>2025</c:v>
                </c:pt>
                <c:pt idx="12">
                  <c:v>2026</c:v>
                </c:pt>
                <c:pt idx="13">
                  <c:v>2027</c:v>
                </c:pt>
                <c:pt idx="14">
                  <c:v>2028</c:v>
                </c:pt>
                <c:pt idx="15">
                  <c:v>2029</c:v>
                </c:pt>
                <c:pt idx="16">
                  <c:v>2030</c:v>
                </c:pt>
                <c:pt idx="17">
                  <c:v>2031</c:v>
                </c:pt>
                <c:pt idx="18">
                  <c:v>2032</c:v>
                </c:pt>
                <c:pt idx="19">
                  <c:v>2033</c:v>
                </c:pt>
              </c:numCache>
            </c:numRef>
          </c:cat>
          <c:val>
            <c:numRef>
              <c:f>Sheet1!$D$2:$D$21</c:f>
              <c:numCache>
                <c:formatCode>General</c:formatCode>
                <c:ptCount val="20"/>
                <c:pt idx="6" formatCode="0.00">
                  <c:v>4.8</c:v>
                </c:pt>
                <c:pt idx="7" formatCode="0.00">
                  <c:v>4.7866666666666662</c:v>
                </c:pt>
                <c:pt idx="8" formatCode="0.00">
                  <c:v>4.7733333333333325</c:v>
                </c:pt>
                <c:pt idx="9" formatCode="0.00">
                  <c:v>4.7599999999999989</c:v>
                </c:pt>
                <c:pt idx="10" formatCode="0.00">
                  <c:v>4.7466666666666653</c:v>
                </c:pt>
                <c:pt idx="11" formatCode="0.00">
                  <c:v>4.7333333333333316</c:v>
                </c:pt>
                <c:pt idx="12" formatCode="0.00">
                  <c:v>4.719999999999998</c:v>
                </c:pt>
                <c:pt idx="13" formatCode="0.00">
                  <c:v>4.7066666666666643</c:v>
                </c:pt>
                <c:pt idx="14" formatCode="0.00">
                  <c:v>4.6933333333333307</c:v>
                </c:pt>
                <c:pt idx="15" formatCode="0.00">
                  <c:v>4.6799999999999971</c:v>
                </c:pt>
                <c:pt idx="16" formatCode="0.00">
                  <c:v>4.63</c:v>
                </c:pt>
              </c:numCache>
            </c:numRef>
          </c:val>
          <c:smooth val="0"/>
        </c:ser>
        <c:ser>
          <c:idx val="3"/>
          <c:order val="3"/>
          <c:tx>
            <c:strRef>
              <c:f>Sheet1!$E$1</c:f>
              <c:strCache>
                <c:ptCount val="1"/>
                <c:pt idx="0">
                  <c:v>Cal Water Fix Alt 4a 
(2020 - 2030)2</c:v>
                </c:pt>
              </c:strCache>
            </c:strRef>
          </c:tx>
          <c:spPr>
            <a:ln w="76200">
              <a:solidFill>
                <a:srgbClr val="94B6D2"/>
              </a:solidFill>
            </a:ln>
          </c:spPr>
          <c:marker>
            <c:symbol val="none"/>
          </c:marker>
          <c:dLbls>
            <c:delete val="1"/>
          </c:dLbls>
          <c:cat>
            <c:numRef>
              <c:f>Sheet1!$A$2:$A$21</c:f>
              <c:numCache>
                <c:formatCode>General</c:formatCode>
                <c:ptCount val="20"/>
                <c:pt idx="0">
                  <c:v>2014</c:v>
                </c:pt>
                <c:pt idx="1">
                  <c:v>2015</c:v>
                </c:pt>
                <c:pt idx="2">
                  <c:v>2016</c:v>
                </c:pt>
                <c:pt idx="3">
                  <c:v>2017</c:v>
                </c:pt>
                <c:pt idx="4">
                  <c:v>2018</c:v>
                </c:pt>
                <c:pt idx="5">
                  <c:v>2019</c:v>
                </c:pt>
                <c:pt idx="6">
                  <c:v>2020</c:v>
                </c:pt>
                <c:pt idx="7">
                  <c:v>2021</c:v>
                </c:pt>
                <c:pt idx="8">
                  <c:v>2022</c:v>
                </c:pt>
                <c:pt idx="9">
                  <c:v>2023</c:v>
                </c:pt>
                <c:pt idx="10">
                  <c:v>2024</c:v>
                </c:pt>
                <c:pt idx="11">
                  <c:v>2025</c:v>
                </c:pt>
                <c:pt idx="12">
                  <c:v>2026</c:v>
                </c:pt>
                <c:pt idx="13">
                  <c:v>2027</c:v>
                </c:pt>
                <c:pt idx="14">
                  <c:v>2028</c:v>
                </c:pt>
                <c:pt idx="15">
                  <c:v>2029</c:v>
                </c:pt>
                <c:pt idx="16">
                  <c:v>2030</c:v>
                </c:pt>
                <c:pt idx="17">
                  <c:v>2031</c:v>
                </c:pt>
                <c:pt idx="18">
                  <c:v>2032</c:v>
                </c:pt>
                <c:pt idx="19">
                  <c:v>2033</c:v>
                </c:pt>
              </c:numCache>
            </c:numRef>
          </c:cat>
          <c:val>
            <c:numRef>
              <c:f>Sheet1!$E$2:$E$21</c:f>
              <c:numCache>
                <c:formatCode>General</c:formatCode>
                <c:ptCount val="20"/>
                <c:pt idx="16" formatCode="0.00">
                  <c:v>4.7</c:v>
                </c:pt>
                <c:pt idx="17" formatCode="0.00">
                  <c:v>4.7</c:v>
                </c:pt>
                <c:pt idx="18" formatCode="0.00">
                  <c:v>4.7</c:v>
                </c:pt>
              </c:numCache>
            </c:numRef>
          </c:val>
          <c:smooth val="0"/>
        </c:ser>
        <c:ser>
          <c:idx val="4"/>
          <c:order val="4"/>
          <c:tx>
            <c:strRef>
              <c:f>Sheet1!$F$1</c:f>
              <c:strCache>
                <c:ptCount val="1"/>
                <c:pt idx="0">
                  <c:v>Cal Water Fix Alt 4a 
(2020 - 2030)3</c:v>
                </c:pt>
              </c:strCache>
            </c:strRef>
          </c:tx>
          <c:spPr>
            <a:ln w="76200"/>
          </c:spPr>
          <c:marker>
            <c:symbol val="none"/>
          </c:marker>
          <c:dLbls>
            <c:delete val="1"/>
          </c:dLbls>
          <c:cat>
            <c:numRef>
              <c:f>Sheet1!$A$2:$A$21</c:f>
              <c:numCache>
                <c:formatCode>General</c:formatCode>
                <c:ptCount val="20"/>
                <c:pt idx="0">
                  <c:v>2014</c:v>
                </c:pt>
                <c:pt idx="1">
                  <c:v>2015</c:v>
                </c:pt>
                <c:pt idx="2">
                  <c:v>2016</c:v>
                </c:pt>
                <c:pt idx="3">
                  <c:v>2017</c:v>
                </c:pt>
                <c:pt idx="4">
                  <c:v>2018</c:v>
                </c:pt>
                <c:pt idx="5">
                  <c:v>2019</c:v>
                </c:pt>
                <c:pt idx="6">
                  <c:v>2020</c:v>
                </c:pt>
                <c:pt idx="7">
                  <c:v>2021</c:v>
                </c:pt>
                <c:pt idx="8">
                  <c:v>2022</c:v>
                </c:pt>
                <c:pt idx="9">
                  <c:v>2023</c:v>
                </c:pt>
                <c:pt idx="10">
                  <c:v>2024</c:v>
                </c:pt>
                <c:pt idx="11">
                  <c:v>2025</c:v>
                </c:pt>
                <c:pt idx="12">
                  <c:v>2026</c:v>
                </c:pt>
                <c:pt idx="13">
                  <c:v>2027</c:v>
                </c:pt>
                <c:pt idx="14">
                  <c:v>2028</c:v>
                </c:pt>
                <c:pt idx="15">
                  <c:v>2029</c:v>
                </c:pt>
                <c:pt idx="16">
                  <c:v>2030</c:v>
                </c:pt>
                <c:pt idx="17">
                  <c:v>2031</c:v>
                </c:pt>
                <c:pt idx="18">
                  <c:v>2032</c:v>
                </c:pt>
                <c:pt idx="19">
                  <c:v>2033</c:v>
                </c:pt>
              </c:numCache>
            </c:numRef>
          </c:cat>
          <c:val>
            <c:numRef>
              <c:f>Sheet1!$F$2:$F$21</c:f>
              <c:numCache>
                <c:formatCode>General</c:formatCode>
                <c:ptCount val="20"/>
                <c:pt idx="16" formatCode="0.00">
                  <c:v>5.3</c:v>
                </c:pt>
                <c:pt idx="17" formatCode="0.00">
                  <c:v>5.3</c:v>
                </c:pt>
                <c:pt idx="18" formatCode="0.00">
                  <c:v>5.3</c:v>
                </c:pt>
              </c:numCache>
            </c:numRef>
          </c:val>
          <c:smooth val="0"/>
        </c:ser>
        <c:dLbls>
          <c:showLegendKey val="0"/>
          <c:showVal val="1"/>
          <c:showCatName val="0"/>
          <c:showSerName val="0"/>
          <c:showPercent val="0"/>
          <c:showBubbleSize val="0"/>
        </c:dLbls>
        <c:marker val="1"/>
        <c:smooth val="0"/>
        <c:axId val="385247104"/>
        <c:axId val="385248640"/>
      </c:lineChart>
      <c:catAx>
        <c:axId val="385247104"/>
        <c:scaling>
          <c:orientation val="minMax"/>
        </c:scaling>
        <c:delete val="0"/>
        <c:axPos val="b"/>
        <c:numFmt formatCode="General" sourceLinked="0"/>
        <c:majorTickMark val="out"/>
        <c:minorTickMark val="none"/>
        <c:tickLblPos val="nextTo"/>
        <c:txPr>
          <a:bodyPr rot="-2520000" anchor="ctr" anchorCtr="1"/>
          <a:lstStyle/>
          <a:p>
            <a:pPr>
              <a:defRPr sz="2000">
                <a:latin typeface="+mn-lt"/>
                <a:cs typeface="Arial" pitchFamily="34" charset="0"/>
              </a:defRPr>
            </a:pPr>
            <a:endParaRPr lang="en-US"/>
          </a:p>
        </c:txPr>
        <c:crossAx val="385248640"/>
        <c:crosses val="autoZero"/>
        <c:auto val="1"/>
        <c:lblAlgn val="ctr"/>
        <c:lblOffset val="100"/>
        <c:tickLblSkip val="2"/>
        <c:noMultiLvlLbl val="0"/>
      </c:catAx>
      <c:valAx>
        <c:axId val="385248640"/>
        <c:scaling>
          <c:orientation val="minMax"/>
          <c:max val="6"/>
          <c:min val="2"/>
        </c:scaling>
        <c:delete val="0"/>
        <c:axPos val="l"/>
        <c:majorGridlines>
          <c:spPr>
            <a:ln>
              <a:solidFill>
                <a:srgbClr val="00297A"/>
              </a:solidFill>
            </a:ln>
          </c:spPr>
        </c:majorGridlines>
        <c:title>
          <c:tx>
            <c:rich>
              <a:bodyPr rot="-5400000" vert="horz"/>
              <a:lstStyle/>
              <a:p>
                <a:pPr>
                  <a:defRPr sz="2400">
                    <a:solidFill>
                      <a:schemeClr val="accent4"/>
                    </a:solidFill>
                  </a:defRPr>
                </a:pPr>
                <a:r>
                  <a:rPr lang="en-US" sz="2000" dirty="0" smtClean="0">
                    <a:solidFill>
                      <a:schemeClr val="accent4"/>
                    </a:solidFill>
                  </a:rPr>
                  <a:t>SWP-CVP Exports (million AF)</a:t>
                </a:r>
                <a:endParaRPr lang="en-US" sz="2000" dirty="0">
                  <a:solidFill>
                    <a:schemeClr val="accent4"/>
                  </a:solidFill>
                </a:endParaRPr>
              </a:p>
            </c:rich>
          </c:tx>
          <c:layout>
            <c:manualLayout>
              <c:xMode val="edge"/>
              <c:yMode val="edge"/>
              <c:x val="1.4699625454449744E-2"/>
              <c:y val="8.6076526859621388E-2"/>
            </c:manualLayout>
          </c:layout>
          <c:overlay val="0"/>
        </c:title>
        <c:numFmt formatCode="General" sourceLinked="0"/>
        <c:majorTickMark val="out"/>
        <c:minorTickMark val="none"/>
        <c:tickLblPos val="nextTo"/>
        <c:txPr>
          <a:bodyPr/>
          <a:lstStyle/>
          <a:p>
            <a:pPr>
              <a:defRPr sz="2200"/>
            </a:pPr>
            <a:endParaRPr lang="en-US"/>
          </a:p>
        </c:txPr>
        <c:crossAx val="385247104"/>
        <c:crosses val="autoZero"/>
        <c:crossBetween val="between"/>
        <c:majorUnit val="1"/>
      </c:valAx>
    </c:plotArea>
    <c:plotVisOnly val="1"/>
    <c:dispBlanksAs val="gap"/>
    <c:showDLblsOverMax val="0"/>
  </c:chart>
  <c:txPr>
    <a:bodyPr/>
    <a:lstStyle/>
    <a:p>
      <a:pPr>
        <a:defRPr sz="1800"/>
      </a:pPr>
      <a:endParaRPr lang="en-US"/>
    </a:p>
  </c:txPr>
  <c:externalData r:id="rId2">
    <c:autoUpdate val="0"/>
  </c:externalData>
</c:chartSpace>
</file>

<file path=ppt/charts/chart4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7846925384327358"/>
          <c:y val="4.0020438019018133E-2"/>
          <c:w val="0.72304625984251969"/>
          <c:h val="0.86060345940365335"/>
        </c:manualLayout>
      </c:layout>
      <c:lineChart>
        <c:grouping val="standard"/>
        <c:varyColors val="0"/>
        <c:ser>
          <c:idx val="0"/>
          <c:order val="0"/>
          <c:tx>
            <c:strRef>
              <c:f>Sheet1!$B$1</c:f>
              <c:strCache>
                <c:ptCount val="1"/>
                <c:pt idx="0">
                  <c:v>Model Run</c:v>
                </c:pt>
              </c:strCache>
            </c:strRef>
          </c:tx>
          <c:spPr>
            <a:ln w="63500">
              <a:solidFill>
                <a:srgbClr val="FFC000"/>
              </a:solidFill>
            </a:ln>
            <a:effectLst>
              <a:outerShdw blurRad="50800" dist="38100" dir="2700000" algn="tl" rotWithShape="0">
                <a:prstClr val="black">
                  <a:alpha val="40000"/>
                </a:prstClr>
              </a:outerShdw>
            </a:effectLst>
          </c:spPr>
          <c:marker>
            <c:symbol val="diamond"/>
            <c:size val="10"/>
            <c:spPr>
              <a:solidFill>
                <a:srgbClr val="92D050"/>
              </a:solidFill>
              <a:ln>
                <a:solidFill>
                  <a:srgbClr val="FFC000"/>
                </a:solidFill>
              </a:ln>
              <a:effectLst>
                <a:outerShdw blurRad="50800" dist="38100" dir="2700000" algn="tl" rotWithShape="0">
                  <a:prstClr val="black">
                    <a:alpha val="40000"/>
                  </a:prstClr>
                </a:outerShdw>
              </a:effectLst>
              <a:scene3d>
                <a:camera prst="orthographicFront"/>
                <a:lightRig rig="threePt" dir="t"/>
              </a:scene3d>
              <a:sp3d>
                <a:bevelT/>
              </a:sp3d>
            </c:spPr>
          </c:marker>
          <c:cat>
            <c:strRef>
              <c:f>Sheet1!$A$2:$A$7</c:f>
              <c:strCache>
                <c:ptCount val="6"/>
                <c:pt idx="0">
                  <c:v>0 cfs</c:v>
                </c:pt>
                <c:pt idx="1">
                  <c:v>3,000 cfs</c:v>
                </c:pt>
                <c:pt idx="2">
                  <c:v>6,000 cfs</c:v>
                </c:pt>
                <c:pt idx="3">
                  <c:v>9,000 cfs</c:v>
                </c:pt>
                <c:pt idx="4">
                  <c:v>12,000 cfs</c:v>
                </c:pt>
                <c:pt idx="5">
                  <c:v>15,000 cfs</c:v>
                </c:pt>
              </c:strCache>
            </c:strRef>
          </c:cat>
          <c:val>
            <c:numRef>
              <c:f>Sheet1!$B$2:$B$7</c:f>
              <c:numCache>
                <c:formatCode>_(* #,##0_);_(* \(#,##0\);_(* "-"??_);_(@_)</c:formatCode>
                <c:ptCount val="6"/>
                <c:pt idx="0">
                  <c:v>-1734.0133109089229</c:v>
                </c:pt>
                <c:pt idx="1">
                  <c:v>-1525.0323624049463</c:v>
                </c:pt>
                <c:pt idx="2">
                  <c:v>-1014.4347851477652</c:v>
                </c:pt>
                <c:pt idx="3">
                  <c:v>-229</c:v>
                </c:pt>
                <c:pt idx="4">
                  <c:v>564.42070203771482</c:v>
                </c:pt>
                <c:pt idx="5">
                  <c:v>1188.6312857067392</c:v>
                </c:pt>
              </c:numCache>
            </c:numRef>
          </c:val>
          <c:smooth val="0"/>
        </c:ser>
        <c:ser>
          <c:idx val="1"/>
          <c:order val="1"/>
          <c:tx>
            <c:strRef>
              <c:f>Sheet1!$C$1</c:f>
              <c:strCache>
                <c:ptCount val="1"/>
                <c:pt idx="0">
                  <c:v>More Restrictive south Delta</c:v>
                </c:pt>
              </c:strCache>
            </c:strRef>
          </c:tx>
          <c:spPr>
            <a:ln w="63500">
              <a:solidFill>
                <a:schemeClr val="accent1">
                  <a:lumMod val="40000"/>
                  <a:lumOff val="60000"/>
                </a:schemeClr>
              </a:solidFill>
            </a:ln>
            <a:effectLst>
              <a:outerShdw blurRad="50800" dist="38100" dir="2700000" algn="tl" rotWithShape="0">
                <a:prstClr val="black">
                  <a:alpha val="40000"/>
                </a:prstClr>
              </a:outerShdw>
            </a:effectLst>
          </c:spPr>
          <c:marker>
            <c:symbol val="diamond"/>
            <c:size val="10"/>
            <c:spPr>
              <a:solidFill>
                <a:schemeClr val="tx1">
                  <a:lumMod val="95000"/>
                </a:schemeClr>
              </a:solidFill>
              <a:scene3d>
                <a:camera prst="orthographicFront"/>
                <a:lightRig rig="threePt" dir="t"/>
              </a:scene3d>
              <a:sp3d prstMaterial="dkEdge"/>
            </c:spPr>
          </c:marker>
          <c:cat>
            <c:strRef>
              <c:f>Sheet1!$A$2:$A$7</c:f>
              <c:strCache>
                <c:ptCount val="6"/>
                <c:pt idx="0">
                  <c:v>0 cfs</c:v>
                </c:pt>
                <c:pt idx="1">
                  <c:v>3,000 cfs</c:v>
                </c:pt>
                <c:pt idx="2">
                  <c:v>6,000 cfs</c:v>
                </c:pt>
                <c:pt idx="3">
                  <c:v>9,000 cfs</c:v>
                </c:pt>
                <c:pt idx="4">
                  <c:v>12,000 cfs</c:v>
                </c:pt>
                <c:pt idx="5">
                  <c:v>15,000 cfs</c:v>
                </c:pt>
              </c:strCache>
            </c:strRef>
          </c:cat>
          <c:val>
            <c:numRef>
              <c:f>Sheet1!$C$2:$C$7</c:f>
            </c:numRef>
          </c:val>
          <c:smooth val="0"/>
        </c:ser>
        <c:ser>
          <c:idx val="2"/>
          <c:order val="2"/>
          <c:tx>
            <c:strRef>
              <c:f>Sheet1!$D$1</c:f>
              <c:strCache>
                <c:ptCount val="1"/>
                <c:pt idx="0">
                  <c:v>Fully isolated, no south Delta</c:v>
                </c:pt>
              </c:strCache>
            </c:strRef>
          </c:tx>
          <c:spPr>
            <a:ln w="63500">
              <a:solidFill>
                <a:srgbClr val="00B0F0"/>
              </a:solidFill>
            </a:ln>
            <a:effectLst>
              <a:outerShdw blurRad="50800" dist="38100" dir="2700000" algn="tl" rotWithShape="0">
                <a:prstClr val="black">
                  <a:alpha val="40000"/>
                </a:prstClr>
              </a:outerShdw>
            </a:effectLst>
          </c:spPr>
          <c:marker>
            <c:symbol val="diamond"/>
            <c:size val="10"/>
            <c:spPr>
              <a:solidFill>
                <a:srgbClr val="00B0F0"/>
              </a:solidFill>
              <a:ln>
                <a:solidFill>
                  <a:srgbClr val="00B0F0"/>
                </a:solidFill>
              </a:ln>
              <a:effectLst>
                <a:outerShdw blurRad="50800" dist="38100" dir="2700000" algn="tl" rotWithShape="0">
                  <a:prstClr val="black">
                    <a:alpha val="40000"/>
                  </a:prstClr>
                </a:outerShdw>
              </a:effectLst>
              <a:scene3d>
                <a:camera prst="orthographicFront"/>
                <a:lightRig rig="threePt" dir="t"/>
              </a:scene3d>
              <a:sp3d>
                <a:bevelT/>
              </a:sp3d>
            </c:spPr>
          </c:marker>
          <c:cat>
            <c:strRef>
              <c:f>Sheet1!$A$2:$A$7</c:f>
              <c:strCache>
                <c:ptCount val="6"/>
                <c:pt idx="0">
                  <c:v>0 cfs</c:v>
                </c:pt>
                <c:pt idx="1">
                  <c:v>3,000 cfs</c:v>
                </c:pt>
                <c:pt idx="2">
                  <c:v>6,000 cfs</c:v>
                </c:pt>
                <c:pt idx="3">
                  <c:v>9,000 cfs</c:v>
                </c:pt>
                <c:pt idx="4">
                  <c:v>12,000 cfs</c:v>
                </c:pt>
                <c:pt idx="5">
                  <c:v>15,000 cfs</c:v>
                </c:pt>
              </c:strCache>
            </c:strRef>
          </c:cat>
          <c:val>
            <c:numRef>
              <c:f>Sheet1!$D$2:$D$7</c:f>
            </c:numRef>
          </c:val>
          <c:smooth val="0"/>
        </c:ser>
        <c:dLbls>
          <c:showLegendKey val="0"/>
          <c:showVal val="0"/>
          <c:showCatName val="0"/>
          <c:showSerName val="0"/>
          <c:showPercent val="0"/>
          <c:showBubbleSize val="0"/>
        </c:dLbls>
        <c:marker val="1"/>
        <c:smooth val="0"/>
        <c:axId val="385040768"/>
        <c:axId val="385042688"/>
      </c:lineChart>
      <c:catAx>
        <c:axId val="385040768"/>
        <c:scaling>
          <c:orientation val="minMax"/>
        </c:scaling>
        <c:delete val="0"/>
        <c:axPos val="b"/>
        <c:numFmt formatCode="General" sourceLinked="1"/>
        <c:majorTickMark val="out"/>
        <c:minorTickMark val="none"/>
        <c:tickLblPos val="nextTo"/>
        <c:txPr>
          <a:bodyPr/>
          <a:lstStyle/>
          <a:p>
            <a:pPr>
              <a:defRPr sz="1800" b="1"/>
            </a:pPr>
            <a:endParaRPr lang="en-US"/>
          </a:p>
        </c:txPr>
        <c:crossAx val="385042688"/>
        <c:crossesAt val="0"/>
        <c:auto val="1"/>
        <c:lblAlgn val="ctr"/>
        <c:lblOffset val="100"/>
        <c:noMultiLvlLbl val="0"/>
      </c:catAx>
      <c:valAx>
        <c:axId val="385042688"/>
        <c:scaling>
          <c:orientation val="minMax"/>
          <c:max val="4000"/>
          <c:min val="-3000"/>
        </c:scaling>
        <c:delete val="0"/>
        <c:axPos val="l"/>
        <c:majorGridlines>
          <c:spPr>
            <a:ln w="3175">
              <a:solidFill>
                <a:schemeClr val="accent3">
                  <a:lumMod val="50000"/>
                </a:schemeClr>
              </a:solidFill>
            </a:ln>
          </c:spPr>
        </c:majorGridlines>
        <c:title>
          <c:tx>
            <c:rich>
              <a:bodyPr rot="-5400000" vert="horz"/>
              <a:lstStyle/>
              <a:p>
                <a:pPr>
                  <a:defRPr sz="2400">
                    <a:solidFill>
                      <a:srgbClr val="FFC000"/>
                    </a:solidFill>
                  </a:defRPr>
                </a:pPr>
                <a:r>
                  <a:rPr lang="en-US" sz="2400" dirty="0" smtClean="0">
                    <a:solidFill>
                      <a:srgbClr val="FFC000"/>
                    </a:solidFill>
                  </a:rPr>
                  <a:t>Old Middle River Flows</a:t>
                </a:r>
                <a:r>
                  <a:rPr lang="en-US" sz="2400" baseline="0" dirty="0" smtClean="0">
                    <a:solidFill>
                      <a:srgbClr val="FFC000"/>
                    </a:solidFill>
                  </a:rPr>
                  <a:t> </a:t>
                </a:r>
                <a:r>
                  <a:rPr lang="en-US" sz="1800" baseline="0" dirty="0" smtClean="0">
                    <a:solidFill>
                      <a:srgbClr val="FFC000"/>
                    </a:solidFill>
                  </a:rPr>
                  <a:t>(</a:t>
                </a:r>
                <a:r>
                  <a:rPr lang="en-US" sz="1800" dirty="0" smtClean="0">
                    <a:solidFill>
                      <a:srgbClr val="FFC000"/>
                    </a:solidFill>
                  </a:rPr>
                  <a:t>C</a:t>
                </a:r>
                <a:r>
                  <a:rPr lang="en-US" sz="1800" baseline="0" dirty="0" smtClean="0">
                    <a:solidFill>
                      <a:srgbClr val="FFC000"/>
                    </a:solidFill>
                  </a:rPr>
                  <a:t>FS)</a:t>
                </a:r>
                <a:endParaRPr lang="en-US" sz="1800" dirty="0">
                  <a:solidFill>
                    <a:srgbClr val="FFC000"/>
                  </a:solidFill>
                </a:endParaRPr>
              </a:p>
            </c:rich>
          </c:tx>
          <c:layout>
            <c:manualLayout>
              <c:xMode val="edge"/>
              <c:yMode val="edge"/>
              <c:x val="0"/>
              <c:y val="9.2179983649584699E-2"/>
            </c:manualLayout>
          </c:layout>
          <c:overlay val="0"/>
        </c:title>
        <c:numFmt formatCode="#,##0" sourceLinked="0"/>
        <c:majorTickMark val="out"/>
        <c:minorTickMark val="none"/>
        <c:tickLblPos val="nextTo"/>
        <c:txPr>
          <a:bodyPr/>
          <a:lstStyle/>
          <a:p>
            <a:pPr>
              <a:defRPr sz="2200"/>
            </a:pPr>
            <a:endParaRPr lang="en-US"/>
          </a:p>
        </c:txPr>
        <c:crossAx val="385040768"/>
        <c:crosses val="autoZero"/>
        <c:crossBetween val="between"/>
      </c:valAx>
    </c:plotArea>
    <c:plotVisOnly val="1"/>
    <c:dispBlanksAs val="gap"/>
    <c:showDLblsOverMax val="0"/>
  </c:chart>
  <c:txPr>
    <a:bodyPr/>
    <a:lstStyle/>
    <a:p>
      <a:pPr>
        <a:defRPr sz="1800"/>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pt idx="0">
                  <c:v>Runoff</c:v>
                </c:pt>
              </c:strCache>
            </c:strRef>
          </c:tx>
          <c:spPr>
            <a:solidFill>
              <a:srgbClr val="00B0F0"/>
            </a:solidFill>
          </c:spPr>
          <c:invertIfNegative val="0"/>
          <c:cat>
            <c:strRef>
              <c:f>Sheet1!$B$1:$DF$1</c:f>
              <c:strCache>
                <c:ptCount val="109"/>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strCache>
            </c:strRef>
          </c:cat>
          <c:val>
            <c:numRef>
              <c:f>Sheet1!$B$2:$DF$2</c:f>
              <c:numCache>
                <c:formatCode>General</c:formatCode>
                <c:ptCount val="109"/>
                <c:pt idx="0">
                  <c:v>26.71</c:v>
                </c:pt>
                <c:pt idx="1">
                  <c:v>33.700000000000003</c:v>
                </c:pt>
                <c:pt idx="2">
                  <c:v>14.77</c:v>
                </c:pt>
                <c:pt idx="3">
                  <c:v>30.68</c:v>
                </c:pt>
                <c:pt idx="4">
                  <c:v>20.12</c:v>
                </c:pt>
                <c:pt idx="5">
                  <c:v>26.38</c:v>
                </c:pt>
                <c:pt idx="6">
                  <c:v>11.41</c:v>
                </c:pt>
                <c:pt idx="7">
                  <c:v>12.85</c:v>
                </c:pt>
                <c:pt idx="8">
                  <c:v>27.81</c:v>
                </c:pt>
                <c:pt idx="9">
                  <c:v>23.86</c:v>
                </c:pt>
                <c:pt idx="10">
                  <c:v>24.14</c:v>
                </c:pt>
                <c:pt idx="11">
                  <c:v>17.260000000000002</c:v>
                </c:pt>
                <c:pt idx="12">
                  <c:v>10.99</c:v>
                </c:pt>
                <c:pt idx="13">
                  <c:v>15.66</c:v>
                </c:pt>
                <c:pt idx="14">
                  <c:v>9.1999999999999993</c:v>
                </c:pt>
                <c:pt idx="15">
                  <c:v>23.8</c:v>
                </c:pt>
                <c:pt idx="16">
                  <c:v>17.98</c:v>
                </c:pt>
                <c:pt idx="17" formatCode="0.00">
                  <c:v>13.21</c:v>
                </c:pt>
                <c:pt idx="18" formatCode="0.00">
                  <c:v>5.74</c:v>
                </c:pt>
                <c:pt idx="19">
                  <c:v>15.99</c:v>
                </c:pt>
                <c:pt idx="20">
                  <c:v>11.76</c:v>
                </c:pt>
                <c:pt idx="21">
                  <c:v>23.83</c:v>
                </c:pt>
                <c:pt idx="22">
                  <c:v>16.760000000000002</c:v>
                </c:pt>
                <c:pt idx="23">
                  <c:v>8.4</c:v>
                </c:pt>
                <c:pt idx="24">
                  <c:v>13.52</c:v>
                </c:pt>
                <c:pt idx="25">
                  <c:v>6.1</c:v>
                </c:pt>
                <c:pt idx="26">
                  <c:v>13.12</c:v>
                </c:pt>
                <c:pt idx="27">
                  <c:v>8.94</c:v>
                </c:pt>
                <c:pt idx="28" formatCode="0.00">
                  <c:v>8.6300000000000008</c:v>
                </c:pt>
                <c:pt idx="29" formatCode="0.00">
                  <c:v>16.59</c:v>
                </c:pt>
                <c:pt idx="30">
                  <c:v>17.350000000000001</c:v>
                </c:pt>
                <c:pt idx="31">
                  <c:v>13.33</c:v>
                </c:pt>
                <c:pt idx="32">
                  <c:v>31.83</c:v>
                </c:pt>
                <c:pt idx="33">
                  <c:v>8.18</c:v>
                </c:pt>
                <c:pt idx="34">
                  <c:v>22.43</c:v>
                </c:pt>
                <c:pt idx="35">
                  <c:v>27.08</c:v>
                </c:pt>
                <c:pt idx="36" formatCode="0.00">
                  <c:v>25.24</c:v>
                </c:pt>
                <c:pt idx="37">
                  <c:v>21.13</c:v>
                </c:pt>
                <c:pt idx="38">
                  <c:v>10.43</c:v>
                </c:pt>
                <c:pt idx="39">
                  <c:v>15.06</c:v>
                </c:pt>
                <c:pt idx="40">
                  <c:v>17.62</c:v>
                </c:pt>
                <c:pt idx="41">
                  <c:v>10.39</c:v>
                </c:pt>
                <c:pt idx="42">
                  <c:v>15.75</c:v>
                </c:pt>
                <c:pt idx="43">
                  <c:v>11.97</c:v>
                </c:pt>
                <c:pt idx="44">
                  <c:v>14.44</c:v>
                </c:pt>
                <c:pt idx="45">
                  <c:v>22.95</c:v>
                </c:pt>
                <c:pt idx="46">
                  <c:v>28.6</c:v>
                </c:pt>
                <c:pt idx="47">
                  <c:v>20.09</c:v>
                </c:pt>
                <c:pt idx="48">
                  <c:v>17.43</c:v>
                </c:pt>
                <c:pt idx="49">
                  <c:v>10.98</c:v>
                </c:pt>
                <c:pt idx="50">
                  <c:v>29.89</c:v>
                </c:pt>
                <c:pt idx="51">
                  <c:v>14.89</c:v>
                </c:pt>
                <c:pt idx="52">
                  <c:v>29.71</c:v>
                </c:pt>
                <c:pt idx="53">
                  <c:v>12.05</c:v>
                </c:pt>
                <c:pt idx="54" formatCode="0.00">
                  <c:v>13.06</c:v>
                </c:pt>
                <c:pt idx="55" formatCode="0.00">
                  <c:v>11.97</c:v>
                </c:pt>
                <c:pt idx="56">
                  <c:v>15.11</c:v>
                </c:pt>
                <c:pt idx="57">
                  <c:v>22.99</c:v>
                </c:pt>
                <c:pt idx="58">
                  <c:v>10.92</c:v>
                </c:pt>
                <c:pt idx="59">
                  <c:v>25.64</c:v>
                </c:pt>
                <c:pt idx="60">
                  <c:v>12.95</c:v>
                </c:pt>
                <c:pt idx="61">
                  <c:v>24.06</c:v>
                </c:pt>
                <c:pt idx="62">
                  <c:v>13.64</c:v>
                </c:pt>
                <c:pt idx="63" formatCode="0.00">
                  <c:v>26.98</c:v>
                </c:pt>
                <c:pt idx="64">
                  <c:v>24.06</c:v>
                </c:pt>
                <c:pt idx="65" formatCode="0.00">
                  <c:v>22.57</c:v>
                </c:pt>
                <c:pt idx="66">
                  <c:v>13.43</c:v>
                </c:pt>
                <c:pt idx="67">
                  <c:v>20.05</c:v>
                </c:pt>
                <c:pt idx="68">
                  <c:v>32.5</c:v>
                </c:pt>
                <c:pt idx="69">
                  <c:v>19.23</c:v>
                </c:pt>
                <c:pt idx="70">
                  <c:v>8.1999999999999993</c:v>
                </c:pt>
                <c:pt idx="71">
                  <c:v>5.12</c:v>
                </c:pt>
                <c:pt idx="72">
                  <c:v>23.92</c:v>
                </c:pt>
                <c:pt idx="73">
                  <c:v>12.41</c:v>
                </c:pt>
                <c:pt idx="74">
                  <c:v>22.33</c:v>
                </c:pt>
                <c:pt idx="75">
                  <c:v>11.1</c:v>
                </c:pt>
                <c:pt idx="76">
                  <c:v>33.409999999999997</c:v>
                </c:pt>
                <c:pt idx="77">
                  <c:v>37.68</c:v>
                </c:pt>
                <c:pt idx="78">
                  <c:v>22.35</c:v>
                </c:pt>
                <c:pt idx="79">
                  <c:v>11.04</c:v>
                </c:pt>
                <c:pt idx="80">
                  <c:v>25.83</c:v>
                </c:pt>
                <c:pt idx="81">
                  <c:v>9.27</c:v>
                </c:pt>
                <c:pt idx="82">
                  <c:v>9.23</c:v>
                </c:pt>
                <c:pt idx="83">
                  <c:v>14.82</c:v>
                </c:pt>
                <c:pt idx="84">
                  <c:v>9.26</c:v>
                </c:pt>
                <c:pt idx="85">
                  <c:v>8.44</c:v>
                </c:pt>
                <c:pt idx="86">
                  <c:v>8.8699999999999992</c:v>
                </c:pt>
                <c:pt idx="87" formatCode="0.00">
                  <c:v>22.21</c:v>
                </c:pt>
                <c:pt idx="88">
                  <c:v>7.81</c:v>
                </c:pt>
                <c:pt idx="89">
                  <c:v>34.549999999999997</c:v>
                </c:pt>
                <c:pt idx="90">
                  <c:v>22.29</c:v>
                </c:pt>
                <c:pt idx="91">
                  <c:v>25.42</c:v>
                </c:pt>
                <c:pt idx="92">
                  <c:v>31.4</c:v>
                </c:pt>
                <c:pt idx="93">
                  <c:v>21.19</c:v>
                </c:pt>
                <c:pt idx="94">
                  <c:v>18.899999999999999</c:v>
                </c:pt>
                <c:pt idx="95">
                  <c:v>9.81</c:v>
                </c:pt>
                <c:pt idx="96">
                  <c:v>14.6</c:v>
                </c:pt>
                <c:pt idx="97">
                  <c:v>19.18</c:v>
                </c:pt>
                <c:pt idx="98">
                  <c:v>16.04</c:v>
                </c:pt>
                <c:pt idx="99">
                  <c:v>18.55</c:v>
                </c:pt>
                <c:pt idx="100">
                  <c:v>32.090000000000003</c:v>
                </c:pt>
                <c:pt idx="101">
                  <c:v>10.28</c:v>
                </c:pt>
                <c:pt idx="102">
                  <c:v>10.28</c:v>
                </c:pt>
                <c:pt idx="103" formatCode="0.00">
                  <c:v>13.02</c:v>
                </c:pt>
                <c:pt idx="104">
                  <c:v>16.010000000000002</c:v>
                </c:pt>
                <c:pt idx="105">
                  <c:v>25.21</c:v>
                </c:pt>
                <c:pt idx="106">
                  <c:v>11.83</c:v>
                </c:pt>
                <c:pt idx="107">
                  <c:v>11.86</c:v>
                </c:pt>
                <c:pt idx="108">
                  <c:v>6.6</c:v>
                </c:pt>
              </c:numCache>
            </c:numRef>
          </c:val>
        </c:ser>
        <c:dLbls>
          <c:showLegendKey val="0"/>
          <c:showVal val="0"/>
          <c:showCatName val="0"/>
          <c:showSerName val="0"/>
          <c:showPercent val="0"/>
          <c:showBubbleSize val="0"/>
        </c:dLbls>
        <c:gapWidth val="30"/>
        <c:overlap val="100"/>
        <c:axId val="319158528"/>
        <c:axId val="319168512"/>
      </c:barChart>
      <c:catAx>
        <c:axId val="319158528"/>
        <c:scaling>
          <c:orientation val="minMax"/>
        </c:scaling>
        <c:delete val="0"/>
        <c:axPos val="b"/>
        <c:majorTickMark val="out"/>
        <c:minorTickMark val="none"/>
        <c:tickLblPos val="nextTo"/>
        <c:crossAx val="319168512"/>
        <c:crosses val="autoZero"/>
        <c:auto val="1"/>
        <c:lblAlgn val="ctr"/>
        <c:lblOffset val="100"/>
        <c:tickLblSkip val="6"/>
        <c:noMultiLvlLbl val="0"/>
      </c:catAx>
      <c:valAx>
        <c:axId val="319168512"/>
        <c:scaling>
          <c:orientation val="minMax"/>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General" sourceLinked="1"/>
        <c:majorTickMark val="out"/>
        <c:minorTickMark val="none"/>
        <c:tickLblPos val="nextTo"/>
        <c:crossAx val="319158528"/>
        <c:crosses val="autoZero"/>
        <c:crossBetween val="between"/>
      </c:valAx>
      <c:spPr>
        <a:noFill/>
        <a:ln>
          <a:noFill/>
        </a:ln>
      </c:spPr>
    </c:plotArea>
    <c:plotVisOnly val="1"/>
    <c:dispBlanksAs val="gap"/>
    <c:showDLblsOverMax val="0"/>
  </c:chart>
  <c:txPr>
    <a:bodyPr/>
    <a:lstStyle/>
    <a:p>
      <a:pPr>
        <a:defRPr sz="1800"/>
      </a:pPr>
      <a:endParaRPr lang="en-US"/>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pt idx="0">
                  <c:v>Wet </c:v>
                </c:pt>
              </c:strCache>
            </c:strRef>
          </c:tx>
          <c:spPr>
            <a:solidFill>
              <a:srgbClr val="00B0F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2:$DG$2</c:f>
              <c:numCache>
                <c:formatCode>General</c:formatCode>
                <c:ptCount val="110"/>
                <c:pt idx="0">
                  <c:v>26.71</c:v>
                </c:pt>
                <c:pt idx="1">
                  <c:v>33.700000000000003</c:v>
                </c:pt>
                <c:pt idx="3">
                  <c:v>30.68</c:v>
                </c:pt>
                <c:pt idx="4">
                  <c:v>20.12</c:v>
                </c:pt>
                <c:pt idx="5">
                  <c:v>26.38</c:v>
                </c:pt>
                <c:pt idx="8">
                  <c:v>27.81</c:v>
                </c:pt>
                <c:pt idx="9">
                  <c:v>23.86</c:v>
                </c:pt>
                <c:pt idx="10">
                  <c:v>24.14</c:v>
                </c:pt>
                <c:pt idx="21">
                  <c:v>23.83</c:v>
                </c:pt>
                <c:pt idx="32">
                  <c:v>31.83</c:v>
                </c:pt>
                <c:pt idx="35">
                  <c:v>27.08</c:v>
                </c:pt>
                <c:pt idx="36">
                  <c:v>25.24</c:v>
                </c:pt>
                <c:pt idx="37">
                  <c:v>21.13</c:v>
                </c:pt>
                <c:pt idx="46">
                  <c:v>28.6</c:v>
                </c:pt>
                <c:pt idx="47">
                  <c:v>20.09</c:v>
                </c:pt>
                <c:pt idx="50">
                  <c:v>29.89</c:v>
                </c:pt>
                <c:pt idx="52">
                  <c:v>29.71</c:v>
                </c:pt>
                <c:pt idx="57">
                  <c:v>22.99</c:v>
                </c:pt>
                <c:pt idx="59">
                  <c:v>25.64</c:v>
                </c:pt>
                <c:pt idx="61">
                  <c:v>24.06</c:v>
                </c:pt>
                <c:pt idx="63">
                  <c:v>26.98</c:v>
                </c:pt>
                <c:pt idx="64">
                  <c:v>24.06</c:v>
                </c:pt>
                <c:pt idx="65">
                  <c:v>22.57</c:v>
                </c:pt>
                <c:pt idx="68">
                  <c:v>32.5</c:v>
                </c:pt>
                <c:pt idx="69">
                  <c:v>19.23</c:v>
                </c:pt>
                <c:pt idx="76">
                  <c:v>33.53</c:v>
                </c:pt>
                <c:pt idx="77">
                  <c:v>37.65</c:v>
                </c:pt>
                <c:pt idx="78">
                  <c:v>22.35</c:v>
                </c:pt>
                <c:pt idx="80">
                  <c:v>25.72</c:v>
                </c:pt>
                <c:pt idx="89">
                  <c:v>34.450000000000003</c:v>
                </c:pt>
                <c:pt idx="90">
                  <c:v>22.25</c:v>
                </c:pt>
                <c:pt idx="91">
                  <c:v>25.4</c:v>
                </c:pt>
                <c:pt idx="92">
                  <c:v>31.36</c:v>
                </c:pt>
                <c:pt idx="93">
                  <c:v>21.19</c:v>
                </c:pt>
                <c:pt idx="100" formatCode="0.00">
                  <c:v>32.090000000000003</c:v>
                </c:pt>
                <c:pt idx="105" formatCode="0.00">
                  <c:v>25.21</c:v>
                </c:pt>
              </c:numCache>
            </c:numRef>
          </c:val>
        </c:ser>
        <c:ser>
          <c:idx val="1"/>
          <c:order val="1"/>
          <c:tx>
            <c:strRef>
              <c:f>Sheet1!$A$3</c:f>
              <c:strCache>
                <c:ptCount val="1"/>
                <c:pt idx="0">
                  <c:v>Above Normal</c:v>
                </c:pt>
              </c:strCache>
            </c:strRef>
          </c:tx>
          <c:spPr>
            <a:solidFill>
              <a:srgbClr val="00FF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3:$DG$3</c:f>
              <c:numCache>
                <c:formatCode>General</c:formatCode>
                <c:ptCount val="110"/>
                <c:pt idx="11">
                  <c:v>17.260000000000002</c:v>
                </c:pt>
                <c:pt idx="15">
                  <c:v>23.8</c:v>
                </c:pt>
                <c:pt idx="16">
                  <c:v>17.98</c:v>
                </c:pt>
                <c:pt idx="22">
                  <c:v>16.760000000000002</c:v>
                </c:pt>
                <c:pt idx="34">
                  <c:v>22.43</c:v>
                </c:pt>
                <c:pt idx="45">
                  <c:v>22.95</c:v>
                </c:pt>
                <c:pt idx="48">
                  <c:v>17.43</c:v>
                </c:pt>
                <c:pt idx="51">
                  <c:v>14.89</c:v>
                </c:pt>
                <c:pt idx="67">
                  <c:v>20.05</c:v>
                </c:pt>
                <c:pt idx="72">
                  <c:v>22.33</c:v>
                </c:pt>
                <c:pt idx="74">
                  <c:v>22.33</c:v>
                </c:pt>
                <c:pt idx="87">
                  <c:v>22.17</c:v>
                </c:pt>
                <c:pt idx="94">
                  <c:v>18.899999999999999</c:v>
                </c:pt>
                <c:pt idx="97" formatCode="0.00">
                  <c:v>19.18</c:v>
                </c:pt>
                <c:pt idx="99" formatCode="0.00">
                  <c:v>18.55</c:v>
                </c:pt>
              </c:numCache>
            </c:numRef>
          </c:val>
        </c:ser>
        <c:ser>
          <c:idx val="2"/>
          <c:order val="2"/>
          <c:tx>
            <c:strRef>
              <c:f>Sheet1!$A$4</c:f>
              <c:strCache>
                <c:ptCount val="1"/>
                <c:pt idx="0">
                  <c:v>Below Normal</c:v>
                </c:pt>
              </c:strCache>
            </c:strRef>
          </c:tx>
          <c:spPr>
            <a:solidFill>
              <a:srgbClr val="FFC0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4:$DG$4</c:f>
              <c:numCache>
                <c:formatCode>General</c:formatCode>
                <c:ptCount val="110"/>
                <c:pt idx="2">
                  <c:v>14.77</c:v>
                </c:pt>
                <c:pt idx="6">
                  <c:v>11.41</c:v>
                </c:pt>
                <c:pt idx="13">
                  <c:v>15.66</c:v>
                </c:pt>
                <c:pt idx="17">
                  <c:v>13.21</c:v>
                </c:pt>
                <c:pt idx="29">
                  <c:v>16.59</c:v>
                </c:pt>
                <c:pt idx="30">
                  <c:v>17.350000000000001</c:v>
                </c:pt>
                <c:pt idx="31">
                  <c:v>13.33</c:v>
                </c:pt>
                <c:pt idx="39">
                  <c:v>15.06</c:v>
                </c:pt>
                <c:pt idx="40">
                  <c:v>17.62</c:v>
                </c:pt>
                <c:pt idx="42">
                  <c:v>15.75</c:v>
                </c:pt>
                <c:pt idx="44">
                  <c:v>14.44</c:v>
                </c:pt>
                <c:pt idx="53">
                  <c:v>12.05</c:v>
                </c:pt>
                <c:pt idx="56">
                  <c:v>15.11</c:v>
                </c:pt>
                <c:pt idx="60">
                  <c:v>13.64</c:v>
                </c:pt>
                <c:pt idx="62">
                  <c:v>13.64</c:v>
                </c:pt>
                <c:pt idx="66">
                  <c:v>13.43</c:v>
                </c:pt>
                <c:pt idx="73">
                  <c:v>12.41</c:v>
                </c:pt>
                <c:pt idx="98" formatCode="0.00">
                  <c:v>16.04</c:v>
                </c:pt>
                <c:pt idx="104" formatCode="0.00">
                  <c:v>16.010000000000002</c:v>
                </c:pt>
                <c:pt idx="106" formatCode="0.00">
                  <c:v>11.84</c:v>
                </c:pt>
              </c:numCache>
            </c:numRef>
          </c:val>
        </c:ser>
        <c:ser>
          <c:idx val="3"/>
          <c:order val="3"/>
          <c:tx>
            <c:strRef>
              <c:f>Sheet1!$A$5</c:f>
              <c:strCache>
                <c:ptCount val="1"/>
                <c:pt idx="0">
                  <c:v>Dry</c:v>
                </c:pt>
              </c:strCache>
            </c:strRef>
          </c:tx>
          <c:spPr>
            <a:solidFill>
              <a:srgbClr val="FFFF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5:$DG$5</c:f>
              <c:numCache>
                <c:formatCode>General</c:formatCode>
                <c:ptCount val="110"/>
                <c:pt idx="7">
                  <c:v>12.85</c:v>
                </c:pt>
                <c:pt idx="12">
                  <c:v>10.99</c:v>
                </c:pt>
                <c:pt idx="19">
                  <c:v>15.99</c:v>
                </c:pt>
                <c:pt idx="20">
                  <c:v>11.76</c:v>
                </c:pt>
                <c:pt idx="24">
                  <c:v>13.52</c:v>
                </c:pt>
                <c:pt idx="26">
                  <c:v>13.12</c:v>
                </c:pt>
                <c:pt idx="33">
                  <c:v>8.18</c:v>
                </c:pt>
                <c:pt idx="38">
                  <c:v>10.43</c:v>
                </c:pt>
                <c:pt idx="41">
                  <c:v>10.39</c:v>
                </c:pt>
                <c:pt idx="43">
                  <c:v>11.97</c:v>
                </c:pt>
                <c:pt idx="49">
                  <c:v>10.98</c:v>
                </c:pt>
                <c:pt idx="54">
                  <c:v>13.06</c:v>
                </c:pt>
                <c:pt idx="55">
                  <c:v>11.97</c:v>
                </c:pt>
                <c:pt idx="58">
                  <c:v>10.92</c:v>
                </c:pt>
                <c:pt idx="75">
                  <c:v>11.1</c:v>
                </c:pt>
                <c:pt idx="79">
                  <c:v>11.04</c:v>
                </c:pt>
                <c:pt idx="81">
                  <c:v>9.1999999999999993</c:v>
                </c:pt>
                <c:pt idx="83">
                  <c:v>14.8</c:v>
                </c:pt>
                <c:pt idx="95">
                  <c:v>9.81</c:v>
                </c:pt>
                <c:pt idx="96">
                  <c:v>14.6</c:v>
                </c:pt>
                <c:pt idx="101" formatCode="0.00">
                  <c:v>10.28</c:v>
                </c:pt>
                <c:pt idx="103" formatCode="0.00">
                  <c:v>13.02</c:v>
                </c:pt>
                <c:pt idx="107" formatCode="0.00">
                  <c:v>12.19</c:v>
                </c:pt>
              </c:numCache>
            </c:numRef>
          </c:val>
        </c:ser>
        <c:ser>
          <c:idx val="4"/>
          <c:order val="4"/>
          <c:tx>
            <c:strRef>
              <c:f>Sheet1!$A$6</c:f>
              <c:strCache>
                <c:ptCount val="1"/>
                <c:pt idx="0">
                  <c:v>Critical</c:v>
                </c:pt>
              </c:strCache>
            </c:strRef>
          </c:tx>
          <c:spPr>
            <a:solidFill>
              <a:srgbClr val="FF00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6:$DG$6</c:f>
              <c:numCache>
                <c:formatCode>General</c:formatCode>
                <c:ptCount val="110"/>
                <c:pt idx="14">
                  <c:v>9.1999999999999993</c:v>
                </c:pt>
                <c:pt idx="18">
                  <c:v>5.74</c:v>
                </c:pt>
                <c:pt idx="23">
                  <c:v>8.4</c:v>
                </c:pt>
                <c:pt idx="25">
                  <c:v>6.1</c:v>
                </c:pt>
                <c:pt idx="27">
                  <c:v>8.94</c:v>
                </c:pt>
                <c:pt idx="28">
                  <c:v>8.64</c:v>
                </c:pt>
                <c:pt idx="70">
                  <c:v>8.2200000000000006</c:v>
                </c:pt>
                <c:pt idx="71">
                  <c:v>5.12</c:v>
                </c:pt>
                <c:pt idx="82">
                  <c:v>9.19</c:v>
                </c:pt>
                <c:pt idx="84">
                  <c:v>9.23</c:v>
                </c:pt>
                <c:pt idx="85">
                  <c:v>8.4499999999999993</c:v>
                </c:pt>
                <c:pt idx="86">
                  <c:v>8.92</c:v>
                </c:pt>
                <c:pt idx="88">
                  <c:v>7.77</c:v>
                </c:pt>
                <c:pt idx="102" formatCode="0.00">
                  <c:v>10.28</c:v>
                </c:pt>
                <c:pt idx="108">
                  <c:v>7.47</c:v>
                </c:pt>
                <c:pt idx="109">
                  <c:v>9.5</c:v>
                </c:pt>
              </c:numCache>
            </c:numRef>
          </c:val>
        </c:ser>
        <c:dLbls>
          <c:showLegendKey val="0"/>
          <c:showVal val="0"/>
          <c:showCatName val="0"/>
          <c:showSerName val="0"/>
          <c:showPercent val="0"/>
          <c:showBubbleSize val="0"/>
        </c:dLbls>
        <c:gapWidth val="30"/>
        <c:overlap val="100"/>
        <c:axId val="330023680"/>
        <c:axId val="330025216"/>
      </c:barChart>
      <c:catAx>
        <c:axId val="330023680"/>
        <c:scaling>
          <c:orientation val="minMax"/>
        </c:scaling>
        <c:delete val="0"/>
        <c:axPos val="b"/>
        <c:majorTickMark val="out"/>
        <c:minorTickMark val="none"/>
        <c:tickLblPos val="nextTo"/>
        <c:crossAx val="330025216"/>
        <c:crosses val="autoZero"/>
        <c:auto val="1"/>
        <c:lblAlgn val="ctr"/>
        <c:lblOffset val="100"/>
        <c:tickLblSkip val="6"/>
        <c:noMultiLvlLbl val="0"/>
      </c:catAx>
      <c:valAx>
        <c:axId val="330025216"/>
        <c:scaling>
          <c:orientation val="minMax"/>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General" sourceLinked="1"/>
        <c:majorTickMark val="out"/>
        <c:minorTickMark val="none"/>
        <c:tickLblPos val="nextTo"/>
        <c:crossAx val="330023680"/>
        <c:crosses val="autoZero"/>
        <c:crossBetween val="between"/>
      </c:valAx>
      <c:spPr>
        <a:noFill/>
        <a:ln>
          <a:noFill/>
        </a:ln>
      </c:spPr>
    </c:plotArea>
    <c:legend>
      <c:legendPos val="r"/>
      <c:layout>
        <c:manualLayout>
          <c:xMode val="edge"/>
          <c:yMode val="edge"/>
          <c:x val="0.12132304185661003"/>
          <c:y val="9.8700364067394811E-4"/>
          <c:w val="0.83432552838789886"/>
          <c:h val="8.0252518838370993E-2"/>
        </c:manualLayout>
      </c:layout>
      <c:overlay val="0"/>
      <c:txPr>
        <a:bodyPr/>
        <a:lstStyle/>
        <a:p>
          <a:pPr>
            <a:defRPr sz="20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pt idx="0">
                  <c:v>Wet </c:v>
                </c:pt>
              </c:strCache>
            </c:strRef>
          </c:tx>
          <c:spPr>
            <a:solidFill>
              <a:srgbClr val="00B0F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2:$DG$2</c:f>
              <c:numCache>
                <c:formatCode>General</c:formatCode>
                <c:ptCount val="110"/>
                <c:pt idx="0">
                  <c:v>26.71</c:v>
                </c:pt>
                <c:pt idx="1">
                  <c:v>33.700000000000003</c:v>
                </c:pt>
                <c:pt idx="3">
                  <c:v>30.68</c:v>
                </c:pt>
                <c:pt idx="4">
                  <c:v>20.12</c:v>
                </c:pt>
                <c:pt idx="5">
                  <c:v>26.38</c:v>
                </c:pt>
                <c:pt idx="8">
                  <c:v>27.81</c:v>
                </c:pt>
                <c:pt idx="9">
                  <c:v>23.86</c:v>
                </c:pt>
                <c:pt idx="10">
                  <c:v>24.14</c:v>
                </c:pt>
                <c:pt idx="21">
                  <c:v>23.83</c:v>
                </c:pt>
                <c:pt idx="32">
                  <c:v>31.83</c:v>
                </c:pt>
                <c:pt idx="35">
                  <c:v>27.08</c:v>
                </c:pt>
                <c:pt idx="36">
                  <c:v>25.24</c:v>
                </c:pt>
                <c:pt idx="37">
                  <c:v>21.13</c:v>
                </c:pt>
                <c:pt idx="46">
                  <c:v>28.6</c:v>
                </c:pt>
                <c:pt idx="47">
                  <c:v>20.09</c:v>
                </c:pt>
                <c:pt idx="50">
                  <c:v>29.89</c:v>
                </c:pt>
                <c:pt idx="52">
                  <c:v>29.71</c:v>
                </c:pt>
                <c:pt idx="57">
                  <c:v>22.99</c:v>
                </c:pt>
                <c:pt idx="59">
                  <c:v>25.64</c:v>
                </c:pt>
                <c:pt idx="61">
                  <c:v>24.06</c:v>
                </c:pt>
                <c:pt idx="63">
                  <c:v>26.98</c:v>
                </c:pt>
                <c:pt idx="64">
                  <c:v>24.06</c:v>
                </c:pt>
                <c:pt idx="65">
                  <c:v>22.57</c:v>
                </c:pt>
                <c:pt idx="68">
                  <c:v>32.5</c:v>
                </c:pt>
                <c:pt idx="69">
                  <c:v>19.23</c:v>
                </c:pt>
                <c:pt idx="76">
                  <c:v>33.53</c:v>
                </c:pt>
                <c:pt idx="77">
                  <c:v>37.65</c:v>
                </c:pt>
                <c:pt idx="78">
                  <c:v>22.35</c:v>
                </c:pt>
                <c:pt idx="80">
                  <c:v>25.72</c:v>
                </c:pt>
                <c:pt idx="89">
                  <c:v>34.450000000000003</c:v>
                </c:pt>
                <c:pt idx="90">
                  <c:v>22.25</c:v>
                </c:pt>
                <c:pt idx="91">
                  <c:v>25.4</c:v>
                </c:pt>
                <c:pt idx="92">
                  <c:v>31.36</c:v>
                </c:pt>
                <c:pt idx="93">
                  <c:v>21.19</c:v>
                </c:pt>
                <c:pt idx="100" formatCode="0.00">
                  <c:v>32.090000000000003</c:v>
                </c:pt>
                <c:pt idx="105" formatCode="0.00">
                  <c:v>25.21</c:v>
                </c:pt>
              </c:numCache>
            </c:numRef>
          </c:val>
        </c:ser>
        <c:ser>
          <c:idx val="1"/>
          <c:order val="1"/>
          <c:tx>
            <c:strRef>
              <c:f>Sheet1!$A$3</c:f>
              <c:strCache>
                <c:ptCount val="1"/>
                <c:pt idx="0">
                  <c:v>Above Normal</c:v>
                </c:pt>
              </c:strCache>
            </c:strRef>
          </c:tx>
          <c:spPr>
            <a:solidFill>
              <a:srgbClr val="00FF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3:$DG$3</c:f>
              <c:numCache>
                <c:formatCode>General</c:formatCode>
                <c:ptCount val="110"/>
                <c:pt idx="11">
                  <c:v>17.260000000000002</c:v>
                </c:pt>
                <c:pt idx="15">
                  <c:v>23.8</c:v>
                </c:pt>
                <c:pt idx="16">
                  <c:v>17.98</c:v>
                </c:pt>
                <c:pt idx="22">
                  <c:v>16.760000000000002</c:v>
                </c:pt>
                <c:pt idx="34">
                  <c:v>22.43</c:v>
                </c:pt>
                <c:pt idx="45">
                  <c:v>22.95</c:v>
                </c:pt>
                <c:pt idx="48">
                  <c:v>17.43</c:v>
                </c:pt>
                <c:pt idx="51">
                  <c:v>14.89</c:v>
                </c:pt>
                <c:pt idx="67">
                  <c:v>20.05</c:v>
                </c:pt>
                <c:pt idx="72">
                  <c:v>22.33</c:v>
                </c:pt>
                <c:pt idx="74">
                  <c:v>22.33</c:v>
                </c:pt>
                <c:pt idx="87">
                  <c:v>22.17</c:v>
                </c:pt>
                <c:pt idx="94">
                  <c:v>18.899999999999999</c:v>
                </c:pt>
                <c:pt idx="97" formatCode="0.00">
                  <c:v>19.18</c:v>
                </c:pt>
                <c:pt idx="99" formatCode="0.00">
                  <c:v>18.55</c:v>
                </c:pt>
              </c:numCache>
            </c:numRef>
          </c:val>
        </c:ser>
        <c:ser>
          <c:idx val="2"/>
          <c:order val="2"/>
          <c:tx>
            <c:strRef>
              <c:f>Sheet1!$A$4</c:f>
              <c:strCache>
                <c:ptCount val="1"/>
                <c:pt idx="0">
                  <c:v>Below Normal</c:v>
                </c:pt>
              </c:strCache>
            </c:strRef>
          </c:tx>
          <c:spPr>
            <a:solidFill>
              <a:srgbClr val="FFC0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4:$DG$4</c:f>
              <c:numCache>
                <c:formatCode>General</c:formatCode>
                <c:ptCount val="110"/>
                <c:pt idx="2">
                  <c:v>14.77</c:v>
                </c:pt>
                <c:pt idx="6">
                  <c:v>11.41</c:v>
                </c:pt>
                <c:pt idx="13">
                  <c:v>15.66</c:v>
                </c:pt>
                <c:pt idx="17">
                  <c:v>13.21</c:v>
                </c:pt>
                <c:pt idx="29">
                  <c:v>16.59</c:v>
                </c:pt>
                <c:pt idx="30">
                  <c:v>17.350000000000001</c:v>
                </c:pt>
                <c:pt idx="31">
                  <c:v>13.33</c:v>
                </c:pt>
                <c:pt idx="39">
                  <c:v>15.06</c:v>
                </c:pt>
                <c:pt idx="40">
                  <c:v>17.62</c:v>
                </c:pt>
                <c:pt idx="42">
                  <c:v>15.75</c:v>
                </c:pt>
                <c:pt idx="44">
                  <c:v>14.44</c:v>
                </c:pt>
                <c:pt idx="53">
                  <c:v>12.05</c:v>
                </c:pt>
                <c:pt idx="56">
                  <c:v>15.11</c:v>
                </c:pt>
                <c:pt idx="60">
                  <c:v>13.64</c:v>
                </c:pt>
                <c:pt idx="62">
                  <c:v>13.64</c:v>
                </c:pt>
                <c:pt idx="66">
                  <c:v>13.43</c:v>
                </c:pt>
                <c:pt idx="73">
                  <c:v>12.41</c:v>
                </c:pt>
                <c:pt idx="98" formatCode="0.00">
                  <c:v>16.04</c:v>
                </c:pt>
                <c:pt idx="104" formatCode="0.00">
                  <c:v>16.010000000000002</c:v>
                </c:pt>
                <c:pt idx="106" formatCode="0.00">
                  <c:v>11.84</c:v>
                </c:pt>
              </c:numCache>
            </c:numRef>
          </c:val>
        </c:ser>
        <c:ser>
          <c:idx val="3"/>
          <c:order val="3"/>
          <c:tx>
            <c:strRef>
              <c:f>Sheet1!$A$5</c:f>
              <c:strCache>
                <c:ptCount val="1"/>
                <c:pt idx="0">
                  <c:v>Dry</c:v>
                </c:pt>
              </c:strCache>
            </c:strRef>
          </c:tx>
          <c:spPr>
            <a:solidFill>
              <a:srgbClr val="FFFF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5:$DG$5</c:f>
              <c:numCache>
                <c:formatCode>General</c:formatCode>
                <c:ptCount val="110"/>
                <c:pt idx="7">
                  <c:v>12.85</c:v>
                </c:pt>
                <c:pt idx="12">
                  <c:v>10.99</c:v>
                </c:pt>
                <c:pt idx="19">
                  <c:v>15.99</c:v>
                </c:pt>
                <c:pt idx="20">
                  <c:v>11.76</c:v>
                </c:pt>
                <c:pt idx="24">
                  <c:v>13.52</c:v>
                </c:pt>
                <c:pt idx="26">
                  <c:v>13.12</c:v>
                </c:pt>
                <c:pt idx="33">
                  <c:v>8.18</c:v>
                </c:pt>
                <c:pt idx="38">
                  <c:v>10.43</c:v>
                </c:pt>
                <c:pt idx="41">
                  <c:v>10.39</c:v>
                </c:pt>
                <c:pt idx="43">
                  <c:v>11.97</c:v>
                </c:pt>
                <c:pt idx="49">
                  <c:v>10.98</c:v>
                </c:pt>
                <c:pt idx="54">
                  <c:v>13.06</c:v>
                </c:pt>
                <c:pt idx="55">
                  <c:v>11.97</c:v>
                </c:pt>
                <c:pt idx="58">
                  <c:v>10.92</c:v>
                </c:pt>
                <c:pt idx="75">
                  <c:v>11.1</c:v>
                </c:pt>
                <c:pt idx="79">
                  <c:v>11.04</c:v>
                </c:pt>
                <c:pt idx="81">
                  <c:v>9.1999999999999993</c:v>
                </c:pt>
                <c:pt idx="83">
                  <c:v>14.8</c:v>
                </c:pt>
                <c:pt idx="95">
                  <c:v>9.81</c:v>
                </c:pt>
                <c:pt idx="96">
                  <c:v>14.6</c:v>
                </c:pt>
                <c:pt idx="101" formatCode="0.00">
                  <c:v>10.28</c:v>
                </c:pt>
                <c:pt idx="103" formatCode="0.00">
                  <c:v>13.02</c:v>
                </c:pt>
                <c:pt idx="107" formatCode="0.00">
                  <c:v>12.19</c:v>
                </c:pt>
              </c:numCache>
            </c:numRef>
          </c:val>
        </c:ser>
        <c:ser>
          <c:idx val="4"/>
          <c:order val="4"/>
          <c:tx>
            <c:strRef>
              <c:f>Sheet1!$A$6</c:f>
              <c:strCache>
                <c:ptCount val="1"/>
                <c:pt idx="0">
                  <c:v>Critical</c:v>
                </c:pt>
              </c:strCache>
            </c:strRef>
          </c:tx>
          <c:spPr>
            <a:solidFill>
              <a:srgbClr val="FF0000"/>
            </a:solidFill>
          </c:spPr>
          <c:invertIfNegative val="0"/>
          <c:cat>
            <c:strRef>
              <c:f>Sheet1!$B$1:$DG$1</c:f>
              <c:strCache>
                <c:ptCount val="110"/>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pt idx="109">
                  <c:v>2015</c:v>
                </c:pt>
              </c:strCache>
            </c:strRef>
          </c:cat>
          <c:val>
            <c:numRef>
              <c:f>Sheet1!$B$6:$DG$6</c:f>
              <c:numCache>
                <c:formatCode>General</c:formatCode>
                <c:ptCount val="110"/>
                <c:pt idx="14">
                  <c:v>9.1999999999999993</c:v>
                </c:pt>
                <c:pt idx="18">
                  <c:v>5.74</c:v>
                </c:pt>
                <c:pt idx="23">
                  <c:v>8.4</c:v>
                </c:pt>
                <c:pt idx="25">
                  <c:v>6.1</c:v>
                </c:pt>
                <c:pt idx="27">
                  <c:v>8.94</c:v>
                </c:pt>
                <c:pt idx="28">
                  <c:v>8.64</c:v>
                </c:pt>
                <c:pt idx="70">
                  <c:v>8.2200000000000006</c:v>
                </c:pt>
                <c:pt idx="71">
                  <c:v>5.12</c:v>
                </c:pt>
                <c:pt idx="82">
                  <c:v>9.19</c:v>
                </c:pt>
                <c:pt idx="84">
                  <c:v>9.23</c:v>
                </c:pt>
                <c:pt idx="85">
                  <c:v>8.4499999999999993</c:v>
                </c:pt>
                <c:pt idx="86">
                  <c:v>8.92</c:v>
                </c:pt>
                <c:pt idx="88">
                  <c:v>7.77</c:v>
                </c:pt>
                <c:pt idx="102" formatCode="0.00">
                  <c:v>10.28</c:v>
                </c:pt>
                <c:pt idx="108">
                  <c:v>7.47</c:v>
                </c:pt>
                <c:pt idx="109">
                  <c:v>9.5</c:v>
                </c:pt>
              </c:numCache>
            </c:numRef>
          </c:val>
        </c:ser>
        <c:dLbls>
          <c:showLegendKey val="0"/>
          <c:showVal val="0"/>
          <c:showCatName val="0"/>
          <c:showSerName val="0"/>
          <c:showPercent val="0"/>
          <c:showBubbleSize val="0"/>
        </c:dLbls>
        <c:gapWidth val="30"/>
        <c:overlap val="100"/>
        <c:axId val="330447104"/>
        <c:axId val="330461184"/>
      </c:barChart>
      <c:catAx>
        <c:axId val="330447104"/>
        <c:scaling>
          <c:orientation val="minMax"/>
        </c:scaling>
        <c:delete val="0"/>
        <c:axPos val="b"/>
        <c:majorTickMark val="out"/>
        <c:minorTickMark val="none"/>
        <c:tickLblPos val="nextTo"/>
        <c:crossAx val="330461184"/>
        <c:crosses val="autoZero"/>
        <c:auto val="1"/>
        <c:lblAlgn val="ctr"/>
        <c:lblOffset val="100"/>
        <c:tickLblSkip val="6"/>
        <c:noMultiLvlLbl val="0"/>
      </c:catAx>
      <c:valAx>
        <c:axId val="330461184"/>
        <c:scaling>
          <c:orientation val="minMax"/>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General" sourceLinked="1"/>
        <c:majorTickMark val="out"/>
        <c:minorTickMark val="none"/>
        <c:tickLblPos val="nextTo"/>
        <c:crossAx val="330447104"/>
        <c:crosses val="autoZero"/>
        <c:crossBetween val="between"/>
      </c:valAx>
      <c:spPr>
        <a:noFill/>
        <a:ln>
          <a:noFill/>
        </a:ln>
      </c:spPr>
    </c:plotArea>
    <c:legend>
      <c:legendPos val="r"/>
      <c:layout>
        <c:manualLayout>
          <c:xMode val="edge"/>
          <c:yMode val="edge"/>
          <c:x val="0.12132304185661003"/>
          <c:y val="9.8700364067394811E-4"/>
          <c:w val="0.83432552838789886"/>
          <c:h val="8.0252518838370993E-2"/>
        </c:manualLayout>
      </c:layout>
      <c:overlay val="0"/>
      <c:txPr>
        <a:bodyPr/>
        <a:lstStyle/>
        <a:p>
          <a:pPr>
            <a:defRPr sz="20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pt idx="0">
                  <c:v>Wet </c:v>
                </c:pt>
              </c:strCache>
            </c:strRef>
          </c:tx>
          <c:spPr>
            <a:solidFill>
              <a:srgbClr val="00B0F0"/>
            </a:solidFill>
          </c:spPr>
          <c:invertIfNegative val="0"/>
          <c:cat>
            <c:strRef>
              <c:f>Sheet1!$B$1:$DG$1</c:f>
              <c:strCache>
                <c:ptCount val="110"/>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88</c:v>
                </c:pt>
                <c:pt idx="13">
                  <c:v>1920</c:v>
                </c:pt>
                <c:pt idx="14">
                  <c:v>1987</c:v>
                </c:pt>
                <c:pt idx="15">
                  <c:v>1990</c:v>
                </c:pt>
                <c:pt idx="16">
                  <c:v>2015</c:v>
                </c:pt>
                <c:pt idx="17">
                  <c:v>2001</c:v>
                </c:pt>
                <c:pt idx="18">
                  <c:v>2007</c:v>
                </c:pt>
                <c:pt idx="19">
                  <c:v>2008</c:v>
                </c:pt>
                <c:pt idx="20">
                  <c:v>1947</c:v>
                </c:pt>
                <c:pt idx="21">
                  <c:v>1944</c:v>
                </c:pt>
                <c:pt idx="22">
                  <c:v>1964</c:v>
                </c:pt>
                <c:pt idx="23">
                  <c:v>1955</c:v>
                </c:pt>
                <c:pt idx="24">
                  <c:v>1918</c:v>
                </c:pt>
                <c:pt idx="25">
                  <c:v>1985</c:v>
                </c:pt>
                <c:pt idx="26">
                  <c:v>1981</c:v>
                </c:pt>
                <c:pt idx="27">
                  <c:v>1912</c:v>
                </c:pt>
                <c:pt idx="28">
                  <c:v>1926</c:v>
                </c:pt>
                <c:pt idx="29">
                  <c:v>2012</c:v>
                </c:pt>
                <c:pt idx="30">
                  <c:v>1949</c:v>
                </c:pt>
                <c:pt idx="31">
                  <c:v>1961</c:v>
                </c:pt>
                <c:pt idx="32">
                  <c:v>1959</c:v>
                </c:pt>
                <c:pt idx="33">
                  <c:v>2013</c:v>
                </c:pt>
                <c:pt idx="34">
                  <c:v>1979</c:v>
                </c:pt>
                <c:pt idx="35">
                  <c:v>1913</c:v>
                </c:pt>
                <c:pt idx="36">
                  <c:v>2009</c:v>
                </c:pt>
                <c:pt idx="37">
                  <c:v>1960</c:v>
                </c:pt>
                <c:pt idx="38">
                  <c:v>1932</c:v>
                </c:pt>
                <c:pt idx="39">
                  <c:v>1923</c:v>
                </c:pt>
                <c:pt idx="40">
                  <c:v>1937</c:v>
                </c:pt>
                <c:pt idx="41">
                  <c:v>1972</c:v>
                </c:pt>
                <c:pt idx="42">
                  <c:v>1930</c:v>
                </c:pt>
                <c:pt idx="43">
                  <c:v>1966</c:v>
                </c:pt>
                <c:pt idx="44">
                  <c:v>1968</c:v>
                </c:pt>
                <c:pt idx="45">
                  <c:v>1950</c:v>
                </c:pt>
                <c:pt idx="46">
                  <c:v>2002</c:v>
                </c:pt>
                <c:pt idx="47">
                  <c:v>1908</c:v>
                </c:pt>
                <c:pt idx="48">
                  <c:v>1989</c:v>
                </c:pt>
                <c:pt idx="49">
                  <c:v>1957</c:v>
                </c:pt>
                <c:pt idx="50">
                  <c:v>1945</c:v>
                </c:pt>
                <c:pt idx="51">
                  <c:v>1962</c:v>
                </c:pt>
                <c:pt idx="52">
                  <c:v>1919</c:v>
                </c:pt>
                <c:pt idx="53">
                  <c:v>1948</c:v>
                </c:pt>
                <c:pt idx="54">
                  <c:v>1925</c:v>
                </c:pt>
                <c:pt idx="55">
                  <c:v>2010</c:v>
                </c:pt>
                <c:pt idx="56">
                  <c:v>2004</c:v>
                </c:pt>
                <c:pt idx="57">
                  <c:v>1935</c:v>
                </c:pt>
                <c:pt idx="58">
                  <c:v>1928</c:v>
                </c:pt>
                <c:pt idx="59">
                  <c:v>1917</c:v>
                </c:pt>
                <c:pt idx="60">
                  <c:v>1936</c:v>
                </c:pt>
                <c:pt idx="61">
                  <c:v>1954</c:v>
                </c:pt>
                <c:pt idx="62">
                  <c:v>1946</c:v>
                </c:pt>
                <c:pt idx="63">
                  <c:v>1922</c:v>
                </c:pt>
                <c:pt idx="64">
                  <c:v>2005</c:v>
                </c:pt>
                <c:pt idx="65">
                  <c:v>2000</c:v>
                </c:pt>
                <c:pt idx="66">
                  <c:v>2003</c:v>
                </c:pt>
                <c:pt idx="67">
                  <c:v>1975</c:v>
                </c:pt>
                <c:pt idx="68">
                  <c:v>1973</c:v>
                </c:pt>
                <c:pt idx="69">
                  <c:v>1953</c:v>
                </c:pt>
                <c:pt idx="70">
                  <c:v>1910</c:v>
                </c:pt>
                <c:pt idx="71">
                  <c:v>1943</c:v>
                </c:pt>
                <c:pt idx="72">
                  <c:v>1993</c:v>
                </c:pt>
                <c:pt idx="73">
                  <c:v>1999</c:v>
                </c:pt>
                <c:pt idx="74">
                  <c:v>1996</c:v>
                </c:pt>
                <c:pt idx="75">
                  <c:v>1978</c:v>
                </c:pt>
                <c:pt idx="76">
                  <c:v>1980</c:v>
                </c:pt>
                <c:pt idx="77">
                  <c:v>1984</c:v>
                </c:pt>
                <c:pt idx="78">
                  <c:v>1940</c:v>
                </c:pt>
                <c:pt idx="79">
                  <c:v>1971</c:v>
                </c:pt>
                <c:pt idx="80">
                  <c:v>1951</c:v>
                </c:pt>
                <c:pt idx="81">
                  <c:v>1963</c:v>
                </c:pt>
                <c:pt idx="82">
                  <c:v>1921</c:v>
                </c:pt>
                <c:pt idx="83">
                  <c:v>1927</c:v>
                </c:pt>
                <c:pt idx="84">
                  <c:v>1915</c:v>
                </c:pt>
                <c:pt idx="85">
                  <c:v>1967</c:v>
                </c:pt>
                <c:pt idx="86">
                  <c:v>1970</c:v>
                </c:pt>
                <c:pt idx="87">
                  <c:v>1916</c:v>
                </c:pt>
                <c:pt idx="88">
                  <c:v>2011</c:v>
                </c:pt>
                <c:pt idx="89">
                  <c:v>1942</c:v>
                </c:pt>
                <c:pt idx="90">
                  <c:v>1997</c:v>
                </c:pt>
                <c:pt idx="91">
                  <c:v>1965</c:v>
                </c:pt>
                <c:pt idx="92">
                  <c:v>1986</c:v>
                </c:pt>
                <c:pt idx="93">
                  <c:v>1911</c:v>
                </c:pt>
                <c:pt idx="94">
                  <c:v>1906</c:v>
                </c:pt>
                <c:pt idx="95">
                  <c:v>1969</c:v>
                </c:pt>
                <c:pt idx="96">
                  <c:v>1941</c:v>
                </c:pt>
                <c:pt idx="97">
                  <c:v>1914</c:v>
                </c:pt>
                <c:pt idx="98">
                  <c:v>1952</c:v>
                </c:pt>
                <c:pt idx="99">
                  <c:v>1958</c:v>
                </c:pt>
                <c:pt idx="100">
                  <c:v>1956</c:v>
                </c:pt>
                <c:pt idx="101">
                  <c:v>1909</c:v>
                </c:pt>
                <c:pt idx="102">
                  <c:v>1998</c:v>
                </c:pt>
                <c:pt idx="103">
                  <c:v>1938</c:v>
                </c:pt>
                <c:pt idx="104">
                  <c:v>2006</c:v>
                </c:pt>
                <c:pt idx="105">
                  <c:v>1974</c:v>
                </c:pt>
                <c:pt idx="106">
                  <c:v>1982</c:v>
                </c:pt>
                <c:pt idx="107">
                  <c:v>1907</c:v>
                </c:pt>
                <c:pt idx="108">
                  <c:v>1995</c:v>
                </c:pt>
                <c:pt idx="109">
                  <c:v>1983</c:v>
                </c:pt>
              </c:strCache>
            </c:strRef>
          </c:cat>
          <c:val>
            <c:numRef>
              <c:f>Sheet1!$B$2:$DG$2</c:f>
              <c:numCache>
                <c:formatCode>General</c:formatCode>
                <c:ptCount val="110"/>
                <c:pt idx="67">
                  <c:v>19.23</c:v>
                </c:pt>
                <c:pt idx="69">
                  <c:v>20.09</c:v>
                </c:pt>
                <c:pt idx="70">
                  <c:v>20.12</c:v>
                </c:pt>
                <c:pt idx="71">
                  <c:v>21.13</c:v>
                </c:pt>
                <c:pt idx="73">
                  <c:v>21.19</c:v>
                </c:pt>
                <c:pt idx="74">
                  <c:v>22.25</c:v>
                </c:pt>
                <c:pt idx="77">
                  <c:v>22.35</c:v>
                </c:pt>
                <c:pt idx="79">
                  <c:v>22.57</c:v>
                </c:pt>
                <c:pt idx="81">
                  <c:v>22.99</c:v>
                </c:pt>
                <c:pt idx="83">
                  <c:v>23.83</c:v>
                </c:pt>
                <c:pt idx="84">
                  <c:v>23.86</c:v>
                </c:pt>
                <c:pt idx="85">
                  <c:v>24.06</c:v>
                </c:pt>
                <c:pt idx="86">
                  <c:v>24.06</c:v>
                </c:pt>
                <c:pt idx="87">
                  <c:v>24.14</c:v>
                </c:pt>
                <c:pt idx="88" formatCode="0.00">
                  <c:v>25.21</c:v>
                </c:pt>
                <c:pt idx="89">
                  <c:v>25.24</c:v>
                </c:pt>
                <c:pt idx="90">
                  <c:v>25.4</c:v>
                </c:pt>
                <c:pt idx="91">
                  <c:v>25.64</c:v>
                </c:pt>
                <c:pt idx="92">
                  <c:v>25.72</c:v>
                </c:pt>
                <c:pt idx="93">
                  <c:v>26.38</c:v>
                </c:pt>
                <c:pt idx="94">
                  <c:v>26.71</c:v>
                </c:pt>
                <c:pt idx="95">
                  <c:v>26.98</c:v>
                </c:pt>
                <c:pt idx="96">
                  <c:v>27.08</c:v>
                </c:pt>
                <c:pt idx="97">
                  <c:v>27.81</c:v>
                </c:pt>
                <c:pt idx="98">
                  <c:v>28.6</c:v>
                </c:pt>
                <c:pt idx="99">
                  <c:v>29.71</c:v>
                </c:pt>
                <c:pt idx="100">
                  <c:v>29.89</c:v>
                </c:pt>
                <c:pt idx="101">
                  <c:v>30.68</c:v>
                </c:pt>
                <c:pt idx="102">
                  <c:v>31.36</c:v>
                </c:pt>
                <c:pt idx="103">
                  <c:v>31.83</c:v>
                </c:pt>
                <c:pt idx="104" formatCode="0.00">
                  <c:v>32.090000000000003</c:v>
                </c:pt>
                <c:pt idx="105">
                  <c:v>32.5</c:v>
                </c:pt>
                <c:pt idx="106">
                  <c:v>33.53</c:v>
                </c:pt>
                <c:pt idx="107">
                  <c:v>33.700000000000003</c:v>
                </c:pt>
                <c:pt idx="108">
                  <c:v>34.450000000000003</c:v>
                </c:pt>
                <c:pt idx="109">
                  <c:v>37.65</c:v>
                </c:pt>
              </c:numCache>
            </c:numRef>
          </c:val>
        </c:ser>
        <c:ser>
          <c:idx val="1"/>
          <c:order val="1"/>
          <c:tx>
            <c:strRef>
              <c:f>Sheet1!$A$3</c:f>
              <c:strCache>
                <c:ptCount val="1"/>
                <c:pt idx="0">
                  <c:v>Above Normal</c:v>
                </c:pt>
              </c:strCache>
            </c:strRef>
          </c:tx>
          <c:spPr>
            <a:solidFill>
              <a:srgbClr val="00FF00"/>
            </a:solidFill>
          </c:spPr>
          <c:invertIfNegative val="0"/>
          <c:cat>
            <c:strRef>
              <c:f>Sheet1!$B$1:$DG$1</c:f>
              <c:strCache>
                <c:ptCount val="110"/>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88</c:v>
                </c:pt>
                <c:pt idx="13">
                  <c:v>1920</c:v>
                </c:pt>
                <c:pt idx="14">
                  <c:v>1987</c:v>
                </c:pt>
                <c:pt idx="15">
                  <c:v>1990</c:v>
                </c:pt>
                <c:pt idx="16">
                  <c:v>2015</c:v>
                </c:pt>
                <c:pt idx="17">
                  <c:v>2001</c:v>
                </c:pt>
                <c:pt idx="18">
                  <c:v>2007</c:v>
                </c:pt>
                <c:pt idx="19">
                  <c:v>2008</c:v>
                </c:pt>
                <c:pt idx="20">
                  <c:v>1947</c:v>
                </c:pt>
                <c:pt idx="21">
                  <c:v>1944</c:v>
                </c:pt>
                <c:pt idx="22">
                  <c:v>1964</c:v>
                </c:pt>
                <c:pt idx="23">
                  <c:v>1955</c:v>
                </c:pt>
                <c:pt idx="24">
                  <c:v>1918</c:v>
                </c:pt>
                <c:pt idx="25">
                  <c:v>1985</c:v>
                </c:pt>
                <c:pt idx="26">
                  <c:v>1981</c:v>
                </c:pt>
                <c:pt idx="27">
                  <c:v>1912</c:v>
                </c:pt>
                <c:pt idx="28">
                  <c:v>1926</c:v>
                </c:pt>
                <c:pt idx="29">
                  <c:v>2012</c:v>
                </c:pt>
                <c:pt idx="30">
                  <c:v>1949</c:v>
                </c:pt>
                <c:pt idx="31">
                  <c:v>1961</c:v>
                </c:pt>
                <c:pt idx="32">
                  <c:v>1959</c:v>
                </c:pt>
                <c:pt idx="33">
                  <c:v>2013</c:v>
                </c:pt>
                <c:pt idx="34">
                  <c:v>1979</c:v>
                </c:pt>
                <c:pt idx="35">
                  <c:v>1913</c:v>
                </c:pt>
                <c:pt idx="36">
                  <c:v>2009</c:v>
                </c:pt>
                <c:pt idx="37">
                  <c:v>1960</c:v>
                </c:pt>
                <c:pt idx="38">
                  <c:v>1932</c:v>
                </c:pt>
                <c:pt idx="39">
                  <c:v>1923</c:v>
                </c:pt>
                <c:pt idx="40">
                  <c:v>1937</c:v>
                </c:pt>
                <c:pt idx="41">
                  <c:v>1972</c:v>
                </c:pt>
                <c:pt idx="42">
                  <c:v>1930</c:v>
                </c:pt>
                <c:pt idx="43">
                  <c:v>1966</c:v>
                </c:pt>
                <c:pt idx="44">
                  <c:v>1968</c:v>
                </c:pt>
                <c:pt idx="45">
                  <c:v>1950</c:v>
                </c:pt>
                <c:pt idx="46">
                  <c:v>2002</c:v>
                </c:pt>
                <c:pt idx="47">
                  <c:v>1908</c:v>
                </c:pt>
                <c:pt idx="48">
                  <c:v>1989</c:v>
                </c:pt>
                <c:pt idx="49">
                  <c:v>1957</c:v>
                </c:pt>
                <c:pt idx="50">
                  <c:v>1945</c:v>
                </c:pt>
                <c:pt idx="51">
                  <c:v>1962</c:v>
                </c:pt>
                <c:pt idx="52">
                  <c:v>1919</c:v>
                </c:pt>
                <c:pt idx="53">
                  <c:v>1948</c:v>
                </c:pt>
                <c:pt idx="54">
                  <c:v>1925</c:v>
                </c:pt>
                <c:pt idx="55">
                  <c:v>2010</c:v>
                </c:pt>
                <c:pt idx="56">
                  <c:v>2004</c:v>
                </c:pt>
                <c:pt idx="57">
                  <c:v>1935</c:v>
                </c:pt>
                <c:pt idx="58">
                  <c:v>1928</c:v>
                </c:pt>
                <c:pt idx="59">
                  <c:v>1917</c:v>
                </c:pt>
                <c:pt idx="60">
                  <c:v>1936</c:v>
                </c:pt>
                <c:pt idx="61">
                  <c:v>1954</c:v>
                </c:pt>
                <c:pt idx="62">
                  <c:v>1946</c:v>
                </c:pt>
                <c:pt idx="63">
                  <c:v>1922</c:v>
                </c:pt>
                <c:pt idx="64">
                  <c:v>2005</c:v>
                </c:pt>
                <c:pt idx="65">
                  <c:v>2000</c:v>
                </c:pt>
                <c:pt idx="66">
                  <c:v>2003</c:v>
                </c:pt>
                <c:pt idx="67">
                  <c:v>1975</c:v>
                </c:pt>
                <c:pt idx="68">
                  <c:v>1973</c:v>
                </c:pt>
                <c:pt idx="69">
                  <c:v>1953</c:v>
                </c:pt>
                <c:pt idx="70">
                  <c:v>1910</c:v>
                </c:pt>
                <c:pt idx="71">
                  <c:v>1943</c:v>
                </c:pt>
                <c:pt idx="72">
                  <c:v>1993</c:v>
                </c:pt>
                <c:pt idx="73">
                  <c:v>1999</c:v>
                </c:pt>
                <c:pt idx="74">
                  <c:v>1996</c:v>
                </c:pt>
                <c:pt idx="75">
                  <c:v>1978</c:v>
                </c:pt>
                <c:pt idx="76">
                  <c:v>1980</c:v>
                </c:pt>
                <c:pt idx="77">
                  <c:v>1984</c:v>
                </c:pt>
                <c:pt idx="78">
                  <c:v>1940</c:v>
                </c:pt>
                <c:pt idx="79">
                  <c:v>1971</c:v>
                </c:pt>
                <c:pt idx="80">
                  <c:v>1951</c:v>
                </c:pt>
                <c:pt idx="81">
                  <c:v>1963</c:v>
                </c:pt>
                <c:pt idx="82">
                  <c:v>1921</c:v>
                </c:pt>
                <c:pt idx="83">
                  <c:v>1927</c:v>
                </c:pt>
                <c:pt idx="84">
                  <c:v>1915</c:v>
                </c:pt>
                <c:pt idx="85">
                  <c:v>1967</c:v>
                </c:pt>
                <c:pt idx="86">
                  <c:v>1970</c:v>
                </c:pt>
                <c:pt idx="87">
                  <c:v>1916</c:v>
                </c:pt>
                <c:pt idx="88">
                  <c:v>2011</c:v>
                </c:pt>
                <c:pt idx="89">
                  <c:v>1942</c:v>
                </c:pt>
                <c:pt idx="90">
                  <c:v>1997</c:v>
                </c:pt>
                <c:pt idx="91">
                  <c:v>1965</c:v>
                </c:pt>
                <c:pt idx="92">
                  <c:v>1986</c:v>
                </c:pt>
                <c:pt idx="93">
                  <c:v>1911</c:v>
                </c:pt>
                <c:pt idx="94">
                  <c:v>1906</c:v>
                </c:pt>
                <c:pt idx="95">
                  <c:v>1969</c:v>
                </c:pt>
                <c:pt idx="96">
                  <c:v>1941</c:v>
                </c:pt>
                <c:pt idx="97">
                  <c:v>1914</c:v>
                </c:pt>
                <c:pt idx="98">
                  <c:v>1952</c:v>
                </c:pt>
                <c:pt idx="99">
                  <c:v>1958</c:v>
                </c:pt>
                <c:pt idx="100">
                  <c:v>1956</c:v>
                </c:pt>
                <c:pt idx="101">
                  <c:v>1909</c:v>
                </c:pt>
                <c:pt idx="102">
                  <c:v>1998</c:v>
                </c:pt>
                <c:pt idx="103">
                  <c:v>1938</c:v>
                </c:pt>
                <c:pt idx="104">
                  <c:v>2006</c:v>
                </c:pt>
                <c:pt idx="105">
                  <c:v>1974</c:v>
                </c:pt>
                <c:pt idx="106">
                  <c:v>1982</c:v>
                </c:pt>
                <c:pt idx="107">
                  <c:v>1907</c:v>
                </c:pt>
                <c:pt idx="108">
                  <c:v>1995</c:v>
                </c:pt>
                <c:pt idx="109">
                  <c:v>1983</c:v>
                </c:pt>
              </c:strCache>
            </c:strRef>
          </c:cat>
          <c:val>
            <c:numRef>
              <c:f>Sheet1!$B$3:$DG$3</c:f>
              <c:numCache>
                <c:formatCode>General</c:formatCode>
                <c:ptCount val="110"/>
                <c:pt idx="49">
                  <c:v>14.89</c:v>
                </c:pt>
                <c:pt idx="58">
                  <c:v>16.760000000000002</c:v>
                </c:pt>
                <c:pt idx="59">
                  <c:v>17.260000000000002</c:v>
                </c:pt>
                <c:pt idx="61">
                  <c:v>17.43</c:v>
                </c:pt>
                <c:pt idx="63">
                  <c:v>17.98</c:v>
                </c:pt>
                <c:pt idx="64" formatCode="0.00">
                  <c:v>18.55</c:v>
                </c:pt>
                <c:pt idx="65">
                  <c:v>18.899999999999999</c:v>
                </c:pt>
                <c:pt idx="66" formatCode="0.00">
                  <c:v>19.18</c:v>
                </c:pt>
                <c:pt idx="68">
                  <c:v>20.05</c:v>
                </c:pt>
                <c:pt idx="72">
                  <c:v>22.17</c:v>
                </c:pt>
                <c:pt idx="75">
                  <c:v>22.33</c:v>
                </c:pt>
                <c:pt idx="76">
                  <c:v>22.33</c:v>
                </c:pt>
                <c:pt idx="78">
                  <c:v>22.43</c:v>
                </c:pt>
                <c:pt idx="80">
                  <c:v>22.95</c:v>
                </c:pt>
                <c:pt idx="82">
                  <c:v>23.8</c:v>
                </c:pt>
              </c:numCache>
            </c:numRef>
          </c:val>
        </c:ser>
        <c:ser>
          <c:idx val="2"/>
          <c:order val="2"/>
          <c:tx>
            <c:strRef>
              <c:f>Sheet1!$A$4</c:f>
              <c:strCache>
                <c:ptCount val="1"/>
                <c:pt idx="0">
                  <c:v>Below Normal</c:v>
                </c:pt>
              </c:strCache>
            </c:strRef>
          </c:tx>
          <c:spPr>
            <a:solidFill>
              <a:srgbClr val="FFC000"/>
            </a:solidFill>
          </c:spPr>
          <c:invertIfNegative val="0"/>
          <c:cat>
            <c:strRef>
              <c:f>Sheet1!$B$1:$DG$1</c:f>
              <c:strCache>
                <c:ptCount val="110"/>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88</c:v>
                </c:pt>
                <c:pt idx="13">
                  <c:v>1920</c:v>
                </c:pt>
                <c:pt idx="14">
                  <c:v>1987</c:v>
                </c:pt>
                <c:pt idx="15">
                  <c:v>1990</c:v>
                </c:pt>
                <c:pt idx="16">
                  <c:v>2015</c:v>
                </c:pt>
                <c:pt idx="17">
                  <c:v>2001</c:v>
                </c:pt>
                <c:pt idx="18">
                  <c:v>2007</c:v>
                </c:pt>
                <c:pt idx="19">
                  <c:v>2008</c:v>
                </c:pt>
                <c:pt idx="20">
                  <c:v>1947</c:v>
                </c:pt>
                <c:pt idx="21">
                  <c:v>1944</c:v>
                </c:pt>
                <c:pt idx="22">
                  <c:v>1964</c:v>
                </c:pt>
                <c:pt idx="23">
                  <c:v>1955</c:v>
                </c:pt>
                <c:pt idx="24">
                  <c:v>1918</c:v>
                </c:pt>
                <c:pt idx="25">
                  <c:v>1985</c:v>
                </c:pt>
                <c:pt idx="26">
                  <c:v>1981</c:v>
                </c:pt>
                <c:pt idx="27">
                  <c:v>1912</c:v>
                </c:pt>
                <c:pt idx="28">
                  <c:v>1926</c:v>
                </c:pt>
                <c:pt idx="29">
                  <c:v>2012</c:v>
                </c:pt>
                <c:pt idx="30">
                  <c:v>1949</c:v>
                </c:pt>
                <c:pt idx="31">
                  <c:v>1961</c:v>
                </c:pt>
                <c:pt idx="32">
                  <c:v>1959</c:v>
                </c:pt>
                <c:pt idx="33">
                  <c:v>2013</c:v>
                </c:pt>
                <c:pt idx="34">
                  <c:v>1979</c:v>
                </c:pt>
                <c:pt idx="35">
                  <c:v>1913</c:v>
                </c:pt>
                <c:pt idx="36">
                  <c:v>2009</c:v>
                </c:pt>
                <c:pt idx="37">
                  <c:v>1960</c:v>
                </c:pt>
                <c:pt idx="38">
                  <c:v>1932</c:v>
                </c:pt>
                <c:pt idx="39">
                  <c:v>1923</c:v>
                </c:pt>
                <c:pt idx="40">
                  <c:v>1937</c:v>
                </c:pt>
                <c:pt idx="41">
                  <c:v>1972</c:v>
                </c:pt>
                <c:pt idx="42">
                  <c:v>1930</c:v>
                </c:pt>
                <c:pt idx="43">
                  <c:v>1966</c:v>
                </c:pt>
                <c:pt idx="44">
                  <c:v>1968</c:v>
                </c:pt>
                <c:pt idx="45">
                  <c:v>1950</c:v>
                </c:pt>
                <c:pt idx="46">
                  <c:v>2002</c:v>
                </c:pt>
                <c:pt idx="47">
                  <c:v>1908</c:v>
                </c:pt>
                <c:pt idx="48">
                  <c:v>1989</c:v>
                </c:pt>
                <c:pt idx="49">
                  <c:v>1957</c:v>
                </c:pt>
                <c:pt idx="50">
                  <c:v>1945</c:v>
                </c:pt>
                <c:pt idx="51">
                  <c:v>1962</c:v>
                </c:pt>
                <c:pt idx="52">
                  <c:v>1919</c:v>
                </c:pt>
                <c:pt idx="53">
                  <c:v>1948</c:v>
                </c:pt>
                <c:pt idx="54">
                  <c:v>1925</c:v>
                </c:pt>
                <c:pt idx="55">
                  <c:v>2010</c:v>
                </c:pt>
                <c:pt idx="56">
                  <c:v>2004</c:v>
                </c:pt>
                <c:pt idx="57">
                  <c:v>1935</c:v>
                </c:pt>
                <c:pt idx="58">
                  <c:v>1928</c:v>
                </c:pt>
                <c:pt idx="59">
                  <c:v>1917</c:v>
                </c:pt>
                <c:pt idx="60">
                  <c:v>1936</c:v>
                </c:pt>
                <c:pt idx="61">
                  <c:v>1954</c:v>
                </c:pt>
                <c:pt idx="62">
                  <c:v>1946</c:v>
                </c:pt>
                <c:pt idx="63">
                  <c:v>1922</c:v>
                </c:pt>
                <c:pt idx="64">
                  <c:v>2005</c:v>
                </c:pt>
                <c:pt idx="65">
                  <c:v>2000</c:v>
                </c:pt>
                <c:pt idx="66">
                  <c:v>2003</c:v>
                </c:pt>
                <c:pt idx="67">
                  <c:v>1975</c:v>
                </c:pt>
                <c:pt idx="68">
                  <c:v>1973</c:v>
                </c:pt>
                <c:pt idx="69">
                  <c:v>1953</c:v>
                </c:pt>
                <c:pt idx="70">
                  <c:v>1910</c:v>
                </c:pt>
                <c:pt idx="71">
                  <c:v>1943</c:v>
                </c:pt>
                <c:pt idx="72">
                  <c:v>1993</c:v>
                </c:pt>
                <c:pt idx="73">
                  <c:v>1999</c:v>
                </c:pt>
                <c:pt idx="74">
                  <c:v>1996</c:v>
                </c:pt>
                <c:pt idx="75">
                  <c:v>1978</c:v>
                </c:pt>
                <c:pt idx="76">
                  <c:v>1980</c:v>
                </c:pt>
                <c:pt idx="77">
                  <c:v>1984</c:v>
                </c:pt>
                <c:pt idx="78">
                  <c:v>1940</c:v>
                </c:pt>
                <c:pt idx="79">
                  <c:v>1971</c:v>
                </c:pt>
                <c:pt idx="80">
                  <c:v>1951</c:v>
                </c:pt>
                <c:pt idx="81">
                  <c:v>1963</c:v>
                </c:pt>
                <c:pt idx="82">
                  <c:v>1921</c:v>
                </c:pt>
                <c:pt idx="83">
                  <c:v>1927</c:v>
                </c:pt>
                <c:pt idx="84">
                  <c:v>1915</c:v>
                </c:pt>
                <c:pt idx="85">
                  <c:v>1967</c:v>
                </c:pt>
                <c:pt idx="86">
                  <c:v>1970</c:v>
                </c:pt>
                <c:pt idx="87">
                  <c:v>1916</c:v>
                </c:pt>
                <c:pt idx="88">
                  <c:v>2011</c:v>
                </c:pt>
                <c:pt idx="89">
                  <c:v>1942</c:v>
                </c:pt>
                <c:pt idx="90">
                  <c:v>1997</c:v>
                </c:pt>
                <c:pt idx="91">
                  <c:v>1965</c:v>
                </c:pt>
                <c:pt idx="92">
                  <c:v>1986</c:v>
                </c:pt>
                <c:pt idx="93">
                  <c:v>1911</c:v>
                </c:pt>
                <c:pt idx="94">
                  <c:v>1906</c:v>
                </c:pt>
                <c:pt idx="95">
                  <c:v>1969</c:v>
                </c:pt>
                <c:pt idx="96">
                  <c:v>1941</c:v>
                </c:pt>
                <c:pt idx="97">
                  <c:v>1914</c:v>
                </c:pt>
                <c:pt idx="98">
                  <c:v>1952</c:v>
                </c:pt>
                <c:pt idx="99">
                  <c:v>1958</c:v>
                </c:pt>
                <c:pt idx="100">
                  <c:v>1956</c:v>
                </c:pt>
                <c:pt idx="101">
                  <c:v>1909</c:v>
                </c:pt>
                <c:pt idx="102">
                  <c:v>1998</c:v>
                </c:pt>
                <c:pt idx="103">
                  <c:v>1938</c:v>
                </c:pt>
                <c:pt idx="104">
                  <c:v>2006</c:v>
                </c:pt>
                <c:pt idx="105">
                  <c:v>1974</c:v>
                </c:pt>
                <c:pt idx="106">
                  <c:v>1982</c:v>
                </c:pt>
                <c:pt idx="107">
                  <c:v>1907</c:v>
                </c:pt>
                <c:pt idx="108">
                  <c:v>1995</c:v>
                </c:pt>
                <c:pt idx="109">
                  <c:v>1983</c:v>
                </c:pt>
              </c:strCache>
            </c:strRef>
          </c:cat>
          <c:val>
            <c:numRef>
              <c:f>Sheet1!$B$4:$DG$4</c:f>
              <c:numCache>
                <c:formatCode>General</c:formatCode>
                <c:ptCount val="110"/>
                <c:pt idx="27">
                  <c:v>11.41</c:v>
                </c:pt>
                <c:pt idx="29" formatCode="0.00">
                  <c:v>11.84</c:v>
                </c:pt>
                <c:pt idx="32">
                  <c:v>12.05</c:v>
                </c:pt>
                <c:pt idx="34">
                  <c:v>12.41</c:v>
                </c:pt>
                <c:pt idx="39">
                  <c:v>13.21</c:v>
                </c:pt>
                <c:pt idx="40">
                  <c:v>13.33</c:v>
                </c:pt>
                <c:pt idx="41">
                  <c:v>13.43</c:v>
                </c:pt>
                <c:pt idx="43">
                  <c:v>13.64</c:v>
                </c:pt>
                <c:pt idx="44">
                  <c:v>13.64</c:v>
                </c:pt>
                <c:pt idx="45">
                  <c:v>14.44</c:v>
                </c:pt>
                <c:pt idx="47">
                  <c:v>14.77</c:v>
                </c:pt>
                <c:pt idx="50">
                  <c:v>15.06</c:v>
                </c:pt>
                <c:pt idx="51">
                  <c:v>15.11</c:v>
                </c:pt>
                <c:pt idx="52">
                  <c:v>15.66</c:v>
                </c:pt>
                <c:pt idx="53">
                  <c:v>15.75</c:v>
                </c:pt>
                <c:pt idx="55" formatCode="0.00">
                  <c:v>16.010000000000002</c:v>
                </c:pt>
                <c:pt idx="56" formatCode="0.00">
                  <c:v>16.04</c:v>
                </c:pt>
                <c:pt idx="57">
                  <c:v>16.59</c:v>
                </c:pt>
                <c:pt idx="60">
                  <c:v>17.350000000000001</c:v>
                </c:pt>
                <c:pt idx="62">
                  <c:v>17.62</c:v>
                </c:pt>
              </c:numCache>
            </c:numRef>
          </c:val>
        </c:ser>
        <c:ser>
          <c:idx val="3"/>
          <c:order val="3"/>
          <c:tx>
            <c:strRef>
              <c:f>Sheet1!$A$5</c:f>
              <c:strCache>
                <c:ptCount val="1"/>
                <c:pt idx="0">
                  <c:v>Dry</c:v>
                </c:pt>
              </c:strCache>
            </c:strRef>
          </c:tx>
          <c:spPr>
            <a:solidFill>
              <a:srgbClr val="FFFF00"/>
            </a:solidFill>
          </c:spPr>
          <c:invertIfNegative val="0"/>
          <c:cat>
            <c:strRef>
              <c:f>Sheet1!$B$1:$DG$1</c:f>
              <c:strCache>
                <c:ptCount val="110"/>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88</c:v>
                </c:pt>
                <c:pt idx="13">
                  <c:v>1920</c:v>
                </c:pt>
                <c:pt idx="14">
                  <c:v>1987</c:v>
                </c:pt>
                <c:pt idx="15">
                  <c:v>1990</c:v>
                </c:pt>
                <c:pt idx="16">
                  <c:v>2015</c:v>
                </c:pt>
                <c:pt idx="17">
                  <c:v>2001</c:v>
                </c:pt>
                <c:pt idx="18">
                  <c:v>2007</c:v>
                </c:pt>
                <c:pt idx="19">
                  <c:v>2008</c:v>
                </c:pt>
                <c:pt idx="20">
                  <c:v>1947</c:v>
                </c:pt>
                <c:pt idx="21">
                  <c:v>1944</c:v>
                </c:pt>
                <c:pt idx="22">
                  <c:v>1964</c:v>
                </c:pt>
                <c:pt idx="23">
                  <c:v>1955</c:v>
                </c:pt>
                <c:pt idx="24">
                  <c:v>1918</c:v>
                </c:pt>
                <c:pt idx="25">
                  <c:v>1985</c:v>
                </c:pt>
                <c:pt idx="26">
                  <c:v>1981</c:v>
                </c:pt>
                <c:pt idx="27">
                  <c:v>1912</c:v>
                </c:pt>
                <c:pt idx="28">
                  <c:v>1926</c:v>
                </c:pt>
                <c:pt idx="29">
                  <c:v>2012</c:v>
                </c:pt>
                <c:pt idx="30">
                  <c:v>1949</c:v>
                </c:pt>
                <c:pt idx="31">
                  <c:v>1961</c:v>
                </c:pt>
                <c:pt idx="32">
                  <c:v>1959</c:v>
                </c:pt>
                <c:pt idx="33">
                  <c:v>2013</c:v>
                </c:pt>
                <c:pt idx="34">
                  <c:v>1979</c:v>
                </c:pt>
                <c:pt idx="35">
                  <c:v>1913</c:v>
                </c:pt>
                <c:pt idx="36">
                  <c:v>2009</c:v>
                </c:pt>
                <c:pt idx="37">
                  <c:v>1960</c:v>
                </c:pt>
                <c:pt idx="38">
                  <c:v>1932</c:v>
                </c:pt>
                <c:pt idx="39">
                  <c:v>1923</c:v>
                </c:pt>
                <c:pt idx="40">
                  <c:v>1937</c:v>
                </c:pt>
                <c:pt idx="41">
                  <c:v>1972</c:v>
                </c:pt>
                <c:pt idx="42">
                  <c:v>1930</c:v>
                </c:pt>
                <c:pt idx="43">
                  <c:v>1966</c:v>
                </c:pt>
                <c:pt idx="44">
                  <c:v>1968</c:v>
                </c:pt>
                <c:pt idx="45">
                  <c:v>1950</c:v>
                </c:pt>
                <c:pt idx="46">
                  <c:v>2002</c:v>
                </c:pt>
                <c:pt idx="47">
                  <c:v>1908</c:v>
                </c:pt>
                <c:pt idx="48">
                  <c:v>1989</c:v>
                </c:pt>
                <c:pt idx="49">
                  <c:v>1957</c:v>
                </c:pt>
                <c:pt idx="50">
                  <c:v>1945</c:v>
                </c:pt>
                <c:pt idx="51">
                  <c:v>1962</c:v>
                </c:pt>
                <c:pt idx="52">
                  <c:v>1919</c:v>
                </c:pt>
                <c:pt idx="53">
                  <c:v>1948</c:v>
                </c:pt>
                <c:pt idx="54">
                  <c:v>1925</c:v>
                </c:pt>
                <c:pt idx="55">
                  <c:v>2010</c:v>
                </c:pt>
                <c:pt idx="56">
                  <c:v>2004</c:v>
                </c:pt>
                <c:pt idx="57">
                  <c:v>1935</c:v>
                </c:pt>
                <c:pt idx="58">
                  <c:v>1928</c:v>
                </c:pt>
                <c:pt idx="59">
                  <c:v>1917</c:v>
                </c:pt>
                <c:pt idx="60">
                  <c:v>1936</c:v>
                </c:pt>
                <c:pt idx="61">
                  <c:v>1954</c:v>
                </c:pt>
                <c:pt idx="62">
                  <c:v>1946</c:v>
                </c:pt>
                <c:pt idx="63">
                  <c:v>1922</c:v>
                </c:pt>
                <c:pt idx="64">
                  <c:v>2005</c:v>
                </c:pt>
                <c:pt idx="65">
                  <c:v>2000</c:v>
                </c:pt>
                <c:pt idx="66">
                  <c:v>2003</c:v>
                </c:pt>
                <c:pt idx="67">
                  <c:v>1975</c:v>
                </c:pt>
                <c:pt idx="68">
                  <c:v>1973</c:v>
                </c:pt>
                <c:pt idx="69">
                  <c:v>1953</c:v>
                </c:pt>
                <c:pt idx="70">
                  <c:v>1910</c:v>
                </c:pt>
                <c:pt idx="71">
                  <c:v>1943</c:v>
                </c:pt>
                <c:pt idx="72">
                  <c:v>1993</c:v>
                </c:pt>
                <c:pt idx="73">
                  <c:v>1999</c:v>
                </c:pt>
                <c:pt idx="74">
                  <c:v>1996</c:v>
                </c:pt>
                <c:pt idx="75">
                  <c:v>1978</c:v>
                </c:pt>
                <c:pt idx="76">
                  <c:v>1980</c:v>
                </c:pt>
                <c:pt idx="77">
                  <c:v>1984</c:v>
                </c:pt>
                <c:pt idx="78">
                  <c:v>1940</c:v>
                </c:pt>
                <c:pt idx="79">
                  <c:v>1971</c:v>
                </c:pt>
                <c:pt idx="80">
                  <c:v>1951</c:v>
                </c:pt>
                <c:pt idx="81">
                  <c:v>1963</c:v>
                </c:pt>
                <c:pt idx="82">
                  <c:v>1921</c:v>
                </c:pt>
                <c:pt idx="83">
                  <c:v>1927</c:v>
                </c:pt>
                <c:pt idx="84">
                  <c:v>1915</c:v>
                </c:pt>
                <c:pt idx="85">
                  <c:v>1967</c:v>
                </c:pt>
                <c:pt idx="86">
                  <c:v>1970</c:v>
                </c:pt>
                <c:pt idx="87">
                  <c:v>1916</c:v>
                </c:pt>
                <c:pt idx="88">
                  <c:v>2011</c:v>
                </c:pt>
                <c:pt idx="89">
                  <c:v>1942</c:v>
                </c:pt>
                <c:pt idx="90">
                  <c:v>1997</c:v>
                </c:pt>
                <c:pt idx="91">
                  <c:v>1965</c:v>
                </c:pt>
                <c:pt idx="92">
                  <c:v>1986</c:v>
                </c:pt>
                <c:pt idx="93">
                  <c:v>1911</c:v>
                </c:pt>
                <c:pt idx="94">
                  <c:v>1906</c:v>
                </c:pt>
                <c:pt idx="95">
                  <c:v>1969</c:v>
                </c:pt>
                <c:pt idx="96">
                  <c:v>1941</c:v>
                </c:pt>
                <c:pt idx="97">
                  <c:v>1914</c:v>
                </c:pt>
                <c:pt idx="98">
                  <c:v>1952</c:v>
                </c:pt>
                <c:pt idx="99">
                  <c:v>1958</c:v>
                </c:pt>
                <c:pt idx="100">
                  <c:v>1956</c:v>
                </c:pt>
                <c:pt idx="101">
                  <c:v>1909</c:v>
                </c:pt>
                <c:pt idx="102">
                  <c:v>1998</c:v>
                </c:pt>
                <c:pt idx="103">
                  <c:v>1938</c:v>
                </c:pt>
                <c:pt idx="104">
                  <c:v>2006</c:v>
                </c:pt>
                <c:pt idx="105">
                  <c:v>1974</c:v>
                </c:pt>
                <c:pt idx="106">
                  <c:v>1982</c:v>
                </c:pt>
                <c:pt idx="107">
                  <c:v>1907</c:v>
                </c:pt>
                <c:pt idx="108">
                  <c:v>1995</c:v>
                </c:pt>
                <c:pt idx="109">
                  <c:v>1983</c:v>
                </c:pt>
              </c:strCache>
            </c:strRef>
          </c:cat>
          <c:val>
            <c:numRef>
              <c:f>Sheet1!$B$5:$DG$5</c:f>
              <c:numCache>
                <c:formatCode>General</c:formatCode>
                <c:ptCount val="110"/>
                <c:pt idx="5">
                  <c:v>8.18</c:v>
                </c:pt>
                <c:pt idx="14">
                  <c:v>9.1999999999999993</c:v>
                </c:pt>
                <c:pt idx="17">
                  <c:v>9.81</c:v>
                </c:pt>
                <c:pt idx="18" formatCode="0.00">
                  <c:v>10.28</c:v>
                </c:pt>
                <c:pt idx="20">
                  <c:v>10.39</c:v>
                </c:pt>
                <c:pt idx="21">
                  <c:v>10.43</c:v>
                </c:pt>
                <c:pt idx="22">
                  <c:v>10.92</c:v>
                </c:pt>
                <c:pt idx="23">
                  <c:v>10.98</c:v>
                </c:pt>
                <c:pt idx="24">
                  <c:v>10.99</c:v>
                </c:pt>
                <c:pt idx="25">
                  <c:v>11.04</c:v>
                </c:pt>
                <c:pt idx="26">
                  <c:v>11.1</c:v>
                </c:pt>
                <c:pt idx="28">
                  <c:v>11.76</c:v>
                </c:pt>
                <c:pt idx="30">
                  <c:v>11.97</c:v>
                </c:pt>
                <c:pt idx="31">
                  <c:v>11.97</c:v>
                </c:pt>
                <c:pt idx="33" formatCode="0.00">
                  <c:v>12.19</c:v>
                </c:pt>
                <c:pt idx="35">
                  <c:v>12.85</c:v>
                </c:pt>
                <c:pt idx="36" formatCode="0.00">
                  <c:v>13.02</c:v>
                </c:pt>
                <c:pt idx="37">
                  <c:v>13.06</c:v>
                </c:pt>
                <c:pt idx="38">
                  <c:v>13.12</c:v>
                </c:pt>
                <c:pt idx="42">
                  <c:v>13.52</c:v>
                </c:pt>
                <c:pt idx="46">
                  <c:v>14.6</c:v>
                </c:pt>
                <c:pt idx="48">
                  <c:v>14.8</c:v>
                </c:pt>
                <c:pt idx="54">
                  <c:v>15.99</c:v>
                </c:pt>
              </c:numCache>
            </c:numRef>
          </c:val>
        </c:ser>
        <c:ser>
          <c:idx val="4"/>
          <c:order val="4"/>
          <c:tx>
            <c:strRef>
              <c:f>Sheet1!$A$6</c:f>
              <c:strCache>
                <c:ptCount val="1"/>
                <c:pt idx="0">
                  <c:v>Critical</c:v>
                </c:pt>
              </c:strCache>
            </c:strRef>
          </c:tx>
          <c:spPr>
            <a:solidFill>
              <a:srgbClr val="FF0000"/>
            </a:solidFill>
          </c:spPr>
          <c:invertIfNegative val="0"/>
          <c:cat>
            <c:strRef>
              <c:f>Sheet1!$B$1:$DG$1</c:f>
              <c:strCache>
                <c:ptCount val="110"/>
                <c:pt idx="0">
                  <c:v>1977</c:v>
                </c:pt>
                <c:pt idx="1">
                  <c:v>1924</c:v>
                </c:pt>
                <c:pt idx="2">
                  <c:v>1931</c:v>
                </c:pt>
                <c:pt idx="3">
                  <c:v>2014</c:v>
                </c:pt>
                <c:pt idx="4">
                  <c:v>1994</c:v>
                </c:pt>
                <c:pt idx="5">
                  <c:v>1939</c:v>
                </c:pt>
                <c:pt idx="6">
                  <c:v>1976</c:v>
                </c:pt>
                <c:pt idx="7">
                  <c:v>1929</c:v>
                </c:pt>
                <c:pt idx="8">
                  <c:v>1991</c:v>
                </c:pt>
                <c:pt idx="9">
                  <c:v>1934</c:v>
                </c:pt>
                <c:pt idx="10">
                  <c:v>1992</c:v>
                </c:pt>
                <c:pt idx="11">
                  <c:v>1933</c:v>
                </c:pt>
                <c:pt idx="12">
                  <c:v>1988</c:v>
                </c:pt>
                <c:pt idx="13">
                  <c:v>1920</c:v>
                </c:pt>
                <c:pt idx="14">
                  <c:v>1987</c:v>
                </c:pt>
                <c:pt idx="15">
                  <c:v>1990</c:v>
                </c:pt>
                <c:pt idx="16">
                  <c:v>2015</c:v>
                </c:pt>
                <c:pt idx="17">
                  <c:v>2001</c:v>
                </c:pt>
                <c:pt idx="18">
                  <c:v>2007</c:v>
                </c:pt>
                <c:pt idx="19">
                  <c:v>2008</c:v>
                </c:pt>
                <c:pt idx="20">
                  <c:v>1947</c:v>
                </c:pt>
                <c:pt idx="21">
                  <c:v>1944</c:v>
                </c:pt>
                <c:pt idx="22">
                  <c:v>1964</c:v>
                </c:pt>
                <c:pt idx="23">
                  <c:v>1955</c:v>
                </c:pt>
                <c:pt idx="24">
                  <c:v>1918</c:v>
                </c:pt>
                <c:pt idx="25">
                  <c:v>1985</c:v>
                </c:pt>
                <c:pt idx="26">
                  <c:v>1981</c:v>
                </c:pt>
                <c:pt idx="27">
                  <c:v>1912</c:v>
                </c:pt>
                <c:pt idx="28">
                  <c:v>1926</c:v>
                </c:pt>
                <c:pt idx="29">
                  <c:v>2012</c:v>
                </c:pt>
                <c:pt idx="30">
                  <c:v>1949</c:v>
                </c:pt>
                <c:pt idx="31">
                  <c:v>1961</c:v>
                </c:pt>
                <c:pt idx="32">
                  <c:v>1959</c:v>
                </c:pt>
                <c:pt idx="33">
                  <c:v>2013</c:v>
                </c:pt>
                <c:pt idx="34">
                  <c:v>1979</c:v>
                </c:pt>
                <c:pt idx="35">
                  <c:v>1913</c:v>
                </c:pt>
                <c:pt idx="36">
                  <c:v>2009</c:v>
                </c:pt>
                <c:pt idx="37">
                  <c:v>1960</c:v>
                </c:pt>
                <c:pt idx="38">
                  <c:v>1932</c:v>
                </c:pt>
                <c:pt idx="39">
                  <c:v>1923</c:v>
                </c:pt>
                <c:pt idx="40">
                  <c:v>1937</c:v>
                </c:pt>
                <c:pt idx="41">
                  <c:v>1972</c:v>
                </c:pt>
                <c:pt idx="42">
                  <c:v>1930</c:v>
                </c:pt>
                <c:pt idx="43">
                  <c:v>1966</c:v>
                </c:pt>
                <c:pt idx="44">
                  <c:v>1968</c:v>
                </c:pt>
                <c:pt idx="45">
                  <c:v>1950</c:v>
                </c:pt>
                <c:pt idx="46">
                  <c:v>2002</c:v>
                </c:pt>
                <c:pt idx="47">
                  <c:v>1908</c:v>
                </c:pt>
                <c:pt idx="48">
                  <c:v>1989</c:v>
                </c:pt>
                <c:pt idx="49">
                  <c:v>1957</c:v>
                </c:pt>
                <c:pt idx="50">
                  <c:v>1945</c:v>
                </c:pt>
                <c:pt idx="51">
                  <c:v>1962</c:v>
                </c:pt>
                <c:pt idx="52">
                  <c:v>1919</c:v>
                </c:pt>
                <c:pt idx="53">
                  <c:v>1948</c:v>
                </c:pt>
                <c:pt idx="54">
                  <c:v>1925</c:v>
                </c:pt>
                <c:pt idx="55">
                  <c:v>2010</c:v>
                </c:pt>
                <c:pt idx="56">
                  <c:v>2004</c:v>
                </c:pt>
                <c:pt idx="57">
                  <c:v>1935</c:v>
                </c:pt>
                <c:pt idx="58">
                  <c:v>1928</c:v>
                </c:pt>
                <c:pt idx="59">
                  <c:v>1917</c:v>
                </c:pt>
                <c:pt idx="60">
                  <c:v>1936</c:v>
                </c:pt>
                <c:pt idx="61">
                  <c:v>1954</c:v>
                </c:pt>
                <c:pt idx="62">
                  <c:v>1946</c:v>
                </c:pt>
                <c:pt idx="63">
                  <c:v>1922</c:v>
                </c:pt>
                <c:pt idx="64">
                  <c:v>2005</c:v>
                </c:pt>
                <c:pt idx="65">
                  <c:v>2000</c:v>
                </c:pt>
                <c:pt idx="66">
                  <c:v>2003</c:v>
                </c:pt>
                <c:pt idx="67">
                  <c:v>1975</c:v>
                </c:pt>
                <c:pt idx="68">
                  <c:v>1973</c:v>
                </c:pt>
                <c:pt idx="69">
                  <c:v>1953</c:v>
                </c:pt>
                <c:pt idx="70">
                  <c:v>1910</c:v>
                </c:pt>
                <c:pt idx="71">
                  <c:v>1943</c:v>
                </c:pt>
                <c:pt idx="72">
                  <c:v>1993</c:v>
                </c:pt>
                <c:pt idx="73">
                  <c:v>1999</c:v>
                </c:pt>
                <c:pt idx="74">
                  <c:v>1996</c:v>
                </c:pt>
                <c:pt idx="75">
                  <c:v>1978</c:v>
                </c:pt>
                <c:pt idx="76">
                  <c:v>1980</c:v>
                </c:pt>
                <c:pt idx="77">
                  <c:v>1984</c:v>
                </c:pt>
                <c:pt idx="78">
                  <c:v>1940</c:v>
                </c:pt>
                <c:pt idx="79">
                  <c:v>1971</c:v>
                </c:pt>
                <c:pt idx="80">
                  <c:v>1951</c:v>
                </c:pt>
                <c:pt idx="81">
                  <c:v>1963</c:v>
                </c:pt>
                <c:pt idx="82">
                  <c:v>1921</c:v>
                </c:pt>
                <c:pt idx="83">
                  <c:v>1927</c:v>
                </c:pt>
                <c:pt idx="84">
                  <c:v>1915</c:v>
                </c:pt>
                <c:pt idx="85">
                  <c:v>1967</c:v>
                </c:pt>
                <c:pt idx="86">
                  <c:v>1970</c:v>
                </c:pt>
                <c:pt idx="87">
                  <c:v>1916</c:v>
                </c:pt>
                <c:pt idx="88">
                  <c:v>2011</c:v>
                </c:pt>
                <c:pt idx="89">
                  <c:v>1942</c:v>
                </c:pt>
                <c:pt idx="90">
                  <c:v>1997</c:v>
                </c:pt>
                <c:pt idx="91">
                  <c:v>1965</c:v>
                </c:pt>
                <c:pt idx="92">
                  <c:v>1986</c:v>
                </c:pt>
                <c:pt idx="93">
                  <c:v>1911</c:v>
                </c:pt>
                <c:pt idx="94">
                  <c:v>1906</c:v>
                </c:pt>
                <c:pt idx="95">
                  <c:v>1969</c:v>
                </c:pt>
                <c:pt idx="96">
                  <c:v>1941</c:v>
                </c:pt>
                <c:pt idx="97">
                  <c:v>1914</c:v>
                </c:pt>
                <c:pt idx="98">
                  <c:v>1952</c:v>
                </c:pt>
                <c:pt idx="99">
                  <c:v>1958</c:v>
                </c:pt>
                <c:pt idx="100">
                  <c:v>1956</c:v>
                </c:pt>
                <c:pt idx="101">
                  <c:v>1909</c:v>
                </c:pt>
                <c:pt idx="102">
                  <c:v>1998</c:v>
                </c:pt>
                <c:pt idx="103">
                  <c:v>1938</c:v>
                </c:pt>
                <c:pt idx="104">
                  <c:v>2006</c:v>
                </c:pt>
                <c:pt idx="105">
                  <c:v>1974</c:v>
                </c:pt>
                <c:pt idx="106">
                  <c:v>1982</c:v>
                </c:pt>
                <c:pt idx="107">
                  <c:v>1907</c:v>
                </c:pt>
                <c:pt idx="108">
                  <c:v>1995</c:v>
                </c:pt>
                <c:pt idx="109">
                  <c:v>1983</c:v>
                </c:pt>
              </c:strCache>
            </c:strRef>
          </c:cat>
          <c:val>
            <c:numRef>
              <c:f>Sheet1!$B$6:$DG$6</c:f>
              <c:numCache>
                <c:formatCode>General</c:formatCode>
                <c:ptCount val="110"/>
                <c:pt idx="0">
                  <c:v>5.12</c:v>
                </c:pt>
                <c:pt idx="1">
                  <c:v>5.74</c:v>
                </c:pt>
                <c:pt idx="2">
                  <c:v>6.1</c:v>
                </c:pt>
                <c:pt idx="3">
                  <c:v>7.47</c:v>
                </c:pt>
                <c:pt idx="4">
                  <c:v>7.77</c:v>
                </c:pt>
                <c:pt idx="6">
                  <c:v>8.2200000000000006</c:v>
                </c:pt>
                <c:pt idx="7">
                  <c:v>8.4</c:v>
                </c:pt>
                <c:pt idx="8">
                  <c:v>8.4499999999999993</c:v>
                </c:pt>
                <c:pt idx="9">
                  <c:v>8.64</c:v>
                </c:pt>
                <c:pt idx="10">
                  <c:v>8.92</c:v>
                </c:pt>
                <c:pt idx="11">
                  <c:v>8.94</c:v>
                </c:pt>
                <c:pt idx="12">
                  <c:v>9.19</c:v>
                </c:pt>
                <c:pt idx="13">
                  <c:v>9.1999999999999993</c:v>
                </c:pt>
                <c:pt idx="15">
                  <c:v>9.23</c:v>
                </c:pt>
                <c:pt idx="16">
                  <c:v>9.5</c:v>
                </c:pt>
                <c:pt idx="19" formatCode="0.00">
                  <c:v>10.28</c:v>
                </c:pt>
              </c:numCache>
            </c:numRef>
          </c:val>
        </c:ser>
        <c:dLbls>
          <c:showLegendKey val="0"/>
          <c:showVal val="0"/>
          <c:showCatName val="0"/>
          <c:showSerName val="0"/>
          <c:showPercent val="0"/>
          <c:showBubbleSize val="0"/>
        </c:dLbls>
        <c:gapWidth val="30"/>
        <c:overlap val="100"/>
        <c:axId val="330547584"/>
        <c:axId val="330549120"/>
      </c:barChart>
      <c:catAx>
        <c:axId val="330547584"/>
        <c:scaling>
          <c:orientation val="minMax"/>
        </c:scaling>
        <c:delete val="0"/>
        <c:axPos val="b"/>
        <c:majorTickMark val="out"/>
        <c:minorTickMark val="none"/>
        <c:tickLblPos val="nextTo"/>
        <c:crossAx val="330549120"/>
        <c:crosses val="autoZero"/>
        <c:auto val="1"/>
        <c:lblAlgn val="ctr"/>
        <c:lblOffset val="100"/>
        <c:tickLblSkip val="6"/>
        <c:noMultiLvlLbl val="0"/>
      </c:catAx>
      <c:valAx>
        <c:axId val="330549120"/>
        <c:scaling>
          <c:orientation val="minMax"/>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General" sourceLinked="1"/>
        <c:majorTickMark val="out"/>
        <c:minorTickMark val="none"/>
        <c:tickLblPos val="nextTo"/>
        <c:crossAx val="330547584"/>
        <c:crosses val="autoZero"/>
        <c:crossBetween val="between"/>
      </c:valAx>
      <c:spPr>
        <a:noFill/>
        <a:ln>
          <a:noFill/>
        </a:ln>
      </c:spPr>
    </c:plotArea>
    <c:legend>
      <c:legendPos val="r"/>
      <c:layout>
        <c:manualLayout>
          <c:xMode val="edge"/>
          <c:yMode val="edge"/>
          <c:x val="0.12132304185661003"/>
          <c:y val="9.8700364067394811E-4"/>
          <c:w val="0.83432552838789886"/>
          <c:h val="8.0252518838370993E-2"/>
        </c:manualLayout>
      </c:layout>
      <c:overlay val="0"/>
      <c:txPr>
        <a:bodyPr/>
        <a:lstStyle/>
        <a:p>
          <a:pPr>
            <a:defRPr sz="2000"/>
          </a:pPr>
          <a:endParaRPr lang="en-US"/>
        </a:p>
      </c:txPr>
    </c:legend>
    <c:plotVisOnly val="1"/>
    <c:dispBlanksAs val="gap"/>
    <c:showDLblsOverMax val="0"/>
  </c:chart>
  <c:txPr>
    <a:bodyPr/>
    <a:lstStyle/>
    <a:p>
      <a:pPr>
        <a:defRPr sz="1800"/>
      </a:pPr>
      <a:endParaRPr lang="en-US"/>
    </a:p>
  </c:txPr>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layout/>
      <c:overlay val="0"/>
    </c:title>
    <c:autoTitleDeleted val="0"/>
    <c:plotArea>
      <c:layout>
        <c:manualLayout>
          <c:layoutTarget val="inner"/>
          <c:xMode val="edge"/>
          <c:yMode val="edge"/>
          <c:x val="0.10068313051777621"/>
          <c:y val="4.835344170688341E-2"/>
          <c:w val="0.86782002578625039"/>
          <c:h val="0.79062060790788247"/>
        </c:manualLayout>
      </c:layout>
      <c:barChart>
        <c:barDir val="col"/>
        <c:grouping val="stacked"/>
        <c:varyColors val="0"/>
        <c:ser>
          <c:idx val="0"/>
          <c:order val="0"/>
          <c:tx>
            <c:strRef>
              <c:f>Sheet1!$A$2</c:f>
              <c:strCache>
                <c:ptCount val="1"/>
              </c:strCache>
            </c:strRef>
          </c:tx>
          <c:spPr>
            <a:solidFill>
              <a:srgbClr val="00B0F0"/>
            </a:solidFill>
          </c:spPr>
          <c:invertIfNegative val="0"/>
          <c:cat>
            <c:strRef>
              <c:f>Sheet1!$B$1:$DF$1</c:f>
              <c:strCache>
                <c:ptCount val="109"/>
                <c:pt idx="0">
                  <c:v>1906</c:v>
                </c:pt>
                <c:pt idx="1">
                  <c:v>1907</c:v>
                </c:pt>
                <c:pt idx="2">
                  <c:v>1908</c:v>
                </c:pt>
                <c:pt idx="3">
                  <c:v>1909</c:v>
                </c:pt>
                <c:pt idx="4">
                  <c:v>1910</c:v>
                </c:pt>
                <c:pt idx="5">
                  <c:v>1911</c:v>
                </c:pt>
                <c:pt idx="6">
                  <c:v>1912</c:v>
                </c:pt>
                <c:pt idx="7">
                  <c:v>1913</c:v>
                </c:pt>
                <c:pt idx="8">
                  <c:v>1914</c:v>
                </c:pt>
                <c:pt idx="9">
                  <c:v>1915</c:v>
                </c:pt>
                <c:pt idx="10">
                  <c:v>1916</c:v>
                </c:pt>
                <c:pt idx="11">
                  <c:v>1917</c:v>
                </c:pt>
                <c:pt idx="12">
                  <c:v>1918</c:v>
                </c:pt>
                <c:pt idx="13">
                  <c:v>1919</c:v>
                </c:pt>
                <c:pt idx="14">
                  <c:v>1920</c:v>
                </c:pt>
                <c:pt idx="15">
                  <c:v>1921</c:v>
                </c:pt>
                <c:pt idx="16">
                  <c:v>1922</c:v>
                </c:pt>
                <c:pt idx="17">
                  <c:v>1923</c:v>
                </c:pt>
                <c:pt idx="18">
                  <c:v>1924</c:v>
                </c:pt>
                <c:pt idx="19">
                  <c:v>1925</c:v>
                </c:pt>
                <c:pt idx="20">
                  <c:v>1926</c:v>
                </c:pt>
                <c:pt idx="21">
                  <c:v>1927</c:v>
                </c:pt>
                <c:pt idx="22">
                  <c:v>1928</c:v>
                </c:pt>
                <c:pt idx="23">
                  <c:v>1929</c:v>
                </c:pt>
                <c:pt idx="24">
                  <c:v>1930</c:v>
                </c:pt>
                <c:pt idx="25">
                  <c:v>1931</c:v>
                </c:pt>
                <c:pt idx="26">
                  <c:v>1932</c:v>
                </c:pt>
                <c:pt idx="27">
                  <c:v>1933</c:v>
                </c:pt>
                <c:pt idx="28">
                  <c:v>1934</c:v>
                </c:pt>
                <c:pt idx="29">
                  <c:v>1935</c:v>
                </c:pt>
                <c:pt idx="30">
                  <c:v>1936</c:v>
                </c:pt>
                <c:pt idx="31">
                  <c:v>1937</c:v>
                </c:pt>
                <c:pt idx="32">
                  <c:v>1938</c:v>
                </c:pt>
                <c:pt idx="33">
                  <c:v>1939</c:v>
                </c:pt>
                <c:pt idx="34">
                  <c:v>1940</c:v>
                </c:pt>
                <c:pt idx="35">
                  <c:v>1941</c:v>
                </c:pt>
                <c:pt idx="36">
                  <c:v>1942</c:v>
                </c:pt>
                <c:pt idx="37">
                  <c:v>1943</c:v>
                </c:pt>
                <c:pt idx="38">
                  <c:v>1944</c:v>
                </c:pt>
                <c:pt idx="39">
                  <c:v>1945</c:v>
                </c:pt>
                <c:pt idx="40">
                  <c:v>1946</c:v>
                </c:pt>
                <c:pt idx="41">
                  <c:v>1947</c:v>
                </c:pt>
                <c:pt idx="42">
                  <c:v>1948</c:v>
                </c:pt>
                <c:pt idx="43">
                  <c:v>1949</c:v>
                </c:pt>
                <c:pt idx="44">
                  <c:v>1950</c:v>
                </c:pt>
                <c:pt idx="45">
                  <c:v>1951</c:v>
                </c:pt>
                <c:pt idx="46">
                  <c:v>1952</c:v>
                </c:pt>
                <c:pt idx="47">
                  <c:v>1953</c:v>
                </c:pt>
                <c:pt idx="48">
                  <c:v>1954</c:v>
                </c:pt>
                <c:pt idx="49">
                  <c:v>1955</c:v>
                </c:pt>
                <c:pt idx="50">
                  <c:v>1956</c:v>
                </c:pt>
                <c:pt idx="51">
                  <c:v>1957</c:v>
                </c:pt>
                <c:pt idx="52">
                  <c:v>1958</c:v>
                </c:pt>
                <c:pt idx="53">
                  <c:v>1959</c:v>
                </c:pt>
                <c:pt idx="54">
                  <c:v>1960</c:v>
                </c:pt>
                <c:pt idx="55">
                  <c:v>1961</c:v>
                </c:pt>
                <c:pt idx="56">
                  <c:v>1962</c:v>
                </c:pt>
                <c:pt idx="57">
                  <c:v>1963</c:v>
                </c:pt>
                <c:pt idx="58">
                  <c:v>1964</c:v>
                </c:pt>
                <c:pt idx="59">
                  <c:v>1965</c:v>
                </c:pt>
                <c:pt idx="60">
                  <c:v>1966</c:v>
                </c:pt>
                <c:pt idx="61">
                  <c:v>1967</c:v>
                </c:pt>
                <c:pt idx="62">
                  <c:v>1968</c:v>
                </c:pt>
                <c:pt idx="63">
                  <c:v>1969</c:v>
                </c:pt>
                <c:pt idx="64">
                  <c:v>1970</c:v>
                </c:pt>
                <c:pt idx="65">
                  <c:v>1971</c:v>
                </c:pt>
                <c:pt idx="66">
                  <c:v>1972</c:v>
                </c:pt>
                <c:pt idx="67">
                  <c:v>1973</c:v>
                </c:pt>
                <c:pt idx="68">
                  <c:v>1974</c:v>
                </c:pt>
                <c:pt idx="69">
                  <c:v>1975</c:v>
                </c:pt>
                <c:pt idx="70">
                  <c:v>1976</c:v>
                </c:pt>
                <c:pt idx="71">
                  <c:v>1977</c:v>
                </c:pt>
                <c:pt idx="72">
                  <c:v>1978</c:v>
                </c:pt>
                <c:pt idx="73">
                  <c:v>1979</c:v>
                </c:pt>
                <c:pt idx="74">
                  <c:v>1980</c:v>
                </c:pt>
                <c:pt idx="75">
                  <c:v>1981</c:v>
                </c:pt>
                <c:pt idx="76">
                  <c:v>1982</c:v>
                </c:pt>
                <c:pt idx="77">
                  <c:v>1983</c:v>
                </c:pt>
                <c:pt idx="78">
                  <c:v>1984</c:v>
                </c:pt>
                <c:pt idx="79">
                  <c:v>1985</c:v>
                </c:pt>
                <c:pt idx="80">
                  <c:v>1986</c:v>
                </c:pt>
                <c:pt idx="81">
                  <c:v>1987</c:v>
                </c:pt>
                <c:pt idx="82">
                  <c:v>1988</c:v>
                </c:pt>
                <c:pt idx="83">
                  <c:v>1989</c:v>
                </c:pt>
                <c:pt idx="84">
                  <c:v>1990</c:v>
                </c:pt>
                <c:pt idx="85">
                  <c:v>1991</c:v>
                </c:pt>
                <c:pt idx="86">
                  <c:v>1992</c:v>
                </c:pt>
                <c:pt idx="87">
                  <c:v>1993</c:v>
                </c:pt>
                <c:pt idx="88">
                  <c:v>1994</c:v>
                </c:pt>
                <c:pt idx="89">
                  <c:v>1995</c:v>
                </c:pt>
                <c:pt idx="90">
                  <c:v>1996</c:v>
                </c:pt>
                <c:pt idx="91">
                  <c:v>1997</c:v>
                </c:pt>
                <c:pt idx="92">
                  <c:v>1998</c:v>
                </c:pt>
                <c:pt idx="93">
                  <c:v>1999</c:v>
                </c:pt>
                <c:pt idx="94">
                  <c:v>2000</c:v>
                </c:pt>
                <c:pt idx="95">
                  <c:v>2001</c:v>
                </c:pt>
                <c:pt idx="96">
                  <c:v>2002</c:v>
                </c:pt>
                <c:pt idx="97">
                  <c:v>2003</c:v>
                </c:pt>
                <c:pt idx="98">
                  <c:v>2004</c:v>
                </c:pt>
                <c:pt idx="99">
                  <c:v>2005</c:v>
                </c:pt>
                <c:pt idx="100">
                  <c:v>2006</c:v>
                </c:pt>
                <c:pt idx="101">
                  <c:v>2007</c:v>
                </c:pt>
                <c:pt idx="102">
                  <c:v>2008</c:v>
                </c:pt>
                <c:pt idx="103">
                  <c:v>2009</c:v>
                </c:pt>
                <c:pt idx="104">
                  <c:v>2010</c:v>
                </c:pt>
                <c:pt idx="105">
                  <c:v>2011</c:v>
                </c:pt>
                <c:pt idx="106">
                  <c:v>2012</c:v>
                </c:pt>
                <c:pt idx="107">
                  <c:v>2013</c:v>
                </c:pt>
                <c:pt idx="108">
                  <c:v>2014</c:v>
                </c:pt>
              </c:strCache>
            </c:strRef>
          </c:cat>
          <c:val>
            <c:numRef>
              <c:f>Sheet1!$B$2:$DF$2</c:f>
              <c:numCache>
                <c:formatCode>#,##0;#,##0</c:formatCode>
                <c:ptCount val="109"/>
                <c:pt idx="0">
                  <c:v>18214678</c:v>
                </c:pt>
                <c:pt idx="1">
                  <c:v>21234305</c:v>
                </c:pt>
                <c:pt idx="2">
                  <c:v>11773952</c:v>
                </c:pt>
                <c:pt idx="3">
                  <c:v>21841427</c:v>
                </c:pt>
                <c:pt idx="4">
                  <c:v>14736670</c:v>
                </c:pt>
                <c:pt idx="5">
                  <c:v>15125081</c:v>
                </c:pt>
                <c:pt idx="6">
                  <c:v>19082127</c:v>
                </c:pt>
                <c:pt idx="7">
                  <c:v>14472192</c:v>
                </c:pt>
                <c:pt idx="8">
                  <c:v>21066767</c:v>
                </c:pt>
                <c:pt idx="9">
                  <c:v>14137603</c:v>
                </c:pt>
                <c:pt idx="10">
                  <c:v>19187542</c:v>
                </c:pt>
                <c:pt idx="11">
                  <c:v>23849259</c:v>
                </c:pt>
                <c:pt idx="12">
                  <c:v>15750724</c:v>
                </c:pt>
                <c:pt idx="13">
                  <c:v>12951469</c:v>
                </c:pt>
                <c:pt idx="14">
                  <c:v>21927976</c:v>
                </c:pt>
                <c:pt idx="15">
                  <c:v>22703070</c:v>
                </c:pt>
                <c:pt idx="16">
                  <c:v>18669586</c:v>
                </c:pt>
                <c:pt idx="17">
                  <c:v>18343663</c:v>
                </c:pt>
                <c:pt idx="18">
                  <c:v>14639094</c:v>
                </c:pt>
                <c:pt idx="19">
                  <c:v>13410821</c:v>
                </c:pt>
                <c:pt idx="20">
                  <c:v>16114020</c:v>
                </c:pt>
                <c:pt idx="21">
                  <c:v>18551860</c:v>
                </c:pt>
                <c:pt idx="22">
                  <c:v>17577859</c:v>
                </c:pt>
                <c:pt idx="23">
                  <c:v>21407051</c:v>
                </c:pt>
                <c:pt idx="24">
                  <c:v>15283505</c:v>
                </c:pt>
                <c:pt idx="25">
                  <c:v>8631719</c:v>
                </c:pt>
                <c:pt idx="26">
                  <c:v>17545522</c:v>
                </c:pt>
                <c:pt idx="27">
                  <c:v>12130063</c:v>
                </c:pt>
                <c:pt idx="28">
                  <c:v>6627514</c:v>
                </c:pt>
                <c:pt idx="29">
                  <c:v>12280022</c:v>
                </c:pt>
                <c:pt idx="30">
                  <c:v>14485382</c:v>
                </c:pt>
                <c:pt idx="31">
                  <c:v>14161753</c:v>
                </c:pt>
                <c:pt idx="32">
                  <c:v>17920064</c:v>
                </c:pt>
                <c:pt idx="33">
                  <c:v>11718056</c:v>
                </c:pt>
                <c:pt idx="34" formatCode="#,##0">
                  <c:v>9380279</c:v>
                </c:pt>
                <c:pt idx="35" formatCode="#,##0">
                  <c:v>18319340</c:v>
                </c:pt>
                <c:pt idx="36" formatCode="#,##0">
                  <c:v>19428259</c:v>
                </c:pt>
                <c:pt idx="37" formatCode="#,##0">
                  <c:v>13624479</c:v>
                </c:pt>
                <c:pt idx="38" formatCode="#,##0">
                  <c:v>15512509</c:v>
                </c:pt>
                <c:pt idx="39" formatCode="#,##0">
                  <c:v>13912713</c:v>
                </c:pt>
                <c:pt idx="40" formatCode="#,##0">
                  <c:v>11062728</c:v>
                </c:pt>
                <c:pt idx="41" formatCode="#,##0">
                  <c:v>15916279</c:v>
                </c:pt>
                <c:pt idx="42" formatCode="#,##0">
                  <c:v>15880189</c:v>
                </c:pt>
                <c:pt idx="43" formatCode="#,##0">
                  <c:v>16662172</c:v>
                </c:pt>
                <c:pt idx="44" formatCode="#,##0">
                  <c:v>13317921</c:v>
                </c:pt>
                <c:pt idx="45" formatCode="#,##0">
                  <c:v>12485833</c:v>
                </c:pt>
                <c:pt idx="46" formatCode="#,##0">
                  <c:v>20900043</c:v>
                </c:pt>
                <c:pt idx="47" formatCode="#,##0">
                  <c:v>11204001</c:v>
                </c:pt>
                <c:pt idx="48" formatCode="#,##0">
                  <c:v>8368141</c:v>
                </c:pt>
                <c:pt idx="49" formatCode="#,##0">
                  <c:v>9795470</c:v>
                </c:pt>
                <c:pt idx="50" formatCode="#,##0">
                  <c:v>11505097</c:v>
                </c:pt>
                <c:pt idx="51" formatCode="#,##0">
                  <c:v>20159803</c:v>
                </c:pt>
                <c:pt idx="52" formatCode="#,##0">
                  <c:v>16899937</c:v>
                </c:pt>
                <c:pt idx="53" formatCode="#,##0">
                  <c:v>9232537</c:v>
                </c:pt>
                <c:pt idx="54" formatCode="#,##0">
                  <c:v>11974847</c:v>
                </c:pt>
                <c:pt idx="55" formatCode="#,##0">
                  <c:v>9247778</c:v>
                </c:pt>
                <c:pt idx="56" formatCode="#,##0">
                  <c:v>17769350</c:v>
                </c:pt>
                <c:pt idx="57" formatCode="#,##0">
                  <c:v>9259450</c:v>
                </c:pt>
                <c:pt idx="58" formatCode="#,##0">
                  <c:v>10801202</c:v>
                </c:pt>
                <c:pt idx="59" formatCode="#,##0">
                  <c:v>18866401</c:v>
                </c:pt>
                <c:pt idx="60" formatCode="#,##0">
                  <c:v>11622229</c:v>
                </c:pt>
                <c:pt idx="61" formatCode="#,##0">
                  <c:v>11808474</c:v>
                </c:pt>
                <c:pt idx="62" formatCode="#,##0">
                  <c:v>13508237</c:v>
                </c:pt>
                <c:pt idx="63" formatCode="#,##0">
                  <c:v>14849712</c:v>
                </c:pt>
                <c:pt idx="64" formatCode="#,##0">
                  <c:v>15344263</c:v>
                </c:pt>
                <c:pt idx="65" formatCode="#,##0">
                  <c:v>15351440</c:v>
                </c:pt>
                <c:pt idx="66" formatCode="#,##0">
                  <c:v>12591185</c:v>
                </c:pt>
                <c:pt idx="67" formatCode="#,##0">
                  <c:v>19513657</c:v>
                </c:pt>
                <c:pt idx="68">
                  <c:v>13498864</c:v>
                </c:pt>
                <c:pt idx="69">
                  <c:v>17024877</c:v>
                </c:pt>
                <c:pt idx="70">
                  <c:v>11432486</c:v>
                </c:pt>
                <c:pt idx="71">
                  <c:v>5557901</c:v>
                </c:pt>
                <c:pt idx="72">
                  <c:v>15097665</c:v>
                </c:pt>
                <c:pt idx="73">
                  <c:v>18042232</c:v>
                </c:pt>
                <c:pt idx="74">
                  <c:v>17666804</c:v>
                </c:pt>
                <c:pt idx="75">
                  <c:v>8757295</c:v>
                </c:pt>
                <c:pt idx="76">
                  <c:v>16703137</c:v>
                </c:pt>
                <c:pt idx="77">
                  <c:v>24417964</c:v>
                </c:pt>
                <c:pt idx="78">
                  <c:v>25227272</c:v>
                </c:pt>
                <c:pt idx="79">
                  <c:v>21192825</c:v>
                </c:pt>
                <c:pt idx="80">
                  <c:v>22592385</c:v>
                </c:pt>
                <c:pt idx="81">
                  <c:v>16920586</c:v>
                </c:pt>
                <c:pt idx="82">
                  <c:v>11808300</c:v>
                </c:pt>
                <c:pt idx="83">
                  <c:v>10129185</c:v>
                </c:pt>
                <c:pt idx="84">
                  <c:v>9280125</c:v>
                </c:pt>
                <c:pt idx="85">
                  <c:v>12300965</c:v>
                </c:pt>
                <c:pt idx="86">
                  <c:v>11003445</c:v>
                </c:pt>
                <c:pt idx="87">
                  <c:v>18140047</c:v>
                </c:pt>
                <c:pt idx="88">
                  <c:v>10661079</c:v>
                </c:pt>
                <c:pt idx="89">
                  <c:v>20146544</c:v>
                </c:pt>
                <c:pt idx="90">
                  <c:v>14527134</c:v>
                </c:pt>
                <c:pt idx="91">
                  <c:v>21156610</c:v>
                </c:pt>
                <c:pt idx="92">
                  <c:v>17160877</c:v>
                </c:pt>
                <c:pt idx="93">
                  <c:v>16688728</c:v>
                </c:pt>
                <c:pt idx="94">
                  <c:v>11029758</c:v>
                </c:pt>
                <c:pt idx="95">
                  <c:v>11097981</c:v>
                </c:pt>
                <c:pt idx="96">
                  <c:v>6259139</c:v>
                </c:pt>
                <c:pt idx="97">
                  <c:v>10471025</c:v>
                </c:pt>
                <c:pt idx="98">
                  <c:v>9449044</c:v>
                </c:pt>
                <c:pt idx="99">
                  <c:v>16848520</c:v>
                </c:pt>
                <c:pt idx="100">
                  <c:v>12455033</c:v>
                </c:pt>
                <c:pt idx="101">
                  <c:v>12172204</c:v>
                </c:pt>
                <c:pt idx="102">
                  <c:v>16556814</c:v>
                </c:pt>
                <c:pt idx="103">
                  <c:v>15280000</c:v>
                </c:pt>
                <c:pt idx="104">
                  <c:v>13270000</c:v>
                </c:pt>
                <c:pt idx="105">
                  <c:v>21330000</c:v>
                </c:pt>
                <c:pt idx="106">
                  <c:v>9450000</c:v>
                </c:pt>
                <c:pt idx="107">
                  <c:v>10350000</c:v>
                </c:pt>
              </c:numCache>
            </c:numRef>
          </c:val>
        </c:ser>
        <c:dLbls>
          <c:showLegendKey val="0"/>
          <c:showVal val="0"/>
          <c:showCatName val="0"/>
          <c:showSerName val="0"/>
          <c:showPercent val="0"/>
          <c:showBubbleSize val="0"/>
        </c:dLbls>
        <c:gapWidth val="30"/>
        <c:overlap val="100"/>
        <c:axId val="330611328"/>
        <c:axId val="330654080"/>
      </c:barChart>
      <c:catAx>
        <c:axId val="330611328"/>
        <c:scaling>
          <c:orientation val="minMax"/>
        </c:scaling>
        <c:delete val="0"/>
        <c:axPos val="b"/>
        <c:majorTickMark val="out"/>
        <c:minorTickMark val="none"/>
        <c:tickLblPos val="nextTo"/>
        <c:crossAx val="330654080"/>
        <c:crosses val="autoZero"/>
        <c:auto val="1"/>
        <c:lblAlgn val="ctr"/>
        <c:lblOffset val="100"/>
        <c:tickLblSkip val="6"/>
        <c:noMultiLvlLbl val="0"/>
      </c:catAx>
      <c:valAx>
        <c:axId val="330654080"/>
        <c:scaling>
          <c:orientation val="minMax"/>
          <c:max val="40000000"/>
        </c:scaling>
        <c:delete val="0"/>
        <c:axPos val="l"/>
        <c:majorGridlines>
          <c:spPr>
            <a:ln>
              <a:solidFill>
                <a:schemeClr val="accent6">
                  <a:lumMod val="50000"/>
                </a:schemeClr>
              </a:solidFill>
            </a:ln>
          </c:spPr>
        </c:majorGridlines>
        <c:title>
          <c:tx>
            <c:rich>
              <a:bodyPr rot="-5400000" vert="horz"/>
              <a:lstStyle/>
              <a:p>
                <a:pPr>
                  <a:defRPr/>
                </a:pPr>
                <a:r>
                  <a:rPr lang="en-US" dirty="0" smtClean="0"/>
                  <a:t>Runoff (million acre-ft.)</a:t>
                </a:r>
                <a:endParaRPr lang="en-US" dirty="0"/>
              </a:p>
            </c:rich>
          </c:tx>
          <c:layout/>
          <c:overlay val="0"/>
        </c:title>
        <c:numFmt formatCode="#,##0" sourceLinked="0"/>
        <c:majorTickMark val="out"/>
        <c:minorTickMark val="none"/>
        <c:tickLblPos val="nextTo"/>
        <c:crossAx val="330611328"/>
        <c:crosses val="autoZero"/>
        <c:crossBetween val="between"/>
        <c:dispUnits>
          <c:builtInUnit val="millions"/>
        </c:dispUnits>
      </c:valAx>
      <c:spPr>
        <a:noFill/>
        <a:ln>
          <a:noFill/>
        </a:ln>
      </c:spPr>
    </c:plotArea>
    <c:plotVisOnly val="1"/>
    <c:dispBlanksAs val="gap"/>
    <c:showDLblsOverMax val="0"/>
  </c:chart>
  <c:txPr>
    <a:bodyPr/>
    <a:lstStyle/>
    <a:p>
      <a:pPr>
        <a:defRPr sz="1800"/>
      </a:pPr>
      <a:endParaRPr lang="en-US"/>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C380736-8067-4B84-A934-93E29DDFF3EA}"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7607FDCD-A853-4C64-BDC5-EFA1340097FA}">
      <dgm:prSet phldrT="[Text]" custT="1">
        <dgm:style>
          <a:lnRef idx="0">
            <a:schemeClr val="accent2"/>
          </a:lnRef>
          <a:fillRef idx="3">
            <a:schemeClr val="accent2"/>
          </a:fillRef>
          <a:effectRef idx="3">
            <a:schemeClr val="accent2"/>
          </a:effectRef>
          <a:fontRef idx="minor">
            <a:schemeClr val="lt1"/>
          </a:fontRef>
        </dgm:style>
      </dgm:prSet>
      <dgm:spPr>
        <a:solidFill>
          <a:schemeClr val="accent5">
            <a:lumMod val="50000"/>
          </a:schemeClr>
        </a:solidFill>
        <a:ln/>
      </dgm:spPr>
      <dgm:t>
        <a:bodyPr/>
        <a:lstStyle/>
        <a:p>
          <a:r>
            <a:rPr lang="en-US" sz="2200" b="1" dirty="0" smtClean="0">
              <a:solidFill>
                <a:schemeClr val="tx1"/>
              </a:solidFill>
            </a:rPr>
            <a:t>1930-50s</a:t>
          </a:r>
          <a:endParaRPr lang="en-US" sz="2200" b="1" dirty="0">
            <a:solidFill>
              <a:schemeClr val="tx1"/>
            </a:solidFill>
          </a:endParaRPr>
        </a:p>
      </dgm:t>
    </dgm:pt>
    <dgm:pt modelId="{AEFA44A9-B39E-43AB-8041-4DF61F3BE30D}" type="parTrans" cxnId="{D9032516-D5E1-43D5-B21B-D8350CEBC6EE}">
      <dgm:prSet/>
      <dgm:spPr/>
      <dgm:t>
        <a:bodyPr/>
        <a:lstStyle/>
        <a:p>
          <a:endParaRPr lang="en-US" sz="2200" b="1">
            <a:solidFill>
              <a:schemeClr val="tx1"/>
            </a:solidFill>
          </a:endParaRPr>
        </a:p>
      </dgm:t>
    </dgm:pt>
    <dgm:pt modelId="{A6AF179B-D0D4-4706-8FCB-EF40A0D7A50B}" type="sibTrans" cxnId="{D9032516-D5E1-43D5-B21B-D8350CEBC6EE}">
      <dgm:prSet/>
      <dgm:spPr/>
      <dgm:t>
        <a:bodyPr/>
        <a:lstStyle/>
        <a:p>
          <a:endParaRPr lang="en-US" sz="2200" b="1">
            <a:solidFill>
              <a:schemeClr val="tx1"/>
            </a:solidFill>
          </a:endParaRPr>
        </a:p>
      </dgm:t>
    </dgm:pt>
    <dgm:pt modelId="{527C7EFD-06C8-4C71-980F-C2A4455109DC}">
      <dgm:prSet phldrT="[Text]" custT="1">
        <dgm:style>
          <a:lnRef idx="2">
            <a:schemeClr val="accent5">
              <a:shade val="50000"/>
            </a:schemeClr>
          </a:lnRef>
          <a:fillRef idx="1">
            <a:schemeClr val="accent5"/>
          </a:fillRef>
          <a:effectRef idx="0">
            <a:schemeClr val="accent5"/>
          </a:effectRef>
          <a:fontRef idx="minor">
            <a:schemeClr val="lt1"/>
          </a:fontRef>
        </dgm:style>
      </dgm:prSet>
      <dgm:spPr>
        <a:ln/>
      </dgm:spPr>
      <dgm:t>
        <a:bodyPr/>
        <a:lstStyle/>
        <a:p>
          <a:pPr>
            <a:spcAft>
              <a:spcPts val="0"/>
            </a:spcAft>
          </a:pPr>
          <a:r>
            <a:rPr lang="en-US" sz="2200" b="1" dirty="0" smtClean="0">
              <a:solidFill>
                <a:schemeClr val="tx1"/>
              </a:solidFill>
            </a:rPr>
            <a:t>Various seawater barriers </a:t>
          </a:r>
          <a:br>
            <a:rPr lang="en-US" sz="2200" b="1" dirty="0" smtClean="0">
              <a:solidFill>
                <a:schemeClr val="tx1"/>
              </a:solidFill>
            </a:rPr>
          </a:br>
          <a:r>
            <a:rPr lang="en-US" sz="2200" b="1" dirty="0" smtClean="0">
              <a:solidFill>
                <a:schemeClr val="tx1"/>
              </a:solidFill>
            </a:rPr>
            <a:t>(Biemond Plan, Reber Plan, etc.)</a:t>
          </a:r>
          <a:endParaRPr lang="en-US" sz="2200" b="1" dirty="0">
            <a:solidFill>
              <a:schemeClr val="tx1"/>
            </a:solidFill>
          </a:endParaRPr>
        </a:p>
      </dgm:t>
    </dgm:pt>
    <dgm:pt modelId="{AE377A14-A4E6-4619-984C-06ECE13406F7}" type="parTrans" cxnId="{C6072420-F63A-416F-B84F-1FD75E19279E}">
      <dgm:prSet/>
      <dgm:spPr/>
      <dgm:t>
        <a:bodyPr/>
        <a:lstStyle/>
        <a:p>
          <a:endParaRPr lang="en-US" sz="2200" b="1">
            <a:solidFill>
              <a:schemeClr val="tx1"/>
            </a:solidFill>
          </a:endParaRPr>
        </a:p>
      </dgm:t>
    </dgm:pt>
    <dgm:pt modelId="{12A00808-78D9-490E-9EE2-1BA5338E051F}" type="sibTrans" cxnId="{C6072420-F63A-416F-B84F-1FD75E19279E}">
      <dgm:prSet/>
      <dgm:spPr/>
      <dgm:t>
        <a:bodyPr/>
        <a:lstStyle/>
        <a:p>
          <a:endParaRPr lang="en-US" sz="2200" b="1">
            <a:solidFill>
              <a:schemeClr val="tx1"/>
            </a:solidFill>
          </a:endParaRPr>
        </a:p>
      </dgm:t>
    </dgm:pt>
    <dgm:pt modelId="{D8AB42E1-7741-4015-A95D-F4B3127B8859}">
      <dgm:prSet phldrT="[Text]" custT="1">
        <dgm:style>
          <a:lnRef idx="0">
            <a:schemeClr val="accent3"/>
          </a:lnRef>
          <a:fillRef idx="3">
            <a:schemeClr val="accent3"/>
          </a:fillRef>
          <a:effectRef idx="3">
            <a:schemeClr val="accent3"/>
          </a:effectRef>
          <a:fontRef idx="minor">
            <a:schemeClr val="lt1"/>
          </a:fontRef>
        </dgm:style>
      </dgm:prSet>
      <dgm:spPr>
        <a:ln/>
      </dgm:spPr>
      <dgm:t>
        <a:bodyPr/>
        <a:lstStyle/>
        <a:p>
          <a:r>
            <a:rPr lang="en-US" sz="2200" b="1" dirty="0" smtClean="0">
              <a:solidFill>
                <a:schemeClr val="tx1"/>
              </a:solidFill>
            </a:rPr>
            <a:t>1960-70s</a:t>
          </a:r>
          <a:endParaRPr lang="en-US" sz="2200" b="1" dirty="0">
            <a:solidFill>
              <a:schemeClr val="tx1"/>
            </a:solidFill>
          </a:endParaRPr>
        </a:p>
      </dgm:t>
    </dgm:pt>
    <dgm:pt modelId="{BF3F3D9D-7EAA-40A9-8DCC-839DDB0D5267}" type="parTrans" cxnId="{6EF858AE-2DA6-4CAE-877F-38122795989E}">
      <dgm:prSet/>
      <dgm:spPr/>
      <dgm:t>
        <a:bodyPr/>
        <a:lstStyle/>
        <a:p>
          <a:endParaRPr lang="en-US" sz="2200" b="1">
            <a:solidFill>
              <a:schemeClr val="tx1"/>
            </a:solidFill>
          </a:endParaRPr>
        </a:p>
      </dgm:t>
    </dgm:pt>
    <dgm:pt modelId="{0E10636F-ABBA-43F4-A99E-3412D63ABEAC}" type="sibTrans" cxnId="{6EF858AE-2DA6-4CAE-877F-38122795989E}">
      <dgm:prSet/>
      <dgm:spPr/>
      <dgm:t>
        <a:bodyPr/>
        <a:lstStyle/>
        <a:p>
          <a:endParaRPr lang="en-US" sz="2200" b="1">
            <a:solidFill>
              <a:schemeClr val="tx1"/>
            </a:solidFill>
          </a:endParaRPr>
        </a:p>
      </dgm:t>
    </dgm:pt>
    <dgm:pt modelId="{F6CDE650-BBE1-4EBA-B170-73BA269498A2}">
      <dgm:prSet phldrT="[Text]" custT="1">
        <dgm:style>
          <a:lnRef idx="2">
            <a:schemeClr val="accent3">
              <a:shade val="50000"/>
            </a:schemeClr>
          </a:lnRef>
          <a:fillRef idx="1">
            <a:schemeClr val="accent3"/>
          </a:fillRef>
          <a:effectRef idx="0">
            <a:schemeClr val="accent3"/>
          </a:effectRef>
          <a:fontRef idx="minor">
            <a:schemeClr val="lt1"/>
          </a:fontRef>
        </dgm:style>
      </dgm:prSet>
      <dgm:spPr>
        <a:solidFill>
          <a:schemeClr val="accent3">
            <a:lumMod val="75000"/>
          </a:schemeClr>
        </a:solidFill>
        <a:ln/>
      </dgm:spPr>
      <dgm:t>
        <a:bodyPr/>
        <a:lstStyle/>
        <a:p>
          <a:pPr>
            <a:spcAft>
              <a:spcPts val="0"/>
            </a:spcAft>
          </a:pPr>
          <a:r>
            <a:rPr lang="en-US" sz="2200" b="1" dirty="0" smtClean="0">
              <a:solidFill>
                <a:schemeClr val="tx1"/>
              </a:solidFill>
            </a:rPr>
            <a:t>Chipps Island barrier</a:t>
          </a:r>
          <a:endParaRPr lang="en-US" sz="2200" b="1" dirty="0">
            <a:solidFill>
              <a:schemeClr val="tx1"/>
            </a:solidFill>
          </a:endParaRPr>
        </a:p>
      </dgm:t>
    </dgm:pt>
    <dgm:pt modelId="{DCF2FAAF-86F7-410F-8C0A-ED1BA9D4DC6A}" type="parTrans" cxnId="{8A3B3C87-049E-4D3A-AE08-471107E419A9}">
      <dgm:prSet/>
      <dgm:spPr/>
      <dgm:t>
        <a:bodyPr/>
        <a:lstStyle/>
        <a:p>
          <a:endParaRPr lang="en-US" sz="2200" b="1">
            <a:solidFill>
              <a:schemeClr val="tx1"/>
            </a:solidFill>
          </a:endParaRPr>
        </a:p>
      </dgm:t>
    </dgm:pt>
    <dgm:pt modelId="{D25E8B36-0B97-42D4-88F5-2EC819451950}" type="sibTrans" cxnId="{8A3B3C87-049E-4D3A-AE08-471107E419A9}">
      <dgm:prSet/>
      <dgm:spPr/>
      <dgm:t>
        <a:bodyPr/>
        <a:lstStyle/>
        <a:p>
          <a:endParaRPr lang="en-US" sz="2200" b="1">
            <a:solidFill>
              <a:schemeClr val="tx1"/>
            </a:solidFill>
          </a:endParaRPr>
        </a:p>
      </dgm:t>
    </dgm:pt>
    <dgm:pt modelId="{3865F780-455A-4741-B7FF-09616952C648}">
      <dgm:prSet phldrT="[Text]" custT="1">
        <dgm:style>
          <a:lnRef idx="0">
            <a:schemeClr val="accent4"/>
          </a:lnRef>
          <a:fillRef idx="3">
            <a:schemeClr val="accent4"/>
          </a:fillRef>
          <a:effectRef idx="3">
            <a:schemeClr val="accent4"/>
          </a:effectRef>
          <a:fontRef idx="minor">
            <a:schemeClr val="lt1"/>
          </a:fontRef>
        </dgm:style>
      </dgm:prSet>
      <dgm:spPr>
        <a:ln/>
      </dgm:spPr>
      <dgm:t>
        <a:bodyPr/>
        <a:lstStyle/>
        <a:p>
          <a:r>
            <a:rPr lang="en-US" sz="2200" b="1" dirty="0" smtClean="0">
              <a:solidFill>
                <a:schemeClr val="tx1"/>
              </a:solidFill>
            </a:rPr>
            <a:t>1980s</a:t>
          </a:r>
          <a:endParaRPr lang="en-US" sz="2200" b="1" dirty="0">
            <a:solidFill>
              <a:schemeClr val="tx1"/>
            </a:solidFill>
          </a:endParaRPr>
        </a:p>
      </dgm:t>
    </dgm:pt>
    <dgm:pt modelId="{B104B819-7BC8-4948-B239-BA6A2ED7AFB1}" type="parTrans" cxnId="{22D5F568-9D8D-46D6-92AD-06459992861B}">
      <dgm:prSet/>
      <dgm:spPr/>
      <dgm:t>
        <a:bodyPr/>
        <a:lstStyle/>
        <a:p>
          <a:endParaRPr lang="en-US" sz="2200" b="1">
            <a:solidFill>
              <a:schemeClr val="tx1"/>
            </a:solidFill>
          </a:endParaRPr>
        </a:p>
      </dgm:t>
    </dgm:pt>
    <dgm:pt modelId="{34EB643E-D2B4-40BD-937A-85DC06C5031C}" type="sibTrans" cxnId="{22D5F568-9D8D-46D6-92AD-06459992861B}">
      <dgm:prSet/>
      <dgm:spPr/>
      <dgm:t>
        <a:bodyPr/>
        <a:lstStyle/>
        <a:p>
          <a:endParaRPr lang="en-US" sz="2200" b="1">
            <a:solidFill>
              <a:schemeClr val="tx1"/>
            </a:solidFill>
          </a:endParaRPr>
        </a:p>
      </dgm:t>
    </dgm:pt>
    <dgm:pt modelId="{191F9D67-8C1E-4104-91A0-28A1BC5CF7EE}">
      <dgm:prSet phldrT="[Text]" custT="1">
        <dgm:style>
          <a:lnRef idx="2">
            <a:schemeClr val="accent4">
              <a:shade val="50000"/>
            </a:schemeClr>
          </a:lnRef>
          <a:fillRef idx="1">
            <a:schemeClr val="accent4"/>
          </a:fillRef>
          <a:effectRef idx="0">
            <a:schemeClr val="accent4"/>
          </a:effectRef>
          <a:fontRef idx="minor">
            <a:schemeClr val="lt1"/>
          </a:fontRef>
        </dgm:style>
      </dgm:prSet>
      <dgm:spPr>
        <a:solidFill>
          <a:schemeClr val="accent4">
            <a:lumMod val="75000"/>
          </a:schemeClr>
        </a:solidFill>
        <a:ln/>
      </dgm:spPr>
      <dgm:t>
        <a:bodyPr/>
        <a:lstStyle/>
        <a:p>
          <a:pPr>
            <a:spcAft>
              <a:spcPts val="0"/>
            </a:spcAft>
          </a:pPr>
          <a:r>
            <a:rPr lang="en-US" sz="2200" b="1" dirty="0" smtClean="0">
              <a:solidFill>
                <a:schemeClr val="tx1"/>
              </a:solidFill>
            </a:rPr>
            <a:t>Peripheral canal + SB200</a:t>
          </a:r>
          <a:endParaRPr lang="en-US" sz="2200" b="1" dirty="0">
            <a:solidFill>
              <a:schemeClr val="tx1"/>
            </a:solidFill>
          </a:endParaRPr>
        </a:p>
      </dgm:t>
    </dgm:pt>
    <dgm:pt modelId="{0A4D4728-1F00-40D7-9457-26D258DE2779}" type="parTrans" cxnId="{4A71286A-91B0-406F-B8C1-A1556B3EFCFA}">
      <dgm:prSet/>
      <dgm:spPr/>
      <dgm:t>
        <a:bodyPr/>
        <a:lstStyle/>
        <a:p>
          <a:endParaRPr lang="en-US" sz="2200" b="1">
            <a:solidFill>
              <a:schemeClr val="tx1"/>
            </a:solidFill>
          </a:endParaRPr>
        </a:p>
      </dgm:t>
    </dgm:pt>
    <dgm:pt modelId="{01213F0B-5F71-481D-A07B-0986B6E768E1}" type="sibTrans" cxnId="{4A71286A-91B0-406F-B8C1-A1556B3EFCFA}">
      <dgm:prSet/>
      <dgm:spPr/>
      <dgm:t>
        <a:bodyPr/>
        <a:lstStyle/>
        <a:p>
          <a:endParaRPr lang="en-US" sz="2200" b="1">
            <a:solidFill>
              <a:schemeClr val="tx1"/>
            </a:solidFill>
          </a:endParaRPr>
        </a:p>
      </dgm:t>
    </dgm:pt>
    <dgm:pt modelId="{8E3B1357-A24A-4C5B-85C9-94C497C97F9E}">
      <dgm:prSet phldrT="[Text]" custT="1">
        <dgm:style>
          <a:lnRef idx="0">
            <a:schemeClr val="accent6"/>
          </a:lnRef>
          <a:fillRef idx="3">
            <a:schemeClr val="accent6"/>
          </a:fillRef>
          <a:effectRef idx="3">
            <a:schemeClr val="accent6"/>
          </a:effectRef>
          <a:fontRef idx="minor">
            <a:schemeClr val="lt1"/>
          </a:fontRef>
        </dgm:style>
      </dgm:prSet>
      <dgm:spPr>
        <a:solidFill>
          <a:schemeClr val="accent6">
            <a:lumMod val="75000"/>
          </a:schemeClr>
        </a:solidFill>
        <a:ln/>
      </dgm:spPr>
      <dgm:t>
        <a:bodyPr/>
        <a:lstStyle/>
        <a:p>
          <a:r>
            <a:rPr lang="en-US" sz="2200" b="1" dirty="0" smtClean="0">
              <a:solidFill>
                <a:schemeClr val="tx1"/>
              </a:solidFill>
            </a:rPr>
            <a:t>1990-2000s</a:t>
          </a:r>
        </a:p>
      </dgm:t>
    </dgm:pt>
    <dgm:pt modelId="{2DF7EB74-C234-42DF-84CB-8C0B142976E4}" type="parTrans" cxnId="{D17EDAB8-A74A-4F58-84EC-41A320E5ADAE}">
      <dgm:prSet/>
      <dgm:spPr/>
      <dgm:t>
        <a:bodyPr/>
        <a:lstStyle/>
        <a:p>
          <a:endParaRPr lang="en-US" sz="2200" b="1">
            <a:solidFill>
              <a:schemeClr val="tx1"/>
            </a:solidFill>
          </a:endParaRPr>
        </a:p>
      </dgm:t>
    </dgm:pt>
    <dgm:pt modelId="{884D9146-2108-4D14-8E68-C6A3F055EE13}" type="sibTrans" cxnId="{D17EDAB8-A74A-4F58-84EC-41A320E5ADAE}">
      <dgm:prSet/>
      <dgm:spPr/>
      <dgm:t>
        <a:bodyPr/>
        <a:lstStyle/>
        <a:p>
          <a:endParaRPr lang="en-US" sz="2200" b="1">
            <a:solidFill>
              <a:schemeClr val="tx1"/>
            </a:solidFill>
          </a:endParaRPr>
        </a:p>
      </dgm:t>
    </dgm:pt>
    <dgm:pt modelId="{37066744-59FC-4D09-945E-28636C0BD71F}">
      <dgm:prSet phldrT="[Text]" custT="1">
        <dgm:style>
          <a:lnRef idx="0">
            <a:schemeClr val="accent1"/>
          </a:lnRef>
          <a:fillRef idx="3">
            <a:schemeClr val="accent1"/>
          </a:fillRef>
          <a:effectRef idx="3">
            <a:schemeClr val="accent1"/>
          </a:effectRef>
          <a:fontRef idx="minor">
            <a:schemeClr val="lt1"/>
          </a:fontRef>
        </dgm:style>
      </dgm:prSet>
      <dgm:spPr>
        <a:ln/>
      </dgm:spPr>
      <dgm:t>
        <a:bodyPr/>
        <a:lstStyle/>
        <a:p>
          <a:pPr>
            <a:spcAft>
              <a:spcPts val="0"/>
            </a:spcAft>
          </a:pPr>
          <a:r>
            <a:rPr lang="en-US" sz="2200" b="1" dirty="0" smtClean="0">
              <a:solidFill>
                <a:schemeClr val="tx1"/>
              </a:solidFill>
            </a:rPr>
            <a:t>Recent</a:t>
          </a:r>
        </a:p>
      </dgm:t>
    </dgm:pt>
    <dgm:pt modelId="{6235C3C5-9CC4-4451-897A-43267B782B26}" type="parTrans" cxnId="{C33FED2A-66D2-4D5B-AC83-00226E091A8F}">
      <dgm:prSet/>
      <dgm:spPr/>
      <dgm:t>
        <a:bodyPr/>
        <a:lstStyle/>
        <a:p>
          <a:endParaRPr lang="en-US" sz="2200" b="1">
            <a:solidFill>
              <a:schemeClr val="tx1"/>
            </a:solidFill>
          </a:endParaRPr>
        </a:p>
      </dgm:t>
    </dgm:pt>
    <dgm:pt modelId="{8461F3F5-D723-4CF7-8D13-3EA7DAC75532}" type="sibTrans" cxnId="{C33FED2A-66D2-4D5B-AC83-00226E091A8F}">
      <dgm:prSet/>
      <dgm:spPr/>
      <dgm:t>
        <a:bodyPr/>
        <a:lstStyle/>
        <a:p>
          <a:endParaRPr lang="en-US" sz="2200" b="1">
            <a:solidFill>
              <a:schemeClr val="tx1"/>
            </a:solidFill>
          </a:endParaRPr>
        </a:p>
      </dgm:t>
    </dgm:pt>
    <dgm:pt modelId="{3759FFDB-9E60-4563-84D5-037A11980012}">
      <dgm:prSet custT="1">
        <dgm:style>
          <a:lnRef idx="2">
            <a:schemeClr val="accent3">
              <a:shade val="50000"/>
            </a:schemeClr>
          </a:lnRef>
          <a:fillRef idx="1">
            <a:schemeClr val="accent3"/>
          </a:fillRef>
          <a:effectRef idx="0">
            <a:schemeClr val="accent3"/>
          </a:effectRef>
          <a:fontRef idx="minor">
            <a:schemeClr val="lt1"/>
          </a:fontRef>
        </dgm:style>
      </dgm:prSet>
      <dgm:spPr>
        <a:solidFill>
          <a:schemeClr val="accent3">
            <a:lumMod val="75000"/>
          </a:schemeClr>
        </a:solidFill>
        <a:ln/>
      </dgm:spPr>
      <dgm:t>
        <a:bodyPr/>
        <a:lstStyle/>
        <a:p>
          <a:pPr>
            <a:spcAft>
              <a:spcPts val="0"/>
            </a:spcAft>
          </a:pPr>
          <a:r>
            <a:rPr lang="en-US" sz="2200" b="1" dirty="0" smtClean="0">
              <a:solidFill>
                <a:schemeClr val="tx1"/>
              </a:solidFill>
            </a:rPr>
            <a:t>Peripheral canal (21,800 cfs)</a:t>
          </a:r>
          <a:endParaRPr lang="en-US" sz="2200" b="1" dirty="0">
            <a:solidFill>
              <a:schemeClr val="tx1"/>
            </a:solidFill>
          </a:endParaRPr>
        </a:p>
      </dgm:t>
    </dgm:pt>
    <dgm:pt modelId="{DDE8AE13-5F35-446E-9831-4691796E042C}" type="parTrans" cxnId="{EA5204A9-5E9D-4F7B-B361-D6119988D44C}">
      <dgm:prSet/>
      <dgm:spPr/>
      <dgm:t>
        <a:bodyPr/>
        <a:lstStyle/>
        <a:p>
          <a:endParaRPr lang="en-US" sz="2200" b="1">
            <a:solidFill>
              <a:schemeClr val="tx1"/>
            </a:solidFill>
          </a:endParaRPr>
        </a:p>
      </dgm:t>
    </dgm:pt>
    <dgm:pt modelId="{3136BFE8-A1A7-4A5A-8D29-ACD4B08471B8}" type="sibTrans" cxnId="{EA5204A9-5E9D-4F7B-B361-D6119988D44C}">
      <dgm:prSet/>
      <dgm:spPr/>
      <dgm:t>
        <a:bodyPr/>
        <a:lstStyle/>
        <a:p>
          <a:endParaRPr lang="en-US" sz="2200" b="1">
            <a:solidFill>
              <a:schemeClr val="tx1"/>
            </a:solidFill>
          </a:endParaRPr>
        </a:p>
      </dgm:t>
    </dgm:pt>
    <dgm:pt modelId="{81D8AD41-2694-4182-B6DF-5ED12E9898A2}">
      <dgm:prSet custT="1">
        <dgm:style>
          <a:lnRef idx="2">
            <a:schemeClr val="accent3">
              <a:shade val="50000"/>
            </a:schemeClr>
          </a:lnRef>
          <a:fillRef idx="1">
            <a:schemeClr val="accent3"/>
          </a:fillRef>
          <a:effectRef idx="0">
            <a:schemeClr val="accent3"/>
          </a:effectRef>
          <a:fontRef idx="minor">
            <a:schemeClr val="lt1"/>
          </a:fontRef>
        </dgm:style>
      </dgm:prSet>
      <dgm:spPr>
        <a:solidFill>
          <a:schemeClr val="accent3">
            <a:lumMod val="75000"/>
          </a:schemeClr>
        </a:solidFill>
        <a:ln/>
      </dgm:spPr>
      <dgm:t>
        <a:bodyPr/>
        <a:lstStyle/>
        <a:p>
          <a:pPr>
            <a:spcAft>
              <a:spcPts val="0"/>
            </a:spcAft>
          </a:pPr>
          <a:r>
            <a:rPr lang="en-US" sz="2200" b="1" dirty="0" smtClean="0">
              <a:solidFill>
                <a:schemeClr val="tx1"/>
              </a:solidFill>
            </a:rPr>
            <a:t>Through-Delta</a:t>
          </a:r>
          <a:endParaRPr lang="en-US" sz="2200" b="1" dirty="0">
            <a:solidFill>
              <a:schemeClr val="tx1"/>
            </a:solidFill>
          </a:endParaRPr>
        </a:p>
      </dgm:t>
    </dgm:pt>
    <dgm:pt modelId="{463A50E9-BF73-4E1A-BB65-CE4448007CFE}" type="parTrans" cxnId="{75CEB128-03C7-46C2-9EED-5D2699E193AF}">
      <dgm:prSet/>
      <dgm:spPr/>
      <dgm:t>
        <a:bodyPr/>
        <a:lstStyle/>
        <a:p>
          <a:endParaRPr lang="en-US" sz="2200" b="1">
            <a:solidFill>
              <a:schemeClr val="tx1"/>
            </a:solidFill>
          </a:endParaRPr>
        </a:p>
      </dgm:t>
    </dgm:pt>
    <dgm:pt modelId="{E7B99CDE-6D57-4F63-A9EB-12F0FF5710DE}" type="sibTrans" cxnId="{75CEB128-03C7-46C2-9EED-5D2699E193AF}">
      <dgm:prSet/>
      <dgm:spPr/>
      <dgm:t>
        <a:bodyPr/>
        <a:lstStyle/>
        <a:p>
          <a:endParaRPr lang="en-US" sz="2200" b="1">
            <a:solidFill>
              <a:schemeClr val="tx1"/>
            </a:solidFill>
          </a:endParaRPr>
        </a:p>
      </dgm:t>
    </dgm:pt>
    <dgm:pt modelId="{A5E8D9BC-52BA-497C-81C1-00943C3C5516}">
      <dgm:prSet custT="1">
        <dgm:style>
          <a:lnRef idx="2">
            <a:schemeClr val="accent4">
              <a:shade val="50000"/>
            </a:schemeClr>
          </a:lnRef>
          <a:fillRef idx="1">
            <a:schemeClr val="accent4"/>
          </a:fillRef>
          <a:effectRef idx="0">
            <a:schemeClr val="accent4"/>
          </a:effectRef>
          <a:fontRef idx="minor">
            <a:schemeClr val="lt1"/>
          </a:fontRef>
        </dgm:style>
      </dgm:prSet>
      <dgm:spPr>
        <a:solidFill>
          <a:schemeClr val="accent4">
            <a:lumMod val="75000"/>
          </a:schemeClr>
        </a:solidFill>
        <a:ln/>
      </dgm:spPr>
      <dgm:t>
        <a:bodyPr/>
        <a:lstStyle/>
        <a:p>
          <a:pPr>
            <a:spcAft>
              <a:spcPts val="0"/>
            </a:spcAft>
          </a:pPr>
          <a:r>
            <a:rPr lang="en-US" sz="2200" b="1" dirty="0" smtClean="0">
              <a:solidFill>
                <a:schemeClr val="tx1"/>
              </a:solidFill>
            </a:rPr>
            <a:t>Duke’s Ditch (Through-Delta)</a:t>
          </a:r>
          <a:endParaRPr lang="en-US" sz="2200" b="1" dirty="0">
            <a:solidFill>
              <a:schemeClr val="tx1"/>
            </a:solidFill>
          </a:endParaRPr>
        </a:p>
      </dgm:t>
    </dgm:pt>
    <dgm:pt modelId="{C564646D-4EF1-466C-97DB-F13582127F0B}" type="parTrans" cxnId="{DB747A48-CAFE-49D5-A67C-66B250834C7C}">
      <dgm:prSet/>
      <dgm:spPr/>
      <dgm:t>
        <a:bodyPr/>
        <a:lstStyle/>
        <a:p>
          <a:endParaRPr lang="en-US" sz="2200" b="1">
            <a:solidFill>
              <a:schemeClr val="tx1"/>
            </a:solidFill>
          </a:endParaRPr>
        </a:p>
      </dgm:t>
    </dgm:pt>
    <dgm:pt modelId="{BCC99F7E-EF4F-46BC-BDC3-CECC9B0AB2D8}" type="sibTrans" cxnId="{DB747A48-CAFE-49D5-A67C-66B250834C7C}">
      <dgm:prSet/>
      <dgm:spPr/>
      <dgm:t>
        <a:bodyPr/>
        <a:lstStyle/>
        <a:p>
          <a:endParaRPr lang="en-US" sz="2200" b="1">
            <a:solidFill>
              <a:schemeClr val="tx1"/>
            </a:solidFill>
          </a:endParaRPr>
        </a:p>
      </dgm:t>
    </dgm:pt>
    <dgm:pt modelId="{35DB9F0A-8901-4FA8-A604-6F4232F3B9D5}">
      <dgm:prSet phldrT="[Text]" custT="1">
        <dgm:style>
          <a:lnRef idx="2">
            <a:schemeClr val="accent6">
              <a:shade val="50000"/>
            </a:schemeClr>
          </a:lnRef>
          <a:fillRef idx="1">
            <a:schemeClr val="accent6"/>
          </a:fillRef>
          <a:effectRef idx="0">
            <a:schemeClr val="accent6"/>
          </a:effectRef>
          <a:fontRef idx="minor">
            <a:schemeClr val="lt1"/>
          </a:fontRef>
        </dgm:style>
      </dgm:prSet>
      <dgm:spPr>
        <a:ln/>
      </dgm:spPr>
      <dgm:t>
        <a:bodyPr/>
        <a:lstStyle/>
        <a:p>
          <a:pPr>
            <a:spcAft>
              <a:spcPts val="0"/>
            </a:spcAft>
          </a:pPr>
          <a:r>
            <a:rPr lang="en-US" sz="2200" b="1" dirty="0" smtClean="0">
              <a:solidFill>
                <a:schemeClr val="tx1"/>
              </a:solidFill>
            </a:rPr>
            <a:t>South &amp; North Delta Programs</a:t>
          </a:r>
        </a:p>
      </dgm:t>
    </dgm:pt>
    <dgm:pt modelId="{DE3BCCA5-281B-43FD-8C29-A384C89FF14B}" type="parTrans" cxnId="{64C6DCDF-A42E-4028-B208-866E8A8CBFBC}">
      <dgm:prSet/>
      <dgm:spPr/>
      <dgm:t>
        <a:bodyPr/>
        <a:lstStyle/>
        <a:p>
          <a:endParaRPr lang="en-US" sz="2200" b="1">
            <a:solidFill>
              <a:schemeClr val="tx1"/>
            </a:solidFill>
          </a:endParaRPr>
        </a:p>
      </dgm:t>
    </dgm:pt>
    <dgm:pt modelId="{48C4FA30-FD89-438B-AFA5-CE64C23E973A}" type="sibTrans" cxnId="{64C6DCDF-A42E-4028-B208-866E8A8CBFBC}">
      <dgm:prSet/>
      <dgm:spPr/>
      <dgm:t>
        <a:bodyPr/>
        <a:lstStyle/>
        <a:p>
          <a:endParaRPr lang="en-US" sz="2200" b="1">
            <a:solidFill>
              <a:schemeClr val="tx1"/>
            </a:solidFill>
          </a:endParaRPr>
        </a:p>
      </dgm:t>
    </dgm:pt>
    <dgm:pt modelId="{EFCBE6E8-93C5-4E8F-80BA-F8FCC3B9B239}">
      <dgm:prSet custT="1">
        <dgm:style>
          <a:lnRef idx="2">
            <a:schemeClr val="accent6">
              <a:shade val="50000"/>
            </a:schemeClr>
          </a:lnRef>
          <a:fillRef idx="1">
            <a:schemeClr val="accent6"/>
          </a:fillRef>
          <a:effectRef idx="0">
            <a:schemeClr val="accent6"/>
          </a:effectRef>
          <a:fontRef idx="minor">
            <a:schemeClr val="lt1"/>
          </a:fontRef>
        </dgm:style>
      </dgm:prSet>
      <dgm:spPr>
        <a:ln/>
      </dgm:spPr>
      <dgm:t>
        <a:bodyPr/>
        <a:lstStyle/>
        <a:p>
          <a:pPr>
            <a:spcAft>
              <a:spcPts val="0"/>
            </a:spcAft>
          </a:pPr>
          <a:r>
            <a:rPr lang="en-US" sz="2200" b="1" dirty="0" smtClean="0">
              <a:solidFill>
                <a:schemeClr val="tx1"/>
              </a:solidFill>
            </a:rPr>
            <a:t>Bay Delta Accord</a:t>
          </a:r>
        </a:p>
      </dgm:t>
    </dgm:pt>
    <dgm:pt modelId="{B0BD20EA-AE88-4A70-AA5F-723CE38D6B93}" type="parTrans" cxnId="{49699ECE-14FB-4132-8712-81AFDE8FF768}">
      <dgm:prSet/>
      <dgm:spPr/>
      <dgm:t>
        <a:bodyPr/>
        <a:lstStyle/>
        <a:p>
          <a:endParaRPr lang="en-US" sz="2200" b="1">
            <a:solidFill>
              <a:schemeClr val="tx1"/>
            </a:solidFill>
          </a:endParaRPr>
        </a:p>
      </dgm:t>
    </dgm:pt>
    <dgm:pt modelId="{91019051-CB35-40CE-B6E3-49E2773A953D}" type="sibTrans" cxnId="{49699ECE-14FB-4132-8712-81AFDE8FF768}">
      <dgm:prSet/>
      <dgm:spPr/>
      <dgm:t>
        <a:bodyPr/>
        <a:lstStyle/>
        <a:p>
          <a:endParaRPr lang="en-US" sz="2200" b="1">
            <a:solidFill>
              <a:schemeClr val="tx1"/>
            </a:solidFill>
          </a:endParaRPr>
        </a:p>
      </dgm:t>
    </dgm:pt>
    <dgm:pt modelId="{83C1FAB0-14DB-43C5-9AEB-4588236C4535}">
      <dgm:prSet custT="1">
        <dgm:style>
          <a:lnRef idx="2">
            <a:schemeClr val="accent6">
              <a:shade val="50000"/>
            </a:schemeClr>
          </a:lnRef>
          <a:fillRef idx="1">
            <a:schemeClr val="accent6"/>
          </a:fillRef>
          <a:effectRef idx="0">
            <a:schemeClr val="accent6"/>
          </a:effectRef>
          <a:fontRef idx="minor">
            <a:schemeClr val="lt1"/>
          </a:fontRef>
        </dgm:style>
      </dgm:prSet>
      <dgm:spPr>
        <a:ln/>
      </dgm:spPr>
      <dgm:t>
        <a:bodyPr/>
        <a:lstStyle/>
        <a:p>
          <a:pPr>
            <a:spcAft>
              <a:spcPts val="0"/>
            </a:spcAft>
          </a:pPr>
          <a:r>
            <a:rPr lang="en-US" sz="2200" b="1" dirty="0" smtClean="0">
              <a:solidFill>
                <a:schemeClr val="tx1"/>
              </a:solidFill>
            </a:rPr>
            <a:t>CALFED Plan (~ 19 alternatives, storage, etc.)</a:t>
          </a:r>
        </a:p>
      </dgm:t>
    </dgm:pt>
    <dgm:pt modelId="{159F6F94-5C5B-407A-A6EA-7B46103C726E}" type="parTrans" cxnId="{EA9C0B7E-3FE1-43A6-B100-CCF6B7DF0142}">
      <dgm:prSet/>
      <dgm:spPr/>
      <dgm:t>
        <a:bodyPr/>
        <a:lstStyle/>
        <a:p>
          <a:endParaRPr lang="en-US" sz="2200" b="1">
            <a:solidFill>
              <a:schemeClr val="tx1"/>
            </a:solidFill>
          </a:endParaRPr>
        </a:p>
      </dgm:t>
    </dgm:pt>
    <dgm:pt modelId="{92107247-FB8E-44D6-BF9B-5D403F782AC8}" type="sibTrans" cxnId="{EA9C0B7E-3FE1-43A6-B100-CCF6B7DF0142}">
      <dgm:prSet/>
      <dgm:spPr/>
      <dgm:t>
        <a:bodyPr/>
        <a:lstStyle/>
        <a:p>
          <a:endParaRPr lang="en-US" sz="2200" b="1">
            <a:solidFill>
              <a:schemeClr val="tx1"/>
            </a:solidFill>
          </a:endParaRPr>
        </a:p>
      </dgm:t>
    </dgm:pt>
    <dgm:pt modelId="{0F909731-414B-497D-81E1-6DBE2A5D4DC2}">
      <dgm:prSet custT="1">
        <dgm:style>
          <a:lnRef idx="2">
            <a:schemeClr val="accent6">
              <a:shade val="50000"/>
            </a:schemeClr>
          </a:lnRef>
          <a:fillRef idx="1">
            <a:schemeClr val="accent6"/>
          </a:fillRef>
          <a:effectRef idx="0">
            <a:schemeClr val="accent6"/>
          </a:effectRef>
          <a:fontRef idx="minor">
            <a:schemeClr val="lt1"/>
          </a:fontRef>
        </dgm:style>
      </dgm:prSet>
      <dgm:spPr>
        <a:ln/>
      </dgm:spPr>
      <dgm:t>
        <a:bodyPr/>
        <a:lstStyle/>
        <a:p>
          <a:pPr>
            <a:spcAft>
              <a:spcPts val="0"/>
            </a:spcAft>
          </a:pPr>
          <a:r>
            <a:rPr lang="en-US" sz="2200" b="1" dirty="0" smtClean="0">
              <a:solidFill>
                <a:schemeClr val="tx1"/>
              </a:solidFill>
            </a:rPr>
            <a:t>Post-CALFED Thru-Delta focus (&gt;26 alternatives) </a:t>
          </a:r>
        </a:p>
      </dgm:t>
    </dgm:pt>
    <dgm:pt modelId="{91D1C809-C116-465D-A780-88A676F685A9}" type="parTrans" cxnId="{2E339C61-7C76-44DA-93B8-D237A0D6CED0}">
      <dgm:prSet/>
      <dgm:spPr/>
      <dgm:t>
        <a:bodyPr/>
        <a:lstStyle/>
        <a:p>
          <a:endParaRPr lang="en-US" sz="2200" b="1">
            <a:solidFill>
              <a:schemeClr val="tx1"/>
            </a:solidFill>
          </a:endParaRPr>
        </a:p>
      </dgm:t>
    </dgm:pt>
    <dgm:pt modelId="{02070CD0-FEA6-4787-9ED9-1A2CF2A4D3D2}" type="sibTrans" cxnId="{2E339C61-7C76-44DA-93B8-D237A0D6CED0}">
      <dgm:prSet/>
      <dgm:spPr/>
      <dgm:t>
        <a:bodyPr/>
        <a:lstStyle/>
        <a:p>
          <a:endParaRPr lang="en-US" sz="2200" b="1">
            <a:solidFill>
              <a:schemeClr val="tx1"/>
            </a:solidFill>
          </a:endParaRPr>
        </a:p>
      </dgm:t>
    </dgm:pt>
    <dgm:pt modelId="{65E73821-B029-427A-99CC-7A8221442EEF}">
      <dgm:prSet phldrT="[Text]" custT="1">
        <dgm:style>
          <a:lnRef idx="2">
            <a:schemeClr val="accent1">
              <a:shade val="50000"/>
            </a:schemeClr>
          </a:lnRef>
          <a:fillRef idx="1">
            <a:schemeClr val="accent1"/>
          </a:fillRef>
          <a:effectRef idx="0">
            <a:schemeClr val="accent1"/>
          </a:effectRef>
          <a:fontRef idx="minor">
            <a:schemeClr val="lt1"/>
          </a:fontRef>
        </dgm:style>
      </dgm:prSet>
      <dgm:spPr>
        <a:solidFill>
          <a:schemeClr val="accent1">
            <a:lumMod val="75000"/>
          </a:schemeClr>
        </a:solidFill>
        <a:ln/>
      </dgm:spPr>
      <dgm:t>
        <a:bodyPr/>
        <a:lstStyle/>
        <a:p>
          <a:pPr>
            <a:spcAft>
              <a:spcPts val="0"/>
            </a:spcAft>
          </a:pPr>
          <a:r>
            <a:rPr lang="en-US" sz="2200" b="1" dirty="0" smtClean="0">
              <a:solidFill>
                <a:schemeClr val="tx1"/>
              </a:solidFill>
            </a:rPr>
            <a:t>BDCP - Multiple Initially Screened &amp; 16 EIR/S Alts</a:t>
          </a:r>
        </a:p>
      </dgm:t>
    </dgm:pt>
    <dgm:pt modelId="{6CE198DE-EABA-47C3-BF0F-257340F2FFBE}" type="parTrans" cxnId="{DCAB33B0-6345-42C9-A96B-626373243536}">
      <dgm:prSet/>
      <dgm:spPr/>
      <dgm:t>
        <a:bodyPr/>
        <a:lstStyle/>
        <a:p>
          <a:endParaRPr lang="en-US" sz="2200" b="1">
            <a:solidFill>
              <a:schemeClr val="tx1"/>
            </a:solidFill>
          </a:endParaRPr>
        </a:p>
      </dgm:t>
    </dgm:pt>
    <dgm:pt modelId="{436B1F2D-A55F-479E-A8E8-5A9B1930AB3A}" type="sibTrans" cxnId="{DCAB33B0-6345-42C9-A96B-626373243536}">
      <dgm:prSet/>
      <dgm:spPr/>
      <dgm:t>
        <a:bodyPr/>
        <a:lstStyle/>
        <a:p>
          <a:endParaRPr lang="en-US" sz="2200" b="1">
            <a:solidFill>
              <a:schemeClr val="tx1"/>
            </a:solidFill>
          </a:endParaRPr>
        </a:p>
      </dgm:t>
    </dgm:pt>
    <dgm:pt modelId="{87851BFC-ECFA-420F-94BA-A676CF6CBF36}" type="pres">
      <dgm:prSet presAssocID="{FC380736-8067-4B84-A934-93E29DDFF3EA}" presName="Name0" presStyleCnt="0">
        <dgm:presLayoutVars>
          <dgm:dir/>
          <dgm:animLvl val="lvl"/>
          <dgm:resizeHandles val="exact"/>
        </dgm:presLayoutVars>
      </dgm:prSet>
      <dgm:spPr/>
      <dgm:t>
        <a:bodyPr/>
        <a:lstStyle/>
        <a:p>
          <a:endParaRPr lang="en-US"/>
        </a:p>
      </dgm:t>
    </dgm:pt>
    <dgm:pt modelId="{E3E3C920-F5C1-497A-AF43-5D91F537E630}" type="pres">
      <dgm:prSet presAssocID="{7607FDCD-A853-4C64-BDC5-EFA1340097FA}" presName="linNode" presStyleCnt="0"/>
      <dgm:spPr/>
      <dgm:t>
        <a:bodyPr/>
        <a:lstStyle/>
        <a:p>
          <a:endParaRPr lang="en-US"/>
        </a:p>
      </dgm:t>
    </dgm:pt>
    <dgm:pt modelId="{F18EA28F-6F0F-420F-B206-BFA3D3F7C74E}" type="pres">
      <dgm:prSet presAssocID="{7607FDCD-A853-4C64-BDC5-EFA1340097FA}" presName="parentText" presStyleLbl="node1" presStyleIdx="0" presStyleCnt="5" custScaleX="156891" custScaleY="87094">
        <dgm:presLayoutVars>
          <dgm:chMax val="1"/>
          <dgm:bulletEnabled val="1"/>
        </dgm:presLayoutVars>
      </dgm:prSet>
      <dgm:spPr/>
      <dgm:t>
        <a:bodyPr/>
        <a:lstStyle/>
        <a:p>
          <a:endParaRPr lang="en-US"/>
        </a:p>
      </dgm:t>
    </dgm:pt>
    <dgm:pt modelId="{172053C3-43EF-493D-AD46-C0C41CE40612}" type="pres">
      <dgm:prSet presAssocID="{7607FDCD-A853-4C64-BDC5-EFA1340097FA}" presName="descendantText" presStyleLbl="alignAccFollowNode1" presStyleIdx="0" presStyleCnt="5" custScaleX="237458" custScaleY="89260" custLinFactNeighborX="-3188">
        <dgm:presLayoutVars>
          <dgm:bulletEnabled val="1"/>
        </dgm:presLayoutVars>
      </dgm:prSet>
      <dgm:spPr/>
      <dgm:t>
        <a:bodyPr/>
        <a:lstStyle/>
        <a:p>
          <a:endParaRPr lang="en-US"/>
        </a:p>
      </dgm:t>
    </dgm:pt>
    <dgm:pt modelId="{B9046E08-F6CA-447C-8419-D82B48424263}" type="pres">
      <dgm:prSet presAssocID="{A6AF179B-D0D4-4706-8FCB-EF40A0D7A50B}" presName="sp" presStyleCnt="0"/>
      <dgm:spPr/>
      <dgm:t>
        <a:bodyPr/>
        <a:lstStyle/>
        <a:p>
          <a:endParaRPr lang="en-US"/>
        </a:p>
      </dgm:t>
    </dgm:pt>
    <dgm:pt modelId="{FD5FD7BF-91F0-4444-B6B6-93ED2CC5D9CD}" type="pres">
      <dgm:prSet presAssocID="{D8AB42E1-7741-4015-A95D-F4B3127B8859}" presName="linNode" presStyleCnt="0"/>
      <dgm:spPr/>
      <dgm:t>
        <a:bodyPr/>
        <a:lstStyle/>
        <a:p>
          <a:endParaRPr lang="en-US"/>
        </a:p>
      </dgm:t>
    </dgm:pt>
    <dgm:pt modelId="{56CA6E41-EE94-42FD-97C0-666F63C29C8D}" type="pres">
      <dgm:prSet presAssocID="{D8AB42E1-7741-4015-A95D-F4B3127B8859}" presName="parentText" presStyleLbl="node1" presStyleIdx="1" presStyleCnt="5" custScaleX="1281215">
        <dgm:presLayoutVars>
          <dgm:chMax val="1"/>
          <dgm:bulletEnabled val="1"/>
        </dgm:presLayoutVars>
      </dgm:prSet>
      <dgm:spPr/>
      <dgm:t>
        <a:bodyPr/>
        <a:lstStyle/>
        <a:p>
          <a:endParaRPr lang="en-US"/>
        </a:p>
      </dgm:t>
    </dgm:pt>
    <dgm:pt modelId="{03AC8F95-416B-4A2B-884C-8111C13FBB2C}" type="pres">
      <dgm:prSet presAssocID="{D8AB42E1-7741-4015-A95D-F4B3127B8859}" presName="descendantText" presStyleLbl="alignAccFollowNode1" presStyleIdx="1" presStyleCnt="5" custScaleX="1938785" custScaleY="94340" custLinFactNeighborX="-6492">
        <dgm:presLayoutVars>
          <dgm:bulletEnabled val="1"/>
        </dgm:presLayoutVars>
      </dgm:prSet>
      <dgm:spPr/>
      <dgm:t>
        <a:bodyPr/>
        <a:lstStyle/>
        <a:p>
          <a:endParaRPr lang="en-US"/>
        </a:p>
      </dgm:t>
    </dgm:pt>
    <dgm:pt modelId="{86BBFDA2-ED6C-4191-8DBC-D8BF6084F5FF}" type="pres">
      <dgm:prSet presAssocID="{0E10636F-ABBA-43F4-A99E-3412D63ABEAC}" presName="sp" presStyleCnt="0"/>
      <dgm:spPr/>
      <dgm:t>
        <a:bodyPr/>
        <a:lstStyle/>
        <a:p>
          <a:endParaRPr lang="en-US"/>
        </a:p>
      </dgm:t>
    </dgm:pt>
    <dgm:pt modelId="{BDE823B7-08B0-405B-9C05-6C0A6F83C61C}" type="pres">
      <dgm:prSet presAssocID="{3865F780-455A-4741-B7FF-09616952C648}" presName="linNode" presStyleCnt="0"/>
      <dgm:spPr/>
      <dgm:t>
        <a:bodyPr/>
        <a:lstStyle/>
        <a:p>
          <a:endParaRPr lang="en-US"/>
        </a:p>
      </dgm:t>
    </dgm:pt>
    <dgm:pt modelId="{487E54AE-2F97-4D3A-8284-DBA855A391BF}" type="pres">
      <dgm:prSet presAssocID="{3865F780-455A-4741-B7FF-09616952C648}" presName="parentText" presStyleLbl="node1" presStyleIdx="2" presStyleCnt="5" custScaleX="1279884" custScaleY="80272">
        <dgm:presLayoutVars>
          <dgm:chMax val="1"/>
          <dgm:bulletEnabled val="1"/>
        </dgm:presLayoutVars>
      </dgm:prSet>
      <dgm:spPr/>
      <dgm:t>
        <a:bodyPr/>
        <a:lstStyle/>
        <a:p>
          <a:endParaRPr lang="en-US"/>
        </a:p>
      </dgm:t>
    </dgm:pt>
    <dgm:pt modelId="{0556B018-F534-4DD1-AE17-1A4F321AE5CE}" type="pres">
      <dgm:prSet presAssocID="{3865F780-455A-4741-B7FF-09616952C648}" presName="descendantText" presStyleLbl="alignAccFollowNode1" presStyleIdx="2" presStyleCnt="5" custScaleX="1936509" custScaleY="81645">
        <dgm:presLayoutVars>
          <dgm:bulletEnabled val="1"/>
        </dgm:presLayoutVars>
      </dgm:prSet>
      <dgm:spPr/>
      <dgm:t>
        <a:bodyPr/>
        <a:lstStyle/>
        <a:p>
          <a:endParaRPr lang="en-US"/>
        </a:p>
      </dgm:t>
    </dgm:pt>
    <dgm:pt modelId="{6F048FB7-48D0-4B27-ABCD-5BA25B3717C2}" type="pres">
      <dgm:prSet presAssocID="{34EB643E-D2B4-40BD-937A-85DC06C5031C}" presName="sp" presStyleCnt="0"/>
      <dgm:spPr/>
      <dgm:t>
        <a:bodyPr/>
        <a:lstStyle/>
        <a:p>
          <a:endParaRPr lang="en-US"/>
        </a:p>
      </dgm:t>
    </dgm:pt>
    <dgm:pt modelId="{F452ADC8-7D98-4252-853B-3B0CFB531E6D}" type="pres">
      <dgm:prSet presAssocID="{8E3B1357-A24A-4C5B-85C9-94C497C97F9E}" presName="linNode" presStyleCnt="0"/>
      <dgm:spPr/>
      <dgm:t>
        <a:bodyPr/>
        <a:lstStyle/>
        <a:p>
          <a:endParaRPr lang="en-US"/>
        </a:p>
      </dgm:t>
    </dgm:pt>
    <dgm:pt modelId="{7025729C-6720-401D-A2E7-748ED4FA7F1E}" type="pres">
      <dgm:prSet presAssocID="{8E3B1357-A24A-4C5B-85C9-94C497C97F9E}" presName="parentText" presStyleLbl="node1" presStyleIdx="3" presStyleCnt="5" custScaleX="1278481" custScaleY="125392">
        <dgm:presLayoutVars>
          <dgm:chMax val="1"/>
          <dgm:bulletEnabled val="1"/>
        </dgm:presLayoutVars>
      </dgm:prSet>
      <dgm:spPr/>
      <dgm:t>
        <a:bodyPr/>
        <a:lstStyle/>
        <a:p>
          <a:endParaRPr lang="en-US"/>
        </a:p>
      </dgm:t>
    </dgm:pt>
    <dgm:pt modelId="{D916D92C-9198-4479-8E83-3BCF7331C608}" type="pres">
      <dgm:prSet presAssocID="{8E3B1357-A24A-4C5B-85C9-94C497C97F9E}" presName="descendantText" presStyleLbl="alignAccFollowNode1" presStyleIdx="3" presStyleCnt="5" custScaleX="1932708" custScaleY="138258" custLinFactNeighborX="-22462">
        <dgm:presLayoutVars>
          <dgm:bulletEnabled val="1"/>
        </dgm:presLayoutVars>
      </dgm:prSet>
      <dgm:spPr/>
      <dgm:t>
        <a:bodyPr/>
        <a:lstStyle/>
        <a:p>
          <a:endParaRPr lang="en-US"/>
        </a:p>
      </dgm:t>
    </dgm:pt>
    <dgm:pt modelId="{10A520D2-3CF0-470A-A6AC-F6AFA8E51BC4}" type="pres">
      <dgm:prSet presAssocID="{884D9146-2108-4D14-8E68-C6A3F055EE13}" presName="sp" presStyleCnt="0"/>
      <dgm:spPr/>
      <dgm:t>
        <a:bodyPr/>
        <a:lstStyle/>
        <a:p>
          <a:endParaRPr lang="en-US"/>
        </a:p>
      </dgm:t>
    </dgm:pt>
    <dgm:pt modelId="{1683FF63-3DA4-4FD2-A161-75957EA9EDF1}" type="pres">
      <dgm:prSet presAssocID="{37066744-59FC-4D09-945E-28636C0BD71F}" presName="linNode" presStyleCnt="0"/>
      <dgm:spPr/>
      <dgm:t>
        <a:bodyPr/>
        <a:lstStyle/>
        <a:p>
          <a:endParaRPr lang="en-US"/>
        </a:p>
      </dgm:t>
    </dgm:pt>
    <dgm:pt modelId="{DD4AB14C-BCFD-40C0-AA47-CCC0906679B2}" type="pres">
      <dgm:prSet presAssocID="{37066744-59FC-4D09-945E-28636C0BD71F}" presName="parentText" presStyleLbl="node1" presStyleIdx="4" presStyleCnt="5" custScaleX="1285223" custScaleY="75439">
        <dgm:presLayoutVars>
          <dgm:chMax val="1"/>
          <dgm:bulletEnabled val="1"/>
        </dgm:presLayoutVars>
      </dgm:prSet>
      <dgm:spPr/>
      <dgm:t>
        <a:bodyPr/>
        <a:lstStyle/>
        <a:p>
          <a:endParaRPr lang="en-US"/>
        </a:p>
      </dgm:t>
    </dgm:pt>
    <dgm:pt modelId="{35352CB1-2E3D-42FD-8C1A-F9F23E82F248}" type="pres">
      <dgm:prSet presAssocID="{37066744-59FC-4D09-945E-28636C0BD71F}" presName="descendantText" presStyleLbl="alignAccFollowNode1" presStyleIdx="4" presStyleCnt="5" custScaleX="1945607" custScaleY="67768">
        <dgm:presLayoutVars>
          <dgm:bulletEnabled val="1"/>
        </dgm:presLayoutVars>
      </dgm:prSet>
      <dgm:spPr/>
      <dgm:t>
        <a:bodyPr/>
        <a:lstStyle/>
        <a:p>
          <a:endParaRPr lang="en-US"/>
        </a:p>
      </dgm:t>
    </dgm:pt>
  </dgm:ptLst>
  <dgm:cxnLst>
    <dgm:cxn modelId="{75CEB128-03C7-46C2-9EED-5D2699E193AF}" srcId="{D8AB42E1-7741-4015-A95D-F4B3127B8859}" destId="{81D8AD41-2694-4182-B6DF-5ED12E9898A2}" srcOrd="2" destOrd="0" parTransId="{463A50E9-BF73-4E1A-BB65-CE4448007CFE}" sibTransId="{E7B99CDE-6D57-4F63-A9EB-12F0FF5710DE}"/>
    <dgm:cxn modelId="{C33FED2A-66D2-4D5B-AC83-00226E091A8F}" srcId="{FC380736-8067-4B84-A934-93E29DDFF3EA}" destId="{37066744-59FC-4D09-945E-28636C0BD71F}" srcOrd="4" destOrd="0" parTransId="{6235C3C5-9CC4-4451-897A-43267B782B26}" sibTransId="{8461F3F5-D723-4CF7-8D13-3EA7DAC75532}"/>
    <dgm:cxn modelId="{6EF858AE-2DA6-4CAE-877F-38122795989E}" srcId="{FC380736-8067-4B84-A934-93E29DDFF3EA}" destId="{D8AB42E1-7741-4015-A95D-F4B3127B8859}" srcOrd="1" destOrd="0" parTransId="{BF3F3D9D-7EAA-40A9-8DCC-839DDB0D5267}" sibTransId="{0E10636F-ABBA-43F4-A99E-3412D63ABEAC}"/>
    <dgm:cxn modelId="{18883CF2-7A53-4B4C-83DC-43A85688BB82}" type="presOf" srcId="{0F909731-414B-497D-81E1-6DBE2A5D4DC2}" destId="{D916D92C-9198-4479-8E83-3BCF7331C608}" srcOrd="0" destOrd="3" presId="urn:microsoft.com/office/officeart/2005/8/layout/vList5"/>
    <dgm:cxn modelId="{58D5E56C-FF8A-4B9F-95A1-2B7E5A6E4DC9}" type="presOf" srcId="{7607FDCD-A853-4C64-BDC5-EFA1340097FA}" destId="{F18EA28F-6F0F-420F-B206-BFA3D3F7C74E}" srcOrd="0" destOrd="0" presId="urn:microsoft.com/office/officeart/2005/8/layout/vList5"/>
    <dgm:cxn modelId="{D9032516-D5E1-43D5-B21B-D8350CEBC6EE}" srcId="{FC380736-8067-4B84-A934-93E29DDFF3EA}" destId="{7607FDCD-A853-4C64-BDC5-EFA1340097FA}" srcOrd="0" destOrd="0" parTransId="{AEFA44A9-B39E-43AB-8041-4DF61F3BE30D}" sibTransId="{A6AF179B-D0D4-4706-8FCB-EF40A0D7A50B}"/>
    <dgm:cxn modelId="{6FE7A38D-4B26-47C4-96D3-357EB8E69484}" type="presOf" srcId="{F6CDE650-BBE1-4EBA-B170-73BA269498A2}" destId="{03AC8F95-416B-4A2B-884C-8111C13FBB2C}" srcOrd="0" destOrd="0" presId="urn:microsoft.com/office/officeart/2005/8/layout/vList5"/>
    <dgm:cxn modelId="{47D5B94E-3C0B-4F57-9A92-6DFEA53E4643}" type="presOf" srcId="{35DB9F0A-8901-4FA8-A604-6F4232F3B9D5}" destId="{D916D92C-9198-4479-8E83-3BCF7331C608}" srcOrd="0" destOrd="0" presId="urn:microsoft.com/office/officeart/2005/8/layout/vList5"/>
    <dgm:cxn modelId="{EA9C0B7E-3FE1-43A6-B100-CCF6B7DF0142}" srcId="{8E3B1357-A24A-4C5B-85C9-94C497C97F9E}" destId="{83C1FAB0-14DB-43C5-9AEB-4588236C4535}" srcOrd="2" destOrd="0" parTransId="{159F6F94-5C5B-407A-A6EA-7B46103C726E}" sibTransId="{92107247-FB8E-44D6-BF9B-5D403F782AC8}"/>
    <dgm:cxn modelId="{B98B39C1-D724-440D-B4B9-C0EFBEBABBE0}" type="presOf" srcId="{527C7EFD-06C8-4C71-980F-C2A4455109DC}" destId="{172053C3-43EF-493D-AD46-C0C41CE40612}" srcOrd="0" destOrd="0" presId="urn:microsoft.com/office/officeart/2005/8/layout/vList5"/>
    <dgm:cxn modelId="{5D7167DE-2FF8-467C-A168-09C77FAC094E}" type="presOf" srcId="{3865F780-455A-4741-B7FF-09616952C648}" destId="{487E54AE-2F97-4D3A-8284-DBA855A391BF}" srcOrd="0" destOrd="0" presId="urn:microsoft.com/office/officeart/2005/8/layout/vList5"/>
    <dgm:cxn modelId="{16FCFB2D-6C52-408F-A5FD-693DA739C43E}" type="presOf" srcId="{A5E8D9BC-52BA-497C-81C1-00943C3C5516}" destId="{0556B018-F534-4DD1-AE17-1A4F321AE5CE}" srcOrd="0" destOrd="1" presId="urn:microsoft.com/office/officeart/2005/8/layout/vList5"/>
    <dgm:cxn modelId="{C6072420-F63A-416F-B84F-1FD75E19279E}" srcId="{7607FDCD-A853-4C64-BDC5-EFA1340097FA}" destId="{527C7EFD-06C8-4C71-980F-C2A4455109DC}" srcOrd="0" destOrd="0" parTransId="{AE377A14-A4E6-4619-984C-06ECE13406F7}" sibTransId="{12A00808-78D9-490E-9EE2-1BA5338E051F}"/>
    <dgm:cxn modelId="{DCAB33B0-6345-42C9-A96B-626373243536}" srcId="{37066744-59FC-4D09-945E-28636C0BD71F}" destId="{65E73821-B029-427A-99CC-7A8221442EEF}" srcOrd="0" destOrd="0" parTransId="{6CE198DE-EABA-47C3-BF0F-257340F2FFBE}" sibTransId="{436B1F2D-A55F-479E-A8E8-5A9B1930AB3A}"/>
    <dgm:cxn modelId="{110BA6AE-AA23-43AE-B6FF-278974987C82}" type="presOf" srcId="{83C1FAB0-14DB-43C5-9AEB-4588236C4535}" destId="{D916D92C-9198-4479-8E83-3BCF7331C608}" srcOrd="0" destOrd="2" presId="urn:microsoft.com/office/officeart/2005/8/layout/vList5"/>
    <dgm:cxn modelId="{BCC57B8B-4AD8-43A7-8909-BF013E9377CC}" type="presOf" srcId="{FC380736-8067-4B84-A934-93E29DDFF3EA}" destId="{87851BFC-ECFA-420F-94BA-A676CF6CBF36}" srcOrd="0" destOrd="0" presId="urn:microsoft.com/office/officeart/2005/8/layout/vList5"/>
    <dgm:cxn modelId="{DC20E90F-25B5-4B33-8070-19217D5DE0A4}" type="presOf" srcId="{65E73821-B029-427A-99CC-7A8221442EEF}" destId="{35352CB1-2E3D-42FD-8C1A-F9F23E82F248}" srcOrd="0" destOrd="0" presId="urn:microsoft.com/office/officeart/2005/8/layout/vList5"/>
    <dgm:cxn modelId="{2B0407CD-33F9-41F5-ABEE-BCCDB1F0B770}" type="presOf" srcId="{8E3B1357-A24A-4C5B-85C9-94C497C97F9E}" destId="{7025729C-6720-401D-A2E7-748ED4FA7F1E}" srcOrd="0" destOrd="0" presId="urn:microsoft.com/office/officeart/2005/8/layout/vList5"/>
    <dgm:cxn modelId="{EA5204A9-5E9D-4F7B-B361-D6119988D44C}" srcId="{D8AB42E1-7741-4015-A95D-F4B3127B8859}" destId="{3759FFDB-9E60-4563-84D5-037A11980012}" srcOrd="1" destOrd="0" parTransId="{DDE8AE13-5F35-446E-9831-4691796E042C}" sibTransId="{3136BFE8-A1A7-4A5A-8D29-ACD4B08471B8}"/>
    <dgm:cxn modelId="{64C6DCDF-A42E-4028-B208-866E8A8CBFBC}" srcId="{8E3B1357-A24A-4C5B-85C9-94C497C97F9E}" destId="{35DB9F0A-8901-4FA8-A604-6F4232F3B9D5}" srcOrd="0" destOrd="0" parTransId="{DE3BCCA5-281B-43FD-8C29-A384C89FF14B}" sibTransId="{48C4FA30-FD89-438B-AFA5-CE64C23E973A}"/>
    <dgm:cxn modelId="{8A3B3C87-049E-4D3A-AE08-471107E419A9}" srcId="{D8AB42E1-7741-4015-A95D-F4B3127B8859}" destId="{F6CDE650-BBE1-4EBA-B170-73BA269498A2}" srcOrd="0" destOrd="0" parTransId="{DCF2FAAF-86F7-410F-8C0A-ED1BA9D4DC6A}" sibTransId="{D25E8B36-0B97-42D4-88F5-2EC819451950}"/>
    <dgm:cxn modelId="{F133A101-3FDB-468D-AEF7-199CE40678BB}" type="presOf" srcId="{D8AB42E1-7741-4015-A95D-F4B3127B8859}" destId="{56CA6E41-EE94-42FD-97C0-666F63C29C8D}" srcOrd="0" destOrd="0" presId="urn:microsoft.com/office/officeart/2005/8/layout/vList5"/>
    <dgm:cxn modelId="{2E339C61-7C76-44DA-93B8-D237A0D6CED0}" srcId="{8E3B1357-A24A-4C5B-85C9-94C497C97F9E}" destId="{0F909731-414B-497D-81E1-6DBE2A5D4DC2}" srcOrd="3" destOrd="0" parTransId="{91D1C809-C116-465D-A780-88A676F685A9}" sibTransId="{02070CD0-FEA6-4787-9ED9-1A2CF2A4D3D2}"/>
    <dgm:cxn modelId="{B5CE6B56-5E66-4FC1-805E-217729228570}" type="presOf" srcId="{37066744-59FC-4D09-945E-28636C0BD71F}" destId="{DD4AB14C-BCFD-40C0-AA47-CCC0906679B2}" srcOrd="0" destOrd="0" presId="urn:microsoft.com/office/officeart/2005/8/layout/vList5"/>
    <dgm:cxn modelId="{22D5F568-9D8D-46D6-92AD-06459992861B}" srcId="{FC380736-8067-4B84-A934-93E29DDFF3EA}" destId="{3865F780-455A-4741-B7FF-09616952C648}" srcOrd="2" destOrd="0" parTransId="{B104B819-7BC8-4948-B239-BA6A2ED7AFB1}" sibTransId="{34EB643E-D2B4-40BD-937A-85DC06C5031C}"/>
    <dgm:cxn modelId="{49699ECE-14FB-4132-8712-81AFDE8FF768}" srcId="{8E3B1357-A24A-4C5B-85C9-94C497C97F9E}" destId="{EFCBE6E8-93C5-4E8F-80BA-F8FCC3B9B239}" srcOrd="1" destOrd="0" parTransId="{B0BD20EA-AE88-4A70-AA5F-723CE38D6B93}" sibTransId="{91019051-CB35-40CE-B6E3-49E2773A953D}"/>
    <dgm:cxn modelId="{D17EDAB8-A74A-4F58-84EC-41A320E5ADAE}" srcId="{FC380736-8067-4B84-A934-93E29DDFF3EA}" destId="{8E3B1357-A24A-4C5B-85C9-94C497C97F9E}" srcOrd="3" destOrd="0" parTransId="{2DF7EB74-C234-42DF-84CB-8C0B142976E4}" sibTransId="{884D9146-2108-4D14-8E68-C6A3F055EE13}"/>
    <dgm:cxn modelId="{DB747A48-CAFE-49D5-A67C-66B250834C7C}" srcId="{3865F780-455A-4741-B7FF-09616952C648}" destId="{A5E8D9BC-52BA-497C-81C1-00943C3C5516}" srcOrd="1" destOrd="0" parTransId="{C564646D-4EF1-466C-97DB-F13582127F0B}" sibTransId="{BCC99F7E-EF4F-46BC-BDC3-CECC9B0AB2D8}"/>
    <dgm:cxn modelId="{CF295D6E-0438-49C4-84FE-214D0A094B92}" type="presOf" srcId="{EFCBE6E8-93C5-4E8F-80BA-F8FCC3B9B239}" destId="{D916D92C-9198-4479-8E83-3BCF7331C608}" srcOrd="0" destOrd="1" presId="urn:microsoft.com/office/officeart/2005/8/layout/vList5"/>
    <dgm:cxn modelId="{BBBBBAF2-F23E-43D9-BBCA-3E51D974DC25}" type="presOf" srcId="{3759FFDB-9E60-4563-84D5-037A11980012}" destId="{03AC8F95-416B-4A2B-884C-8111C13FBB2C}" srcOrd="0" destOrd="1" presId="urn:microsoft.com/office/officeart/2005/8/layout/vList5"/>
    <dgm:cxn modelId="{78B5FA76-9BB9-4C13-A16B-C8865F2F89F6}" type="presOf" srcId="{191F9D67-8C1E-4104-91A0-28A1BC5CF7EE}" destId="{0556B018-F534-4DD1-AE17-1A4F321AE5CE}" srcOrd="0" destOrd="0" presId="urn:microsoft.com/office/officeart/2005/8/layout/vList5"/>
    <dgm:cxn modelId="{D1BEFCF1-FEBD-450E-A3CA-5D2085749AA9}" type="presOf" srcId="{81D8AD41-2694-4182-B6DF-5ED12E9898A2}" destId="{03AC8F95-416B-4A2B-884C-8111C13FBB2C}" srcOrd="0" destOrd="2" presId="urn:microsoft.com/office/officeart/2005/8/layout/vList5"/>
    <dgm:cxn modelId="{4A71286A-91B0-406F-B8C1-A1556B3EFCFA}" srcId="{3865F780-455A-4741-B7FF-09616952C648}" destId="{191F9D67-8C1E-4104-91A0-28A1BC5CF7EE}" srcOrd="0" destOrd="0" parTransId="{0A4D4728-1F00-40D7-9457-26D258DE2779}" sibTransId="{01213F0B-5F71-481D-A07B-0986B6E768E1}"/>
    <dgm:cxn modelId="{B752DD69-9A57-447E-9FF5-00ED007F454D}" type="presParOf" srcId="{87851BFC-ECFA-420F-94BA-A676CF6CBF36}" destId="{E3E3C920-F5C1-497A-AF43-5D91F537E630}" srcOrd="0" destOrd="0" presId="urn:microsoft.com/office/officeart/2005/8/layout/vList5"/>
    <dgm:cxn modelId="{365B7F71-E99C-4BCE-9CC4-E85364D1026F}" type="presParOf" srcId="{E3E3C920-F5C1-497A-AF43-5D91F537E630}" destId="{F18EA28F-6F0F-420F-B206-BFA3D3F7C74E}" srcOrd="0" destOrd="0" presId="urn:microsoft.com/office/officeart/2005/8/layout/vList5"/>
    <dgm:cxn modelId="{86C091B6-0411-47E7-80AD-9D016A4F7669}" type="presParOf" srcId="{E3E3C920-F5C1-497A-AF43-5D91F537E630}" destId="{172053C3-43EF-493D-AD46-C0C41CE40612}" srcOrd="1" destOrd="0" presId="urn:microsoft.com/office/officeart/2005/8/layout/vList5"/>
    <dgm:cxn modelId="{21A210FD-F880-403E-9954-1F7D1D65E5EB}" type="presParOf" srcId="{87851BFC-ECFA-420F-94BA-A676CF6CBF36}" destId="{B9046E08-F6CA-447C-8419-D82B48424263}" srcOrd="1" destOrd="0" presId="urn:microsoft.com/office/officeart/2005/8/layout/vList5"/>
    <dgm:cxn modelId="{6645670B-F0FA-4220-9D1F-873E6B97F065}" type="presParOf" srcId="{87851BFC-ECFA-420F-94BA-A676CF6CBF36}" destId="{FD5FD7BF-91F0-4444-B6B6-93ED2CC5D9CD}" srcOrd="2" destOrd="0" presId="urn:microsoft.com/office/officeart/2005/8/layout/vList5"/>
    <dgm:cxn modelId="{A50FD048-1622-40E0-A17F-86CE160F6FBD}" type="presParOf" srcId="{FD5FD7BF-91F0-4444-B6B6-93ED2CC5D9CD}" destId="{56CA6E41-EE94-42FD-97C0-666F63C29C8D}" srcOrd="0" destOrd="0" presId="urn:microsoft.com/office/officeart/2005/8/layout/vList5"/>
    <dgm:cxn modelId="{B78C53FE-24D4-4E8F-BCFA-CAA2CF756D25}" type="presParOf" srcId="{FD5FD7BF-91F0-4444-B6B6-93ED2CC5D9CD}" destId="{03AC8F95-416B-4A2B-884C-8111C13FBB2C}" srcOrd="1" destOrd="0" presId="urn:microsoft.com/office/officeart/2005/8/layout/vList5"/>
    <dgm:cxn modelId="{BFCD130B-6EC3-4F52-9DDC-284AD903ED9B}" type="presParOf" srcId="{87851BFC-ECFA-420F-94BA-A676CF6CBF36}" destId="{86BBFDA2-ED6C-4191-8DBC-D8BF6084F5FF}" srcOrd="3" destOrd="0" presId="urn:microsoft.com/office/officeart/2005/8/layout/vList5"/>
    <dgm:cxn modelId="{2367FF04-8B09-4154-A4F5-900D3405584C}" type="presParOf" srcId="{87851BFC-ECFA-420F-94BA-A676CF6CBF36}" destId="{BDE823B7-08B0-405B-9C05-6C0A6F83C61C}" srcOrd="4" destOrd="0" presId="urn:microsoft.com/office/officeart/2005/8/layout/vList5"/>
    <dgm:cxn modelId="{CEC8A8ED-5542-4110-9DEB-FF59B706B2FB}" type="presParOf" srcId="{BDE823B7-08B0-405B-9C05-6C0A6F83C61C}" destId="{487E54AE-2F97-4D3A-8284-DBA855A391BF}" srcOrd="0" destOrd="0" presId="urn:microsoft.com/office/officeart/2005/8/layout/vList5"/>
    <dgm:cxn modelId="{FDE6DA80-57FD-4988-932B-33C2C6ADD567}" type="presParOf" srcId="{BDE823B7-08B0-405B-9C05-6C0A6F83C61C}" destId="{0556B018-F534-4DD1-AE17-1A4F321AE5CE}" srcOrd="1" destOrd="0" presId="urn:microsoft.com/office/officeart/2005/8/layout/vList5"/>
    <dgm:cxn modelId="{1258C496-16BB-40FF-BB1A-06BF53FBE89C}" type="presParOf" srcId="{87851BFC-ECFA-420F-94BA-A676CF6CBF36}" destId="{6F048FB7-48D0-4B27-ABCD-5BA25B3717C2}" srcOrd="5" destOrd="0" presId="urn:microsoft.com/office/officeart/2005/8/layout/vList5"/>
    <dgm:cxn modelId="{80C081CF-12BF-4D67-B661-C4FCA9D06468}" type="presParOf" srcId="{87851BFC-ECFA-420F-94BA-A676CF6CBF36}" destId="{F452ADC8-7D98-4252-853B-3B0CFB531E6D}" srcOrd="6" destOrd="0" presId="urn:microsoft.com/office/officeart/2005/8/layout/vList5"/>
    <dgm:cxn modelId="{D807F0F1-BE16-4BA4-86A5-00D813D26900}" type="presParOf" srcId="{F452ADC8-7D98-4252-853B-3B0CFB531E6D}" destId="{7025729C-6720-401D-A2E7-748ED4FA7F1E}" srcOrd="0" destOrd="0" presId="urn:microsoft.com/office/officeart/2005/8/layout/vList5"/>
    <dgm:cxn modelId="{A8C785B5-DED3-4612-B6C2-110B423B9513}" type="presParOf" srcId="{F452ADC8-7D98-4252-853B-3B0CFB531E6D}" destId="{D916D92C-9198-4479-8E83-3BCF7331C608}" srcOrd="1" destOrd="0" presId="urn:microsoft.com/office/officeart/2005/8/layout/vList5"/>
    <dgm:cxn modelId="{58D53821-B865-4D67-8219-22484BFE8010}" type="presParOf" srcId="{87851BFC-ECFA-420F-94BA-A676CF6CBF36}" destId="{10A520D2-3CF0-470A-A6AC-F6AFA8E51BC4}" srcOrd="7" destOrd="0" presId="urn:microsoft.com/office/officeart/2005/8/layout/vList5"/>
    <dgm:cxn modelId="{E90683C7-BD09-40B8-8971-03586B1C0BD0}" type="presParOf" srcId="{87851BFC-ECFA-420F-94BA-A676CF6CBF36}" destId="{1683FF63-3DA4-4FD2-A161-75957EA9EDF1}" srcOrd="8" destOrd="0" presId="urn:microsoft.com/office/officeart/2005/8/layout/vList5"/>
    <dgm:cxn modelId="{DA2858E7-4DA3-471C-97CC-03678D2F9F28}" type="presParOf" srcId="{1683FF63-3DA4-4FD2-A161-75957EA9EDF1}" destId="{DD4AB14C-BCFD-40C0-AA47-CCC0906679B2}" srcOrd="0" destOrd="0" presId="urn:microsoft.com/office/officeart/2005/8/layout/vList5"/>
    <dgm:cxn modelId="{778D5780-0D81-4B9F-9DBB-17C414266BE1}" type="presParOf" srcId="{1683FF63-3DA4-4FD2-A161-75957EA9EDF1}" destId="{35352CB1-2E3D-42FD-8C1A-F9F23E82F248}"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2053C3-43EF-493D-AD46-C0C41CE40612}">
      <dsp:nvSpPr>
        <dsp:cNvPr id="0" name=""/>
        <dsp:cNvSpPr/>
      </dsp:nvSpPr>
      <dsp:spPr>
        <a:xfrm rot="5400000">
          <a:off x="5085971" y="-2664311"/>
          <a:ext cx="866571" cy="6385591"/>
        </a:xfrm>
        <a:prstGeom prst="round2SameRect">
          <a:avLst/>
        </a:prstGeom>
        <a:solidFill>
          <a:schemeClr val="accent5"/>
        </a:solidFill>
        <a:ln w="55000" cap="flat" cmpd="thickThin" algn="ctr">
          <a:solidFill>
            <a:schemeClr val="accent5">
              <a:shade val="50000"/>
            </a:schemeClr>
          </a:solidFill>
          <a:prstDash val="solid"/>
        </a:ln>
        <a:effectLst/>
      </dsp:spPr>
      <dsp:style>
        <a:lnRef idx="2">
          <a:schemeClr val="accent5">
            <a:shade val="50000"/>
          </a:schemeClr>
        </a:lnRef>
        <a:fillRef idx="1">
          <a:schemeClr val="accent5"/>
        </a:fillRef>
        <a:effectRef idx="0">
          <a:schemeClr val="accent5"/>
        </a:effectRef>
        <a:fontRef idx="minor">
          <a:schemeClr val="lt1"/>
        </a:fontRef>
      </dsp:style>
      <dsp:txBody>
        <a:bodyPr spcFirstLastPara="0" vert="horz" wrap="square" lIns="247650" tIns="123825" rIns="247650" bIns="123825" numCol="1" spcCol="1270" anchor="ctr" anchorCtr="0">
          <a:noAutofit/>
        </a:bodyPr>
        <a:lstStyle/>
        <a:p>
          <a:pPr marL="228600" lvl="1" indent="-228600" algn="l" defTabSz="977900">
            <a:lnSpc>
              <a:spcPct val="90000"/>
            </a:lnSpc>
            <a:spcBef>
              <a:spcPct val="0"/>
            </a:spcBef>
            <a:spcAft>
              <a:spcPts val="0"/>
            </a:spcAft>
            <a:buChar char="••"/>
          </a:pPr>
          <a:r>
            <a:rPr lang="en-US" sz="2200" b="1" kern="1200" dirty="0" smtClean="0">
              <a:solidFill>
                <a:schemeClr val="tx1"/>
              </a:solidFill>
            </a:rPr>
            <a:t>Various seawater barriers </a:t>
          </a:r>
          <a:br>
            <a:rPr lang="en-US" sz="2200" b="1" kern="1200" dirty="0" smtClean="0">
              <a:solidFill>
                <a:schemeClr val="tx1"/>
              </a:solidFill>
            </a:rPr>
          </a:br>
          <a:r>
            <a:rPr lang="en-US" sz="2200" b="1" kern="1200" dirty="0" smtClean="0">
              <a:solidFill>
                <a:schemeClr val="tx1"/>
              </a:solidFill>
            </a:rPr>
            <a:t>(Biemond Plan, Reber Plan, etc.)</a:t>
          </a:r>
          <a:endParaRPr lang="en-US" sz="2200" b="1" kern="1200" dirty="0">
            <a:solidFill>
              <a:schemeClr val="tx1"/>
            </a:solidFill>
          </a:endParaRPr>
        </a:p>
      </dsp:txBody>
      <dsp:txXfrm rot="-5400000">
        <a:off x="2326462" y="137501"/>
        <a:ext cx="6343288" cy="781965"/>
      </dsp:txXfrm>
    </dsp:sp>
    <dsp:sp modelId="{F18EA28F-6F0F-420F-B206-BFA3D3F7C74E}">
      <dsp:nvSpPr>
        <dsp:cNvPr id="0" name=""/>
        <dsp:cNvSpPr/>
      </dsp:nvSpPr>
      <dsp:spPr>
        <a:xfrm>
          <a:off x="1481" y="19"/>
          <a:ext cx="2373202" cy="1056928"/>
        </a:xfrm>
        <a:prstGeom prst="roundRect">
          <a:avLst/>
        </a:prstGeom>
        <a:solidFill>
          <a:schemeClr val="accent5">
            <a:lumMod val="50000"/>
          </a:schemeClr>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dsp:spPr>
      <dsp:style>
        <a:lnRef idx="0">
          <a:schemeClr val="accent2"/>
        </a:lnRef>
        <a:fillRef idx="3">
          <a:schemeClr val="accent2"/>
        </a:fillRef>
        <a:effectRef idx="3">
          <a:schemeClr val="accent2"/>
        </a:effectRef>
        <a:fontRef idx="minor">
          <a:schemeClr val="lt1"/>
        </a:fontRef>
      </dsp:style>
      <dsp:txBody>
        <a:bodyPr spcFirstLastPara="0" vert="horz" wrap="square" lIns="83820" tIns="41910" rIns="83820" bIns="41910" numCol="1" spcCol="1270" anchor="ctr" anchorCtr="0">
          <a:noAutofit/>
        </a:bodyPr>
        <a:lstStyle/>
        <a:p>
          <a:pPr lvl="0" algn="ctr" defTabSz="977900">
            <a:lnSpc>
              <a:spcPct val="90000"/>
            </a:lnSpc>
            <a:spcBef>
              <a:spcPct val="0"/>
            </a:spcBef>
            <a:spcAft>
              <a:spcPct val="35000"/>
            </a:spcAft>
          </a:pPr>
          <a:r>
            <a:rPr lang="en-US" sz="2200" b="1" kern="1200" dirty="0" smtClean="0">
              <a:solidFill>
                <a:schemeClr val="tx1"/>
              </a:solidFill>
            </a:rPr>
            <a:t>1930-50s</a:t>
          </a:r>
          <a:endParaRPr lang="en-US" sz="2200" b="1" kern="1200" dirty="0">
            <a:solidFill>
              <a:schemeClr val="tx1"/>
            </a:solidFill>
          </a:endParaRPr>
        </a:p>
      </dsp:txBody>
      <dsp:txXfrm>
        <a:off x="53076" y="51614"/>
        <a:ext cx="2270012" cy="953738"/>
      </dsp:txXfrm>
    </dsp:sp>
    <dsp:sp modelId="{03AC8F95-416B-4A2B-884C-8111C13FBB2C}">
      <dsp:nvSpPr>
        <dsp:cNvPr id="0" name=""/>
        <dsp:cNvSpPr/>
      </dsp:nvSpPr>
      <dsp:spPr>
        <a:xfrm rot="5400000">
          <a:off x="5096882" y="-1467781"/>
          <a:ext cx="915889" cy="6384362"/>
        </a:xfrm>
        <a:prstGeom prst="round2SameRect">
          <a:avLst/>
        </a:prstGeom>
        <a:solidFill>
          <a:schemeClr val="accent3">
            <a:lumMod val="75000"/>
          </a:schemeClr>
        </a:solidFill>
        <a:ln w="55000" cap="flat" cmpd="thickThin" algn="ctr">
          <a:solidFill>
            <a:schemeClr val="accent3">
              <a:shade val="50000"/>
            </a:schemeClr>
          </a:solidFill>
          <a:prstDash val="solid"/>
        </a:ln>
        <a:effectLst/>
      </dsp:spPr>
      <dsp:style>
        <a:lnRef idx="2">
          <a:schemeClr val="accent3">
            <a:shade val="50000"/>
          </a:schemeClr>
        </a:lnRef>
        <a:fillRef idx="1">
          <a:schemeClr val="accent3"/>
        </a:fillRef>
        <a:effectRef idx="0">
          <a:schemeClr val="accent3"/>
        </a:effectRef>
        <a:fontRef idx="minor">
          <a:schemeClr val="lt1"/>
        </a:fontRef>
      </dsp:style>
      <dsp:txBody>
        <a:bodyPr spcFirstLastPara="0" vert="horz" wrap="square" lIns="247650" tIns="123825" rIns="247650" bIns="123825" numCol="1" spcCol="1270" anchor="ctr" anchorCtr="0">
          <a:noAutofit/>
        </a:bodyPr>
        <a:lstStyle/>
        <a:p>
          <a:pPr marL="228600" lvl="1" indent="-228600" algn="l" defTabSz="977900">
            <a:lnSpc>
              <a:spcPct val="90000"/>
            </a:lnSpc>
            <a:spcBef>
              <a:spcPct val="0"/>
            </a:spcBef>
            <a:spcAft>
              <a:spcPts val="0"/>
            </a:spcAft>
            <a:buChar char="••"/>
          </a:pPr>
          <a:r>
            <a:rPr lang="en-US" sz="2200" b="1" kern="1200" dirty="0" smtClean="0">
              <a:solidFill>
                <a:schemeClr val="tx1"/>
              </a:solidFill>
            </a:rPr>
            <a:t>Chipps Island barrier</a:t>
          </a:r>
          <a:endParaRPr lang="en-US" sz="2200" b="1" kern="1200" dirty="0">
            <a:solidFill>
              <a:schemeClr val="tx1"/>
            </a:solidFill>
          </a:endParaRPr>
        </a:p>
        <a:p>
          <a:pPr marL="228600" lvl="1" indent="-228600" algn="l" defTabSz="977900">
            <a:lnSpc>
              <a:spcPct val="90000"/>
            </a:lnSpc>
            <a:spcBef>
              <a:spcPct val="0"/>
            </a:spcBef>
            <a:spcAft>
              <a:spcPts val="0"/>
            </a:spcAft>
            <a:buChar char="••"/>
          </a:pPr>
          <a:r>
            <a:rPr lang="en-US" sz="2200" b="1" kern="1200" dirty="0" smtClean="0">
              <a:solidFill>
                <a:schemeClr val="tx1"/>
              </a:solidFill>
            </a:rPr>
            <a:t>Peripheral canal (21,800 cfs)</a:t>
          </a:r>
          <a:endParaRPr lang="en-US" sz="2200" b="1" kern="1200" dirty="0">
            <a:solidFill>
              <a:schemeClr val="tx1"/>
            </a:solidFill>
          </a:endParaRPr>
        </a:p>
        <a:p>
          <a:pPr marL="228600" lvl="1" indent="-228600" algn="l" defTabSz="977900">
            <a:lnSpc>
              <a:spcPct val="90000"/>
            </a:lnSpc>
            <a:spcBef>
              <a:spcPct val="0"/>
            </a:spcBef>
            <a:spcAft>
              <a:spcPts val="0"/>
            </a:spcAft>
            <a:buChar char="••"/>
          </a:pPr>
          <a:r>
            <a:rPr lang="en-US" sz="2200" b="1" kern="1200" dirty="0" smtClean="0">
              <a:solidFill>
                <a:schemeClr val="tx1"/>
              </a:solidFill>
            </a:rPr>
            <a:t>Through-Delta</a:t>
          </a:r>
          <a:endParaRPr lang="en-US" sz="2200" b="1" kern="1200" dirty="0">
            <a:solidFill>
              <a:schemeClr val="tx1"/>
            </a:solidFill>
          </a:endParaRPr>
        </a:p>
      </dsp:txBody>
      <dsp:txXfrm rot="-5400000">
        <a:off x="2362646" y="1311165"/>
        <a:ext cx="6339652" cy="826469"/>
      </dsp:txXfrm>
    </dsp:sp>
    <dsp:sp modelId="{56CA6E41-EE94-42FD-97C0-666F63C29C8D}">
      <dsp:nvSpPr>
        <dsp:cNvPr id="0" name=""/>
        <dsp:cNvSpPr/>
      </dsp:nvSpPr>
      <dsp:spPr>
        <a:xfrm>
          <a:off x="1481" y="1117625"/>
          <a:ext cx="2373189" cy="1213549"/>
        </a:xfrm>
        <a:prstGeom prst="roundRect">
          <a:avLst/>
        </a:prstGeom>
        <a:gradFill rotWithShape="1">
          <a:gsLst>
            <a:gs pos="0">
              <a:schemeClr val="accent3">
                <a:shade val="15000"/>
                <a:satMod val="180000"/>
              </a:schemeClr>
            </a:gs>
            <a:gs pos="50000">
              <a:schemeClr val="accent3">
                <a:shade val="45000"/>
                <a:satMod val="170000"/>
              </a:schemeClr>
            </a:gs>
            <a:gs pos="70000">
              <a:schemeClr val="accent3">
                <a:tint val="99000"/>
                <a:shade val="65000"/>
                <a:satMod val="155000"/>
              </a:schemeClr>
            </a:gs>
            <a:gs pos="100000">
              <a:schemeClr val="accent3">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3">
              <a:satMod val="300000"/>
            </a:schemeClr>
          </a:contourClr>
        </a:sp3d>
      </dsp:spPr>
      <dsp:style>
        <a:lnRef idx="0">
          <a:schemeClr val="accent3"/>
        </a:lnRef>
        <a:fillRef idx="3">
          <a:schemeClr val="accent3"/>
        </a:fillRef>
        <a:effectRef idx="3">
          <a:schemeClr val="accent3"/>
        </a:effectRef>
        <a:fontRef idx="minor">
          <a:schemeClr val="lt1"/>
        </a:fontRef>
      </dsp:style>
      <dsp:txBody>
        <a:bodyPr spcFirstLastPara="0" vert="horz" wrap="square" lIns="83820" tIns="41910" rIns="83820" bIns="41910" numCol="1" spcCol="1270" anchor="ctr" anchorCtr="0">
          <a:noAutofit/>
        </a:bodyPr>
        <a:lstStyle/>
        <a:p>
          <a:pPr lvl="0" algn="ctr" defTabSz="977900">
            <a:lnSpc>
              <a:spcPct val="90000"/>
            </a:lnSpc>
            <a:spcBef>
              <a:spcPct val="0"/>
            </a:spcBef>
            <a:spcAft>
              <a:spcPct val="35000"/>
            </a:spcAft>
          </a:pPr>
          <a:r>
            <a:rPr lang="en-US" sz="2200" b="1" kern="1200" dirty="0" smtClean="0">
              <a:solidFill>
                <a:schemeClr val="tx1"/>
              </a:solidFill>
            </a:rPr>
            <a:t>1960-70s</a:t>
          </a:r>
          <a:endParaRPr lang="en-US" sz="2200" b="1" kern="1200" dirty="0">
            <a:solidFill>
              <a:schemeClr val="tx1"/>
            </a:solidFill>
          </a:endParaRPr>
        </a:p>
      </dsp:txBody>
      <dsp:txXfrm>
        <a:off x="60722" y="1176866"/>
        <a:ext cx="2254707" cy="1095067"/>
      </dsp:txXfrm>
    </dsp:sp>
    <dsp:sp modelId="{0556B018-F534-4DD1-AE17-1A4F321AE5CE}">
      <dsp:nvSpPr>
        <dsp:cNvPr id="0" name=""/>
        <dsp:cNvSpPr/>
      </dsp:nvSpPr>
      <dsp:spPr>
        <a:xfrm rot="5400000">
          <a:off x="5170097" y="-312826"/>
          <a:ext cx="792641" cy="6383496"/>
        </a:xfrm>
        <a:prstGeom prst="round2SameRect">
          <a:avLst/>
        </a:prstGeom>
        <a:solidFill>
          <a:schemeClr val="accent4">
            <a:lumMod val="75000"/>
          </a:schemeClr>
        </a:solidFill>
        <a:ln w="55000" cap="flat" cmpd="thickThin" algn="ctr">
          <a:solidFill>
            <a:schemeClr val="accent4">
              <a:shade val="50000"/>
            </a:schemeClr>
          </a:solidFill>
          <a:prstDash val="solid"/>
        </a:ln>
        <a:effectLst/>
      </dsp:spPr>
      <dsp:style>
        <a:lnRef idx="2">
          <a:schemeClr val="accent4">
            <a:shade val="50000"/>
          </a:schemeClr>
        </a:lnRef>
        <a:fillRef idx="1">
          <a:schemeClr val="accent4"/>
        </a:fillRef>
        <a:effectRef idx="0">
          <a:schemeClr val="accent4"/>
        </a:effectRef>
        <a:fontRef idx="minor">
          <a:schemeClr val="lt1"/>
        </a:fontRef>
      </dsp:style>
      <dsp:txBody>
        <a:bodyPr spcFirstLastPara="0" vert="horz" wrap="square" lIns="247650" tIns="123825" rIns="247650" bIns="123825" numCol="1" spcCol="1270" anchor="ctr" anchorCtr="0">
          <a:noAutofit/>
        </a:bodyPr>
        <a:lstStyle/>
        <a:p>
          <a:pPr marL="228600" lvl="1" indent="-228600" algn="l" defTabSz="977900">
            <a:lnSpc>
              <a:spcPct val="90000"/>
            </a:lnSpc>
            <a:spcBef>
              <a:spcPct val="0"/>
            </a:spcBef>
            <a:spcAft>
              <a:spcPts val="0"/>
            </a:spcAft>
            <a:buChar char="••"/>
          </a:pPr>
          <a:r>
            <a:rPr lang="en-US" sz="2200" b="1" kern="1200" dirty="0" smtClean="0">
              <a:solidFill>
                <a:schemeClr val="tx1"/>
              </a:solidFill>
            </a:rPr>
            <a:t>Peripheral canal + SB200</a:t>
          </a:r>
          <a:endParaRPr lang="en-US" sz="2200" b="1" kern="1200" dirty="0">
            <a:solidFill>
              <a:schemeClr val="tx1"/>
            </a:solidFill>
          </a:endParaRPr>
        </a:p>
        <a:p>
          <a:pPr marL="228600" lvl="1" indent="-228600" algn="l" defTabSz="977900">
            <a:lnSpc>
              <a:spcPct val="90000"/>
            </a:lnSpc>
            <a:spcBef>
              <a:spcPct val="0"/>
            </a:spcBef>
            <a:spcAft>
              <a:spcPts val="0"/>
            </a:spcAft>
            <a:buChar char="••"/>
          </a:pPr>
          <a:r>
            <a:rPr lang="en-US" sz="2200" b="1" kern="1200" dirty="0" smtClean="0">
              <a:solidFill>
                <a:schemeClr val="tx1"/>
              </a:solidFill>
            </a:rPr>
            <a:t>Duke’s Ditch (Through-Delta)</a:t>
          </a:r>
          <a:endParaRPr lang="en-US" sz="2200" b="1" kern="1200" dirty="0">
            <a:solidFill>
              <a:schemeClr val="tx1"/>
            </a:solidFill>
          </a:endParaRPr>
        </a:p>
      </dsp:txBody>
      <dsp:txXfrm rot="-5400000">
        <a:off x="2374670" y="2521295"/>
        <a:ext cx="6344802" cy="715253"/>
      </dsp:txXfrm>
    </dsp:sp>
    <dsp:sp modelId="{487E54AE-2F97-4D3A-8284-DBA855A391BF}">
      <dsp:nvSpPr>
        <dsp:cNvPr id="0" name=""/>
        <dsp:cNvSpPr/>
      </dsp:nvSpPr>
      <dsp:spPr>
        <a:xfrm>
          <a:off x="1481" y="2391852"/>
          <a:ext cx="2373188" cy="974140"/>
        </a:xfrm>
        <a:prstGeom prst="roundRect">
          <a:avLst/>
        </a:prstGeom>
        <a:gradFill rotWithShape="1">
          <a:gsLst>
            <a:gs pos="0">
              <a:schemeClr val="accent4">
                <a:shade val="15000"/>
                <a:satMod val="180000"/>
              </a:schemeClr>
            </a:gs>
            <a:gs pos="50000">
              <a:schemeClr val="accent4">
                <a:shade val="45000"/>
                <a:satMod val="170000"/>
              </a:schemeClr>
            </a:gs>
            <a:gs pos="70000">
              <a:schemeClr val="accent4">
                <a:tint val="99000"/>
                <a:shade val="65000"/>
                <a:satMod val="155000"/>
              </a:schemeClr>
            </a:gs>
            <a:gs pos="100000">
              <a:schemeClr val="accent4">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4">
              <a:satMod val="300000"/>
            </a:schemeClr>
          </a:contourClr>
        </a:sp3d>
      </dsp:spPr>
      <dsp:style>
        <a:lnRef idx="0">
          <a:schemeClr val="accent4"/>
        </a:lnRef>
        <a:fillRef idx="3">
          <a:schemeClr val="accent4"/>
        </a:fillRef>
        <a:effectRef idx="3">
          <a:schemeClr val="accent4"/>
        </a:effectRef>
        <a:fontRef idx="minor">
          <a:schemeClr val="lt1"/>
        </a:fontRef>
      </dsp:style>
      <dsp:txBody>
        <a:bodyPr spcFirstLastPara="0" vert="horz" wrap="square" lIns="83820" tIns="41910" rIns="83820" bIns="41910" numCol="1" spcCol="1270" anchor="ctr" anchorCtr="0">
          <a:noAutofit/>
        </a:bodyPr>
        <a:lstStyle/>
        <a:p>
          <a:pPr lvl="0" algn="ctr" defTabSz="977900">
            <a:lnSpc>
              <a:spcPct val="90000"/>
            </a:lnSpc>
            <a:spcBef>
              <a:spcPct val="0"/>
            </a:spcBef>
            <a:spcAft>
              <a:spcPct val="35000"/>
            </a:spcAft>
          </a:pPr>
          <a:r>
            <a:rPr lang="en-US" sz="2200" b="1" kern="1200" dirty="0" smtClean="0">
              <a:solidFill>
                <a:schemeClr val="tx1"/>
              </a:solidFill>
            </a:rPr>
            <a:t>1980s</a:t>
          </a:r>
          <a:endParaRPr lang="en-US" sz="2200" b="1" kern="1200" dirty="0">
            <a:solidFill>
              <a:schemeClr val="tx1"/>
            </a:solidFill>
          </a:endParaRPr>
        </a:p>
      </dsp:txBody>
      <dsp:txXfrm>
        <a:off x="49035" y="2439406"/>
        <a:ext cx="2278080" cy="879032"/>
      </dsp:txXfrm>
    </dsp:sp>
    <dsp:sp modelId="{D916D92C-9198-4479-8E83-3BCF7331C608}">
      <dsp:nvSpPr>
        <dsp:cNvPr id="0" name=""/>
        <dsp:cNvSpPr/>
      </dsp:nvSpPr>
      <dsp:spPr>
        <a:xfrm rot="5400000">
          <a:off x="4856223" y="995417"/>
          <a:ext cx="1342263" cy="6384198"/>
        </a:xfrm>
        <a:prstGeom prst="round2SameRect">
          <a:avLst/>
        </a:prstGeom>
        <a:solidFill>
          <a:schemeClr val="accent6"/>
        </a:solidFill>
        <a:ln w="55000" cap="flat" cmpd="thickThin" algn="ctr">
          <a:solidFill>
            <a:schemeClr val="accent6">
              <a:shade val="50000"/>
            </a:schemeClr>
          </a:solidFill>
          <a:prstDash val="solid"/>
        </a:ln>
        <a:effectLst/>
      </dsp:spPr>
      <dsp:style>
        <a:lnRef idx="2">
          <a:schemeClr val="accent6">
            <a:shade val="50000"/>
          </a:schemeClr>
        </a:lnRef>
        <a:fillRef idx="1">
          <a:schemeClr val="accent6"/>
        </a:fillRef>
        <a:effectRef idx="0">
          <a:schemeClr val="accent6"/>
        </a:effectRef>
        <a:fontRef idx="minor">
          <a:schemeClr val="lt1"/>
        </a:fontRef>
      </dsp:style>
      <dsp:txBody>
        <a:bodyPr spcFirstLastPara="0" vert="horz" wrap="square" lIns="247650" tIns="123825" rIns="247650" bIns="123825" numCol="1" spcCol="1270" anchor="ctr" anchorCtr="0">
          <a:noAutofit/>
        </a:bodyPr>
        <a:lstStyle/>
        <a:p>
          <a:pPr marL="228600" lvl="1" indent="-228600" algn="l" defTabSz="977900">
            <a:lnSpc>
              <a:spcPct val="90000"/>
            </a:lnSpc>
            <a:spcBef>
              <a:spcPct val="0"/>
            </a:spcBef>
            <a:spcAft>
              <a:spcPts val="0"/>
            </a:spcAft>
            <a:buChar char="••"/>
          </a:pPr>
          <a:r>
            <a:rPr lang="en-US" sz="2200" b="1" kern="1200" dirty="0" smtClean="0">
              <a:solidFill>
                <a:schemeClr val="tx1"/>
              </a:solidFill>
            </a:rPr>
            <a:t>South &amp; North Delta Programs</a:t>
          </a:r>
        </a:p>
        <a:p>
          <a:pPr marL="228600" lvl="1" indent="-228600" algn="l" defTabSz="977900">
            <a:lnSpc>
              <a:spcPct val="90000"/>
            </a:lnSpc>
            <a:spcBef>
              <a:spcPct val="0"/>
            </a:spcBef>
            <a:spcAft>
              <a:spcPts val="0"/>
            </a:spcAft>
            <a:buChar char="••"/>
          </a:pPr>
          <a:r>
            <a:rPr lang="en-US" sz="2200" b="1" kern="1200" dirty="0" smtClean="0">
              <a:solidFill>
                <a:schemeClr val="tx1"/>
              </a:solidFill>
            </a:rPr>
            <a:t>Bay Delta Accord</a:t>
          </a:r>
        </a:p>
        <a:p>
          <a:pPr marL="228600" lvl="1" indent="-228600" algn="l" defTabSz="977900">
            <a:lnSpc>
              <a:spcPct val="90000"/>
            </a:lnSpc>
            <a:spcBef>
              <a:spcPct val="0"/>
            </a:spcBef>
            <a:spcAft>
              <a:spcPts val="0"/>
            </a:spcAft>
            <a:buChar char="••"/>
          </a:pPr>
          <a:r>
            <a:rPr lang="en-US" sz="2200" b="1" kern="1200" dirty="0" smtClean="0">
              <a:solidFill>
                <a:schemeClr val="tx1"/>
              </a:solidFill>
            </a:rPr>
            <a:t>CALFED Plan (~ 19 alternatives, storage, etc.)</a:t>
          </a:r>
        </a:p>
        <a:p>
          <a:pPr marL="228600" lvl="1" indent="-228600" algn="l" defTabSz="977900">
            <a:lnSpc>
              <a:spcPct val="90000"/>
            </a:lnSpc>
            <a:spcBef>
              <a:spcPct val="0"/>
            </a:spcBef>
            <a:spcAft>
              <a:spcPts val="0"/>
            </a:spcAft>
            <a:buChar char="••"/>
          </a:pPr>
          <a:r>
            <a:rPr lang="en-US" sz="2200" b="1" kern="1200" dirty="0" smtClean="0">
              <a:solidFill>
                <a:schemeClr val="tx1"/>
              </a:solidFill>
            </a:rPr>
            <a:t>Post-CALFED Thru-Delta focus (&gt;26 alternatives) </a:t>
          </a:r>
        </a:p>
      </dsp:txBody>
      <dsp:txXfrm rot="-5400000">
        <a:off x="2335256" y="3581908"/>
        <a:ext cx="6318674" cy="1211215"/>
      </dsp:txXfrm>
    </dsp:sp>
    <dsp:sp modelId="{7025729C-6720-401D-A2E7-748ED4FA7F1E}">
      <dsp:nvSpPr>
        <dsp:cNvPr id="0" name=""/>
        <dsp:cNvSpPr/>
      </dsp:nvSpPr>
      <dsp:spPr>
        <a:xfrm>
          <a:off x="1481" y="3426669"/>
          <a:ext cx="2375510" cy="1521693"/>
        </a:xfrm>
        <a:prstGeom prst="roundRect">
          <a:avLst/>
        </a:prstGeom>
        <a:solidFill>
          <a:schemeClr val="accent6">
            <a:lumMod val="75000"/>
          </a:schemeClr>
        </a:soli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6">
              <a:satMod val="300000"/>
            </a:schemeClr>
          </a:contourClr>
        </a:sp3d>
      </dsp:spPr>
      <dsp:style>
        <a:lnRef idx="0">
          <a:schemeClr val="accent6"/>
        </a:lnRef>
        <a:fillRef idx="3">
          <a:schemeClr val="accent6"/>
        </a:fillRef>
        <a:effectRef idx="3">
          <a:schemeClr val="accent6"/>
        </a:effectRef>
        <a:fontRef idx="minor">
          <a:schemeClr val="lt1"/>
        </a:fontRef>
      </dsp:style>
      <dsp:txBody>
        <a:bodyPr spcFirstLastPara="0" vert="horz" wrap="square" lIns="83820" tIns="41910" rIns="83820" bIns="41910" numCol="1" spcCol="1270" anchor="ctr" anchorCtr="0">
          <a:noAutofit/>
        </a:bodyPr>
        <a:lstStyle/>
        <a:p>
          <a:pPr lvl="0" algn="ctr" defTabSz="977900">
            <a:lnSpc>
              <a:spcPct val="90000"/>
            </a:lnSpc>
            <a:spcBef>
              <a:spcPct val="0"/>
            </a:spcBef>
            <a:spcAft>
              <a:spcPct val="35000"/>
            </a:spcAft>
          </a:pPr>
          <a:r>
            <a:rPr lang="en-US" sz="2200" b="1" kern="1200" dirty="0" smtClean="0">
              <a:solidFill>
                <a:schemeClr val="tx1"/>
              </a:solidFill>
            </a:rPr>
            <a:t>1990-2000s</a:t>
          </a:r>
        </a:p>
      </dsp:txBody>
      <dsp:txXfrm>
        <a:off x="75764" y="3500952"/>
        <a:ext cx="2226944" cy="1373127"/>
      </dsp:txXfrm>
    </dsp:sp>
    <dsp:sp modelId="{35352CB1-2E3D-42FD-8C1A-F9F23E82F248}">
      <dsp:nvSpPr>
        <dsp:cNvPr id="0" name=""/>
        <dsp:cNvSpPr/>
      </dsp:nvSpPr>
      <dsp:spPr>
        <a:xfrm rot="5400000">
          <a:off x="5239135" y="2273361"/>
          <a:ext cx="657918" cy="6386847"/>
        </a:xfrm>
        <a:prstGeom prst="round2SameRect">
          <a:avLst/>
        </a:prstGeom>
        <a:solidFill>
          <a:schemeClr val="accent1">
            <a:lumMod val="75000"/>
          </a:schemeClr>
        </a:solidFill>
        <a:ln w="55000" cap="flat" cmpd="thickThin" algn="ctr">
          <a:solidFill>
            <a:schemeClr val="accent1">
              <a:shade val="50000"/>
            </a:schemeClr>
          </a:solidFill>
          <a:prstDash val="solid"/>
        </a:ln>
        <a:effectLst/>
      </dsp:spPr>
      <dsp:style>
        <a:lnRef idx="2">
          <a:schemeClr val="accent1">
            <a:shade val="50000"/>
          </a:schemeClr>
        </a:lnRef>
        <a:fillRef idx="1">
          <a:schemeClr val="accent1"/>
        </a:fillRef>
        <a:effectRef idx="0">
          <a:schemeClr val="accent1"/>
        </a:effectRef>
        <a:fontRef idx="minor">
          <a:schemeClr val="lt1"/>
        </a:fontRef>
      </dsp:style>
      <dsp:txBody>
        <a:bodyPr spcFirstLastPara="0" vert="horz" wrap="square" lIns="247650" tIns="123825" rIns="247650" bIns="123825" numCol="1" spcCol="1270" anchor="ctr" anchorCtr="0">
          <a:noAutofit/>
        </a:bodyPr>
        <a:lstStyle/>
        <a:p>
          <a:pPr marL="228600" lvl="1" indent="-228600" algn="l" defTabSz="977900">
            <a:lnSpc>
              <a:spcPct val="90000"/>
            </a:lnSpc>
            <a:spcBef>
              <a:spcPct val="0"/>
            </a:spcBef>
            <a:spcAft>
              <a:spcPts val="0"/>
            </a:spcAft>
            <a:buChar char="••"/>
          </a:pPr>
          <a:r>
            <a:rPr lang="en-US" sz="2200" b="1" kern="1200" dirty="0" smtClean="0">
              <a:solidFill>
                <a:schemeClr val="tx1"/>
              </a:solidFill>
            </a:rPr>
            <a:t>BDCP - Multiple Initially Screened &amp; 16 EIR/S Alts</a:t>
          </a:r>
        </a:p>
      </dsp:txBody>
      <dsp:txXfrm rot="-5400000">
        <a:off x="2374671" y="5169943"/>
        <a:ext cx="6354730" cy="593684"/>
      </dsp:txXfrm>
    </dsp:sp>
    <dsp:sp modelId="{DD4AB14C-BCFD-40C0-AA47-CCC0906679B2}">
      <dsp:nvSpPr>
        <dsp:cNvPr id="0" name=""/>
        <dsp:cNvSpPr/>
      </dsp:nvSpPr>
      <dsp:spPr>
        <a:xfrm>
          <a:off x="1481" y="5009040"/>
          <a:ext cx="2373189" cy="915489"/>
        </a:xfrm>
        <a:prstGeom prst="roundRect">
          <a:avLst/>
        </a:prstGeom>
        <a:gradFill rotWithShape="1">
          <a:gsLst>
            <a:gs pos="0">
              <a:schemeClr val="accent1">
                <a:shade val="15000"/>
                <a:satMod val="180000"/>
              </a:schemeClr>
            </a:gs>
            <a:gs pos="50000">
              <a:schemeClr val="accent1">
                <a:shade val="45000"/>
                <a:satMod val="170000"/>
              </a:schemeClr>
            </a:gs>
            <a:gs pos="70000">
              <a:schemeClr val="accent1">
                <a:tint val="99000"/>
                <a:shade val="65000"/>
                <a:satMod val="155000"/>
              </a:schemeClr>
            </a:gs>
            <a:gs pos="100000">
              <a:schemeClr val="accent1">
                <a:tint val="95500"/>
                <a:shade val="100000"/>
                <a:satMod val="155000"/>
              </a:schemeClr>
            </a:gs>
          </a:gsLst>
          <a:lin ang="16200000" scaled="0"/>
        </a:gradFill>
        <a:ln>
          <a:noFill/>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accent1">
              <a:satMod val="300000"/>
            </a:schemeClr>
          </a:contourClr>
        </a:sp3d>
      </dsp:spPr>
      <dsp:style>
        <a:lnRef idx="0">
          <a:schemeClr val="accent1"/>
        </a:lnRef>
        <a:fillRef idx="3">
          <a:schemeClr val="accent1"/>
        </a:fillRef>
        <a:effectRef idx="3">
          <a:schemeClr val="accent1"/>
        </a:effectRef>
        <a:fontRef idx="minor">
          <a:schemeClr val="lt1"/>
        </a:fontRef>
      </dsp:style>
      <dsp:txBody>
        <a:bodyPr spcFirstLastPara="0" vert="horz" wrap="square" lIns="83820" tIns="41910" rIns="83820" bIns="41910" numCol="1" spcCol="1270" anchor="ctr" anchorCtr="0">
          <a:noAutofit/>
        </a:bodyPr>
        <a:lstStyle/>
        <a:p>
          <a:pPr lvl="0" algn="ctr" defTabSz="977900">
            <a:lnSpc>
              <a:spcPct val="90000"/>
            </a:lnSpc>
            <a:spcBef>
              <a:spcPct val="0"/>
            </a:spcBef>
            <a:spcAft>
              <a:spcPts val="0"/>
            </a:spcAft>
          </a:pPr>
          <a:r>
            <a:rPr lang="en-US" sz="2200" b="1" kern="1200" dirty="0" smtClean="0">
              <a:solidFill>
                <a:schemeClr val="tx1"/>
              </a:solidFill>
            </a:rPr>
            <a:t>Recent</a:t>
          </a:r>
        </a:p>
      </dsp:txBody>
      <dsp:txXfrm>
        <a:off x="46171" y="5053730"/>
        <a:ext cx="2283809" cy="826109"/>
      </dsp:txXfrm>
    </dsp:sp>
  </dsp:spTree>
</dsp:drawing>
</file>

<file path=ppt/diagrams/layout1.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image" Target="../media/image26.png"/></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0.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4002299" cy="350520"/>
          </a:xfrm>
          <a:prstGeom prst="rect">
            <a:avLst/>
          </a:prstGeom>
        </p:spPr>
        <p:txBody>
          <a:bodyPr vert="horz" lIns="92414" tIns="46205" rIns="92414" bIns="46205" rtlCol="0"/>
          <a:lstStyle>
            <a:lvl1pPr algn="l">
              <a:defRPr sz="1200"/>
            </a:lvl1pPr>
          </a:lstStyle>
          <a:p>
            <a:endParaRPr lang="en-US" dirty="0"/>
          </a:p>
        </p:txBody>
      </p:sp>
      <p:sp>
        <p:nvSpPr>
          <p:cNvPr id="3" name="Date Placeholder 2"/>
          <p:cNvSpPr>
            <a:spLocks noGrp="1"/>
          </p:cNvSpPr>
          <p:nvPr>
            <p:ph type="dt" sz="quarter" idx="1"/>
          </p:nvPr>
        </p:nvSpPr>
        <p:spPr>
          <a:xfrm>
            <a:off x="5231642" y="1"/>
            <a:ext cx="4002299" cy="350520"/>
          </a:xfrm>
          <a:prstGeom prst="rect">
            <a:avLst/>
          </a:prstGeom>
        </p:spPr>
        <p:txBody>
          <a:bodyPr vert="horz" lIns="92414" tIns="46205" rIns="92414" bIns="46205" rtlCol="0"/>
          <a:lstStyle>
            <a:lvl1pPr algn="r">
              <a:defRPr sz="1200"/>
            </a:lvl1pPr>
          </a:lstStyle>
          <a:p>
            <a:fld id="{63CDD921-F719-4093-80C3-9FE760A6009A}" type="datetimeFigureOut">
              <a:rPr lang="en-US" smtClean="0"/>
              <a:pPr/>
              <a:t>4/26/2016</a:t>
            </a:fld>
            <a:endParaRPr lang="en-US" dirty="0"/>
          </a:p>
        </p:txBody>
      </p:sp>
      <p:sp>
        <p:nvSpPr>
          <p:cNvPr id="4" name="Footer Placeholder 3"/>
          <p:cNvSpPr>
            <a:spLocks noGrp="1"/>
          </p:cNvSpPr>
          <p:nvPr>
            <p:ph type="ftr" sz="quarter" idx="2"/>
          </p:nvPr>
        </p:nvSpPr>
        <p:spPr>
          <a:xfrm>
            <a:off x="0" y="6658665"/>
            <a:ext cx="4002299" cy="350520"/>
          </a:xfrm>
          <a:prstGeom prst="rect">
            <a:avLst/>
          </a:prstGeom>
        </p:spPr>
        <p:txBody>
          <a:bodyPr vert="horz" lIns="92414" tIns="46205" rIns="92414" bIns="46205" rtlCol="0" anchor="b"/>
          <a:lstStyle>
            <a:lvl1pPr algn="l">
              <a:defRPr sz="1200"/>
            </a:lvl1pPr>
          </a:lstStyle>
          <a:p>
            <a:endParaRPr lang="en-US" dirty="0"/>
          </a:p>
        </p:txBody>
      </p:sp>
      <p:sp>
        <p:nvSpPr>
          <p:cNvPr id="5" name="Slide Number Placeholder 4"/>
          <p:cNvSpPr>
            <a:spLocks noGrp="1"/>
          </p:cNvSpPr>
          <p:nvPr>
            <p:ph type="sldNum" sz="quarter" idx="3"/>
          </p:nvPr>
        </p:nvSpPr>
        <p:spPr>
          <a:xfrm>
            <a:off x="5231642" y="6658665"/>
            <a:ext cx="4002299" cy="350520"/>
          </a:xfrm>
          <a:prstGeom prst="rect">
            <a:avLst/>
          </a:prstGeom>
        </p:spPr>
        <p:txBody>
          <a:bodyPr vert="horz" lIns="92414" tIns="46205" rIns="92414" bIns="46205" rtlCol="0" anchor="b"/>
          <a:lstStyle>
            <a:lvl1pPr algn="r">
              <a:defRPr sz="1200"/>
            </a:lvl1pPr>
          </a:lstStyle>
          <a:p>
            <a:fld id="{C77AF46B-2678-42FB-ACDD-08F50720236C}" type="slidenum">
              <a:rPr lang="en-US" smtClean="0"/>
              <a:pPr/>
              <a:t>‹#›</a:t>
            </a:fld>
            <a:endParaRPr lang="en-US" dirty="0"/>
          </a:p>
        </p:txBody>
      </p:sp>
    </p:spTree>
    <p:extLst>
      <p:ext uri="{BB962C8B-B14F-4D97-AF65-F5344CB8AC3E}">
        <p14:creationId xmlns:p14="http://schemas.microsoft.com/office/powerpoint/2010/main" val="84789264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4002299" cy="350520"/>
          </a:xfrm>
          <a:prstGeom prst="rect">
            <a:avLst/>
          </a:prstGeom>
        </p:spPr>
        <p:txBody>
          <a:bodyPr vert="horz" lIns="92414" tIns="46205" rIns="92414" bIns="46205" rtlCol="0"/>
          <a:lstStyle>
            <a:lvl1pPr algn="l" fontAlgn="auto">
              <a:spcBef>
                <a:spcPts val="0"/>
              </a:spcBef>
              <a:spcAft>
                <a:spcPts val="0"/>
              </a:spcAft>
              <a:defRPr sz="1200">
                <a:latin typeface="+mn-lt"/>
                <a:cs typeface="+mn-cs"/>
              </a:defRPr>
            </a:lvl1pPr>
          </a:lstStyle>
          <a:p>
            <a:pPr>
              <a:defRPr/>
            </a:pPr>
            <a:endParaRPr lang="en-US" dirty="0"/>
          </a:p>
        </p:txBody>
      </p:sp>
      <p:sp>
        <p:nvSpPr>
          <p:cNvPr id="3" name="Date Placeholder 2"/>
          <p:cNvSpPr>
            <a:spLocks noGrp="1"/>
          </p:cNvSpPr>
          <p:nvPr>
            <p:ph type="dt" idx="1"/>
          </p:nvPr>
        </p:nvSpPr>
        <p:spPr>
          <a:xfrm>
            <a:off x="5231642" y="1"/>
            <a:ext cx="4002299" cy="350520"/>
          </a:xfrm>
          <a:prstGeom prst="rect">
            <a:avLst/>
          </a:prstGeom>
        </p:spPr>
        <p:txBody>
          <a:bodyPr vert="horz" lIns="92414" tIns="46205" rIns="92414" bIns="46205" rtlCol="0"/>
          <a:lstStyle>
            <a:lvl1pPr algn="r" fontAlgn="auto">
              <a:spcBef>
                <a:spcPts val="0"/>
              </a:spcBef>
              <a:spcAft>
                <a:spcPts val="0"/>
              </a:spcAft>
              <a:defRPr sz="1200">
                <a:latin typeface="+mn-lt"/>
                <a:cs typeface="+mn-cs"/>
              </a:defRPr>
            </a:lvl1pPr>
          </a:lstStyle>
          <a:p>
            <a:pPr>
              <a:defRPr/>
            </a:pPr>
            <a:fld id="{A2F6FB3E-0165-4B2A-8DB0-37F143C0ED44}" type="datetimeFigureOut">
              <a:rPr lang="en-US"/>
              <a:pPr>
                <a:defRPr/>
              </a:pPr>
              <a:t>4/26/2016</a:t>
            </a:fld>
            <a:endParaRPr lang="en-US" dirty="0"/>
          </a:p>
        </p:txBody>
      </p:sp>
      <p:sp>
        <p:nvSpPr>
          <p:cNvPr id="4" name="Slide Image Placeholder 3"/>
          <p:cNvSpPr>
            <a:spLocks noGrp="1" noRot="1" noChangeAspect="1"/>
          </p:cNvSpPr>
          <p:nvPr>
            <p:ph type="sldImg" idx="2"/>
          </p:nvPr>
        </p:nvSpPr>
        <p:spPr>
          <a:xfrm>
            <a:off x="2865438" y="527050"/>
            <a:ext cx="3505200" cy="2628900"/>
          </a:xfrm>
          <a:prstGeom prst="rect">
            <a:avLst/>
          </a:prstGeom>
          <a:noFill/>
          <a:ln w="12700">
            <a:solidFill>
              <a:prstClr val="black"/>
            </a:solidFill>
          </a:ln>
        </p:spPr>
        <p:txBody>
          <a:bodyPr vert="horz" lIns="92414" tIns="46205" rIns="92414" bIns="46205" rtlCol="0" anchor="ctr"/>
          <a:lstStyle/>
          <a:p>
            <a:pPr lvl="0"/>
            <a:endParaRPr lang="en-US" noProof="0" dirty="0"/>
          </a:p>
        </p:txBody>
      </p:sp>
      <p:sp>
        <p:nvSpPr>
          <p:cNvPr id="5" name="Notes Placeholder 4"/>
          <p:cNvSpPr>
            <a:spLocks noGrp="1"/>
          </p:cNvSpPr>
          <p:nvPr>
            <p:ph type="body" sz="quarter" idx="3"/>
          </p:nvPr>
        </p:nvSpPr>
        <p:spPr>
          <a:xfrm>
            <a:off x="923609" y="3329940"/>
            <a:ext cx="7388860" cy="3154680"/>
          </a:xfrm>
          <a:prstGeom prst="rect">
            <a:avLst/>
          </a:prstGeom>
        </p:spPr>
        <p:txBody>
          <a:bodyPr vert="horz" lIns="92414" tIns="46205" rIns="92414" bIns="46205" rtlCol="0">
            <a:normAutofit/>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US" noProof="0"/>
          </a:p>
        </p:txBody>
      </p:sp>
      <p:sp>
        <p:nvSpPr>
          <p:cNvPr id="6" name="Footer Placeholder 5"/>
          <p:cNvSpPr>
            <a:spLocks noGrp="1"/>
          </p:cNvSpPr>
          <p:nvPr>
            <p:ph type="ftr" sz="quarter" idx="4"/>
          </p:nvPr>
        </p:nvSpPr>
        <p:spPr>
          <a:xfrm>
            <a:off x="0" y="6658665"/>
            <a:ext cx="4002299" cy="350520"/>
          </a:xfrm>
          <a:prstGeom prst="rect">
            <a:avLst/>
          </a:prstGeom>
        </p:spPr>
        <p:txBody>
          <a:bodyPr vert="horz" lIns="92414" tIns="46205" rIns="92414" bIns="46205" rtlCol="0" anchor="b"/>
          <a:lstStyle>
            <a:lvl1pPr algn="l" fontAlgn="auto">
              <a:spcBef>
                <a:spcPts val="0"/>
              </a:spcBef>
              <a:spcAft>
                <a:spcPts val="0"/>
              </a:spcAft>
              <a:defRPr sz="1200">
                <a:latin typeface="+mn-lt"/>
                <a:cs typeface="+mn-cs"/>
              </a:defRPr>
            </a:lvl1pPr>
          </a:lstStyle>
          <a:p>
            <a:pPr>
              <a:defRPr/>
            </a:pPr>
            <a:endParaRPr lang="en-US" dirty="0"/>
          </a:p>
        </p:txBody>
      </p:sp>
      <p:sp>
        <p:nvSpPr>
          <p:cNvPr id="7" name="Slide Number Placeholder 6"/>
          <p:cNvSpPr>
            <a:spLocks noGrp="1"/>
          </p:cNvSpPr>
          <p:nvPr>
            <p:ph type="sldNum" sz="quarter" idx="5"/>
          </p:nvPr>
        </p:nvSpPr>
        <p:spPr>
          <a:xfrm>
            <a:off x="5231642" y="6658665"/>
            <a:ext cx="4002299" cy="350520"/>
          </a:xfrm>
          <a:prstGeom prst="rect">
            <a:avLst/>
          </a:prstGeom>
        </p:spPr>
        <p:txBody>
          <a:bodyPr vert="horz" lIns="92414" tIns="46205" rIns="92414" bIns="46205" rtlCol="0" anchor="b"/>
          <a:lstStyle>
            <a:lvl1pPr algn="r" fontAlgn="auto">
              <a:spcBef>
                <a:spcPts val="0"/>
              </a:spcBef>
              <a:spcAft>
                <a:spcPts val="0"/>
              </a:spcAft>
              <a:defRPr sz="1200">
                <a:latin typeface="+mn-lt"/>
                <a:cs typeface="+mn-cs"/>
              </a:defRPr>
            </a:lvl1pPr>
          </a:lstStyle>
          <a:p>
            <a:pPr>
              <a:defRPr/>
            </a:pPr>
            <a:fld id="{42932867-9086-450E-905A-1B2D7F14E7FB}" type="slidenum">
              <a:rPr lang="en-US"/>
              <a:pPr>
                <a:defRPr/>
              </a:pPr>
              <a:t>‹#›</a:t>
            </a:fld>
            <a:endParaRPr lang="en-US" dirty="0"/>
          </a:p>
        </p:txBody>
      </p:sp>
    </p:spTree>
    <p:extLst>
      <p:ext uri="{BB962C8B-B14F-4D97-AF65-F5344CB8AC3E}">
        <p14:creationId xmlns:p14="http://schemas.microsoft.com/office/powerpoint/2010/main" val="4172342251"/>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3" Type="http://schemas.openxmlformats.org/officeDocument/2006/relationships/hyperlink" Target="http://www.fws.gov/sfbaydelta/documents/smelt_working_group/swg_meeting_notes_1_11_2016_with_attachment.pdf" TargetMode="External"/><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18.xml"/><Relationship Id="rId1" Type="http://schemas.openxmlformats.org/officeDocument/2006/relationships/notesMaster" Target="../notesMasters/notesMaster1.xml"/></Relationships>
</file>

<file path=ppt/notesSlides/_rels/notesSlide104.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105.xml.rels><?xml version="1.0" encoding="UTF-8" standalone="yes"?>
<Relationships xmlns="http://schemas.openxmlformats.org/package/2006/relationships"><Relationship Id="rId2" Type="http://schemas.openxmlformats.org/officeDocument/2006/relationships/slide" Target="../slides/slide120.xml"/><Relationship Id="rId1" Type="http://schemas.openxmlformats.org/officeDocument/2006/relationships/notesMaster" Target="../notesMasters/notesMaster1.xml"/></Relationships>
</file>

<file path=ppt/notesSlides/_rels/notesSlide106.xml.rels><?xml version="1.0" encoding="UTF-8" standalone="yes"?>
<Relationships xmlns="http://schemas.openxmlformats.org/package/2006/relationships"><Relationship Id="rId2" Type="http://schemas.openxmlformats.org/officeDocument/2006/relationships/slide" Target="../slides/slide121.xml"/><Relationship Id="rId1" Type="http://schemas.openxmlformats.org/officeDocument/2006/relationships/notesMaster" Target="../notesMasters/notesMaster1.xml"/></Relationships>
</file>

<file path=ppt/notesSlides/_rels/notesSlide107.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108.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109.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0.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111.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112.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113.xml.rels><?xml version="1.0" encoding="UTF-8" standalone="yes"?>
<Relationships xmlns="http://schemas.openxmlformats.org/package/2006/relationships"><Relationship Id="rId2" Type="http://schemas.openxmlformats.org/officeDocument/2006/relationships/slide" Target="../slides/slide128.xml"/><Relationship Id="rId1" Type="http://schemas.openxmlformats.org/officeDocument/2006/relationships/notesMaster" Target="../notesMasters/notesMaster1.xml"/></Relationships>
</file>

<file path=ppt/notesSlides/_rels/notesSlide114.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115.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116.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117.xml.rels><?xml version="1.0" encoding="UTF-8" standalone="yes"?>
<Relationships xmlns="http://schemas.openxmlformats.org/package/2006/relationships"><Relationship Id="rId2" Type="http://schemas.openxmlformats.org/officeDocument/2006/relationships/slide" Target="../slides/slide132.xml"/><Relationship Id="rId1" Type="http://schemas.openxmlformats.org/officeDocument/2006/relationships/notesMaster" Target="../notesMasters/notesMaster1.xml"/></Relationships>
</file>

<file path=ppt/notesSlides/_rels/notesSlide118.xml.rels><?xml version="1.0" encoding="UTF-8" standalone="yes"?>
<Relationships xmlns="http://schemas.openxmlformats.org/package/2006/relationships"><Relationship Id="rId2" Type="http://schemas.openxmlformats.org/officeDocument/2006/relationships/slide" Target="../slides/slide133.xml"/><Relationship Id="rId1" Type="http://schemas.openxmlformats.org/officeDocument/2006/relationships/notesMaster" Target="../notesMasters/notesMaster1.xml"/></Relationships>
</file>

<file path=ppt/notesSlides/_rels/notesSlide119.xml.rels><?xml version="1.0" encoding="UTF-8" standalone="yes"?>
<Relationships xmlns="http://schemas.openxmlformats.org/package/2006/relationships"><Relationship Id="rId2" Type="http://schemas.openxmlformats.org/officeDocument/2006/relationships/slide" Target="../slides/slide13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0.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121.xml.rels><?xml version="1.0" encoding="UTF-8" standalone="yes"?>
<Relationships xmlns="http://schemas.openxmlformats.org/package/2006/relationships"><Relationship Id="rId2" Type="http://schemas.openxmlformats.org/officeDocument/2006/relationships/slide" Target="../slides/slide136.xml"/><Relationship Id="rId1" Type="http://schemas.openxmlformats.org/officeDocument/2006/relationships/notesMaster" Target="../notesMasters/notesMaster1.xml"/></Relationships>
</file>

<file path=ppt/notesSlides/_rels/notesSlide122.xml.rels><?xml version="1.0" encoding="UTF-8" standalone="yes"?>
<Relationships xmlns="http://schemas.openxmlformats.org/package/2006/relationships"><Relationship Id="rId2" Type="http://schemas.openxmlformats.org/officeDocument/2006/relationships/slide" Target="../slides/slide137.xml"/><Relationship Id="rId1" Type="http://schemas.openxmlformats.org/officeDocument/2006/relationships/notesMaster" Target="../notesMasters/notesMaster1.xml"/></Relationships>
</file>

<file path=ppt/notesSlides/_rels/notesSlide123.xml.rels><?xml version="1.0" encoding="UTF-8" standalone="yes"?>
<Relationships xmlns="http://schemas.openxmlformats.org/package/2006/relationships"><Relationship Id="rId2" Type="http://schemas.openxmlformats.org/officeDocument/2006/relationships/slide" Target="../slides/slide138.xml"/><Relationship Id="rId1" Type="http://schemas.openxmlformats.org/officeDocument/2006/relationships/notesMaster" Target="../notesMasters/notesMaster1.xml"/></Relationships>
</file>

<file path=ppt/notesSlides/_rels/notesSlide124.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125.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126.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127.xml.rels><?xml version="1.0" encoding="UTF-8" standalone="yes"?>
<Relationships xmlns="http://schemas.openxmlformats.org/package/2006/relationships"><Relationship Id="rId2" Type="http://schemas.openxmlformats.org/officeDocument/2006/relationships/slide" Target="../slides/slide142.xml"/><Relationship Id="rId1" Type="http://schemas.openxmlformats.org/officeDocument/2006/relationships/notesMaster" Target="../notesMasters/notesMaster1.xml"/></Relationships>
</file>

<file path=ppt/notesSlides/_rels/notesSlide128.xml.rels><?xml version="1.0" encoding="UTF-8" standalone="yes"?>
<Relationships xmlns="http://schemas.openxmlformats.org/package/2006/relationships"><Relationship Id="rId2" Type="http://schemas.openxmlformats.org/officeDocument/2006/relationships/slide" Target="../slides/slide143.xml"/><Relationship Id="rId1" Type="http://schemas.openxmlformats.org/officeDocument/2006/relationships/notesMaster" Target="../notesMasters/notesMaster1.xml"/></Relationships>
</file>

<file path=ppt/notesSlides/_rels/notesSlide129.xml.rels><?xml version="1.0" encoding="UTF-8" standalone="yes"?>
<Relationships xmlns="http://schemas.openxmlformats.org/package/2006/relationships"><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0.xml.rels><?xml version="1.0" encoding="UTF-8" standalone="yes"?>
<Relationships xmlns="http://schemas.openxmlformats.org/package/2006/relationships"><Relationship Id="rId2" Type="http://schemas.openxmlformats.org/officeDocument/2006/relationships/slide" Target="../slides/slide145.xml"/><Relationship Id="rId1" Type="http://schemas.openxmlformats.org/officeDocument/2006/relationships/notesMaster" Target="../notesMasters/notesMaster1.xml"/></Relationships>
</file>

<file path=ppt/notesSlides/_rels/notesSlide131.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132.xml.rels><?xml version="1.0" encoding="UTF-8" standalone="yes"?>
<Relationships xmlns="http://schemas.openxmlformats.org/package/2006/relationships"><Relationship Id="rId3" Type="http://schemas.openxmlformats.org/officeDocument/2006/relationships/hyperlink" Target="http://www.californiawaterfix.com/" TargetMode="External"/><Relationship Id="rId2" Type="http://schemas.openxmlformats.org/officeDocument/2006/relationships/slide" Target="../slides/slide147.xml"/><Relationship Id="rId1" Type="http://schemas.openxmlformats.org/officeDocument/2006/relationships/notesMaster" Target="../notesMasters/notesMaster1.xml"/><Relationship Id="rId5" Type="http://schemas.openxmlformats.org/officeDocument/2006/relationships/hyperlink" Target="http://resources.ca.gov/ecorestore/" TargetMode="External"/><Relationship Id="rId4" Type="http://schemas.openxmlformats.org/officeDocument/2006/relationships/hyperlink" Target="http://resources.ca.gov/docs/ecorestore/ECO_FS_Overview.pdf" TargetMode="External"/></Relationships>
</file>

<file path=ppt/notesSlides/_rels/notesSlide133.xml.rels><?xml version="1.0" encoding="UTF-8" standalone="yes"?>
<Relationships xmlns="http://schemas.openxmlformats.org/package/2006/relationships"><Relationship Id="rId2" Type="http://schemas.openxmlformats.org/officeDocument/2006/relationships/slide" Target="../slides/slide148.xml"/><Relationship Id="rId1" Type="http://schemas.openxmlformats.org/officeDocument/2006/relationships/notesMaster" Target="../notesMasters/notesMaster1.xml"/></Relationships>
</file>

<file path=ppt/notesSlides/_rels/notesSlide134.xml.rels><?xml version="1.0" encoding="UTF-8" standalone="yes"?>
<Relationships xmlns="http://schemas.openxmlformats.org/package/2006/relationships"><Relationship Id="rId2" Type="http://schemas.openxmlformats.org/officeDocument/2006/relationships/slide" Target="../slides/slide149.xml"/><Relationship Id="rId1" Type="http://schemas.openxmlformats.org/officeDocument/2006/relationships/notesMaster" Target="../notesMasters/notesMaster1.xml"/></Relationships>
</file>

<file path=ppt/notesSlides/_rels/notesSlide135.xml.rels><?xml version="1.0" encoding="UTF-8" standalone="yes"?>
<Relationships xmlns="http://schemas.openxmlformats.org/package/2006/relationships"><Relationship Id="rId2" Type="http://schemas.openxmlformats.org/officeDocument/2006/relationships/slide" Target="../slides/slide154.xml"/><Relationship Id="rId1" Type="http://schemas.openxmlformats.org/officeDocument/2006/relationships/notesMaster" Target="../notesMasters/notesMaster1.xml"/></Relationships>
</file>

<file path=ppt/notesSlides/_rels/notesSlide136.xml.rels><?xml version="1.0" encoding="UTF-8" standalone="yes"?>
<Relationships xmlns="http://schemas.openxmlformats.org/package/2006/relationships"><Relationship Id="rId2" Type="http://schemas.openxmlformats.org/officeDocument/2006/relationships/slide" Target="../slides/slide155.xml"/><Relationship Id="rId1" Type="http://schemas.openxmlformats.org/officeDocument/2006/relationships/notesMaster" Target="../notesMasters/notesMaster1.xml"/></Relationships>
</file>

<file path=ppt/notesSlides/_rels/notesSlide137.xml.rels><?xml version="1.0" encoding="UTF-8" standalone="yes"?>
<Relationships xmlns="http://schemas.openxmlformats.org/package/2006/relationships"><Relationship Id="rId2" Type="http://schemas.openxmlformats.org/officeDocument/2006/relationships/slide" Target="../slides/slide156.xml"/><Relationship Id="rId1" Type="http://schemas.openxmlformats.org/officeDocument/2006/relationships/notesMaster" Target="../notesMasters/notesMaster1.xml"/></Relationships>
</file>

<file path=ppt/notesSlides/_rels/notesSlide138.xml.rels><?xml version="1.0" encoding="UTF-8" standalone="yes"?>
<Relationships xmlns="http://schemas.openxmlformats.org/package/2006/relationships"><Relationship Id="rId2" Type="http://schemas.openxmlformats.org/officeDocument/2006/relationships/slide" Target="../slides/slide157.xml"/><Relationship Id="rId1" Type="http://schemas.openxmlformats.org/officeDocument/2006/relationships/notesMaster" Target="../notesMasters/notesMaster1.xml"/></Relationships>
</file>

<file path=ppt/notesSlides/_rels/notesSlide139.xml.rels><?xml version="1.0" encoding="UTF-8" standalone="yes"?>
<Relationships xmlns="http://schemas.openxmlformats.org/package/2006/relationships"><Relationship Id="rId2" Type="http://schemas.openxmlformats.org/officeDocument/2006/relationships/slide" Target="../slides/slide16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0.xml.rels><?xml version="1.0" encoding="UTF-8" standalone="yes"?>
<Relationships xmlns="http://schemas.openxmlformats.org/package/2006/relationships"><Relationship Id="rId2" Type="http://schemas.openxmlformats.org/officeDocument/2006/relationships/slide" Target="../slides/slide161.xml"/><Relationship Id="rId1" Type="http://schemas.openxmlformats.org/officeDocument/2006/relationships/notesMaster" Target="../notesMasters/notesMaster1.xml"/></Relationships>
</file>

<file path=ppt/notesSlides/_rels/notesSlide141.xml.rels><?xml version="1.0" encoding="UTF-8" standalone="yes"?>
<Relationships xmlns="http://schemas.openxmlformats.org/package/2006/relationships"><Relationship Id="rId2" Type="http://schemas.openxmlformats.org/officeDocument/2006/relationships/slide" Target="../slides/slide163.xml"/><Relationship Id="rId1" Type="http://schemas.openxmlformats.org/officeDocument/2006/relationships/notesMaster" Target="../notesMasters/notesMaster1.xml"/></Relationships>
</file>

<file path=ppt/notesSlides/_rels/notesSlide142.xml.rels><?xml version="1.0" encoding="UTF-8" standalone="yes"?>
<Relationships xmlns="http://schemas.openxmlformats.org/package/2006/relationships"><Relationship Id="rId2" Type="http://schemas.openxmlformats.org/officeDocument/2006/relationships/slide" Target="../slides/slide164.xml"/><Relationship Id="rId1" Type="http://schemas.openxmlformats.org/officeDocument/2006/relationships/notesMaster" Target="../notesMasters/notesMaster1.xml"/></Relationships>
</file>

<file path=ppt/notesSlides/_rels/notesSlide143.xml.rels><?xml version="1.0" encoding="UTF-8" standalone="yes"?>
<Relationships xmlns="http://schemas.openxmlformats.org/package/2006/relationships"><Relationship Id="rId2" Type="http://schemas.openxmlformats.org/officeDocument/2006/relationships/slide" Target="../slides/slide165.xml"/><Relationship Id="rId1" Type="http://schemas.openxmlformats.org/officeDocument/2006/relationships/notesMaster" Target="../notesMasters/notesMaster1.xml"/></Relationships>
</file>

<file path=ppt/notesSlides/_rels/notesSlide144.xml.rels><?xml version="1.0" encoding="UTF-8" standalone="yes"?>
<Relationships xmlns="http://schemas.openxmlformats.org/package/2006/relationships"><Relationship Id="rId2" Type="http://schemas.openxmlformats.org/officeDocument/2006/relationships/slide" Target="../slides/slide166.xml"/><Relationship Id="rId1" Type="http://schemas.openxmlformats.org/officeDocument/2006/relationships/notesMaster" Target="../notesMasters/notesMaster1.xml"/></Relationships>
</file>

<file path=ppt/notesSlides/_rels/notesSlide145.xml.rels><?xml version="1.0" encoding="UTF-8" standalone="yes"?>
<Relationships xmlns="http://schemas.openxmlformats.org/package/2006/relationships"><Relationship Id="rId2" Type="http://schemas.openxmlformats.org/officeDocument/2006/relationships/slide" Target="../slides/slide167.xml"/><Relationship Id="rId1" Type="http://schemas.openxmlformats.org/officeDocument/2006/relationships/notesMaster" Target="../notesMasters/notesMaster1.xml"/></Relationships>
</file>

<file path=ppt/notesSlides/_rels/notesSlide146.xml.rels><?xml version="1.0" encoding="UTF-8" standalone="yes"?>
<Relationships xmlns="http://schemas.openxmlformats.org/package/2006/relationships"><Relationship Id="rId2" Type="http://schemas.openxmlformats.org/officeDocument/2006/relationships/slide" Target="../slides/slide168.xml"/><Relationship Id="rId1" Type="http://schemas.openxmlformats.org/officeDocument/2006/relationships/notesMaster" Target="../notesMasters/notesMaster1.xml"/></Relationships>
</file>

<file path=ppt/notesSlides/_rels/notesSlide147.xml.rels><?xml version="1.0" encoding="UTF-8" standalone="yes"?>
<Relationships xmlns="http://schemas.openxmlformats.org/package/2006/relationships"><Relationship Id="rId2" Type="http://schemas.openxmlformats.org/officeDocument/2006/relationships/slide" Target="../slides/slide169.xml"/><Relationship Id="rId1" Type="http://schemas.openxmlformats.org/officeDocument/2006/relationships/notesMaster" Target="../notesMasters/notesMaster1.xml"/></Relationships>
</file>

<file path=ppt/notesSlides/_rels/notesSlide148.xml.rels><?xml version="1.0" encoding="UTF-8" standalone="yes"?>
<Relationships xmlns="http://schemas.openxmlformats.org/package/2006/relationships"><Relationship Id="rId2" Type="http://schemas.openxmlformats.org/officeDocument/2006/relationships/slide" Target="../slides/slide170.xml"/><Relationship Id="rId1" Type="http://schemas.openxmlformats.org/officeDocument/2006/relationships/notesMaster" Target="../notesMasters/notesMaster1.xml"/></Relationships>
</file>

<file path=ppt/notesSlides/_rels/notesSlide149.xml.rels><?xml version="1.0" encoding="UTF-8" standalone="yes"?>
<Relationships xmlns="http://schemas.openxmlformats.org/package/2006/relationships"><Relationship Id="rId2" Type="http://schemas.openxmlformats.org/officeDocument/2006/relationships/slide" Target="../slides/slide17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0.xml.rels><?xml version="1.0" encoding="UTF-8" standalone="yes"?>
<Relationships xmlns="http://schemas.openxmlformats.org/package/2006/relationships"><Relationship Id="rId2" Type="http://schemas.openxmlformats.org/officeDocument/2006/relationships/slide" Target="../slides/slide172.xml"/><Relationship Id="rId1" Type="http://schemas.openxmlformats.org/officeDocument/2006/relationships/notesMaster" Target="../notesMasters/notesMaster1.xml"/></Relationships>
</file>

<file path=ppt/notesSlides/_rels/notesSlide151.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slide" Target="../slides/slide173.xml"/><Relationship Id="rId1" Type="http://schemas.openxmlformats.org/officeDocument/2006/relationships/notesMaster" Target="../notesMasters/notesMaster1.xml"/><Relationship Id="rId4" Type="http://schemas.openxmlformats.org/officeDocument/2006/relationships/image" Target="../media/image80.png"/></Relationships>
</file>

<file path=ppt/notesSlides/_rels/notesSlide152.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slide" Target="../slides/slide174.xml"/><Relationship Id="rId1" Type="http://schemas.openxmlformats.org/officeDocument/2006/relationships/notesMaster" Target="../notesMasters/notesMaster1.xml"/><Relationship Id="rId4" Type="http://schemas.openxmlformats.org/officeDocument/2006/relationships/image" Target="../media/image80.png"/></Relationships>
</file>

<file path=ppt/notesSlides/_rels/notesSlide153.xml.rels><?xml version="1.0" encoding="UTF-8" standalone="yes"?>
<Relationships xmlns="http://schemas.openxmlformats.org/package/2006/relationships"><Relationship Id="rId2" Type="http://schemas.openxmlformats.org/officeDocument/2006/relationships/slide" Target="../slides/slide175.xml"/><Relationship Id="rId1" Type="http://schemas.openxmlformats.org/officeDocument/2006/relationships/notesMaster" Target="../notesMasters/notesMaster1.xml"/></Relationships>
</file>

<file path=ppt/notesSlides/_rels/notesSlide154.xml.rels><?xml version="1.0" encoding="UTF-8" standalone="yes"?>
<Relationships xmlns="http://schemas.openxmlformats.org/package/2006/relationships"><Relationship Id="rId2" Type="http://schemas.openxmlformats.org/officeDocument/2006/relationships/slide" Target="../slides/slide176.xml"/><Relationship Id="rId1" Type="http://schemas.openxmlformats.org/officeDocument/2006/relationships/notesMaster" Target="../notesMasters/notesMaster1.xml"/></Relationships>
</file>

<file path=ppt/notesSlides/_rels/notesSlide155.xml.rels><?xml version="1.0" encoding="UTF-8" standalone="yes"?>
<Relationships xmlns="http://schemas.openxmlformats.org/package/2006/relationships"><Relationship Id="rId3" Type="http://schemas.openxmlformats.org/officeDocument/2006/relationships/hyperlink" Target="http://baydeltaconservationplan.com/Home.aspx" TargetMode="External"/><Relationship Id="rId2" Type="http://schemas.openxmlformats.org/officeDocument/2006/relationships/slide" Target="../slides/slide177.xml"/><Relationship Id="rId1" Type="http://schemas.openxmlformats.org/officeDocument/2006/relationships/notesMaster" Target="../notesMasters/notesMaster1.xml"/><Relationship Id="rId4" Type="http://schemas.openxmlformats.org/officeDocument/2006/relationships/hyperlink" Target="http://baydeltaconservationplan.com/BDCPPlanningProcess/DocumentsAndDrafts.aspx" TargetMode="External"/></Relationships>
</file>

<file path=ppt/notesSlides/_rels/notesSlide156.xml.rels><?xml version="1.0" encoding="UTF-8" standalone="yes"?>
<Relationships xmlns="http://schemas.openxmlformats.org/package/2006/relationships"><Relationship Id="rId2" Type="http://schemas.openxmlformats.org/officeDocument/2006/relationships/slide" Target="../slides/slide178.xml"/><Relationship Id="rId1" Type="http://schemas.openxmlformats.org/officeDocument/2006/relationships/notesMaster" Target="../notesMasters/notesMaster1.xml"/></Relationships>
</file>

<file path=ppt/notesSlides/_rels/notesSlide157.xml.rels><?xml version="1.0" encoding="UTF-8" standalone="yes"?>
<Relationships xmlns="http://schemas.openxmlformats.org/package/2006/relationships"><Relationship Id="rId2" Type="http://schemas.openxmlformats.org/officeDocument/2006/relationships/slide" Target="../slides/slide179.xml"/><Relationship Id="rId1" Type="http://schemas.openxmlformats.org/officeDocument/2006/relationships/notesMaster" Target="../notesMasters/notesMaster1.xml"/></Relationships>
</file>

<file path=ppt/notesSlides/_rels/notesSlide158.xml.rels><?xml version="1.0" encoding="UTF-8" standalone="yes"?>
<Relationships xmlns="http://schemas.openxmlformats.org/package/2006/relationships"><Relationship Id="rId2" Type="http://schemas.openxmlformats.org/officeDocument/2006/relationships/slide" Target="../slides/slide180.xml"/><Relationship Id="rId1" Type="http://schemas.openxmlformats.org/officeDocument/2006/relationships/notesMaster" Target="../notesMasters/notesMaster1.xml"/></Relationships>
</file>

<file path=ppt/notesSlides/_rels/notesSlide159.xml.rels><?xml version="1.0" encoding="UTF-8" standalone="yes"?>
<Relationships xmlns="http://schemas.openxmlformats.org/package/2006/relationships"><Relationship Id="rId2" Type="http://schemas.openxmlformats.org/officeDocument/2006/relationships/slide" Target="../slides/slide18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0.xml.rels><?xml version="1.0" encoding="UTF-8" standalone="yes"?>
<Relationships xmlns="http://schemas.openxmlformats.org/package/2006/relationships"><Relationship Id="rId2" Type="http://schemas.openxmlformats.org/officeDocument/2006/relationships/slide" Target="../slides/slide182.xml"/><Relationship Id="rId1" Type="http://schemas.openxmlformats.org/officeDocument/2006/relationships/notesMaster" Target="../notesMasters/notesMaster1.xml"/></Relationships>
</file>

<file path=ppt/notesSlides/_rels/notesSlide161.xml.rels><?xml version="1.0" encoding="UTF-8" standalone="yes"?>
<Relationships xmlns="http://schemas.openxmlformats.org/package/2006/relationships"><Relationship Id="rId2" Type="http://schemas.openxmlformats.org/officeDocument/2006/relationships/slide" Target="../slides/slide183.xml"/><Relationship Id="rId1" Type="http://schemas.openxmlformats.org/officeDocument/2006/relationships/notesMaster" Target="../notesMasters/notesMaster1.xml"/></Relationships>
</file>

<file path=ppt/notesSlides/_rels/notesSlide162.xml.rels><?xml version="1.0" encoding="UTF-8" standalone="yes"?>
<Relationships xmlns="http://schemas.openxmlformats.org/package/2006/relationships"><Relationship Id="rId2" Type="http://schemas.openxmlformats.org/officeDocument/2006/relationships/slide" Target="../slides/slide184.xml"/><Relationship Id="rId1" Type="http://schemas.openxmlformats.org/officeDocument/2006/relationships/notesMaster" Target="../notesMasters/notesMaster1.xml"/></Relationships>
</file>

<file path=ppt/notesSlides/_rels/notesSlide163.xml.rels><?xml version="1.0" encoding="UTF-8" standalone="yes"?>
<Relationships xmlns="http://schemas.openxmlformats.org/package/2006/relationships"><Relationship Id="rId2" Type="http://schemas.openxmlformats.org/officeDocument/2006/relationships/slide" Target="../slides/slide185.xml"/><Relationship Id="rId1" Type="http://schemas.openxmlformats.org/officeDocument/2006/relationships/notesMaster" Target="../notesMasters/notesMaster1.xml"/></Relationships>
</file>

<file path=ppt/notesSlides/_rels/notesSlide164.xml.rels><?xml version="1.0" encoding="UTF-8" standalone="yes"?>
<Relationships xmlns="http://schemas.openxmlformats.org/package/2006/relationships"><Relationship Id="rId2" Type="http://schemas.openxmlformats.org/officeDocument/2006/relationships/slide" Target="../slides/slide186.xml"/><Relationship Id="rId1" Type="http://schemas.openxmlformats.org/officeDocument/2006/relationships/notesMaster" Target="../notesMasters/notesMaster1.xml"/></Relationships>
</file>

<file path=ppt/notesSlides/_rels/notesSlide165.xml.rels><?xml version="1.0" encoding="UTF-8" standalone="yes"?>
<Relationships xmlns="http://schemas.openxmlformats.org/package/2006/relationships"><Relationship Id="rId2" Type="http://schemas.openxmlformats.org/officeDocument/2006/relationships/slide" Target="../slides/slide187.xml"/><Relationship Id="rId1" Type="http://schemas.openxmlformats.org/officeDocument/2006/relationships/notesMaster" Target="../notesMasters/notesMaster1.xml"/></Relationships>
</file>

<file path=ppt/notesSlides/_rels/notesSlide166.xml.rels><?xml version="1.0" encoding="UTF-8" standalone="yes"?>
<Relationships xmlns="http://schemas.openxmlformats.org/package/2006/relationships"><Relationship Id="rId2" Type="http://schemas.openxmlformats.org/officeDocument/2006/relationships/slide" Target="../slides/slide188.xml"/><Relationship Id="rId1" Type="http://schemas.openxmlformats.org/officeDocument/2006/relationships/notesMaster" Target="../notesMasters/notesMaster1.xml"/></Relationships>
</file>

<file path=ppt/notesSlides/_rels/notesSlide167.xml.rels><?xml version="1.0" encoding="UTF-8" standalone="yes"?>
<Relationships xmlns="http://schemas.openxmlformats.org/package/2006/relationships"><Relationship Id="rId2" Type="http://schemas.openxmlformats.org/officeDocument/2006/relationships/slide" Target="../slides/slide189.xml"/><Relationship Id="rId1" Type="http://schemas.openxmlformats.org/officeDocument/2006/relationships/notesMaster" Target="../notesMasters/notesMaster1.xml"/></Relationships>
</file>

<file path=ppt/notesSlides/_rels/notesSlide168.xml.rels><?xml version="1.0" encoding="UTF-8" standalone="yes"?>
<Relationships xmlns="http://schemas.openxmlformats.org/package/2006/relationships"><Relationship Id="rId2" Type="http://schemas.openxmlformats.org/officeDocument/2006/relationships/slide" Target="../slides/slide190.xml"/><Relationship Id="rId1" Type="http://schemas.openxmlformats.org/officeDocument/2006/relationships/notesMaster" Target="../notesMasters/notesMaster1.xml"/></Relationships>
</file>

<file path=ppt/notesSlides/_rels/notesSlide169.xml.rels><?xml version="1.0" encoding="UTF-8" standalone="yes"?>
<Relationships xmlns="http://schemas.openxmlformats.org/package/2006/relationships"><Relationship Id="rId2" Type="http://schemas.openxmlformats.org/officeDocument/2006/relationships/slide" Target="../slides/slide19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0.xml.rels><?xml version="1.0" encoding="UTF-8" standalone="yes"?>
<Relationships xmlns="http://schemas.openxmlformats.org/package/2006/relationships"><Relationship Id="rId2" Type="http://schemas.openxmlformats.org/officeDocument/2006/relationships/slide" Target="../slides/slide193.xml"/><Relationship Id="rId1" Type="http://schemas.openxmlformats.org/officeDocument/2006/relationships/notesMaster" Target="../notesMasters/notesMaster1.xml"/></Relationships>
</file>

<file path=ppt/notesSlides/_rels/notesSlide171.xml.rels><?xml version="1.0" encoding="UTF-8" standalone="yes"?>
<Relationships xmlns="http://schemas.openxmlformats.org/package/2006/relationships"><Relationship Id="rId2" Type="http://schemas.openxmlformats.org/officeDocument/2006/relationships/slide" Target="../slides/slide194.xml"/><Relationship Id="rId1" Type="http://schemas.openxmlformats.org/officeDocument/2006/relationships/notesMaster" Target="../notesMasters/notesMaster1.xml"/></Relationships>
</file>

<file path=ppt/notesSlides/_rels/notesSlide172.xml.rels><?xml version="1.0" encoding="UTF-8" standalone="yes"?>
<Relationships xmlns="http://schemas.openxmlformats.org/package/2006/relationships"><Relationship Id="rId2" Type="http://schemas.openxmlformats.org/officeDocument/2006/relationships/slide" Target="../slides/slide195.xml"/><Relationship Id="rId1" Type="http://schemas.openxmlformats.org/officeDocument/2006/relationships/notesMaster" Target="../notesMasters/notesMaster1.xml"/></Relationships>
</file>

<file path=ppt/notesSlides/_rels/notesSlide173.xml.rels><?xml version="1.0" encoding="UTF-8" standalone="yes"?>
<Relationships xmlns="http://schemas.openxmlformats.org/package/2006/relationships"><Relationship Id="rId2" Type="http://schemas.openxmlformats.org/officeDocument/2006/relationships/slide" Target="../slides/slide196.xml"/><Relationship Id="rId1" Type="http://schemas.openxmlformats.org/officeDocument/2006/relationships/notesMaster" Target="../notesMasters/notesMaster1.xml"/></Relationships>
</file>

<file path=ppt/notesSlides/_rels/notesSlide174.xml.rels><?xml version="1.0" encoding="UTF-8" standalone="yes"?>
<Relationships xmlns="http://schemas.openxmlformats.org/package/2006/relationships"><Relationship Id="rId2" Type="http://schemas.openxmlformats.org/officeDocument/2006/relationships/slide" Target="../slides/slide197.xml"/><Relationship Id="rId1" Type="http://schemas.openxmlformats.org/officeDocument/2006/relationships/notesMaster" Target="../notesMasters/notesMaster1.xml"/></Relationships>
</file>

<file path=ppt/notesSlides/_rels/notesSlide175.xml.rels><?xml version="1.0" encoding="UTF-8" standalone="yes"?>
<Relationships xmlns="http://schemas.openxmlformats.org/package/2006/relationships"><Relationship Id="rId2" Type="http://schemas.openxmlformats.org/officeDocument/2006/relationships/slide" Target="../slides/slide198.xml"/><Relationship Id="rId1" Type="http://schemas.openxmlformats.org/officeDocument/2006/relationships/notesMaster" Target="../notesMasters/notesMaster1.xml"/></Relationships>
</file>

<file path=ppt/notesSlides/_rels/notesSlide176.xml.rels><?xml version="1.0" encoding="UTF-8" standalone="yes"?>
<Relationships xmlns="http://schemas.openxmlformats.org/package/2006/relationships"><Relationship Id="rId2" Type="http://schemas.openxmlformats.org/officeDocument/2006/relationships/slide" Target="../slides/slide199.xml"/><Relationship Id="rId1" Type="http://schemas.openxmlformats.org/officeDocument/2006/relationships/notesMaster" Target="../notesMasters/notesMaster1.xml"/></Relationships>
</file>

<file path=ppt/notesSlides/_rels/notesSlide177.xml.rels><?xml version="1.0" encoding="UTF-8" standalone="yes"?>
<Relationships xmlns="http://schemas.openxmlformats.org/package/2006/relationships"><Relationship Id="rId2" Type="http://schemas.openxmlformats.org/officeDocument/2006/relationships/slide" Target="../slides/slide200.xml"/><Relationship Id="rId1" Type="http://schemas.openxmlformats.org/officeDocument/2006/relationships/notesMaster" Target="../notesMasters/notesMaster1.xml"/></Relationships>
</file>

<file path=ppt/notesSlides/_rels/notesSlide178.xml.rels><?xml version="1.0" encoding="UTF-8" standalone="yes"?>
<Relationships xmlns="http://schemas.openxmlformats.org/package/2006/relationships"><Relationship Id="rId2" Type="http://schemas.openxmlformats.org/officeDocument/2006/relationships/slide" Target="../slides/slide201.xml"/><Relationship Id="rId1" Type="http://schemas.openxmlformats.org/officeDocument/2006/relationships/notesMaster" Target="../notesMasters/notesMaster1.xml"/></Relationships>
</file>

<file path=ppt/notesSlides/_rels/notesSlide179.xml.rels><?xml version="1.0" encoding="UTF-8" standalone="yes"?>
<Relationships xmlns="http://schemas.openxmlformats.org/package/2006/relationships"><Relationship Id="rId2" Type="http://schemas.openxmlformats.org/officeDocument/2006/relationships/slide" Target="../slides/slide20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0.xml.rels><?xml version="1.0" encoding="UTF-8" standalone="yes"?>
<Relationships xmlns="http://schemas.openxmlformats.org/package/2006/relationships"><Relationship Id="rId2" Type="http://schemas.openxmlformats.org/officeDocument/2006/relationships/slide" Target="../slides/slide208.xml"/><Relationship Id="rId1" Type="http://schemas.openxmlformats.org/officeDocument/2006/relationships/notesMaster" Target="../notesMasters/notesMaster1.xml"/></Relationships>
</file>

<file path=ppt/notesSlides/_rels/notesSlide181.xml.rels><?xml version="1.0" encoding="UTF-8" standalone="yes"?>
<Relationships xmlns="http://schemas.openxmlformats.org/package/2006/relationships"><Relationship Id="rId2" Type="http://schemas.openxmlformats.org/officeDocument/2006/relationships/slide" Target="../slides/slide209.xml"/><Relationship Id="rId1" Type="http://schemas.openxmlformats.org/officeDocument/2006/relationships/notesMaster" Target="../notesMasters/notesMaster1.xml"/></Relationships>
</file>

<file path=ppt/notesSlides/_rels/notesSlide182.xml.rels><?xml version="1.0" encoding="UTF-8" standalone="yes"?>
<Relationships xmlns="http://schemas.openxmlformats.org/package/2006/relationships"><Relationship Id="rId2" Type="http://schemas.openxmlformats.org/officeDocument/2006/relationships/slide" Target="../slides/slide21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www.californiawaterfix.com/" TargetMode="External"/><Relationship Id="rId2" Type="http://schemas.openxmlformats.org/officeDocument/2006/relationships/slide" Target="../slides/slide4.xml"/><Relationship Id="rId1" Type="http://schemas.openxmlformats.org/officeDocument/2006/relationships/notesMaster" Target="../notesMasters/notesMaster1.xml"/><Relationship Id="rId5" Type="http://schemas.openxmlformats.org/officeDocument/2006/relationships/hyperlink" Target="http://resources.ca.gov/ecorestore/" TargetMode="External"/><Relationship Id="rId4" Type="http://schemas.openxmlformats.org/officeDocument/2006/relationships/hyperlink" Target="http://resources.ca.gov/docs/ecorestore/ECO_FS_Overview.pdf" TargetMode="Externa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3" Type="http://schemas.openxmlformats.org/officeDocument/2006/relationships/hyperlink" Target="http://www.californiawaterfix.com/" TargetMode="External"/><Relationship Id="rId2" Type="http://schemas.openxmlformats.org/officeDocument/2006/relationships/slide" Target="../slides/slide67.xml"/><Relationship Id="rId1" Type="http://schemas.openxmlformats.org/officeDocument/2006/relationships/notesMaster" Target="../notesMasters/notesMaster1.xml"/><Relationship Id="rId5" Type="http://schemas.openxmlformats.org/officeDocument/2006/relationships/hyperlink" Target="http://resources.ca.gov/ecorestore/" TargetMode="External"/><Relationship Id="rId4" Type="http://schemas.openxmlformats.org/officeDocument/2006/relationships/hyperlink" Target="http://resources.ca.gov/docs/ecorestore/ECO_FS_Overview.pdf" TargetMode="External"/></Relationships>
</file>

<file path=ppt/notesSlides/_rels/notesSlide61.xml.rels><?xml version="1.0" encoding="UTF-8" standalone="yes"?>
<Relationships xmlns="http://schemas.openxmlformats.org/package/2006/relationships"><Relationship Id="rId3" Type="http://schemas.openxmlformats.org/officeDocument/2006/relationships/hyperlink" Target="http://www.californiawaterfix.com/" TargetMode="External"/><Relationship Id="rId2" Type="http://schemas.openxmlformats.org/officeDocument/2006/relationships/slide" Target="../slides/slide68.xml"/><Relationship Id="rId1" Type="http://schemas.openxmlformats.org/officeDocument/2006/relationships/notesMaster" Target="../notesMasters/notesMaster1.xml"/><Relationship Id="rId5" Type="http://schemas.openxmlformats.org/officeDocument/2006/relationships/hyperlink" Target="http://resources.ca.gov/ecorestore/" TargetMode="External"/><Relationship Id="rId4" Type="http://schemas.openxmlformats.org/officeDocument/2006/relationships/hyperlink" Target="http://resources.ca.gov/docs/ecorestore/ECO_FS_Overview.pdf" TargetMode="Externa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12.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3" Type="http://schemas.openxmlformats.org/officeDocument/2006/relationships/hyperlink" Target="http://www.fws.gov/sfbaydelta/documents/smelt_working_group/swg_meeting_notes_1_11_2016_with_attachment.pdf" TargetMode="External"/><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2</a:t>
            </a:fld>
            <a:endParaRPr lang="en-US" dirty="0">
              <a:solidFill>
                <a:prstClr val="black"/>
              </a:solidFill>
            </a:endParaRPr>
          </a:p>
        </p:txBody>
      </p:sp>
    </p:spTree>
    <p:extLst>
      <p:ext uri="{BB962C8B-B14F-4D97-AF65-F5344CB8AC3E}">
        <p14:creationId xmlns:p14="http://schemas.microsoft.com/office/powerpoint/2010/main" val="33331831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a:solidFill>
                  <a:prstClr val="black"/>
                </a:solidFill>
              </a:rPr>
              <a:pPr>
                <a:defRPr/>
              </a:pPr>
              <a:t>16</a:t>
            </a:fld>
            <a:endParaRPr lang="en-US" dirty="0">
              <a:solidFill>
                <a:prstClr val="black"/>
              </a:solidFill>
            </a:endParaRPr>
          </a:p>
        </p:txBody>
      </p:sp>
      <p:sp>
        <p:nvSpPr>
          <p:cNvPr id="6" name="Notes Placeholder 5"/>
          <p:cNvSpPr>
            <a:spLocks noGrp="1"/>
          </p:cNvSpPr>
          <p:nvPr>
            <p:ph type="body" sz="quarter" idx="11"/>
          </p:nvPr>
        </p:nvSpPr>
        <p:spPr>
          <a:xfrm>
            <a:off x="454236" y="3217897"/>
            <a:ext cx="8327608" cy="3266731"/>
          </a:xfrm>
        </p:spPr>
        <p:txBody>
          <a:bodyPr>
            <a:noAutofit/>
          </a:bodyPr>
          <a:lstStyle/>
          <a:p>
            <a:pPr>
              <a:lnSpc>
                <a:spcPct val="90000"/>
              </a:lnSpc>
              <a:spcBef>
                <a:spcPts val="0"/>
              </a:spcBef>
            </a:pPr>
            <a:endParaRPr lang="en-US" sz="1000" dirty="0"/>
          </a:p>
        </p:txBody>
      </p:sp>
    </p:spTree>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27040" y="2895601"/>
            <a:ext cx="8381998" cy="3589020"/>
          </a:xfrm>
        </p:spPr>
        <p:txBody>
          <a:bodyPr>
            <a:noAutofit/>
          </a:bodyPr>
          <a:lstStyle/>
          <a:p>
            <a:pPr>
              <a:lnSpc>
                <a:spcPct val="85000"/>
              </a:lnSpc>
              <a:spcBef>
                <a:spcPts val="0"/>
              </a:spcBef>
            </a:pPr>
            <a:r>
              <a:rPr lang="en-US" sz="900" b="1" u="sng" dirty="0"/>
              <a:t>Storm #2 (Mar 4 – Mar 24; 21 days)</a:t>
            </a:r>
          </a:p>
          <a:p>
            <a:pPr marL="170762" indent="-170762">
              <a:lnSpc>
                <a:spcPct val="85000"/>
              </a:lnSpc>
              <a:spcBef>
                <a:spcPts val="0"/>
              </a:spcBef>
              <a:buFont typeface="Arial" panose="020B0604020202020204" pitchFamily="34" charset="0"/>
              <a:buChar char="•"/>
            </a:pPr>
            <a:r>
              <a:rPr lang="en-US" sz="900" dirty="0"/>
              <a:t>2.9 million acre-ft. – Sac River + Yolo Bypass</a:t>
            </a:r>
          </a:p>
          <a:p>
            <a:pPr marL="170762" indent="-170762">
              <a:lnSpc>
                <a:spcPct val="85000"/>
              </a:lnSpc>
              <a:spcBef>
                <a:spcPts val="0"/>
              </a:spcBef>
              <a:buFont typeface="Arial" panose="020B0604020202020204" pitchFamily="34" charset="0"/>
              <a:buChar char="•"/>
            </a:pPr>
            <a:r>
              <a:rPr lang="en-US" sz="900" dirty="0"/>
              <a:t>120,000 acre-ft. – SWP (4.6%)</a:t>
            </a:r>
          </a:p>
          <a:p>
            <a:pPr marL="170762" indent="-170762">
              <a:lnSpc>
                <a:spcPct val="85000"/>
              </a:lnSpc>
              <a:spcBef>
                <a:spcPts val="0"/>
              </a:spcBef>
              <a:buFont typeface="Arial" panose="020B0604020202020204" pitchFamily="34" charset="0"/>
              <a:buChar char="•"/>
            </a:pPr>
            <a:r>
              <a:rPr lang="en-US" sz="900" dirty="0"/>
              <a:t>xx,000 acre-ft. – CVP (___%)</a:t>
            </a:r>
          </a:p>
          <a:p>
            <a:pPr marL="170785" indent="-170785">
              <a:lnSpc>
                <a:spcPct val="85000"/>
              </a:lnSpc>
              <a:spcBef>
                <a:spcPts val="0"/>
              </a:spcBef>
              <a:buFont typeface="Arial" panose="020B0604020202020204" pitchFamily="34" charset="0"/>
              <a:buChar char="•"/>
            </a:pPr>
            <a:r>
              <a:rPr lang="en-US" sz="900" dirty="0"/>
              <a:t>Delta smelt take threshold for 2016 = 14 actual fish salvaged or 56 expanded based on the 15 min/hr monitoring (the lowest ever)</a:t>
            </a:r>
          </a:p>
          <a:p>
            <a:pPr marL="170785" indent="-170785">
              <a:lnSpc>
                <a:spcPct val="85000"/>
              </a:lnSpc>
              <a:spcBef>
                <a:spcPts val="0"/>
              </a:spcBef>
              <a:buFont typeface="Arial" panose="020B0604020202020204" pitchFamily="34" charset="0"/>
              <a:buChar char="•"/>
            </a:pPr>
            <a:r>
              <a:rPr lang="en-US" sz="900" dirty="0"/>
              <a:t>Delta smelt caught = 3 fish or 12 expanded (20% of incidental take limit)</a:t>
            </a:r>
          </a:p>
          <a:p>
            <a:pPr marL="170785" indent="-170785">
              <a:lnSpc>
                <a:spcPct val="85000"/>
              </a:lnSpc>
              <a:spcBef>
                <a:spcPts val="0"/>
              </a:spcBef>
              <a:buFont typeface="Arial" panose="020B0604020202020204" pitchFamily="34" charset="0"/>
              <a:buChar char="•"/>
            </a:pPr>
            <a:r>
              <a:rPr lang="en-US" sz="900" dirty="0"/>
              <a:t>Currently, the incidental take level for all listed species is very low.  For adult Delta smelt we are at approximately 20% of the ITL.  For winter run we are approximately 1% of the ITL.  For unclipped steelhead we are approximately 2.6% of the ITL.  The incidental take level is the take by the Projects anticipated by the fish agencies for operations conducted pursuant to the reasonable and prudent alternatives.  Currents numbers are well below what the agencies anticipated would be taken, and therefore provide room for experimentation.</a:t>
            </a:r>
          </a:p>
          <a:p>
            <a:pPr marL="170785" indent="-170785">
              <a:lnSpc>
                <a:spcPct val="85000"/>
              </a:lnSpc>
              <a:spcBef>
                <a:spcPts val="0"/>
              </a:spcBef>
              <a:buFont typeface="Arial" panose="020B0604020202020204" pitchFamily="34" charset="0"/>
              <a:buChar char="•"/>
            </a:pPr>
            <a:r>
              <a:rPr lang="en-US" sz="900" dirty="0"/>
              <a:t>“Any level of salvage observed at either (pumping) facility will be of concern,” the Delta Smelt Working Group said </a:t>
            </a:r>
            <a:r>
              <a:rPr lang="en-US" sz="900" dirty="0">
                <a:hlinkClick r:id="rId3"/>
              </a:rPr>
              <a:t>in its weekly report.</a:t>
            </a:r>
            <a:r>
              <a:rPr lang="en-US" sz="900" dirty="0"/>
              <a:t> (Jan. 11)</a:t>
            </a:r>
          </a:p>
          <a:p>
            <a:pPr marL="170785" indent="-170785">
              <a:lnSpc>
                <a:spcPct val="85000"/>
              </a:lnSpc>
              <a:spcBef>
                <a:spcPts val="0"/>
              </a:spcBef>
              <a:buFont typeface="Arial" panose="020B0604020202020204" pitchFamily="34" charset="0"/>
              <a:buChar char="•"/>
            </a:pPr>
            <a:r>
              <a:rPr lang="en-US" sz="900" dirty="0"/>
              <a:t>Jan. 11 -- Though neither the hard turbidity trigger (12NTU at PPT, HOL and VCU), nor the hard salvage trigger (3 days of salvage of Delta Smelt) has been met, the DWR turbidity transect survey and FWS early warning survey indicate that fish movement has occurred, and entrainment protection actions consistent with the intent of Action 1 are needed to protect pre-spawning Delta Smelt adults.</a:t>
            </a:r>
          </a:p>
          <a:p>
            <a:pPr>
              <a:lnSpc>
                <a:spcPct val="85000"/>
              </a:lnSpc>
              <a:spcBef>
                <a:spcPts val="0"/>
              </a:spcBef>
            </a:pPr>
            <a:endParaRPr lang="en-US" sz="900" b="1" u="sng" dirty="0"/>
          </a:p>
          <a:p>
            <a:pPr>
              <a:lnSpc>
                <a:spcPct val="85000"/>
              </a:lnSpc>
              <a:spcBef>
                <a:spcPts val="0"/>
              </a:spcBef>
            </a:pPr>
            <a:r>
              <a:rPr lang="en-US" sz="900" b="1" u="sng" dirty="0"/>
              <a:t>Delta fish monitoring</a:t>
            </a:r>
          </a:p>
          <a:p>
            <a:pPr marL="170785" indent="-170785">
              <a:lnSpc>
                <a:spcPct val="85000"/>
              </a:lnSpc>
              <a:spcBef>
                <a:spcPts val="0"/>
              </a:spcBef>
              <a:buFont typeface="Arial" panose="020B0604020202020204" pitchFamily="34" charset="0"/>
              <a:buChar char="•"/>
            </a:pPr>
            <a:r>
              <a:rPr lang="en-US" sz="900" dirty="0"/>
              <a:t>CDFW has released the 2015 FMWT indices:</a:t>
            </a:r>
          </a:p>
          <a:p>
            <a:pPr marL="170785" indent="-170785">
              <a:lnSpc>
                <a:spcPct val="85000"/>
              </a:lnSpc>
              <a:spcBef>
                <a:spcPts val="0"/>
              </a:spcBef>
              <a:buFont typeface="Arial" panose="020B0604020202020204" pitchFamily="34" charset="0"/>
              <a:buChar char="•"/>
            </a:pPr>
            <a:r>
              <a:rPr lang="en-US" sz="900" dirty="0"/>
              <a:t>The 2015 Delta Smelt annual FMWT index is 7.</a:t>
            </a:r>
          </a:p>
          <a:p>
            <a:pPr marL="170785" indent="-170785">
              <a:lnSpc>
                <a:spcPct val="85000"/>
              </a:lnSpc>
              <a:spcBef>
                <a:spcPts val="0"/>
              </a:spcBef>
              <a:buFont typeface="Arial" panose="020B0604020202020204" pitchFamily="34" charset="0"/>
              <a:buChar char="•"/>
            </a:pPr>
            <a:r>
              <a:rPr lang="en-US" sz="900" dirty="0"/>
              <a:t>The 2015 Longfin Smelt annual FMWT index is 4.</a:t>
            </a:r>
          </a:p>
          <a:p>
            <a:pPr marL="170785" indent="-170785">
              <a:lnSpc>
                <a:spcPct val="85000"/>
              </a:lnSpc>
              <a:spcBef>
                <a:spcPts val="0"/>
              </a:spcBef>
              <a:buFont typeface="Arial" panose="020B0604020202020204" pitchFamily="34" charset="0"/>
              <a:buChar char="•"/>
            </a:pPr>
            <a:r>
              <a:rPr lang="en-US" sz="900" dirty="0"/>
              <a:t>Both indices are the lowest on record (i.e. since 1967).</a:t>
            </a:r>
          </a:p>
          <a:p>
            <a:pPr>
              <a:lnSpc>
                <a:spcPct val="85000"/>
              </a:lnSpc>
              <a:spcBef>
                <a:spcPts val="0"/>
              </a:spcBef>
            </a:pPr>
            <a:endParaRPr lang="en-US" sz="900" dirty="0"/>
          </a:p>
          <a:p>
            <a:pPr>
              <a:lnSpc>
                <a:spcPct val="85000"/>
              </a:lnSpc>
              <a:spcBef>
                <a:spcPts val="0"/>
              </a:spcBef>
            </a:pPr>
            <a:r>
              <a:rPr lang="en-US" sz="900" u="sng" dirty="0"/>
              <a:t>The take home: </a:t>
            </a:r>
            <a:r>
              <a:rPr lang="en-US" sz="900" b="1" u="sng" dirty="0"/>
              <a:t>Incidental take is set at 1,017 and 1,554 natural and hatchery produced juveniles, respectively</a:t>
            </a:r>
            <a:r>
              <a:rPr lang="en-US" sz="900" b="1" dirty="0"/>
              <a:t>. </a:t>
            </a:r>
            <a:endParaRPr lang="en-US" sz="900" dirty="0"/>
          </a:p>
          <a:p>
            <a:pPr>
              <a:lnSpc>
                <a:spcPct val="85000"/>
              </a:lnSpc>
              <a:spcBef>
                <a:spcPts val="0"/>
              </a:spcBef>
            </a:pPr>
            <a:r>
              <a:rPr lang="en-US" sz="900" b="1" dirty="0"/>
              <a:t> </a:t>
            </a:r>
            <a:r>
              <a:rPr lang="en-US" sz="900" dirty="0"/>
              <a:t>The BiOp calls for take to be set at 2% of the Juvenile Production Estimate (JPE), but in practice has been set at 1% of JPE with a 50% allowance to account for run-type misidentification due to use of the length-at-date criteria. New this year is a genetic determination program to eliminate the uncertainty of run-type identification.  This year’s take is 1% of JPE (no more 50% allowance) of the Juvenile Production Estimate for naturally produced fish and 1% of hatchery produced fish. This take is lower numerically than the past two years (2013: 23,928 natural, 309 hatchery; 2014: 2,490 natural, 1,885 hatchery).  However, past year’s actual take has been only 1-10% of the ITL. Therefore, barring unforeseen conditions I would not expect the winter-run ITL to be met/exceeded this year.  </a:t>
            </a:r>
          </a:p>
          <a:p>
            <a:pPr>
              <a:lnSpc>
                <a:spcPct val="85000"/>
              </a:lnSpc>
              <a:spcBef>
                <a:spcPts val="0"/>
              </a:spcBef>
            </a:pPr>
            <a:r>
              <a:rPr lang="en-US" sz="900" dirty="0"/>
              <a:t>NMFS estimates a JPE of </a:t>
            </a:r>
            <a:r>
              <a:rPr lang="en-US" sz="900" b="1" dirty="0"/>
              <a:t>101,716 natural-origin juvenile winter-run entering the Delta during water year 2016 </a:t>
            </a:r>
            <a:r>
              <a:rPr lang="en-US" sz="900" dirty="0"/>
              <a:t>(enclosure 3). Based upon CDFW historical monitoring data at Knights Landing rotary screw traps, winter-run juveniles are expected to emigrate into the Delta from November 2015 to April 2016.</a:t>
            </a:r>
          </a:p>
          <a:p>
            <a:pPr>
              <a:lnSpc>
                <a:spcPct val="85000"/>
              </a:lnSpc>
              <a:spcBef>
                <a:spcPts val="0"/>
              </a:spcBef>
            </a:pPr>
            <a:r>
              <a:rPr lang="en-US" sz="900" dirty="0"/>
              <a:t>In early February 2016, approximately </a:t>
            </a:r>
            <a:r>
              <a:rPr lang="en-US" sz="900" b="1" dirty="0"/>
              <a:t>420,000 winter-run juveniles propagated at LSNFH will also be released </a:t>
            </a:r>
            <a:r>
              <a:rPr lang="en-US" sz="900" dirty="0"/>
              <a:t>into the upper Sacramento River near Redding.</a:t>
            </a:r>
          </a:p>
          <a:p>
            <a:pPr>
              <a:lnSpc>
                <a:spcPct val="85000"/>
              </a:lnSpc>
              <a:spcBef>
                <a:spcPts val="0"/>
              </a:spcBef>
            </a:pPr>
            <a:endParaRPr lang="en-US" sz="900" dirty="0"/>
          </a:p>
          <a:p>
            <a:pPr>
              <a:lnSpc>
                <a:spcPct val="85000"/>
              </a:lnSpc>
              <a:spcBef>
                <a:spcPts val="0"/>
              </a:spcBef>
            </a:pPr>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15</a:t>
            </a:fld>
            <a:endParaRPr lang="en-US" dirty="0">
              <a:solidFill>
                <a:prstClr val="black"/>
              </a:solidFill>
            </a:endParaRPr>
          </a:p>
        </p:txBody>
      </p:sp>
    </p:spTree>
    <p:extLst>
      <p:ext uri="{BB962C8B-B14F-4D97-AF65-F5344CB8AC3E}">
        <p14:creationId xmlns:p14="http://schemas.microsoft.com/office/powerpoint/2010/main" val="3253118144"/>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3F57FB7-A35F-4B35-BCE0-EA635445EA90}" type="slidenum">
              <a:rPr lang="en-US" smtClean="0"/>
              <a:t>116</a:t>
            </a:fld>
            <a:endParaRPr lang="en-US" dirty="0"/>
          </a:p>
        </p:txBody>
      </p:sp>
    </p:spTree>
    <p:extLst>
      <p:ext uri="{BB962C8B-B14F-4D97-AF65-F5344CB8AC3E}">
        <p14:creationId xmlns:p14="http://schemas.microsoft.com/office/powerpoint/2010/main" val="1042009044"/>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3F57FB7-A35F-4B35-BCE0-EA635445EA90}" type="slidenum">
              <a:rPr lang="en-US" smtClean="0"/>
              <a:t>117</a:t>
            </a:fld>
            <a:endParaRPr lang="en-US" dirty="0"/>
          </a:p>
        </p:txBody>
      </p:sp>
    </p:spTree>
    <p:extLst>
      <p:ext uri="{BB962C8B-B14F-4D97-AF65-F5344CB8AC3E}">
        <p14:creationId xmlns:p14="http://schemas.microsoft.com/office/powerpoint/2010/main" val="1095758861"/>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18</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10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8371" name="Notes Placeholder 2"/>
          <p:cNvSpPr>
            <a:spLocks noGrp="1"/>
          </p:cNvSpPr>
          <p:nvPr>
            <p:ph type="body" idx="1"/>
          </p:nvPr>
        </p:nvSpPr>
        <p:spPr bwMode="auto">
          <a:xfrm>
            <a:off x="481050" y="3329940"/>
            <a:ext cx="8273981" cy="3154680"/>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a:tabLst>
                <a:tab pos="1914730" algn="ctr"/>
                <a:tab pos="3876860" algn="ctr"/>
                <a:tab pos="5122224" algn="ctr"/>
              </a:tabLst>
            </a:pPr>
            <a:r>
              <a:rPr lang="en-US" sz="1000" dirty="0"/>
              <a:t> </a:t>
            </a:r>
          </a:p>
          <a:p>
            <a:pPr>
              <a:tabLst>
                <a:tab pos="1914730" algn="ctr"/>
                <a:tab pos="3876860" algn="ctr"/>
                <a:tab pos="5224209" algn="ctr"/>
              </a:tabLst>
            </a:pPr>
            <a:r>
              <a:rPr lang="en-US" sz="1000" b="1" dirty="0"/>
              <a:t>Recirculated Draft EIR/S Water Quality Modeling Results</a:t>
            </a:r>
            <a:endParaRPr lang="en-US" sz="1000" dirty="0"/>
          </a:p>
          <a:p>
            <a:pPr>
              <a:tabLst>
                <a:tab pos="1914730" algn="ctr"/>
                <a:tab pos="3876860" algn="ctr"/>
                <a:tab pos="5224209" algn="ctr"/>
              </a:tabLst>
            </a:pPr>
            <a:r>
              <a:rPr lang="en-US" sz="1000" b="1" dirty="0"/>
              <a:t>Average Salinity at Banks PP for Alternative 4A</a:t>
            </a:r>
            <a:endParaRPr lang="en-US" sz="1000" dirty="0"/>
          </a:p>
          <a:p>
            <a:pPr>
              <a:tabLst>
                <a:tab pos="1914730" algn="ctr"/>
                <a:tab pos="3876860" algn="ctr"/>
                <a:tab pos="5224209" algn="ctr"/>
              </a:tabLst>
            </a:pPr>
            <a:r>
              <a:rPr lang="en-US" sz="1000" dirty="0"/>
              <a:t> </a:t>
            </a:r>
          </a:p>
          <a:p>
            <a:pPr>
              <a:tabLst>
                <a:tab pos="1914730" algn="ctr"/>
                <a:tab pos="3876860" algn="ctr"/>
                <a:tab pos="5224209" algn="ctr"/>
              </a:tabLst>
            </a:pPr>
            <a:r>
              <a:rPr lang="en-US" sz="1000" dirty="0"/>
              <a:t>	</a:t>
            </a:r>
            <a:r>
              <a:rPr lang="en-US" sz="1000" b="1" u="sng" dirty="0"/>
              <a:t>Existing Conditions (EC, µmhos/cm)	Alternative 4A    (EC, µmhos/cm)	% Improvement</a:t>
            </a:r>
          </a:p>
          <a:p>
            <a:pPr marL="155133" indent="-155133">
              <a:buFont typeface="Arial" panose="020B0604020202020204" pitchFamily="34" charset="0"/>
              <a:buChar char="•"/>
              <a:tabLst>
                <a:tab pos="1914730" algn="ctr"/>
                <a:tab pos="3876860" algn="ctr"/>
                <a:tab pos="5224209" algn="ctr"/>
              </a:tabLst>
            </a:pPr>
            <a:r>
              <a:rPr lang="en-US" sz="1000" dirty="0"/>
              <a:t>All Water years	530	388	27%</a:t>
            </a:r>
          </a:p>
          <a:p>
            <a:pPr marL="155133" indent="-155133">
              <a:buFont typeface="Arial" panose="020B0604020202020204" pitchFamily="34" charset="0"/>
              <a:buChar char="•"/>
              <a:tabLst>
                <a:tab pos="1914730" algn="ctr"/>
                <a:tab pos="3876860" algn="ctr"/>
                <a:tab pos="5224209" algn="ctr"/>
              </a:tabLst>
            </a:pPr>
            <a:r>
              <a:rPr lang="en-US" sz="1000" dirty="0"/>
              <a:t>Drought conditions	646	491	24%</a:t>
            </a:r>
          </a:p>
          <a:p>
            <a:pPr>
              <a:spcBef>
                <a:spcPct val="0"/>
              </a:spcBef>
              <a:tabLst>
                <a:tab pos="1914730" algn="ctr"/>
                <a:tab pos="3876860" algn="ctr"/>
                <a:tab pos="5224209" algn="ctr"/>
              </a:tabLst>
            </a:pPr>
            <a:endParaRPr lang="en-US" sz="1000" dirty="0">
              <a:solidFill>
                <a:srgbClr val="FF0000"/>
              </a:solidFill>
              <a:latin typeface="Arial" pitchFamily="34" charset="0"/>
              <a:ea typeface="MS PGothic" pitchFamily="34" charset="-128"/>
            </a:endParaRPr>
          </a:p>
        </p:txBody>
      </p:sp>
      <p:sp>
        <p:nvSpPr>
          <p:cNvPr id="58372" name="Slide Number Placeholder 3"/>
          <p:cNvSpPr txBox="1">
            <a:spLocks noGrp="1"/>
          </p:cNvSpPr>
          <p:nvPr/>
        </p:nvSpPr>
        <p:spPr bwMode="auto">
          <a:xfrm>
            <a:off x="5233478" y="6660494"/>
            <a:ext cx="4002604" cy="349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0398" tIns="45197" rIns="90398" bIns="45197" anchor="b"/>
          <a:lstStyle>
            <a:lvl1pPr defTabSz="960438" eaLnBrk="0" hangingPunct="0">
              <a:defRPr>
                <a:solidFill>
                  <a:schemeClr val="tx1"/>
                </a:solidFill>
                <a:latin typeface="Arial" pitchFamily="34" charset="0"/>
                <a:cs typeface="Arial" pitchFamily="34" charset="0"/>
              </a:defRPr>
            </a:lvl1pPr>
            <a:lvl2pPr marL="742950" indent="-285750" defTabSz="960438" eaLnBrk="0" hangingPunct="0">
              <a:defRPr>
                <a:solidFill>
                  <a:schemeClr val="tx1"/>
                </a:solidFill>
                <a:latin typeface="Arial" pitchFamily="34" charset="0"/>
                <a:cs typeface="Arial" pitchFamily="34" charset="0"/>
              </a:defRPr>
            </a:lvl2pPr>
            <a:lvl3pPr marL="1143000" indent="-228600" defTabSz="960438" eaLnBrk="0" hangingPunct="0">
              <a:defRPr>
                <a:solidFill>
                  <a:schemeClr val="tx1"/>
                </a:solidFill>
                <a:latin typeface="Arial" pitchFamily="34" charset="0"/>
                <a:cs typeface="Arial" pitchFamily="34" charset="0"/>
              </a:defRPr>
            </a:lvl3pPr>
            <a:lvl4pPr marL="1600200" indent="-228600" defTabSz="960438" eaLnBrk="0" hangingPunct="0">
              <a:defRPr>
                <a:solidFill>
                  <a:schemeClr val="tx1"/>
                </a:solidFill>
                <a:latin typeface="Arial" pitchFamily="34" charset="0"/>
                <a:cs typeface="Arial" pitchFamily="34" charset="0"/>
              </a:defRPr>
            </a:lvl4pPr>
            <a:lvl5pPr marL="2057400" indent="-228600" defTabSz="960438" eaLnBrk="0" hangingPunct="0">
              <a:defRPr>
                <a:solidFill>
                  <a:schemeClr val="tx1"/>
                </a:solidFill>
                <a:latin typeface="Arial" pitchFamily="34" charset="0"/>
                <a:cs typeface="Arial" pitchFamily="34" charset="0"/>
              </a:defRPr>
            </a:lvl5pPr>
            <a:lvl6pPr marL="2514600" indent="-228600" defTabSz="960438"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60438"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60438"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60438"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D2D47BCF-A000-4C20-AE7F-77FA1287EC0A}" type="slidenum">
              <a:rPr lang="en-US" sz="1100">
                <a:solidFill>
                  <a:srgbClr val="000000"/>
                </a:solidFill>
                <a:latin typeface="Times New Roman" pitchFamily="18" charset="0"/>
              </a:rPr>
              <a:pPr algn="r" eaLnBrk="1" hangingPunct="1"/>
              <a:t>119</a:t>
            </a:fld>
            <a:endParaRPr lang="en-US" sz="1100" dirty="0">
              <a:solidFill>
                <a:srgbClr val="000000"/>
              </a:solidFill>
              <a:latin typeface="Times New Roman" pitchFamily="18" charset="0"/>
            </a:endParaRPr>
          </a:p>
        </p:txBody>
      </p:sp>
    </p:spTree>
  </p:cSld>
  <p:clrMapOvr>
    <a:masterClrMapping/>
  </p:clrMapOvr>
</p:notes>
</file>

<file path=ppt/notesSlides/notesSlide10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8371" name="Notes Placeholder 2"/>
          <p:cNvSpPr>
            <a:spLocks noGrp="1"/>
          </p:cNvSpPr>
          <p:nvPr>
            <p:ph type="body" idx="1"/>
          </p:nvPr>
        </p:nvSpPr>
        <p:spPr bwMode="auto">
          <a:xfrm>
            <a:off x="481050" y="3329940"/>
            <a:ext cx="8273981" cy="3154680"/>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sz="1100" b="1" u="sng" dirty="0"/>
              <a:t>Source:  Appendix B. Supplemental Modeling Results for New Alternatives, Table EC-2.</a:t>
            </a:r>
          </a:p>
          <a:p>
            <a:r>
              <a:rPr lang="en-US" sz="1100" dirty="0"/>
              <a:t> </a:t>
            </a:r>
          </a:p>
          <a:p>
            <a:r>
              <a:rPr lang="en-US" sz="1100" b="1" dirty="0"/>
              <a:t>RDEIR/S Water Quality Modeling Results</a:t>
            </a:r>
            <a:endParaRPr lang="en-US" sz="1100" dirty="0"/>
          </a:p>
          <a:p>
            <a:r>
              <a:rPr lang="en-US" sz="1100" b="1" dirty="0"/>
              <a:t>Average Bromide at Banks PP for Alternative 4A</a:t>
            </a:r>
            <a:endParaRPr lang="en-US" sz="1100" dirty="0"/>
          </a:p>
          <a:p>
            <a:r>
              <a:rPr lang="en-US" sz="1100" dirty="0"/>
              <a:t> </a:t>
            </a:r>
          </a:p>
          <a:p>
            <a:pPr>
              <a:tabLst>
                <a:tab pos="1914730" algn="ctr"/>
                <a:tab pos="3876860" algn="ctr"/>
                <a:tab pos="5224209" algn="ctr"/>
              </a:tabLst>
            </a:pPr>
            <a:r>
              <a:rPr lang="en-US" dirty="0" smtClean="0"/>
              <a:t>	</a:t>
            </a:r>
            <a:r>
              <a:rPr lang="en-US" b="1" u="sng" dirty="0" smtClean="0"/>
              <a:t>Existing </a:t>
            </a:r>
            <a:r>
              <a:rPr lang="en-US" b="1" u="sng" dirty="0"/>
              <a:t>Conditions (</a:t>
            </a:r>
            <a:r>
              <a:rPr lang="en-US" b="1" u="sng" dirty="0" smtClean="0"/>
              <a:t>µg/L)	Alternative </a:t>
            </a:r>
            <a:r>
              <a:rPr lang="en-US" b="1" u="sng" dirty="0"/>
              <a:t>4A    (µg/L</a:t>
            </a:r>
            <a:r>
              <a:rPr lang="en-US" b="1" u="sng" dirty="0" smtClean="0"/>
              <a:t>)	% </a:t>
            </a:r>
            <a:r>
              <a:rPr lang="en-US" b="1" u="sng" dirty="0"/>
              <a:t>Improvement</a:t>
            </a:r>
          </a:p>
          <a:p>
            <a:pPr>
              <a:tabLst>
                <a:tab pos="1914730" algn="ctr"/>
                <a:tab pos="3876860" algn="ctr"/>
                <a:tab pos="5224209" algn="ctr"/>
              </a:tabLst>
            </a:pPr>
            <a:r>
              <a:rPr lang="en-US" dirty="0"/>
              <a:t>All Water </a:t>
            </a:r>
            <a:r>
              <a:rPr lang="en-US" dirty="0" smtClean="0"/>
              <a:t>years	356	224	37</a:t>
            </a:r>
            <a:r>
              <a:rPr lang="en-US" dirty="0"/>
              <a:t>%</a:t>
            </a:r>
          </a:p>
          <a:p>
            <a:pPr>
              <a:tabLst>
                <a:tab pos="1914730" algn="ctr"/>
                <a:tab pos="3876860" algn="ctr"/>
                <a:tab pos="5224209" algn="ctr"/>
              </a:tabLst>
            </a:pPr>
            <a:r>
              <a:rPr lang="en-US" dirty="0"/>
              <a:t>Drought </a:t>
            </a:r>
            <a:r>
              <a:rPr lang="en-US" dirty="0" smtClean="0"/>
              <a:t>conditions	469	319	32</a:t>
            </a:r>
            <a:r>
              <a:rPr lang="en-US" dirty="0"/>
              <a:t>%</a:t>
            </a:r>
          </a:p>
          <a:p>
            <a:r>
              <a:rPr lang="en-US" sz="1100" dirty="0"/>
              <a:t> </a:t>
            </a:r>
          </a:p>
          <a:p>
            <a:r>
              <a:rPr lang="en-US" sz="1100" dirty="0"/>
              <a:t>Source: Appendix B. Supplemental Modeling Results for New Alternatives, Table Br-2.</a:t>
            </a:r>
          </a:p>
          <a:p>
            <a:r>
              <a:rPr lang="en-US" sz="1100" dirty="0"/>
              <a:t> </a:t>
            </a:r>
          </a:p>
          <a:p>
            <a:r>
              <a:rPr lang="en-US" sz="1100" b="1" u="sng" dirty="0"/>
              <a:t>Notes:</a:t>
            </a:r>
          </a:p>
          <a:p>
            <a:pPr lvl="0"/>
            <a:r>
              <a:rPr lang="en-US" sz="1100" dirty="0"/>
              <a:t>The data in these tables are summarized modeling results from the water quality modeling studies conducted to evaluate water quality effects of the BDCP/California Water Fix. The average concentrations are modeling results and are not actual conditions. Focus on the percent reduction as more informative.</a:t>
            </a:r>
          </a:p>
          <a:p>
            <a:pPr lvl="0"/>
            <a:endParaRPr lang="en-US" sz="1100" dirty="0"/>
          </a:p>
          <a:p>
            <a:pPr marL="155133" indent="-155133">
              <a:buFont typeface="Arial" panose="020B0604020202020204" pitchFamily="34" charset="0"/>
              <a:buChar char="•"/>
            </a:pPr>
            <a:r>
              <a:rPr lang="en-US" sz="1100" dirty="0"/>
              <a:t>Sacramento River at Greene’s Landing 0.018 mg/L average annual historical sampled data</a:t>
            </a:r>
          </a:p>
          <a:p>
            <a:pPr marL="155133" indent="-155133">
              <a:buFont typeface="Arial" panose="020B0604020202020204" pitchFamily="34" charset="0"/>
              <a:buChar char="•"/>
            </a:pPr>
            <a:r>
              <a:rPr lang="en-US" sz="1100" dirty="0"/>
              <a:t>Bromide at the Banks Pumping Plant has averaged 0.230 mg/L in recent years (1990-2006). -- http://www.waterboards.ca.gov/rwqcb5/water_issues/drinking_water_policy/salinity_conceptual_model/pgs13_27.pdf</a:t>
            </a:r>
          </a:p>
          <a:p>
            <a:pPr>
              <a:spcBef>
                <a:spcPct val="0"/>
              </a:spcBef>
            </a:pPr>
            <a:endParaRPr lang="en-US" dirty="0" smtClean="0">
              <a:solidFill>
                <a:srgbClr val="FF0000"/>
              </a:solidFill>
              <a:ea typeface="MS PGothic" pitchFamily="34" charset="-128"/>
            </a:endParaRPr>
          </a:p>
          <a:p>
            <a:pPr>
              <a:spcBef>
                <a:spcPct val="0"/>
              </a:spcBef>
            </a:pPr>
            <a:endParaRPr lang="en-US" dirty="0" smtClean="0">
              <a:solidFill>
                <a:srgbClr val="FF0000"/>
              </a:solidFill>
              <a:ea typeface="MS PGothic" pitchFamily="34" charset="-128"/>
            </a:endParaRPr>
          </a:p>
          <a:p>
            <a:pPr>
              <a:spcBef>
                <a:spcPct val="0"/>
              </a:spcBef>
            </a:pPr>
            <a:endParaRPr lang="en-US" dirty="0" smtClean="0">
              <a:solidFill>
                <a:srgbClr val="FF0000"/>
              </a:solidFill>
              <a:latin typeface="Arial" pitchFamily="34" charset="0"/>
              <a:ea typeface="MS PGothic" pitchFamily="34" charset="-128"/>
            </a:endParaRPr>
          </a:p>
        </p:txBody>
      </p:sp>
      <p:sp>
        <p:nvSpPr>
          <p:cNvPr id="58372" name="Slide Number Placeholder 3"/>
          <p:cNvSpPr txBox="1">
            <a:spLocks noGrp="1"/>
          </p:cNvSpPr>
          <p:nvPr/>
        </p:nvSpPr>
        <p:spPr bwMode="auto">
          <a:xfrm>
            <a:off x="5233478" y="6660494"/>
            <a:ext cx="4002604" cy="349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0398" tIns="45197" rIns="90398" bIns="45197" anchor="b"/>
          <a:lstStyle>
            <a:lvl1pPr defTabSz="960438" eaLnBrk="0" hangingPunct="0">
              <a:defRPr>
                <a:solidFill>
                  <a:schemeClr val="tx1"/>
                </a:solidFill>
                <a:latin typeface="Arial" pitchFamily="34" charset="0"/>
                <a:cs typeface="Arial" pitchFamily="34" charset="0"/>
              </a:defRPr>
            </a:lvl1pPr>
            <a:lvl2pPr marL="742950" indent="-285750" defTabSz="960438" eaLnBrk="0" hangingPunct="0">
              <a:defRPr>
                <a:solidFill>
                  <a:schemeClr val="tx1"/>
                </a:solidFill>
                <a:latin typeface="Arial" pitchFamily="34" charset="0"/>
                <a:cs typeface="Arial" pitchFamily="34" charset="0"/>
              </a:defRPr>
            </a:lvl2pPr>
            <a:lvl3pPr marL="1143000" indent="-228600" defTabSz="960438" eaLnBrk="0" hangingPunct="0">
              <a:defRPr>
                <a:solidFill>
                  <a:schemeClr val="tx1"/>
                </a:solidFill>
                <a:latin typeface="Arial" pitchFamily="34" charset="0"/>
                <a:cs typeface="Arial" pitchFamily="34" charset="0"/>
              </a:defRPr>
            </a:lvl3pPr>
            <a:lvl4pPr marL="1600200" indent="-228600" defTabSz="960438" eaLnBrk="0" hangingPunct="0">
              <a:defRPr>
                <a:solidFill>
                  <a:schemeClr val="tx1"/>
                </a:solidFill>
                <a:latin typeface="Arial" pitchFamily="34" charset="0"/>
                <a:cs typeface="Arial" pitchFamily="34" charset="0"/>
              </a:defRPr>
            </a:lvl4pPr>
            <a:lvl5pPr marL="2057400" indent="-228600" defTabSz="960438" eaLnBrk="0" hangingPunct="0">
              <a:defRPr>
                <a:solidFill>
                  <a:schemeClr val="tx1"/>
                </a:solidFill>
                <a:latin typeface="Arial" pitchFamily="34" charset="0"/>
                <a:cs typeface="Arial" pitchFamily="34" charset="0"/>
              </a:defRPr>
            </a:lvl5pPr>
            <a:lvl6pPr marL="2514600" indent="-228600" defTabSz="960438"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60438"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60438"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60438"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D2D47BCF-A000-4C20-AE7F-77FA1287EC0A}" type="slidenum">
              <a:rPr lang="en-US" sz="1100">
                <a:solidFill>
                  <a:srgbClr val="000000"/>
                </a:solidFill>
                <a:latin typeface="Times New Roman" pitchFamily="18" charset="0"/>
              </a:rPr>
              <a:pPr algn="r" eaLnBrk="1" hangingPunct="1"/>
              <a:t>120</a:t>
            </a:fld>
            <a:endParaRPr lang="en-US" sz="1100" dirty="0">
              <a:solidFill>
                <a:srgbClr val="000000"/>
              </a:solidFill>
              <a:latin typeface="Times New Roman" pitchFamily="18" charset="0"/>
            </a:endParaRPr>
          </a:p>
        </p:txBody>
      </p:sp>
    </p:spTree>
  </p:cSld>
  <p:clrMapOvr>
    <a:masterClrMapping/>
  </p:clrMapOvr>
</p:notes>
</file>

<file path=ppt/notesSlides/notesSlide10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13126" y="3330255"/>
            <a:ext cx="8209841" cy="3153766"/>
          </a:xfrm>
        </p:spPr>
        <p:txBody>
          <a:bodyPr>
            <a:noAutofit/>
          </a:bodyPr>
          <a:lstStyle/>
          <a:p>
            <a:pPr eaLnBrk="1" fontAlgn="ctr" hangingPunct="1">
              <a:lnSpc>
                <a:spcPct val="90000"/>
              </a:lnSpc>
              <a:spcBef>
                <a:spcPts val="0"/>
              </a:spcBef>
              <a:spcAft>
                <a:spcPts val="274"/>
              </a:spcAft>
            </a:pPr>
            <a:r>
              <a:rPr lang="en-US" sz="1000" b="1" u="sng" dirty="0"/>
              <a:t>Supply			Salt (TDS mg/l)		Salt (Lbs / acre ft)</a:t>
            </a:r>
            <a:endParaRPr lang="en-US" sz="1000" u="sng" dirty="0"/>
          </a:p>
          <a:p>
            <a:pPr eaLnBrk="1" fontAlgn="ctr" hangingPunct="1">
              <a:lnSpc>
                <a:spcPct val="90000"/>
              </a:lnSpc>
              <a:spcBef>
                <a:spcPts val="0"/>
              </a:spcBef>
              <a:spcAft>
                <a:spcPts val="274"/>
              </a:spcAft>
            </a:pPr>
            <a:r>
              <a:rPr lang="en-US" sz="1000" b="1" dirty="0"/>
              <a:t>Colorado River		</a:t>
            </a:r>
            <a:r>
              <a:rPr lang="en-US" sz="1000" dirty="0"/>
              <a:t>~ 500 to 700 mg/l		1,360 to 1,900 lbs/af</a:t>
            </a:r>
          </a:p>
          <a:p>
            <a:pPr eaLnBrk="1" fontAlgn="ctr" hangingPunct="1">
              <a:lnSpc>
                <a:spcPct val="90000"/>
              </a:lnSpc>
              <a:spcBef>
                <a:spcPts val="0"/>
              </a:spcBef>
              <a:spcAft>
                <a:spcPts val="274"/>
              </a:spcAft>
            </a:pPr>
            <a:r>
              <a:rPr lang="en-US" sz="1000" b="1" dirty="0"/>
              <a:t>Bay Delta (</a:t>
            </a:r>
            <a:r>
              <a:rPr lang="en-US" sz="1000" b="1" i="1" dirty="0"/>
              <a:t>current</a:t>
            </a:r>
            <a:r>
              <a:rPr lang="en-US" sz="1000" b="1" dirty="0"/>
              <a:t>)	</a:t>
            </a:r>
            <a:r>
              <a:rPr lang="en-US" sz="1000" dirty="0"/>
              <a:t>~ 300 mg/l			700 lbs/af</a:t>
            </a:r>
          </a:p>
          <a:p>
            <a:pPr eaLnBrk="1" fontAlgn="ctr" hangingPunct="1">
              <a:lnSpc>
                <a:spcPct val="90000"/>
              </a:lnSpc>
              <a:spcBef>
                <a:spcPts val="0"/>
              </a:spcBef>
              <a:spcAft>
                <a:spcPts val="274"/>
              </a:spcAft>
            </a:pPr>
            <a:r>
              <a:rPr lang="en-US" sz="1000" b="1" dirty="0"/>
              <a:t>Bay Delta (</a:t>
            </a:r>
            <a:r>
              <a:rPr lang="en-US" sz="1000" b="1" i="1" dirty="0"/>
              <a:t>new conveyance</a:t>
            </a:r>
            <a:r>
              <a:rPr lang="en-US" sz="1000" b="1" dirty="0"/>
              <a:t>)	</a:t>
            </a:r>
            <a:r>
              <a:rPr lang="en-US" sz="1000" dirty="0"/>
              <a:t>~ 200 mg/l			470 lbs/af</a:t>
            </a:r>
          </a:p>
          <a:p>
            <a:pPr>
              <a:lnSpc>
                <a:spcPct val="90000"/>
              </a:lnSpc>
              <a:spcBef>
                <a:spcPts val="0"/>
              </a:spcBef>
              <a:spcAft>
                <a:spcPts val="274"/>
              </a:spcAft>
            </a:pPr>
            <a:endParaRPr lang="en-US" sz="1000" b="1" dirty="0"/>
          </a:p>
          <a:p>
            <a:pPr>
              <a:lnSpc>
                <a:spcPct val="90000"/>
              </a:lnSpc>
              <a:spcBef>
                <a:spcPts val="0"/>
              </a:spcBef>
              <a:spcAft>
                <a:spcPts val="274"/>
              </a:spcAft>
            </a:pPr>
            <a:r>
              <a:rPr lang="en-US" sz="1000" b="1" u="sng" dirty="0"/>
              <a:t>Objectives</a:t>
            </a:r>
          </a:p>
          <a:p>
            <a:pPr marL="162380" indent="-162380">
              <a:lnSpc>
                <a:spcPct val="90000"/>
              </a:lnSpc>
              <a:spcBef>
                <a:spcPts val="0"/>
              </a:spcBef>
              <a:spcAft>
                <a:spcPts val="274"/>
              </a:spcAft>
              <a:buFont typeface="Arial" pitchFamily="34" charset="0"/>
              <a:buChar char="•"/>
            </a:pPr>
            <a:r>
              <a:rPr lang="en-US" sz="1000" dirty="0"/>
              <a:t>Improve export quality to meet Public Health standards &amp; reduce treatment costs</a:t>
            </a:r>
          </a:p>
          <a:p>
            <a:pPr marL="162380" indent="-162380">
              <a:lnSpc>
                <a:spcPct val="90000"/>
              </a:lnSpc>
              <a:spcBef>
                <a:spcPts val="0"/>
              </a:spcBef>
              <a:spcAft>
                <a:spcPts val="274"/>
              </a:spcAft>
              <a:buFont typeface="Arial" pitchFamily="34" charset="0"/>
              <a:buChar char="•"/>
            </a:pPr>
            <a:r>
              <a:rPr lang="en-US" sz="1000" dirty="0"/>
              <a:t>Support actions to minimize salinity imports </a:t>
            </a:r>
          </a:p>
          <a:p>
            <a:pPr marL="162380" indent="-162380">
              <a:lnSpc>
                <a:spcPct val="90000"/>
              </a:lnSpc>
              <a:spcBef>
                <a:spcPts val="0"/>
              </a:spcBef>
              <a:spcAft>
                <a:spcPts val="274"/>
              </a:spcAft>
              <a:buFont typeface="Arial" pitchFamily="34" charset="0"/>
              <a:buChar char="•"/>
            </a:pPr>
            <a:r>
              <a:rPr lang="en-US" sz="1000" dirty="0"/>
              <a:t>Meet 500 mg/l blending goal</a:t>
            </a:r>
          </a:p>
          <a:p>
            <a:pPr marL="162380" indent="-162380">
              <a:lnSpc>
                <a:spcPct val="90000"/>
              </a:lnSpc>
              <a:spcBef>
                <a:spcPts val="0"/>
              </a:spcBef>
              <a:spcAft>
                <a:spcPts val="274"/>
              </a:spcAft>
              <a:buFont typeface="Arial" pitchFamily="34" charset="0"/>
              <a:buChar char="•"/>
            </a:pPr>
            <a:r>
              <a:rPr lang="en-US" sz="1000" dirty="0"/>
              <a:t>Some Basin Plans have low TDS objectives that could restrict extended recharge of high salinity Colorado River water *</a:t>
            </a:r>
          </a:p>
          <a:p>
            <a:pPr>
              <a:lnSpc>
                <a:spcPct val="90000"/>
              </a:lnSpc>
              <a:spcBef>
                <a:spcPts val="0"/>
              </a:spcBef>
              <a:spcAft>
                <a:spcPts val="274"/>
              </a:spcAft>
            </a:pPr>
            <a:endParaRPr lang="en-US" sz="1000" b="1" dirty="0"/>
          </a:p>
          <a:p>
            <a:pPr>
              <a:lnSpc>
                <a:spcPct val="90000"/>
              </a:lnSpc>
              <a:spcBef>
                <a:spcPts val="0"/>
              </a:spcBef>
              <a:spcAft>
                <a:spcPts val="274"/>
              </a:spcAft>
            </a:pPr>
            <a:r>
              <a:rPr lang="en-US" sz="1000" b="1" u="sng" dirty="0"/>
              <a:t>Salinity Management Policy (Board Policy March 1999)</a:t>
            </a:r>
          </a:p>
          <a:p>
            <a:pPr marL="156876" indent="-156876">
              <a:lnSpc>
                <a:spcPct val="90000"/>
              </a:lnSpc>
              <a:spcBef>
                <a:spcPts val="0"/>
              </a:spcBef>
              <a:spcAft>
                <a:spcPts val="274"/>
              </a:spcAft>
              <a:buFont typeface="Arial" pitchFamily="34" charset="0"/>
              <a:buChar char="•"/>
            </a:pPr>
            <a:r>
              <a:rPr lang="en-US" sz="1000" dirty="0"/>
              <a:t>Protect imported quality and seek salinity reductions </a:t>
            </a:r>
          </a:p>
          <a:p>
            <a:pPr marL="156876" indent="-156876">
              <a:lnSpc>
                <a:spcPct val="90000"/>
              </a:lnSpc>
              <a:spcBef>
                <a:spcPts val="0"/>
              </a:spcBef>
              <a:spcAft>
                <a:spcPts val="274"/>
              </a:spcAft>
              <a:buFont typeface="Arial" pitchFamily="34" charset="0"/>
              <a:buChar char="•"/>
            </a:pPr>
            <a:r>
              <a:rPr lang="en-US" sz="1000" dirty="0"/>
              <a:t>Establish total dissolved solids objective of &lt; 500 (mg/L)</a:t>
            </a:r>
          </a:p>
          <a:p>
            <a:pPr marL="156876" indent="-156876">
              <a:lnSpc>
                <a:spcPct val="90000"/>
              </a:lnSpc>
              <a:spcBef>
                <a:spcPts val="0"/>
              </a:spcBef>
              <a:spcAft>
                <a:spcPts val="274"/>
              </a:spcAft>
              <a:buFont typeface="Arial" pitchFamily="34" charset="0"/>
              <a:buChar char="•"/>
            </a:pPr>
            <a:r>
              <a:rPr lang="en-US" sz="1000" dirty="0"/>
              <a:t>Optimize the long-term use of Colorado River water in conjunction with State Water Project supplies</a:t>
            </a:r>
          </a:p>
          <a:p>
            <a:pPr marL="156876" indent="-156876">
              <a:lnSpc>
                <a:spcPct val="90000"/>
              </a:lnSpc>
              <a:spcBef>
                <a:spcPts val="0"/>
              </a:spcBef>
              <a:spcAft>
                <a:spcPts val="274"/>
              </a:spcAft>
              <a:buFont typeface="Arial" pitchFamily="34" charset="0"/>
              <a:buChar char="•"/>
            </a:pPr>
            <a:r>
              <a:rPr lang="en-US" sz="1000" dirty="0"/>
              <a:t>Make the Salinity Management Action Plan the primary strategy to carry out this policy</a:t>
            </a:r>
          </a:p>
          <a:p>
            <a:pPr marL="156876" indent="-156876">
              <a:lnSpc>
                <a:spcPct val="90000"/>
              </a:lnSpc>
              <a:spcBef>
                <a:spcPts val="0"/>
              </a:spcBef>
              <a:spcAft>
                <a:spcPts val="274"/>
              </a:spcAft>
              <a:buFont typeface="Arial" pitchFamily="34" charset="0"/>
              <a:buChar char="•"/>
            </a:pPr>
            <a:r>
              <a:rPr lang="en-US" sz="1000" dirty="0"/>
              <a:t>Support actions to minimize salinity imports to enhance groundwater and recycled water programs</a:t>
            </a:r>
          </a:p>
          <a:p>
            <a:pPr marL="156876" indent="-156876">
              <a:lnSpc>
                <a:spcPct val="90000"/>
              </a:lnSpc>
              <a:spcBef>
                <a:spcPts val="0"/>
              </a:spcBef>
              <a:spcAft>
                <a:spcPts val="274"/>
              </a:spcAft>
              <a:buFont typeface="Arial" pitchFamily="34" charset="0"/>
              <a:buChar char="•"/>
            </a:pPr>
            <a:r>
              <a:rPr lang="en-US" sz="1000" dirty="0"/>
              <a:t>Regional Board Basin Plans have TDS water quality objectives for groundwater.  Raymond and Main San Gabriel Basins objectives are at 450 mg/L TDS, the eastern portions of San Fernando Basin range from 400 to 600 mg/L.  Some parts of Chino Basin have TDS objectives in the 200-300 mg/L range.  Central Basin is higher at 700 mg/L.  Orange Co Basin is 580 mg/L.</a:t>
            </a:r>
          </a:p>
          <a:p>
            <a:pPr marL="156876" indent="-156876">
              <a:lnSpc>
                <a:spcPct val="90000"/>
              </a:lnSpc>
              <a:spcBef>
                <a:spcPts val="0"/>
              </a:spcBef>
              <a:spcAft>
                <a:spcPts val="274"/>
              </a:spcAft>
              <a:buFont typeface="Arial" pitchFamily="34" charset="0"/>
              <a:buChar char="•"/>
            </a:pPr>
            <a:endParaRPr lang="en-US" sz="1000" dirty="0"/>
          </a:p>
        </p:txBody>
      </p:sp>
      <p:sp>
        <p:nvSpPr>
          <p:cNvPr id="4" name="Slide Number Placeholder 3"/>
          <p:cNvSpPr>
            <a:spLocks noGrp="1"/>
          </p:cNvSpPr>
          <p:nvPr>
            <p:ph type="sldNum" sz="quarter" idx="10"/>
          </p:nvPr>
        </p:nvSpPr>
        <p:spPr/>
        <p:txBody>
          <a:bodyPr/>
          <a:lstStyle/>
          <a:p>
            <a:fld id="{18714D65-6DD0-4203-9E04-D039ADCDB3D0}" type="slidenum">
              <a:rPr lang="en-US" smtClean="0"/>
              <a:pPr/>
              <a:t>121</a:t>
            </a:fld>
            <a:endParaRPr lang="en-US" dirty="0"/>
          </a:p>
        </p:txBody>
      </p:sp>
    </p:spTree>
    <p:extLst>
      <p:ext uri="{BB962C8B-B14F-4D97-AF65-F5344CB8AC3E}">
        <p14:creationId xmlns:p14="http://schemas.microsoft.com/office/powerpoint/2010/main" val="3687800676"/>
      </p:ext>
    </p:extLst>
  </p:cSld>
  <p:clrMapOvr>
    <a:masterClrMapping/>
  </p:clrMapOvr>
</p:notes>
</file>

<file path=ppt/notesSlides/notesSlide10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5438" y="146050"/>
            <a:ext cx="3505200" cy="2628900"/>
          </a:xfrm>
        </p:spPr>
      </p:sp>
      <p:sp>
        <p:nvSpPr>
          <p:cNvPr id="3" name="Notes Placeholder 2"/>
          <p:cNvSpPr>
            <a:spLocks noGrp="1"/>
          </p:cNvSpPr>
          <p:nvPr>
            <p:ph type="body" idx="1"/>
          </p:nvPr>
        </p:nvSpPr>
        <p:spPr>
          <a:xfrm>
            <a:off x="586428" y="2921002"/>
            <a:ext cx="8063233" cy="3870326"/>
          </a:xfrm>
        </p:spPr>
        <p:txBody>
          <a:bodyPr>
            <a:noAutofit/>
          </a:bodyPr>
          <a:lstStyle/>
          <a:p>
            <a:pPr>
              <a:lnSpc>
                <a:spcPct val="80000"/>
              </a:lnSpc>
              <a:spcBef>
                <a:spcPts val="0"/>
              </a:spcBef>
              <a:spcAft>
                <a:spcPts val="0"/>
              </a:spcAft>
            </a:pPr>
            <a:r>
              <a:rPr lang="en-US" sz="900" b="1" dirty="0"/>
              <a:t>Metropolitan’s SWP Supplies			Supplies	Blending</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Existing	1,2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BDCP Preferred Alt.	1.2 – 1,4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Avg Yr)	875,000 AFY	Sometimes</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Below Normal)	~675,000 AFY	Rarely</a:t>
            </a:r>
          </a:p>
          <a:p>
            <a:pPr>
              <a:lnSpc>
                <a:spcPct val="80000"/>
              </a:lnSpc>
              <a:spcBef>
                <a:spcPts val="0"/>
              </a:spcBef>
              <a:spcAft>
                <a:spcPts val="0"/>
              </a:spcAft>
              <a:tabLst>
                <a:tab pos="4049451" algn="r"/>
                <a:tab pos="5247432" algn="r"/>
              </a:tabLst>
            </a:pPr>
            <a:r>
              <a:rPr lang="en-US" sz="900" b="1" u="sng" dirty="0"/>
              <a:t>Blending Target Requirements</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50% SWP Allocation to meet blend targets	950,000 AFY</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35% SWP Table A to cover Exclusive Zones	665,000 AFY</a:t>
            </a:r>
          </a:p>
          <a:p>
            <a:pPr>
              <a:lnSpc>
                <a:spcPct val="80000"/>
              </a:lnSpc>
              <a:spcBef>
                <a:spcPts val="0"/>
              </a:spcBef>
              <a:spcAft>
                <a:spcPts val="0"/>
              </a:spcAft>
              <a:tabLst>
                <a:tab pos="4049451" algn="r"/>
                <a:tab pos="5247432" algn="r"/>
              </a:tabLst>
            </a:pPr>
            <a:r>
              <a:rPr lang="en-US" sz="900" b="1" u="sng" dirty="0"/>
              <a:t>ASSUMPTIONS</a:t>
            </a:r>
          </a:p>
          <a:p>
            <a:pPr marL="107912" indent="-107912">
              <a:lnSpc>
                <a:spcPct val="80000"/>
              </a:lnSpc>
              <a:spcBef>
                <a:spcPts val="0"/>
              </a:spcBef>
              <a:spcAft>
                <a:spcPts val="0"/>
              </a:spcAft>
              <a:tabLst>
                <a:tab pos="4049451" algn="r"/>
                <a:tab pos="5247432" algn="r"/>
              </a:tabLst>
            </a:pPr>
            <a:r>
              <a:rPr lang="en-US" sz="900" dirty="0"/>
              <a:t>•	BDCP no fix scenario = 3.5 maf/yr SWP/CVP; MWD is 1/4 or 850,000 af/year ON AVERAGE - LONG-TERM!!!!!</a:t>
            </a:r>
          </a:p>
          <a:p>
            <a:pPr marL="107912" indent="-107912">
              <a:lnSpc>
                <a:spcPct val="80000"/>
              </a:lnSpc>
              <a:spcBef>
                <a:spcPts val="0"/>
              </a:spcBef>
              <a:spcAft>
                <a:spcPts val="0"/>
              </a:spcAft>
            </a:pPr>
            <a:r>
              <a:rPr lang="en-US" sz="900" dirty="0"/>
              <a:t>•	850,000 AF to MWD represents 44.5% of SWP Table A (i.e. this is the new long-term baseline)</a:t>
            </a:r>
          </a:p>
          <a:p>
            <a:pPr marL="107912" indent="-107912">
              <a:lnSpc>
                <a:spcPct val="80000"/>
              </a:lnSpc>
              <a:spcBef>
                <a:spcPts val="0"/>
              </a:spcBef>
              <a:spcAft>
                <a:spcPts val="0"/>
              </a:spcAft>
            </a:pPr>
            <a:r>
              <a:rPr lang="en-US" sz="900" dirty="0"/>
              <a:t>•	No SWP banking and suface water accounts to use for blending (i.e. only for reliability)</a:t>
            </a:r>
          </a:p>
          <a:p>
            <a:pPr marL="107912" indent="-107912">
              <a:lnSpc>
                <a:spcPct val="80000"/>
              </a:lnSpc>
              <a:spcBef>
                <a:spcPts val="0"/>
              </a:spcBef>
              <a:spcAft>
                <a:spcPts val="0"/>
              </a:spcAft>
            </a:pPr>
            <a:r>
              <a:rPr lang="en-US" sz="900" dirty="0"/>
              <a:t>•	Reliability is number 1 priority; Blending and meeting TDS targets is a secondary priority</a:t>
            </a:r>
          </a:p>
          <a:p>
            <a:pPr marL="107912" indent="-107912">
              <a:lnSpc>
                <a:spcPct val="80000"/>
              </a:lnSpc>
              <a:spcBef>
                <a:spcPts val="0"/>
              </a:spcBef>
              <a:spcAft>
                <a:spcPts val="0"/>
              </a:spcAft>
            </a:pPr>
            <a:r>
              <a:rPr lang="en-US" sz="900" dirty="0"/>
              <a:t>•	MWD needs a 50% SWP allocation needed to meet blend targets; or 1.9 maf x 50% = 950,000 AF</a:t>
            </a:r>
          </a:p>
          <a:p>
            <a:pPr marL="107912" indent="-107912">
              <a:lnSpc>
                <a:spcPct val="80000"/>
              </a:lnSpc>
              <a:spcBef>
                <a:spcPts val="0"/>
              </a:spcBef>
              <a:spcAft>
                <a:spcPts val="0"/>
              </a:spcAft>
            </a:pPr>
            <a:r>
              <a:rPr lang="en-US" sz="900" dirty="0"/>
              <a:t>•	MWD needs about 35% to cover exclusives, then we can blend (or 35% x 1.9 maf = 665,000 AF/yr)</a:t>
            </a:r>
          </a:p>
          <a:p>
            <a:pPr marL="107912" indent="-107912">
              <a:lnSpc>
                <a:spcPct val="80000"/>
              </a:lnSpc>
              <a:spcBef>
                <a:spcPts val="0"/>
              </a:spcBef>
              <a:spcAft>
                <a:spcPts val="0"/>
              </a:spcAft>
            </a:pPr>
            <a:r>
              <a:rPr lang="en-US" sz="900" dirty="0"/>
              <a:t>•	MWD needs 16% allocations (or 300,000 AF) to meet blending goals</a:t>
            </a:r>
          </a:p>
          <a:p>
            <a:pPr marL="107912" indent="-107912">
              <a:lnSpc>
                <a:spcPct val="80000"/>
              </a:lnSpc>
              <a:spcBef>
                <a:spcPts val="0"/>
              </a:spcBef>
              <a:spcAft>
                <a:spcPts val="0"/>
              </a:spcAft>
            </a:pPr>
            <a:r>
              <a:rPr lang="en-US" sz="900" dirty="0"/>
              <a:t>•	SWP minimum to consider starting to blend = 37% allocation or 707,000 AF</a:t>
            </a:r>
          </a:p>
          <a:p>
            <a:pPr marL="107912" indent="-107912">
              <a:lnSpc>
                <a:spcPct val="80000"/>
              </a:lnSpc>
              <a:spcBef>
                <a:spcPts val="0"/>
              </a:spcBef>
              <a:spcAft>
                <a:spcPts val="0"/>
              </a:spcAft>
            </a:pPr>
            <a:r>
              <a:rPr lang="en-US" sz="900" dirty="0"/>
              <a:t>•	Runoff indexes -- Critical, Dry, Below Normal, Above Normal, Wet</a:t>
            </a:r>
          </a:p>
          <a:p>
            <a:pPr marL="107912" indent="-107912">
              <a:lnSpc>
                <a:spcPct val="80000"/>
              </a:lnSpc>
              <a:spcBef>
                <a:spcPts val="0"/>
              </a:spcBef>
              <a:spcAft>
                <a:spcPts val="0"/>
              </a:spcAft>
              <a:tabLst>
                <a:tab pos="4049451" algn="r"/>
                <a:tab pos="5247432" algn="r"/>
              </a:tabLst>
            </a:pPr>
            <a:r>
              <a:rPr lang="en-US" sz="900" dirty="0"/>
              <a:t>•	Runoff indexes = Critical-16%, Dry-16%, BN-16%, AN-15%, Wet-35% (based on historical Sac 4-River Runoff Index)</a:t>
            </a:r>
          </a:p>
          <a:p>
            <a:pPr>
              <a:lnSpc>
                <a:spcPct val="80000"/>
              </a:lnSpc>
              <a:spcBef>
                <a:spcPts val="0"/>
              </a:spcBef>
              <a:spcAft>
                <a:spcPts val="0"/>
              </a:spcAft>
              <a:tabLst>
                <a:tab pos="4049451" algn="r"/>
                <a:tab pos="5247432" algn="r"/>
              </a:tabLst>
            </a:pPr>
            <a:r>
              <a:rPr lang="en-US" sz="900" b="1" u="sng" dirty="0"/>
              <a:t>THEREFORE</a:t>
            </a:r>
          </a:p>
          <a:p>
            <a:pPr marL="107912" indent="-107912">
              <a:lnSpc>
                <a:spcPct val="80000"/>
              </a:lnSpc>
              <a:spcBef>
                <a:spcPts val="0"/>
              </a:spcBef>
              <a:spcAft>
                <a:spcPts val="0"/>
              </a:spcAft>
              <a:tabLst>
                <a:tab pos="4049451" algn="r"/>
                <a:tab pos="5247432" algn="r"/>
              </a:tabLst>
            </a:pPr>
            <a:r>
              <a:rPr lang="en-US" sz="900" dirty="0"/>
              <a:t>•	Unless runoff is above average, you cannot meet blending needs.</a:t>
            </a:r>
          </a:p>
          <a:p>
            <a:pPr>
              <a:lnSpc>
                <a:spcPct val="80000"/>
              </a:lnSpc>
              <a:spcBef>
                <a:spcPts val="0"/>
              </a:spcBef>
              <a:spcAft>
                <a:spcPts val="0"/>
              </a:spcAft>
              <a:tabLst>
                <a:tab pos="4049451" algn="r"/>
                <a:tab pos="5247432" algn="r"/>
              </a:tabLst>
            </a:pPr>
            <a:r>
              <a:rPr lang="en-US" sz="900" b="1" u="sng" dirty="0"/>
              <a:t>DEVELOP CHARTS &amp; MEMBER AGENCY PERCENTAGE MATRICES</a:t>
            </a:r>
          </a:p>
          <a:p>
            <a:pPr marL="107912" indent="-107912">
              <a:lnSpc>
                <a:spcPct val="80000"/>
              </a:lnSpc>
              <a:spcBef>
                <a:spcPts val="0"/>
              </a:spcBef>
              <a:spcAft>
                <a:spcPts val="0"/>
              </a:spcAft>
              <a:tabLst>
                <a:tab pos="4049451" algn="r"/>
                <a:tab pos="5247432" algn="r"/>
              </a:tabLst>
            </a:pPr>
            <a:r>
              <a:rPr lang="en-US" sz="900" dirty="0"/>
              <a:t>•	Scenario 1:  Existing SWP/CVP Supplies (4.7 MAF/4 = 1.2 MAF on average) -- Blending goals met, show CRA area, SWP area, blending area  </a:t>
            </a:r>
          </a:p>
          <a:p>
            <a:pPr marL="107912" indent="-107912">
              <a:lnSpc>
                <a:spcPct val="80000"/>
              </a:lnSpc>
              <a:spcBef>
                <a:spcPts val="0"/>
              </a:spcBef>
              <a:spcAft>
                <a:spcPts val="0"/>
              </a:spcAft>
              <a:tabLst>
                <a:tab pos="4049451" algn="r"/>
                <a:tab pos="5247432" algn="r"/>
              </a:tabLst>
            </a:pPr>
            <a:r>
              <a:rPr lang="en-US" sz="900" dirty="0"/>
              <a:t>•	Scenario 2:  BDCP No Fix with Avg Yr runoff (3.5 MAF/4 = 850 TAF or 1.7 maf minus 50%) -- 100% of the time you will not need meet blending goals (i.e. only partial blending allowed in a smaller portion of MWD service area)</a:t>
            </a:r>
          </a:p>
          <a:p>
            <a:pPr marL="107912" indent="-107912">
              <a:lnSpc>
                <a:spcPct val="80000"/>
              </a:lnSpc>
              <a:spcBef>
                <a:spcPts val="0"/>
              </a:spcBef>
              <a:spcAft>
                <a:spcPts val="0"/>
              </a:spcAft>
              <a:tabLst>
                <a:tab pos="4049451" algn="r"/>
                <a:tab pos="5247432" algn="r"/>
              </a:tabLst>
            </a:pPr>
            <a:r>
              <a:rPr lang="en-US" sz="900" dirty="0"/>
              <a:t>•	Scenario3:  BDCP No Fix with Below Normal Yr runoff (665 TAF or 1.7) -- 22% of time you cannot do any blending [(850,000-665,000)/850,000 = 22%; assumes linear relationship with runoff index]</a:t>
            </a:r>
          </a:p>
          <a:p>
            <a:pPr>
              <a:lnSpc>
                <a:spcPct val="80000"/>
              </a:lnSpc>
              <a:spcBef>
                <a:spcPts val="0"/>
              </a:spcBef>
              <a:spcAft>
                <a:spcPts val="0"/>
              </a:spcAft>
              <a:tabLst>
                <a:tab pos="4049451" algn="r"/>
                <a:tab pos="5247432" algn="r"/>
              </a:tabLst>
            </a:pPr>
            <a:r>
              <a:rPr lang="en-US" sz="900" b="1" u="sng" dirty="0"/>
              <a:t>MWD Water Quality Treatment Plants</a:t>
            </a:r>
          </a:p>
          <a:p>
            <a:pPr>
              <a:lnSpc>
                <a:spcPct val="80000"/>
              </a:lnSpc>
              <a:spcBef>
                <a:spcPts val="0"/>
              </a:spcBef>
              <a:spcAft>
                <a:spcPts val="0"/>
              </a:spcAft>
              <a:tabLst>
                <a:tab pos="4049451" algn="r"/>
                <a:tab pos="5247432" algn="r"/>
              </a:tabLst>
            </a:pPr>
            <a:r>
              <a:rPr lang="en-US" sz="900" u="sng" dirty="0"/>
              <a:t>Normal operating conditions (Nov 04-Oct 13) (Average)	SWP	CRA</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Jensen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Weymouth	41%	59%</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Diem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Mills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Skinn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endParaRPr lang="en-US" sz="900"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122</a:t>
            </a:fld>
            <a:endParaRPr lang="en-US" dirty="0">
              <a:solidFill>
                <a:prstClr val="black"/>
              </a:solidFill>
            </a:endParaRPr>
          </a:p>
        </p:txBody>
      </p:sp>
    </p:spTree>
    <p:extLst>
      <p:ext uri="{BB962C8B-B14F-4D97-AF65-F5344CB8AC3E}">
        <p14:creationId xmlns:p14="http://schemas.microsoft.com/office/powerpoint/2010/main" val="2556955895"/>
      </p:ext>
    </p:extLst>
  </p:cSld>
  <p:clrMapOvr>
    <a:masterClrMapping/>
  </p:clrMapOvr>
</p:notes>
</file>

<file path=ppt/notesSlides/notesSlide10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23</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10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Slide Image Placeholder 1"/>
          <p:cNvSpPr>
            <a:spLocks noGrp="1" noRot="1" noChangeAspect="1" noTextEdit="1"/>
          </p:cNvSpPr>
          <p:nvPr>
            <p:ph type="sldImg"/>
          </p:nvPr>
        </p:nvSpPr>
        <p:spPr bwMode="auto">
          <a:noFill/>
          <a:ln>
            <a:solidFill>
              <a:srgbClr val="000000"/>
            </a:solidFill>
            <a:miter lim="800000"/>
            <a:headEnd/>
            <a:tailEnd/>
          </a:ln>
        </p:spPr>
      </p:sp>
      <p:sp>
        <p:nvSpPr>
          <p:cNvPr id="3" name="Notes Placeholder 2"/>
          <p:cNvSpPr>
            <a:spLocks noGrp="1"/>
          </p:cNvSpPr>
          <p:nvPr>
            <p:ph type="body" idx="1"/>
          </p:nvPr>
        </p:nvSpPr>
        <p:spPr>
          <a:xfrm>
            <a:off x="440047" y="3330579"/>
            <a:ext cx="8430124" cy="3154364"/>
          </a:xfrm>
        </p:spPr>
        <p:txBody>
          <a:bodyPr>
            <a:normAutofit/>
          </a:bodyPr>
          <a:lstStyle/>
          <a:p>
            <a:pPr>
              <a:tabLst>
                <a:tab pos="1746606" algn="l"/>
                <a:tab pos="3274352" algn="l"/>
                <a:tab pos="4243582" algn="l"/>
                <a:tab pos="5374823" algn="l"/>
                <a:tab pos="6248838" algn="l"/>
              </a:tabLst>
              <a:defRPr/>
            </a:pPr>
            <a:r>
              <a:rPr lang="en-US" b="1" u="sng" dirty="0" smtClean="0"/>
              <a:t>Cost estimates (from BDCP)</a:t>
            </a:r>
          </a:p>
          <a:p>
            <a:pPr>
              <a:buFont typeface="Arial" pitchFamily="34" charset="0"/>
              <a:buChar char="•"/>
              <a:tabLst>
                <a:tab pos="1746606" algn="l"/>
                <a:tab pos="3274352" algn="l"/>
                <a:tab pos="4243582" algn="l"/>
                <a:tab pos="5374823" algn="l"/>
                <a:tab pos="6248838" algn="l"/>
              </a:tabLst>
              <a:defRPr/>
            </a:pPr>
            <a:r>
              <a:rPr lang="en-US" dirty="0" smtClean="0"/>
              <a:t>  9,000 cfs – 14.9 billion</a:t>
            </a:r>
          </a:p>
          <a:p>
            <a:pPr>
              <a:buFont typeface="Arial" pitchFamily="34" charset="0"/>
              <a:buChar char="•"/>
              <a:tabLst>
                <a:tab pos="1746606" algn="l"/>
                <a:tab pos="3274352" algn="l"/>
                <a:tab pos="4243582" algn="l"/>
                <a:tab pos="5374823" algn="l"/>
                <a:tab pos="6248838" algn="l"/>
              </a:tabLst>
              <a:defRPr/>
            </a:pPr>
            <a:r>
              <a:rPr lang="en-US" dirty="0" smtClean="0"/>
              <a:t>    3,000 cfs – 8.9 billion</a:t>
            </a:r>
          </a:p>
          <a:p>
            <a:pPr>
              <a:buFont typeface="Arial" pitchFamily="34" charset="0"/>
              <a:buChar char="•"/>
              <a:tabLst>
                <a:tab pos="1746606" algn="l"/>
                <a:tab pos="3274352" algn="l"/>
                <a:tab pos="4243582" algn="l"/>
                <a:tab pos="5374823" algn="l"/>
                <a:tab pos="6248838" algn="l"/>
              </a:tabLst>
              <a:defRPr/>
            </a:pPr>
            <a:endParaRPr lang="en-US" dirty="0" smtClean="0"/>
          </a:p>
          <a:p>
            <a:pPr>
              <a:tabLst>
                <a:tab pos="1746606" algn="l"/>
                <a:tab pos="3274352" algn="l"/>
                <a:tab pos="4243582" algn="l"/>
                <a:tab pos="5374823" algn="l"/>
                <a:tab pos="6248838" algn="l"/>
              </a:tabLst>
              <a:defRPr/>
            </a:pPr>
            <a:r>
              <a:rPr lang="en-US" b="1" i="0" u="sng" dirty="0" smtClean="0"/>
              <a:t>SWP Table A</a:t>
            </a:r>
          </a:p>
          <a:p>
            <a:pPr>
              <a:buFont typeface="Arial" pitchFamily="34" charset="0"/>
              <a:buChar char="•"/>
              <a:tabLst>
                <a:tab pos="1746606" algn="l"/>
                <a:tab pos="3274352" algn="l"/>
                <a:tab pos="4243582" algn="l"/>
                <a:tab pos="5374823" algn="l"/>
                <a:tab pos="6248838" algn="l"/>
              </a:tabLst>
              <a:defRPr/>
            </a:pPr>
            <a:r>
              <a:rPr lang="en-US" dirty="0" smtClean="0"/>
              <a:t>  Urban Contractors (w/o Feather River Urban) – 2.98 million AF</a:t>
            </a:r>
          </a:p>
          <a:p>
            <a:pPr>
              <a:buFont typeface="Arial" pitchFamily="34" charset="0"/>
              <a:buChar char="•"/>
              <a:tabLst>
                <a:tab pos="1746606" algn="l"/>
                <a:tab pos="3274352" algn="l"/>
                <a:tab pos="4243582" algn="l"/>
                <a:tab pos="5374823" algn="l"/>
                <a:tab pos="6248838" algn="l"/>
              </a:tabLst>
              <a:defRPr/>
            </a:pPr>
            <a:r>
              <a:rPr lang="en-US" dirty="0" smtClean="0"/>
              <a:t>  Ag</a:t>
            </a:r>
            <a:r>
              <a:rPr lang="en-US" baseline="0" dirty="0" smtClean="0"/>
              <a:t> Contractors – 1.15 million AF</a:t>
            </a:r>
          </a:p>
          <a:p>
            <a:pPr>
              <a:buFont typeface="Arial" pitchFamily="34" charset="0"/>
              <a:buChar char="•"/>
              <a:tabLst>
                <a:tab pos="1746606" algn="l"/>
                <a:tab pos="3274352" algn="l"/>
                <a:tab pos="4243582" algn="l"/>
                <a:tab pos="5374823" algn="l"/>
                <a:tab pos="6248838" algn="l"/>
              </a:tabLst>
              <a:defRPr/>
            </a:pPr>
            <a:r>
              <a:rPr lang="en-US" baseline="0" dirty="0" smtClean="0"/>
              <a:t>  Total (w/o Feather River Urban) – 4.13 million AF</a:t>
            </a:r>
          </a:p>
          <a:p>
            <a:pPr>
              <a:buFont typeface="Arial" pitchFamily="34" charset="0"/>
              <a:buChar char="•"/>
              <a:tabLst>
                <a:tab pos="1746606" algn="l"/>
                <a:tab pos="3274352" algn="l"/>
                <a:tab pos="4243582" algn="l"/>
                <a:tab pos="5374823" algn="l"/>
                <a:tab pos="6248838" algn="l"/>
              </a:tabLst>
              <a:defRPr/>
            </a:pPr>
            <a:endParaRPr lang="en-US" baseline="0" dirty="0" smtClean="0"/>
          </a:p>
          <a:p>
            <a:pPr>
              <a:tabLst>
                <a:tab pos="1746606" algn="l"/>
                <a:tab pos="3274352" algn="l"/>
                <a:tab pos="4243582" algn="l"/>
                <a:tab pos="5374823" algn="l"/>
                <a:tab pos="6248838" algn="l"/>
              </a:tabLst>
              <a:defRPr/>
            </a:pPr>
            <a:r>
              <a:rPr lang="en-US" b="1" u="sng" baseline="0" dirty="0" smtClean="0"/>
              <a:t>MWD Share</a:t>
            </a:r>
          </a:p>
          <a:p>
            <a:pPr marL="113847" indent="-113847">
              <a:buFont typeface="Arial" pitchFamily="34" charset="0"/>
              <a:buChar char="•"/>
              <a:tabLst>
                <a:tab pos="1746606" algn="l"/>
                <a:tab pos="3274352" algn="l"/>
                <a:tab pos="4243582" algn="l"/>
                <a:tab pos="5374823" algn="l"/>
                <a:tab pos="6248838" algn="l"/>
              </a:tabLst>
              <a:defRPr/>
            </a:pPr>
            <a:r>
              <a:rPr lang="en-US" baseline="0" dirty="0" smtClean="0"/>
              <a:t>  3,000 cfs – Assumes no CVP, no SWP Ag, no Feather River urban; Therefore, MWD’s share(1.911 maf)/Total Urban share(2.98 maf) = 64%, or 1,920 cfs; 64% of $8.9 billion = $5.7 billion</a:t>
            </a:r>
          </a:p>
          <a:p>
            <a:pPr marL="113847" indent="-113847">
              <a:buFont typeface="Arial" pitchFamily="34" charset="0"/>
              <a:buChar char="•"/>
              <a:tabLst>
                <a:tab pos="1746606" algn="l"/>
                <a:tab pos="3274352" algn="l"/>
                <a:tab pos="4243582" algn="l"/>
                <a:tab pos="5374823" algn="l"/>
                <a:tab pos="6248838" algn="l"/>
              </a:tabLst>
              <a:defRPr/>
            </a:pPr>
            <a:r>
              <a:rPr lang="en-US" baseline="0" dirty="0" smtClean="0"/>
              <a:t>  9,000 cfs – Assumes SWP/CVP cost split of 55%/45%.  MWD’s share (1.911 maf)/Total SWP w-o Feather River share (4.13 maf) = 46%.  Therefore, $14.9 billion x 55% x 46% = $3.77 billion, or 25%; Capacity share 25% of 9,000 cfs = 2,250 cfs</a:t>
            </a:r>
          </a:p>
        </p:txBody>
      </p:sp>
      <p:sp>
        <p:nvSpPr>
          <p:cNvPr id="4" name="Slide Number Placeholder 3"/>
          <p:cNvSpPr>
            <a:spLocks noGrp="1"/>
          </p:cNvSpPr>
          <p:nvPr>
            <p:ph type="sldNum" sz="quarter" idx="5"/>
          </p:nvPr>
        </p:nvSpPr>
        <p:spPr/>
        <p:txBody>
          <a:bodyPr/>
          <a:lstStyle/>
          <a:p>
            <a:pPr>
              <a:defRPr/>
            </a:pPr>
            <a:fld id="{C5198D5D-1D30-478B-B6E1-5B6FC98A1B2A}" type="slidenum">
              <a:rPr lang="en-US" smtClean="0">
                <a:solidFill>
                  <a:prstClr val="black"/>
                </a:solidFill>
              </a:rPr>
              <a:pPr>
                <a:defRPr/>
              </a:pPr>
              <a:t>124</a:t>
            </a:fld>
            <a:endParaRPr lang="en-US" dirty="0">
              <a:solidFill>
                <a:prstClr val="black"/>
              </a:solidFill>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r>
              <a:rPr lang="en-US" dirty="0"/>
              <a:t>The California WaterFix’s budget consists of two parts: design/construction, and mitigation. The  construction budget was developed from a Class III estimate by 5RMK consultants which incorporates the Alternative 4a Conceptual Engineering Report (April 2015). 5RMK created a detailed estimate of construction costs based on the Association for the Advancement of Cost Engineers International (AACEI) standards for 10% design definition, which establishes a Class III estimate. PARO provided the cost estimate for temporary and permanent power. The PM/CM/Eng component of the Project Budget was derived from the anticipated staffing needed for program management, design, and construction management. The California WaterFix budget is in 2014 dollars with a 36% contingency. At this level of project definition the corresponding level of accuracy is +30% to ‐20 %.  Estimated costs for mitigation and associated environmental commitments are preliminary and will be revised when permits are granted. The process for estimating these costs are based on a summary and estimate created by ICF, which reflects the change from an HCP/NCCP to a Section 7 consultation. It also considers cost estimates for likely 404 permit requirements, and mitigation measures listed in the EIR/EIS Table 8.A‐61. There are areas of mitigation where the plans are still being finalized and an estimate of cost is very preliminary, including water quality and air quality.</a:t>
            </a:r>
          </a:p>
          <a:p>
            <a:r>
              <a:rPr lang="en-US" b="1" dirty="0"/>
              <a:t>Material Impact</a:t>
            </a:r>
          </a:p>
          <a:p>
            <a:r>
              <a:rPr lang="en-US" dirty="0"/>
              <a:t>Material changes will be measured against the approved annual budget and schedule. The annual budget and schedule will include an analysis of its proposed impact on the overall project budget and schedule. The intent of the DCE is to share the information developed with DWR and the Authority at quarterly meetings, so that when material impacts are reasonably known the various alternatives and the DCE’s recommendation will be presented to DWR and the Authority as described in Section 3.e.i of the DCE Agreement.</a:t>
            </a:r>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7</a:t>
            </a:fld>
            <a:endParaRPr lang="en-US" dirty="0">
              <a:solidFill>
                <a:prstClr val="black"/>
              </a:solidFill>
            </a:endParaRPr>
          </a:p>
        </p:txBody>
      </p:sp>
    </p:spTree>
    <p:extLst>
      <p:ext uri="{BB962C8B-B14F-4D97-AF65-F5344CB8AC3E}">
        <p14:creationId xmlns:p14="http://schemas.microsoft.com/office/powerpoint/2010/main" val="4273321274"/>
      </p:ext>
    </p:extLst>
  </p:cSld>
  <p:clrMapOvr>
    <a:masterClrMapping/>
  </p:clrMapOvr>
</p:notes>
</file>

<file path=ppt/notesSlides/notesSlide1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25</a:t>
            </a:fld>
            <a:endParaRPr lang="en-US" dirty="0"/>
          </a:p>
        </p:txBody>
      </p:sp>
    </p:spTree>
    <p:extLst>
      <p:ext uri="{BB962C8B-B14F-4D97-AF65-F5344CB8AC3E}">
        <p14:creationId xmlns:p14="http://schemas.microsoft.com/office/powerpoint/2010/main" val="2138282583"/>
      </p:ext>
    </p:extLst>
  </p:cSld>
  <p:clrMapOvr>
    <a:masterClrMapping/>
  </p:clrMapOvr>
</p:notes>
</file>

<file path=ppt/notesSlides/notesSlide1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26</a:t>
            </a:fld>
            <a:endParaRPr lang="en-US" dirty="0"/>
          </a:p>
        </p:txBody>
      </p:sp>
    </p:spTree>
    <p:extLst>
      <p:ext uri="{BB962C8B-B14F-4D97-AF65-F5344CB8AC3E}">
        <p14:creationId xmlns:p14="http://schemas.microsoft.com/office/powerpoint/2010/main" val="2541268003"/>
      </p:ext>
    </p:extLst>
  </p:cSld>
  <p:clrMapOvr>
    <a:masterClrMapping/>
  </p:clrMapOvr>
</p:notes>
</file>

<file path=ppt/notesSlides/notesSlide1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27</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1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225800" y="795338"/>
            <a:ext cx="2784475" cy="2087562"/>
          </a:xfrm>
        </p:spPr>
      </p:sp>
      <p:sp>
        <p:nvSpPr>
          <p:cNvPr id="3" name="Notes Placeholder 2"/>
          <p:cNvSpPr>
            <a:spLocks noGrp="1"/>
          </p:cNvSpPr>
          <p:nvPr>
            <p:ph type="body" idx="1"/>
          </p:nvPr>
        </p:nvSpPr>
        <p:spPr>
          <a:xfrm>
            <a:off x="923609" y="2909873"/>
            <a:ext cx="7388860" cy="3154680"/>
          </a:xfrm>
        </p:spPr>
        <p:txBody>
          <a:bodyPr/>
          <a:lstStyle/>
          <a:p>
            <a:pPr>
              <a:lnSpc>
                <a:spcPct val="85000"/>
              </a:lnSpc>
            </a:pPr>
            <a:r>
              <a:rPr lang="en-US" sz="1000" b="1" dirty="0"/>
              <a:t>General Background</a:t>
            </a:r>
          </a:p>
          <a:p>
            <a:pPr>
              <a:lnSpc>
                <a:spcPct val="85000"/>
              </a:lnSpc>
            </a:pPr>
            <a:r>
              <a:rPr lang="en-US" sz="1000" dirty="0"/>
              <a:t>The CSAMP was launched following a decision by the United States District Court for the Eastern </a:t>
            </a:r>
          </a:p>
          <a:p>
            <a:pPr>
              <a:lnSpc>
                <a:spcPct val="85000"/>
              </a:lnSpc>
            </a:pPr>
            <a:r>
              <a:rPr lang="en-US" sz="1000" dirty="0"/>
              <a:t>District of California on April 9, 2013 entitled “Memorandum Decision and Order regarding </a:t>
            </a:r>
          </a:p>
          <a:p>
            <a:pPr>
              <a:lnSpc>
                <a:spcPct val="85000"/>
              </a:lnSpc>
            </a:pPr>
            <a:r>
              <a:rPr lang="en-US" sz="1000" dirty="0"/>
              <a:t>Motion to Extend Remand Schedule” (“Court Order”), issued in response to a motion to extend </a:t>
            </a:r>
          </a:p>
          <a:p>
            <a:pPr>
              <a:lnSpc>
                <a:spcPct val="85000"/>
              </a:lnSpc>
            </a:pPr>
            <a:r>
              <a:rPr lang="en-US" sz="1000" dirty="0"/>
              <a:t>the court3ordered remand schedule for completing revisions to salmon (NMFS 2009) and Delta </a:t>
            </a:r>
          </a:p>
          <a:p>
            <a:pPr>
              <a:lnSpc>
                <a:spcPct val="85000"/>
              </a:lnSpc>
            </a:pPr>
            <a:r>
              <a:rPr lang="en-US" sz="1000" dirty="0"/>
              <a:t>Smelt (FWS 2008) Biological Opinions (“BiOps”).  </a:t>
            </a:r>
          </a:p>
          <a:p>
            <a:pPr>
              <a:lnSpc>
                <a:spcPct val="85000"/>
              </a:lnSpc>
            </a:pPr>
            <a:endParaRPr lang="en-US" sz="1000" dirty="0"/>
          </a:p>
          <a:p>
            <a:pPr>
              <a:lnSpc>
                <a:spcPct val="85000"/>
              </a:lnSpc>
            </a:pPr>
            <a:r>
              <a:rPr lang="en-US" sz="1000" b="1" dirty="0"/>
              <a:t>CSAMP Policy Group</a:t>
            </a:r>
          </a:p>
          <a:p>
            <a:pPr>
              <a:lnSpc>
                <a:spcPct val="85000"/>
              </a:lnSpc>
            </a:pPr>
            <a:r>
              <a:rPr lang="en-US" sz="1000" dirty="0"/>
              <a:t>Jim Beck…….……………………………………….…………... Kern County Water Agency </a:t>
            </a:r>
          </a:p>
          <a:p>
            <a:pPr>
              <a:lnSpc>
                <a:spcPct val="85000"/>
              </a:lnSpc>
            </a:pPr>
            <a:r>
              <a:rPr lang="en-US" sz="1000" dirty="0"/>
              <a:t>Thomas Birmingham……………………………………….. Westlands Water District </a:t>
            </a:r>
          </a:p>
          <a:p>
            <a:pPr>
              <a:lnSpc>
                <a:spcPct val="85000"/>
              </a:lnSpc>
            </a:pPr>
            <a:r>
              <a:rPr lang="en-US" sz="1000" dirty="0"/>
              <a:t>Charlton “Chuck” Bonham….……………………….….. CA Department of Fish and Wildlife </a:t>
            </a:r>
          </a:p>
          <a:p>
            <a:pPr>
              <a:lnSpc>
                <a:spcPct val="85000"/>
              </a:lnSpc>
            </a:pPr>
            <a:r>
              <a:rPr lang="en-US" sz="1000" dirty="0"/>
              <a:t>Mark Cowin………………….………………………………….  CA Department of Water Resources </a:t>
            </a:r>
          </a:p>
          <a:p>
            <a:pPr>
              <a:lnSpc>
                <a:spcPct val="85000"/>
              </a:lnSpc>
            </a:pPr>
            <a:r>
              <a:rPr lang="en-US" sz="1000" dirty="0"/>
              <a:t>Zeke Grader…………………………………………………….. Golden Gate Salmon Association </a:t>
            </a:r>
          </a:p>
          <a:p>
            <a:pPr>
              <a:lnSpc>
                <a:spcPct val="85000"/>
              </a:lnSpc>
            </a:pPr>
            <a:r>
              <a:rPr lang="en-US" sz="1000" dirty="0"/>
              <a:t>Ren Lohoefener……………………………………………….  U.S. Fish and Wildlife Service </a:t>
            </a:r>
          </a:p>
          <a:p>
            <a:pPr>
              <a:lnSpc>
                <a:spcPct val="85000"/>
              </a:lnSpc>
            </a:pPr>
            <a:r>
              <a:rPr lang="en-US" sz="1000" dirty="0"/>
              <a:t>Jeff Kightlinger..………………………………………………. Metropolitan Water District of Southern California </a:t>
            </a:r>
          </a:p>
          <a:p>
            <a:pPr>
              <a:lnSpc>
                <a:spcPct val="85000"/>
              </a:lnSpc>
            </a:pPr>
            <a:r>
              <a:rPr lang="en-US" sz="1000" dirty="0"/>
              <a:t>David Murillo…………………………………………………… U.S. Bureau of Reclamation </a:t>
            </a:r>
          </a:p>
          <a:p>
            <a:pPr>
              <a:lnSpc>
                <a:spcPct val="85000"/>
              </a:lnSpc>
            </a:pPr>
            <a:r>
              <a:rPr lang="en-US" sz="1000" dirty="0"/>
              <a:t>Bill Phillimore…………………………………………………..  Coalition for a Sustainable Delta </a:t>
            </a:r>
          </a:p>
          <a:p>
            <a:pPr>
              <a:lnSpc>
                <a:spcPct val="85000"/>
              </a:lnSpc>
            </a:pPr>
            <a:r>
              <a:rPr lang="en-US" sz="1000" dirty="0"/>
              <a:t>Dick Pool…………...……………………………………………. Water4Fish </a:t>
            </a:r>
          </a:p>
          <a:p>
            <a:pPr>
              <a:lnSpc>
                <a:spcPct val="85000"/>
              </a:lnSpc>
            </a:pPr>
            <a:r>
              <a:rPr lang="en-US" sz="1000" dirty="0"/>
              <a:t>Kate Poole……….................................................... Natural Resources Defense Council </a:t>
            </a:r>
          </a:p>
          <a:p>
            <a:pPr>
              <a:lnSpc>
                <a:spcPct val="85000"/>
              </a:lnSpc>
            </a:pPr>
            <a:r>
              <a:rPr lang="en-US" sz="1000" dirty="0"/>
              <a:t>William Stelle....................................................... National Marine Fisheries Service </a:t>
            </a:r>
          </a:p>
          <a:p>
            <a:pPr>
              <a:lnSpc>
                <a:spcPct val="85000"/>
              </a:lnSpc>
            </a:pPr>
            <a:r>
              <a:rPr lang="en-US" sz="1000" dirty="0"/>
              <a:t>Jay Ziegler…..…………............................................. The Nature Conservancy  </a:t>
            </a:r>
          </a:p>
          <a:p>
            <a:pPr>
              <a:lnSpc>
                <a:spcPct val="85000"/>
              </a:lnSpc>
            </a:pPr>
            <a:endParaRPr lang="en-US" sz="1000" b="1" dirty="0"/>
          </a:p>
          <a:p>
            <a:pPr>
              <a:lnSpc>
                <a:spcPct val="85000"/>
              </a:lnSpc>
            </a:pPr>
            <a:r>
              <a:rPr lang="en-US" sz="1000" b="1" dirty="0"/>
              <a:t>Collaborative Adaptive Management Team (CAMT)</a:t>
            </a:r>
          </a:p>
          <a:p>
            <a:pPr>
              <a:lnSpc>
                <a:spcPct val="85000"/>
              </a:lnSpc>
            </a:pPr>
            <a:r>
              <a:rPr lang="en-US" sz="1000" dirty="0"/>
              <a:t>Gary Bobker…………………………………………………....  The Bay Institute </a:t>
            </a:r>
          </a:p>
          <a:p>
            <a:pPr>
              <a:lnSpc>
                <a:spcPct val="85000"/>
              </a:lnSpc>
            </a:pPr>
            <a:r>
              <a:rPr lang="en-US" sz="1000" dirty="0"/>
              <a:t>Frances Brewster…………………………………………….. Santa Clara Valley Water District </a:t>
            </a:r>
          </a:p>
          <a:p>
            <a:pPr>
              <a:lnSpc>
                <a:spcPct val="85000"/>
              </a:lnSpc>
            </a:pPr>
            <a:r>
              <a:rPr lang="en-US" sz="1000" dirty="0"/>
              <a:t>Mike Chotkowski……………………………………………..  U.S. Fish and Wildlife Service </a:t>
            </a:r>
          </a:p>
          <a:p>
            <a:pPr>
              <a:lnSpc>
                <a:spcPct val="85000"/>
              </a:lnSpc>
            </a:pPr>
            <a:r>
              <a:rPr lang="en-US" sz="1000" dirty="0"/>
              <a:t>Valerie Connor, Co-Chair………………………………….  State and Federal Contractors Water Agency </a:t>
            </a:r>
          </a:p>
          <a:p>
            <a:pPr>
              <a:lnSpc>
                <a:spcPct val="85000"/>
              </a:lnSpc>
            </a:pPr>
            <a:r>
              <a:rPr lang="en-US" sz="1000" dirty="0"/>
              <a:t>Sue Fry…………………………………………………………….. U.S. Bureau of Reclamation </a:t>
            </a:r>
          </a:p>
          <a:p>
            <a:pPr>
              <a:lnSpc>
                <a:spcPct val="85000"/>
              </a:lnSpc>
            </a:pPr>
            <a:r>
              <a:rPr lang="en-US" sz="1000" dirty="0"/>
              <a:t>Lauren Hastings……………………………………………….  Delta Science Program </a:t>
            </a:r>
          </a:p>
          <a:p>
            <a:pPr>
              <a:lnSpc>
                <a:spcPct val="85000"/>
              </a:lnSpc>
            </a:pPr>
            <a:r>
              <a:rPr lang="en-US" sz="1000" dirty="0"/>
              <a:t>Steve Lindley……………………………………………………  National Marine Fisheries Service </a:t>
            </a:r>
          </a:p>
          <a:p>
            <a:pPr>
              <a:lnSpc>
                <a:spcPct val="85000"/>
              </a:lnSpc>
            </a:pPr>
            <a:r>
              <a:rPr lang="en-US" sz="1000" dirty="0"/>
              <a:t>Laura King Moon.................................................. CA Department of Water Resources </a:t>
            </a:r>
          </a:p>
          <a:p>
            <a:pPr>
              <a:lnSpc>
                <a:spcPct val="85000"/>
              </a:lnSpc>
            </a:pPr>
            <a:r>
              <a:rPr lang="en-US" sz="1000" dirty="0"/>
              <a:t>Anke Mueller-Solger............................................ Interagency Ecological Program </a:t>
            </a:r>
          </a:p>
          <a:p>
            <a:pPr>
              <a:lnSpc>
                <a:spcPct val="85000"/>
              </a:lnSpc>
            </a:pPr>
            <a:r>
              <a:rPr lang="en-US" sz="1000" dirty="0"/>
              <a:t>Maria Rea............................................................. National Marine Fisheries Service </a:t>
            </a:r>
          </a:p>
          <a:p>
            <a:pPr>
              <a:lnSpc>
                <a:spcPct val="85000"/>
              </a:lnSpc>
            </a:pPr>
            <a:r>
              <a:rPr lang="en-US" sz="1000" dirty="0"/>
              <a:t>Carl Wilcox........................................................... CA Department of Fish and Wildlife </a:t>
            </a:r>
          </a:p>
          <a:p>
            <a:pPr>
              <a:lnSpc>
                <a:spcPct val="85000"/>
              </a:lnSpc>
            </a:pPr>
            <a:r>
              <a:rPr lang="en-US" sz="1000" dirty="0"/>
              <a:t>Leo Winternitz, Co-Chair...................................... The Nature Conservancy </a:t>
            </a:r>
          </a:p>
        </p:txBody>
      </p:sp>
      <p:sp>
        <p:nvSpPr>
          <p:cNvPr id="4" name="Slide Number Placeholder 3"/>
          <p:cNvSpPr>
            <a:spLocks noGrp="1"/>
          </p:cNvSpPr>
          <p:nvPr>
            <p:ph type="sldNum" sz="quarter" idx="10"/>
          </p:nvPr>
        </p:nvSpPr>
        <p:spPr/>
        <p:txBody>
          <a:bodyPr/>
          <a:lstStyle/>
          <a:p>
            <a:fld id="{33F57FB7-A35F-4B35-BCE0-EA635445EA90}" type="slidenum">
              <a:rPr lang="en-US" smtClean="0"/>
              <a:t>128</a:t>
            </a:fld>
            <a:endParaRPr lang="en-US" dirty="0"/>
          </a:p>
        </p:txBody>
      </p:sp>
    </p:spTree>
    <p:extLst>
      <p:ext uri="{BB962C8B-B14F-4D97-AF65-F5344CB8AC3E}">
        <p14:creationId xmlns:p14="http://schemas.microsoft.com/office/powerpoint/2010/main" val="1860280090"/>
      </p:ext>
    </p:extLst>
  </p:cSld>
  <p:clrMapOvr>
    <a:masterClrMapping/>
  </p:clrMapOvr>
</p:notes>
</file>

<file path=ppt/notesSlides/notesSlide1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03550" y="388938"/>
            <a:ext cx="3228975" cy="2420937"/>
          </a:xfrm>
        </p:spPr>
      </p:sp>
      <p:sp>
        <p:nvSpPr>
          <p:cNvPr id="4" name="Slide Number Placeholder 3"/>
          <p:cNvSpPr>
            <a:spLocks noGrp="1"/>
          </p:cNvSpPr>
          <p:nvPr>
            <p:ph type="sldNum" sz="quarter" idx="10"/>
          </p:nvPr>
        </p:nvSpPr>
        <p:spPr/>
        <p:txBody>
          <a:bodyPr/>
          <a:lstStyle/>
          <a:p>
            <a:fld id="{33F57FB7-A35F-4B35-BCE0-EA635445EA90}" type="slidenum">
              <a:rPr lang="en-US" smtClean="0"/>
              <a:t>129</a:t>
            </a:fld>
            <a:endParaRPr lang="en-US" dirty="0"/>
          </a:p>
        </p:txBody>
      </p:sp>
      <p:sp>
        <p:nvSpPr>
          <p:cNvPr id="6" name="Notes Placeholder 2"/>
          <p:cNvSpPr>
            <a:spLocks noGrp="1"/>
          </p:cNvSpPr>
          <p:nvPr>
            <p:ph type="body" idx="3"/>
          </p:nvPr>
        </p:nvSpPr>
        <p:spPr>
          <a:xfrm>
            <a:off x="923609" y="2909873"/>
            <a:ext cx="7388860" cy="3154680"/>
          </a:xfrm>
        </p:spPr>
        <p:txBody>
          <a:bodyPr/>
          <a:lstStyle/>
          <a:p>
            <a:pPr>
              <a:lnSpc>
                <a:spcPct val="85000"/>
              </a:lnSpc>
            </a:pPr>
            <a:r>
              <a:rPr lang="en-US" sz="1000" b="1" dirty="0"/>
              <a:t>General Background</a:t>
            </a:r>
          </a:p>
          <a:p>
            <a:pPr>
              <a:lnSpc>
                <a:spcPct val="85000"/>
              </a:lnSpc>
            </a:pPr>
            <a:r>
              <a:rPr lang="en-US" sz="1000" dirty="0"/>
              <a:t>The CSAMP was launched following a decision by the United States District Court for the Eastern </a:t>
            </a:r>
          </a:p>
          <a:p>
            <a:pPr>
              <a:lnSpc>
                <a:spcPct val="85000"/>
              </a:lnSpc>
            </a:pPr>
            <a:r>
              <a:rPr lang="en-US" sz="1000" dirty="0"/>
              <a:t>District of California on April 9, 2013 entitled “Memorandum Decision and Order regarding </a:t>
            </a:r>
          </a:p>
          <a:p>
            <a:pPr>
              <a:lnSpc>
                <a:spcPct val="85000"/>
              </a:lnSpc>
            </a:pPr>
            <a:r>
              <a:rPr lang="en-US" sz="1000" dirty="0"/>
              <a:t>Motion to Extend Remand Schedule” (“Court Order”), issued in response to a motion to extend </a:t>
            </a:r>
          </a:p>
          <a:p>
            <a:pPr>
              <a:lnSpc>
                <a:spcPct val="85000"/>
              </a:lnSpc>
            </a:pPr>
            <a:r>
              <a:rPr lang="en-US" sz="1000" dirty="0"/>
              <a:t>the court3ordered remand schedule for completing revisions to salmon (NMFS 2009) and Delta </a:t>
            </a:r>
          </a:p>
          <a:p>
            <a:pPr>
              <a:lnSpc>
                <a:spcPct val="85000"/>
              </a:lnSpc>
            </a:pPr>
            <a:r>
              <a:rPr lang="en-US" sz="1000" dirty="0"/>
              <a:t>Smelt (FWS 2008) Biological Opinions (“BiOps”).  </a:t>
            </a:r>
          </a:p>
          <a:p>
            <a:pPr>
              <a:lnSpc>
                <a:spcPct val="85000"/>
              </a:lnSpc>
            </a:pPr>
            <a:endParaRPr lang="en-US" sz="1000" dirty="0"/>
          </a:p>
          <a:p>
            <a:pPr>
              <a:lnSpc>
                <a:spcPct val="85000"/>
              </a:lnSpc>
            </a:pPr>
            <a:r>
              <a:rPr lang="en-US" sz="1000" b="1" dirty="0"/>
              <a:t>CSAMP Policy Group</a:t>
            </a:r>
          </a:p>
          <a:p>
            <a:pPr>
              <a:lnSpc>
                <a:spcPct val="85000"/>
              </a:lnSpc>
            </a:pPr>
            <a:r>
              <a:rPr lang="en-US" sz="1000" dirty="0"/>
              <a:t>Jim Beck…….……………………………………….…………... Kern County Water Agency </a:t>
            </a:r>
          </a:p>
          <a:p>
            <a:pPr>
              <a:lnSpc>
                <a:spcPct val="85000"/>
              </a:lnSpc>
            </a:pPr>
            <a:r>
              <a:rPr lang="en-US" sz="1000" dirty="0"/>
              <a:t>Thomas Birmingham……………………………………….. Westlands Water District </a:t>
            </a:r>
          </a:p>
          <a:p>
            <a:pPr>
              <a:lnSpc>
                <a:spcPct val="85000"/>
              </a:lnSpc>
            </a:pPr>
            <a:r>
              <a:rPr lang="en-US" sz="1000" dirty="0"/>
              <a:t>Charlton “Chuck” Bonham….……………………….….. CA Department of Fish and Wildlife </a:t>
            </a:r>
          </a:p>
          <a:p>
            <a:pPr>
              <a:lnSpc>
                <a:spcPct val="85000"/>
              </a:lnSpc>
            </a:pPr>
            <a:r>
              <a:rPr lang="en-US" sz="1000" dirty="0"/>
              <a:t>Mark Cowin………………….………………………………….  CA Department of Water Resources </a:t>
            </a:r>
          </a:p>
          <a:p>
            <a:pPr>
              <a:lnSpc>
                <a:spcPct val="85000"/>
              </a:lnSpc>
            </a:pPr>
            <a:r>
              <a:rPr lang="en-US" sz="1000" dirty="0"/>
              <a:t>Zeke Grader…………………………………………………….. Golden Gate Salmon Association </a:t>
            </a:r>
          </a:p>
          <a:p>
            <a:pPr>
              <a:lnSpc>
                <a:spcPct val="85000"/>
              </a:lnSpc>
            </a:pPr>
            <a:r>
              <a:rPr lang="en-US" sz="1000" dirty="0"/>
              <a:t>Ren Lohoefener……………………………………………….  U.S. Fish and Wildlife Service </a:t>
            </a:r>
          </a:p>
          <a:p>
            <a:pPr>
              <a:lnSpc>
                <a:spcPct val="85000"/>
              </a:lnSpc>
            </a:pPr>
            <a:r>
              <a:rPr lang="en-US" sz="1000" dirty="0"/>
              <a:t>Jeff Kightlinger..………………………………………………. Metropolitan Water District of Southern California </a:t>
            </a:r>
          </a:p>
          <a:p>
            <a:pPr>
              <a:lnSpc>
                <a:spcPct val="85000"/>
              </a:lnSpc>
            </a:pPr>
            <a:r>
              <a:rPr lang="en-US" sz="1000" dirty="0"/>
              <a:t>David Murillo…………………………………………………… U.S. Bureau of Reclamation </a:t>
            </a:r>
          </a:p>
          <a:p>
            <a:pPr>
              <a:lnSpc>
                <a:spcPct val="85000"/>
              </a:lnSpc>
            </a:pPr>
            <a:r>
              <a:rPr lang="en-US" sz="1000" dirty="0"/>
              <a:t>Bill Phillimore…………………………………………………..  Coalition for a Sustainable Delta </a:t>
            </a:r>
          </a:p>
          <a:p>
            <a:pPr>
              <a:lnSpc>
                <a:spcPct val="85000"/>
              </a:lnSpc>
            </a:pPr>
            <a:r>
              <a:rPr lang="en-US" sz="1000" dirty="0"/>
              <a:t>Dick Pool…………...……………………………………………. Water4Fish </a:t>
            </a:r>
          </a:p>
          <a:p>
            <a:pPr>
              <a:lnSpc>
                <a:spcPct val="85000"/>
              </a:lnSpc>
            </a:pPr>
            <a:r>
              <a:rPr lang="en-US" sz="1000" dirty="0"/>
              <a:t>Kate Poole……….................................................... Natural Resources Defense Council </a:t>
            </a:r>
          </a:p>
          <a:p>
            <a:pPr>
              <a:lnSpc>
                <a:spcPct val="85000"/>
              </a:lnSpc>
            </a:pPr>
            <a:r>
              <a:rPr lang="en-US" sz="1000" dirty="0"/>
              <a:t>William Stelle....................................................... National Marine Fisheries Service </a:t>
            </a:r>
          </a:p>
          <a:p>
            <a:pPr>
              <a:lnSpc>
                <a:spcPct val="85000"/>
              </a:lnSpc>
            </a:pPr>
            <a:r>
              <a:rPr lang="en-US" sz="1000" dirty="0"/>
              <a:t>Jay Ziegler…..…………............................................. The Nature Conservancy  </a:t>
            </a:r>
          </a:p>
          <a:p>
            <a:pPr>
              <a:lnSpc>
                <a:spcPct val="85000"/>
              </a:lnSpc>
            </a:pPr>
            <a:endParaRPr lang="en-US" sz="1000" b="1" dirty="0"/>
          </a:p>
          <a:p>
            <a:pPr>
              <a:lnSpc>
                <a:spcPct val="85000"/>
              </a:lnSpc>
            </a:pPr>
            <a:r>
              <a:rPr lang="en-US" sz="1000" b="1" dirty="0"/>
              <a:t>Collaborative Adaptive Management Team (CAMT)</a:t>
            </a:r>
          </a:p>
          <a:p>
            <a:pPr>
              <a:lnSpc>
                <a:spcPct val="85000"/>
              </a:lnSpc>
            </a:pPr>
            <a:r>
              <a:rPr lang="en-US" sz="1000" dirty="0"/>
              <a:t>Gary Bobker…………………………………………………....  The Bay Institute </a:t>
            </a:r>
          </a:p>
          <a:p>
            <a:pPr>
              <a:lnSpc>
                <a:spcPct val="85000"/>
              </a:lnSpc>
            </a:pPr>
            <a:r>
              <a:rPr lang="en-US" sz="1000" dirty="0"/>
              <a:t>Frances Brewster…………………………………………….. Santa Clara Valley Water District </a:t>
            </a:r>
          </a:p>
          <a:p>
            <a:pPr>
              <a:lnSpc>
                <a:spcPct val="85000"/>
              </a:lnSpc>
            </a:pPr>
            <a:r>
              <a:rPr lang="en-US" sz="1000" dirty="0"/>
              <a:t>Mike Chotkowski……………………………………………..  U.S. Fish and Wildlife Service </a:t>
            </a:r>
          </a:p>
          <a:p>
            <a:pPr>
              <a:lnSpc>
                <a:spcPct val="85000"/>
              </a:lnSpc>
            </a:pPr>
            <a:r>
              <a:rPr lang="en-US" sz="1000" dirty="0"/>
              <a:t>Valerie Connor, Co-Chair………………………………….  State and Federal Contractors Water Agency </a:t>
            </a:r>
          </a:p>
          <a:p>
            <a:pPr>
              <a:lnSpc>
                <a:spcPct val="85000"/>
              </a:lnSpc>
            </a:pPr>
            <a:r>
              <a:rPr lang="en-US" sz="1000" dirty="0"/>
              <a:t>Sue Fry…………………………………………………………….. U.S. Bureau of Reclamation </a:t>
            </a:r>
          </a:p>
          <a:p>
            <a:pPr>
              <a:lnSpc>
                <a:spcPct val="85000"/>
              </a:lnSpc>
            </a:pPr>
            <a:r>
              <a:rPr lang="en-US" sz="1000" dirty="0"/>
              <a:t>Lauren Hastings……………………………………………….  Delta Science Program </a:t>
            </a:r>
          </a:p>
          <a:p>
            <a:pPr>
              <a:lnSpc>
                <a:spcPct val="85000"/>
              </a:lnSpc>
            </a:pPr>
            <a:r>
              <a:rPr lang="en-US" sz="1000" dirty="0"/>
              <a:t>Steve Lindley……………………………………………………  National Marine Fisheries Service </a:t>
            </a:r>
          </a:p>
          <a:p>
            <a:pPr>
              <a:lnSpc>
                <a:spcPct val="85000"/>
              </a:lnSpc>
            </a:pPr>
            <a:r>
              <a:rPr lang="en-US" sz="1000" dirty="0"/>
              <a:t>Laura King Moon.................................................. CA Department of Water Resources </a:t>
            </a:r>
          </a:p>
          <a:p>
            <a:pPr>
              <a:lnSpc>
                <a:spcPct val="85000"/>
              </a:lnSpc>
            </a:pPr>
            <a:r>
              <a:rPr lang="en-US" sz="1000" dirty="0"/>
              <a:t>Anke Mueller-Solger............................................ Interagency Ecological Program </a:t>
            </a:r>
          </a:p>
          <a:p>
            <a:pPr>
              <a:lnSpc>
                <a:spcPct val="85000"/>
              </a:lnSpc>
            </a:pPr>
            <a:r>
              <a:rPr lang="en-US" sz="1000" dirty="0"/>
              <a:t>Maria Rea............................................................. National Marine Fisheries Service </a:t>
            </a:r>
          </a:p>
          <a:p>
            <a:pPr>
              <a:lnSpc>
                <a:spcPct val="85000"/>
              </a:lnSpc>
            </a:pPr>
            <a:r>
              <a:rPr lang="en-US" sz="1000" dirty="0"/>
              <a:t>Carl Wilcox........................................................... CA Department of Fish and Wildlife </a:t>
            </a:r>
          </a:p>
          <a:p>
            <a:pPr>
              <a:lnSpc>
                <a:spcPct val="85000"/>
              </a:lnSpc>
            </a:pPr>
            <a:r>
              <a:rPr lang="en-US" sz="1000" dirty="0"/>
              <a:t>Leo Winternitz, Co-Chair...................................... The Nature Conservancy </a:t>
            </a:r>
          </a:p>
        </p:txBody>
      </p:sp>
    </p:spTree>
    <p:extLst>
      <p:ext uri="{BB962C8B-B14F-4D97-AF65-F5344CB8AC3E}">
        <p14:creationId xmlns:p14="http://schemas.microsoft.com/office/powerpoint/2010/main" val="1860280090"/>
      </p:ext>
    </p:extLst>
  </p:cSld>
  <p:clrMapOvr>
    <a:masterClrMapping/>
  </p:clrMapOvr>
</p:notes>
</file>

<file path=ppt/notesSlides/notesSlide1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30</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1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0"/>
              </a:spcBef>
              <a:spcAft>
                <a:spcPts val="1722"/>
              </a:spcAft>
            </a:pPr>
            <a:r>
              <a:rPr lang="en-US" dirty="0"/>
              <a:t>Unified command integrates Cal OES, DWR, USACE and local operations</a:t>
            </a:r>
          </a:p>
          <a:p>
            <a:pPr>
              <a:spcBef>
                <a:spcPts val="0"/>
              </a:spcBef>
              <a:spcAft>
                <a:spcPts val="1722"/>
              </a:spcAft>
            </a:pPr>
            <a:r>
              <a:rPr lang="en-US" dirty="0"/>
              <a:t>MOA between DWR and USACE coordinates tactical response </a:t>
            </a:r>
          </a:p>
          <a:p>
            <a:pPr>
              <a:spcAft>
                <a:spcPts val="1722"/>
              </a:spcAft>
            </a:pPr>
            <a:r>
              <a:rPr lang="en-US" dirty="0"/>
              <a:t>Pre-defined missions framework are flexible and scalable</a:t>
            </a:r>
          </a:p>
          <a:p>
            <a:pPr>
              <a:spcAft>
                <a:spcPts val="1722"/>
              </a:spcAft>
            </a:pPr>
            <a:r>
              <a:rPr lang="en-US" dirty="0"/>
              <a:t>DWR’s tactical model predicts time and cost of repairs</a:t>
            </a:r>
          </a:p>
          <a:p>
            <a:pPr>
              <a:spcAft>
                <a:spcPts val="1722"/>
              </a:spcAft>
            </a:pPr>
            <a:r>
              <a:rPr lang="en-US" dirty="0"/>
              <a:t>Emergency plans are tested under simulated floods and  earthquakes</a:t>
            </a:r>
          </a:p>
          <a:p>
            <a:pPr>
              <a:spcBef>
                <a:spcPts val="0"/>
              </a:spcBef>
              <a:spcAft>
                <a:spcPts val="1148"/>
              </a:spcAft>
            </a:pPr>
            <a:r>
              <a:rPr lang="en-US" sz="1100" dirty="0"/>
              <a:t>IDIQ and On-call contracts for materials, response and repair</a:t>
            </a:r>
            <a:endParaRPr lang="en-US" dirty="0"/>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31</a:t>
            </a:fld>
            <a:endParaRPr lang="en-US" dirty="0">
              <a:solidFill>
                <a:prstClr val="black"/>
              </a:solidFill>
            </a:endParaRPr>
          </a:p>
        </p:txBody>
      </p:sp>
    </p:spTree>
    <p:extLst>
      <p:ext uri="{BB962C8B-B14F-4D97-AF65-F5344CB8AC3E}">
        <p14:creationId xmlns:p14="http://schemas.microsoft.com/office/powerpoint/2010/main" val="1540011894"/>
      </p:ext>
    </p:extLst>
  </p:cSld>
  <p:clrMapOvr>
    <a:masterClrMapping/>
  </p:clrMapOvr>
</p:notes>
</file>

<file path=ppt/notesSlides/notesSlide1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445331" indent="-403063">
              <a:lnSpc>
                <a:spcPct val="90000"/>
              </a:lnSpc>
              <a:spcBef>
                <a:spcPts val="1142"/>
              </a:spcBef>
              <a:spcAft>
                <a:spcPts val="0"/>
              </a:spcAft>
              <a:buClr>
                <a:srgbClr val="FFFF00"/>
              </a:buClr>
              <a:defRPr/>
            </a:pPr>
            <a:r>
              <a:rPr lang="en-US" sz="1100" b="1" u="sng" dirty="0">
                <a:ln w="3175">
                  <a:noFill/>
                </a:ln>
                <a:cs typeface="Arial" charset="0"/>
              </a:rPr>
              <a:t>3  Proposed Emergency Stockpile Sites </a:t>
            </a:r>
          </a:p>
          <a:p>
            <a:pPr marL="380417" indent="-229459">
              <a:lnSpc>
                <a:spcPct val="90000"/>
              </a:lnSpc>
              <a:spcAft>
                <a:spcPts val="0"/>
              </a:spcAft>
              <a:buClr>
                <a:schemeClr val="tx1"/>
              </a:buClr>
              <a:buFont typeface="+mj-lt"/>
              <a:buAutoNum type="arabicPeriod"/>
              <a:defRPr/>
            </a:pPr>
            <a:r>
              <a:rPr lang="en-US" sz="1100" dirty="0">
                <a:cs typeface="Times New Roman" pitchFamily="18" charset="0"/>
              </a:rPr>
              <a:t>Stockton – DW Ship Channel/Interstate 5</a:t>
            </a:r>
          </a:p>
          <a:p>
            <a:pPr marL="380417" indent="-229459">
              <a:lnSpc>
                <a:spcPct val="90000"/>
              </a:lnSpc>
              <a:spcAft>
                <a:spcPts val="0"/>
              </a:spcAft>
              <a:buClr>
                <a:schemeClr val="tx1"/>
              </a:buClr>
              <a:buFont typeface="+mj-lt"/>
              <a:buAutoNum type="arabicPeriod"/>
              <a:defRPr/>
            </a:pPr>
            <a:r>
              <a:rPr lang="en-US" sz="1100" dirty="0">
                <a:cs typeface="Times New Roman" pitchFamily="18" charset="0"/>
              </a:rPr>
              <a:t>Brandon Island – Southern tip</a:t>
            </a:r>
          </a:p>
          <a:p>
            <a:pPr marL="380417" indent="-229459">
              <a:lnSpc>
                <a:spcPct val="90000"/>
              </a:lnSpc>
              <a:spcAft>
                <a:spcPts val="0"/>
              </a:spcAft>
              <a:buClr>
                <a:schemeClr val="tx1"/>
              </a:buClr>
              <a:buFont typeface="+mj-lt"/>
              <a:buAutoNum type="arabicPeriod"/>
              <a:defRPr/>
            </a:pPr>
            <a:r>
              <a:rPr lang="en-US" sz="1100" dirty="0">
                <a:cs typeface="Times New Roman" pitchFamily="18" charset="0"/>
              </a:rPr>
              <a:t>Rio Vista – Current Stockpile Area </a:t>
            </a:r>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32</a:t>
            </a:fld>
            <a:endParaRPr lang="en-US" dirty="0">
              <a:solidFill>
                <a:prstClr val="black"/>
              </a:solidFill>
            </a:endParaRPr>
          </a:p>
        </p:txBody>
      </p:sp>
    </p:spTree>
  </p:cSld>
  <p:clrMapOvr>
    <a:masterClrMapping/>
  </p:clrMapOvr>
</p:notes>
</file>

<file path=ppt/notesSlides/notesSlide1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33</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1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34</a:t>
            </a:fld>
            <a:endParaRPr lang="en-US" dirty="0"/>
          </a:p>
        </p:txBody>
      </p:sp>
      <p:sp>
        <p:nvSpPr>
          <p:cNvPr id="5" name="Notes Placeholder 4"/>
          <p:cNvSpPr>
            <a:spLocks noGrp="1"/>
          </p:cNvSpPr>
          <p:nvPr>
            <p:ph type="body" sz="quarter" idx="11"/>
          </p:nvPr>
        </p:nvSpPr>
        <p:spPr/>
        <p:txBody>
          <a:bodyPr/>
          <a:lstStyle/>
          <a:p>
            <a:endParaRPr lang="en-US" dirty="0"/>
          </a:p>
        </p:txBody>
      </p:sp>
    </p:spTree>
    <p:extLst>
      <p:ext uri="{BB962C8B-B14F-4D97-AF65-F5344CB8AC3E}">
        <p14:creationId xmlns:p14="http://schemas.microsoft.com/office/powerpoint/2010/main" val="297674334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r>
              <a:rPr lang="en-US" dirty="0"/>
              <a:t>The California WaterFix’s budget consists of two parts: design/construction, and mitigation. The  construction budget was developed from a Class III estimate by 5RMK consultants which incorporates the Alternative 4a Conceptual Engineering Report (April 2015). 5RMK created a detailed estimate of construction costs based on the Association for the Advancement of Cost Engineers International (AACEI) standards for 10% design definition, which establishes a Class III estimate. PARO provided the cost estimate for temporary and permanent power. The PM/CM/Eng component of the Project Budget was derived from the anticipated staffing needed for program management, design, and construction management. The California WaterFix budget is in 2014 dollars with a 36% contingency. At this level of project definition the corresponding level of accuracy is +30% to ‐20 %.  Estimated costs for mitigation and associated environmental commitments are preliminary and will be revised when permits are granted. The process for estimating these costs are based on a summary and estimate created by ICF, which reflects the change from an HCP/NCCP to a Section 7 consultation. It also considers cost estimates for likely 404 permit requirements, and mitigation measures listed in the EIR/EIS Table 8.A‐61. There are areas of mitigation where the plans are still being finalized and an estimate of cost is very preliminary, including water quality and air quality.</a:t>
            </a:r>
          </a:p>
          <a:p>
            <a:r>
              <a:rPr lang="en-US" b="1" dirty="0"/>
              <a:t>Material Impact</a:t>
            </a:r>
          </a:p>
          <a:p>
            <a:r>
              <a:rPr lang="en-US" dirty="0"/>
              <a:t>Material changes will be measured against the approved annual budget and schedule. The annual budget and schedule will include an analysis of its proposed impact on the overall project budget and schedule. The intent of the DCE is to share the information developed with DWR and the Authority at quarterly meetings, so that when material impacts are reasonably known the various alternatives and the DCE’s recommendation will be presented to DWR and the Authority as described in Section 3.e.i of the DCE Agreement.</a:t>
            </a:r>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8</a:t>
            </a:fld>
            <a:endParaRPr lang="en-US" dirty="0">
              <a:solidFill>
                <a:prstClr val="black"/>
              </a:solidFill>
            </a:endParaRPr>
          </a:p>
        </p:txBody>
      </p:sp>
    </p:spTree>
    <p:extLst>
      <p:ext uri="{BB962C8B-B14F-4D97-AF65-F5344CB8AC3E}">
        <p14:creationId xmlns:p14="http://schemas.microsoft.com/office/powerpoint/2010/main" val="4273321274"/>
      </p:ext>
    </p:extLst>
  </p:cSld>
  <p:clrMapOvr>
    <a:masterClrMapping/>
  </p:clrMapOvr>
</p:notes>
</file>

<file path=ppt/notesSlides/notesSlide1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78" y="6662019"/>
            <a:ext cx="4002604"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100069" tIns="50039" rIns="100069" bIns="50039"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fontAlgn="base" hangingPunct="1">
              <a:spcBef>
                <a:spcPct val="0"/>
              </a:spcBef>
              <a:spcAft>
                <a:spcPct val="0"/>
              </a:spcAft>
            </a:pPr>
            <a:fld id="{461AEDBC-C12C-492D-A317-287515B6EB90}" type="slidenum">
              <a:rPr lang="en-US" sz="1200">
                <a:solidFill>
                  <a:prstClr val="black"/>
                </a:solidFill>
                <a:latin typeface="Times New Roman" pitchFamily="18" charset="0"/>
              </a:rPr>
              <a:pPr algn="r" eaLnBrk="1" fontAlgn="base" hangingPunct="1">
                <a:spcBef>
                  <a:spcPct val="0"/>
                </a:spcBef>
                <a:spcAft>
                  <a:spcPct val="0"/>
                </a:spcAft>
              </a:pPr>
              <a:t>135</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xfrm>
            <a:off x="4313238" y="1828800"/>
            <a:ext cx="3506787" cy="2628900"/>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579440" y="533402"/>
            <a:ext cx="7351541" cy="595061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fontScale="85000" lnSpcReduction="20000"/>
          </a:bodyPr>
          <a:lstStyle/>
          <a:p>
            <a:r>
              <a:rPr lang="en-US" b="1" u="sng" dirty="0" smtClean="0"/>
              <a:t>Sea Level Rise </a:t>
            </a:r>
          </a:p>
          <a:p>
            <a:r>
              <a:rPr lang="en-US" dirty="0" smtClean="0"/>
              <a:t>– Year 2025, 15 cm, 5.9 inches</a:t>
            </a:r>
          </a:p>
          <a:p>
            <a:pPr defTabSz="910727">
              <a:defRPr/>
            </a:pPr>
            <a:r>
              <a:rPr lang="en-US" dirty="0" smtClean="0"/>
              <a:t>– Year 2060, 45 cm, 17.7 inches</a:t>
            </a:r>
          </a:p>
          <a:p>
            <a:pPr defTabSz="910727">
              <a:defRPr/>
            </a:pPr>
            <a:r>
              <a:rPr lang="en-US" dirty="0" smtClean="0"/>
              <a:t>– Year 2100, 140 cm, 55.1 inches</a:t>
            </a:r>
          </a:p>
          <a:p>
            <a:pPr defTabSz="910727">
              <a:defRPr/>
            </a:pPr>
            <a:endParaRPr lang="en-US" dirty="0" smtClean="0"/>
          </a:p>
          <a:p>
            <a:pPr defTabSz="910727">
              <a:defRPr/>
            </a:pPr>
            <a:r>
              <a:rPr lang="en-US" b="1" u="sng" dirty="0" smtClean="0"/>
              <a:t>Analysis by CH2M (10-04-2013)</a:t>
            </a:r>
          </a:p>
          <a:p>
            <a:pPr defTabSz="910727">
              <a:defRPr/>
            </a:pPr>
            <a:r>
              <a:rPr lang="en-US" dirty="0" smtClean="0"/>
              <a:t>– Assumes BDCP operations </a:t>
            </a:r>
          </a:p>
          <a:p>
            <a:pPr defTabSz="910727">
              <a:defRPr/>
            </a:pPr>
            <a:r>
              <a:rPr lang="en-US" dirty="0" smtClean="0"/>
              <a:t>– 50</a:t>
            </a:r>
            <a:r>
              <a:rPr lang="en-US" baseline="0" dirty="0" smtClean="0"/>
              <a:t> percentile with BDCP Operations</a:t>
            </a:r>
          </a:p>
          <a:p>
            <a:pPr defTabSz="910727">
              <a:defRPr/>
            </a:pPr>
            <a:r>
              <a:rPr lang="en-US" baseline="0" dirty="0" smtClean="0"/>
              <a:t>   – 0 inches, X2 = 80.3 km</a:t>
            </a:r>
            <a:endParaRPr lang="en-US" dirty="0" smtClean="0"/>
          </a:p>
          <a:p>
            <a:r>
              <a:rPr lang="en-US" baseline="0" dirty="0" smtClean="0"/>
              <a:t>   – 6 inches, X2 = 80.8 km</a:t>
            </a:r>
          </a:p>
          <a:p>
            <a:r>
              <a:rPr lang="en-US" baseline="0" dirty="0" smtClean="0"/>
              <a:t>   – 18 inches, X2 = 80.6 km</a:t>
            </a:r>
          </a:p>
          <a:p>
            <a:r>
              <a:rPr lang="en-US" baseline="0" dirty="0" smtClean="0"/>
              <a:t>   – 55 inches, X2 = 87.6 km</a:t>
            </a:r>
            <a:endParaRPr lang="en-US" dirty="0" smtClean="0"/>
          </a:p>
          <a:p>
            <a:pPr defTabSz="910727">
              <a:defRPr/>
            </a:pPr>
            <a:r>
              <a:rPr lang="en-US" dirty="0" smtClean="0"/>
              <a:t>– 75</a:t>
            </a:r>
            <a:r>
              <a:rPr lang="en-US" baseline="0" dirty="0" smtClean="0"/>
              <a:t> percentile with BDCP Operations</a:t>
            </a:r>
          </a:p>
          <a:p>
            <a:pPr defTabSz="910727">
              <a:defRPr/>
            </a:pPr>
            <a:r>
              <a:rPr lang="en-US" baseline="0" dirty="0" smtClean="0"/>
              <a:t>   – 0 inches, X2 = 85.9 km</a:t>
            </a:r>
            <a:endParaRPr lang="en-US" dirty="0" smtClean="0"/>
          </a:p>
          <a:p>
            <a:r>
              <a:rPr lang="en-US" baseline="0" dirty="0" smtClean="0"/>
              <a:t>   – 6 inches, X2 = 86.6 km</a:t>
            </a:r>
          </a:p>
          <a:p>
            <a:r>
              <a:rPr lang="en-US" baseline="0" dirty="0" smtClean="0"/>
              <a:t>   – 18 inches, X2 = 86.5 km</a:t>
            </a:r>
          </a:p>
          <a:p>
            <a:r>
              <a:rPr lang="en-US" baseline="0" dirty="0" smtClean="0"/>
              <a:t>   – 55 inches, X2 = 92.5 km</a:t>
            </a:r>
          </a:p>
          <a:p>
            <a:pPr defTabSz="910727">
              <a:defRPr/>
            </a:pPr>
            <a:r>
              <a:rPr lang="en-US" dirty="0" smtClean="0"/>
              <a:t>– 90</a:t>
            </a:r>
            <a:r>
              <a:rPr lang="en-US" baseline="0" dirty="0" smtClean="0"/>
              <a:t> percentile with BDCP Operations</a:t>
            </a:r>
          </a:p>
          <a:p>
            <a:pPr defTabSz="910727">
              <a:defRPr/>
            </a:pPr>
            <a:r>
              <a:rPr lang="en-US" baseline="0" dirty="0" smtClean="0"/>
              <a:t>   – 0 inches, X2 = 91.8 km</a:t>
            </a:r>
            <a:endParaRPr lang="en-US" dirty="0" smtClean="0"/>
          </a:p>
          <a:p>
            <a:r>
              <a:rPr lang="en-US" baseline="0" dirty="0" smtClean="0"/>
              <a:t>   – 6 inches, X2 = 92.6 km</a:t>
            </a:r>
          </a:p>
          <a:p>
            <a:r>
              <a:rPr lang="en-US" baseline="0" dirty="0" smtClean="0"/>
              <a:t>   – 18 inches, X2 = 91.9 km</a:t>
            </a:r>
          </a:p>
          <a:p>
            <a:r>
              <a:rPr lang="en-US" baseline="0" dirty="0" smtClean="0"/>
              <a:t>   – 55 inches, X2 = 96.2 km</a:t>
            </a:r>
          </a:p>
          <a:p>
            <a:pPr defTabSz="910727">
              <a:defRPr/>
            </a:pPr>
            <a:r>
              <a:rPr lang="en-US" dirty="0" smtClean="0"/>
              <a:t>– October 1977 </a:t>
            </a:r>
            <a:r>
              <a:rPr lang="en-US" baseline="0" dirty="0" smtClean="0"/>
              <a:t>with BDCP Operations</a:t>
            </a:r>
          </a:p>
          <a:p>
            <a:pPr defTabSz="910727">
              <a:defRPr/>
            </a:pPr>
            <a:r>
              <a:rPr lang="en-US" baseline="0" dirty="0" smtClean="0"/>
              <a:t>   – 0 inches, X2 = 94.1 km</a:t>
            </a:r>
            <a:endParaRPr lang="en-US" dirty="0" smtClean="0"/>
          </a:p>
          <a:p>
            <a:r>
              <a:rPr lang="en-US" baseline="0" dirty="0" smtClean="0"/>
              <a:t>   – 6 inches, X2 = 95.1 km</a:t>
            </a:r>
          </a:p>
          <a:p>
            <a:r>
              <a:rPr lang="en-US" baseline="0" dirty="0" smtClean="0"/>
              <a:t>   – 18 inches, X2 = 94.4 km</a:t>
            </a:r>
          </a:p>
          <a:p>
            <a:r>
              <a:rPr lang="en-US" baseline="0" dirty="0" smtClean="0"/>
              <a:t>   – 55 inches, X2 = 101.3 km</a:t>
            </a:r>
          </a:p>
          <a:p>
            <a:r>
              <a:rPr lang="en-US" b="1" u="sng" baseline="0" dirty="0" smtClean="0"/>
              <a:t>Location Map</a:t>
            </a:r>
          </a:p>
          <a:p>
            <a:r>
              <a:rPr lang="en-US" baseline="0" dirty="0" smtClean="0"/>
              <a:t>– Golden Gate Bridge = 0 km</a:t>
            </a:r>
          </a:p>
          <a:p>
            <a:r>
              <a:rPr lang="en-US" baseline="0" dirty="0" smtClean="0"/>
              <a:t>– Chipps Island = 75 km</a:t>
            </a:r>
          </a:p>
          <a:p>
            <a:r>
              <a:rPr lang="en-US" baseline="0" dirty="0" smtClean="0"/>
              <a:t>– Collinsville = 81 km</a:t>
            </a:r>
          </a:p>
          <a:p>
            <a:r>
              <a:rPr lang="en-US" baseline="0" dirty="0" smtClean="0"/>
              <a:t>– Emmaton = 92 km</a:t>
            </a:r>
            <a:endParaRPr lang="en-US" dirty="0" smtClean="0"/>
          </a:p>
          <a:p>
            <a:pPr marL="170762" indent="-170762">
              <a:buFont typeface="Arial" panose="020B0604020202020204" pitchFamily="34" charset="0"/>
              <a:buChar char="•"/>
            </a:pPr>
            <a:r>
              <a:rPr lang="en-US" dirty="0"/>
              <a:t>X2 Position can be controlled even at 140cm (55”) sea level rise, but with significant water cost (1 MAF) </a:t>
            </a:r>
          </a:p>
          <a:p>
            <a:pPr marL="170762" indent="-170762">
              <a:buFont typeface="Arial" panose="020B0604020202020204" pitchFamily="34" charset="0"/>
              <a:buChar char="•"/>
            </a:pPr>
            <a:r>
              <a:rPr lang="en-US" dirty="0"/>
              <a:t>Due to increase in export in Preferred Project salinity in the South Delta increases </a:t>
            </a:r>
            <a:endParaRPr lang="en-US" dirty="0" smtClean="0"/>
          </a:p>
          <a:p>
            <a:endParaRPr lang="en-US" sz="3000" dirty="0"/>
          </a:p>
        </p:txBody>
      </p:sp>
    </p:spTree>
  </p:cSld>
  <p:clrMapOvr>
    <a:masterClrMapping/>
  </p:clrMapOvr>
</p:notes>
</file>

<file path=ppt/notesSlides/notesSlide1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78" y="6662019"/>
            <a:ext cx="4002604"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100069" tIns="50039" rIns="100069" bIns="50039"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fontAlgn="base" hangingPunct="1">
              <a:spcBef>
                <a:spcPct val="0"/>
              </a:spcBef>
              <a:spcAft>
                <a:spcPct val="0"/>
              </a:spcAft>
            </a:pPr>
            <a:fld id="{461AEDBC-C12C-492D-A317-287515B6EB90}" type="slidenum">
              <a:rPr lang="en-US" sz="1200">
                <a:solidFill>
                  <a:prstClr val="black"/>
                </a:solidFill>
                <a:latin typeface="Times New Roman" pitchFamily="18" charset="0"/>
              </a:rPr>
              <a:pPr algn="r" eaLnBrk="1" fontAlgn="base" hangingPunct="1">
                <a:spcBef>
                  <a:spcPct val="0"/>
                </a:spcBef>
                <a:spcAft>
                  <a:spcPct val="0"/>
                </a:spcAft>
              </a:pPr>
              <a:t>136</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xfrm>
            <a:off x="4313238" y="1828800"/>
            <a:ext cx="3506787" cy="2628900"/>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579440" y="533402"/>
            <a:ext cx="7351541" cy="595061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fontScale="85000" lnSpcReduction="20000"/>
          </a:bodyPr>
          <a:lstStyle/>
          <a:p>
            <a:r>
              <a:rPr lang="en-US" b="1" u="sng" dirty="0"/>
              <a:t>Sea Level Rise </a:t>
            </a:r>
          </a:p>
          <a:p>
            <a:r>
              <a:rPr lang="en-US" dirty="0"/>
              <a:t>– Year 2025, 15 cm, 5.9 inches</a:t>
            </a:r>
          </a:p>
          <a:p>
            <a:pPr>
              <a:defRPr/>
            </a:pPr>
            <a:r>
              <a:rPr lang="en-US" dirty="0"/>
              <a:t>– Year 2060, 45 cm, 17.7 inches</a:t>
            </a:r>
          </a:p>
          <a:p>
            <a:pPr>
              <a:defRPr/>
            </a:pPr>
            <a:r>
              <a:rPr lang="en-US" dirty="0"/>
              <a:t>– Year 2100, 140 cm, 55.1 inches</a:t>
            </a:r>
          </a:p>
          <a:p>
            <a:pPr>
              <a:defRPr/>
            </a:pPr>
            <a:endParaRPr lang="en-US" dirty="0"/>
          </a:p>
          <a:p>
            <a:pPr>
              <a:defRPr/>
            </a:pPr>
            <a:r>
              <a:rPr lang="en-US" b="1" u="sng" dirty="0"/>
              <a:t>Analysis by CH2M (10-04-2013)</a:t>
            </a:r>
          </a:p>
          <a:p>
            <a:pPr>
              <a:defRPr/>
            </a:pPr>
            <a:r>
              <a:rPr lang="en-US" dirty="0"/>
              <a:t>– Assumes BDCP operations </a:t>
            </a:r>
          </a:p>
          <a:p>
            <a:pPr>
              <a:defRPr/>
            </a:pPr>
            <a:r>
              <a:rPr lang="en-US" dirty="0"/>
              <a:t>– 50 percentile with BDCP Operations</a:t>
            </a:r>
          </a:p>
          <a:p>
            <a:pPr>
              <a:defRPr/>
            </a:pPr>
            <a:r>
              <a:rPr lang="en-US" dirty="0"/>
              <a:t>   – 0 inches, X2 = 80.3 km</a:t>
            </a:r>
          </a:p>
          <a:p>
            <a:r>
              <a:rPr lang="en-US" dirty="0"/>
              <a:t>   – 6 inches, X2 = 80.8 km</a:t>
            </a:r>
          </a:p>
          <a:p>
            <a:r>
              <a:rPr lang="en-US" dirty="0"/>
              <a:t>   – 18 inches, X2 = 80.6 km</a:t>
            </a:r>
          </a:p>
          <a:p>
            <a:r>
              <a:rPr lang="en-US" dirty="0"/>
              <a:t>   – 55 inches, X2 = 87.6 km</a:t>
            </a:r>
          </a:p>
          <a:p>
            <a:pPr>
              <a:defRPr/>
            </a:pPr>
            <a:r>
              <a:rPr lang="en-US" dirty="0"/>
              <a:t>– 75 percentile with BDCP Operations</a:t>
            </a:r>
          </a:p>
          <a:p>
            <a:pPr>
              <a:defRPr/>
            </a:pPr>
            <a:r>
              <a:rPr lang="en-US" dirty="0"/>
              <a:t>   – 0 inches, X2 = 85.9 km</a:t>
            </a:r>
          </a:p>
          <a:p>
            <a:r>
              <a:rPr lang="en-US" dirty="0"/>
              <a:t>   – 6 inches, X2 = 86.6 km</a:t>
            </a:r>
          </a:p>
          <a:p>
            <a:r>
              <a:rPr lang="en-US" dirty="0"/>
              <a:t>   – 18 inches, X2 = 86.5 km</a:t>
            </a:r>
          </a:p>
          <a:p>
            <a:r>
              <a:rPr lang="en-US" dirty="0"/>
              <a:t>   – 55 inches, X2 = 92.5 km</a:t>
            </a:r>
          </a:p>
          <a:p>
            <a:pPr>
              <a:defRPr/>
            </a:pPr>
            <a:r>
              <a:rPr lang="en-US" dirty="0"/>
              <a:t>– 90 percentile with BDCP Operations</a:t>
            </a:r>
          </a:p>
          <a:p>
            <a:pPr>
              <a:defRPr/>
            </a:pPr>
            <a:r>
              <a:rPr lang="en-US" dirty="0"/>
              <a:t>   – 0 inches, X2 = 91.8 km</a:t>
            </a:r>
          </a:p>
          <a:p>
            <a:r>
              <a:rPr lang="en-US" dirty="0"/>
              <a:t>   – 6 inches, X2 = 92.6 km</a:t>
            </a:r>
          </a:p>
          <a:p>
            <a:r>
              <a:rPr lang="en-US" dirty="0"/>
              <a:t>   – 18 inches, X2 = 91.9 km</a:t>
            </a:r>
          </a:p>
          <a:p>
            <a:r>
              <a:rPr lang="en-US" dirty="0"/>
              <a:t>   – 55 inches, X2 = 96.2 km</a:t>
            </a:r>
          </a:p>
          <a:p>
            <a:pPr>
              <a:defRPr/>
            </a:pPr>
            <a:r>
              <a:rPr lang="en-US" dirty="0"/>
              <a:t>– October 1977 with BDCP Operations</a:t>
            </a:r>
          </a:p>
          <a:p>
            <a:pPr>
              <a:defRPr/>
            </a:pPr>
            <a:r>
              <a:rPr lang="en-US" dirty="0"/>
              <a:t>   – 0 inches, X2 = 94.1 km</a:t>
            </a:r>
          </a:p>
          <a:p>
            <a:r>
              <a:rPr lang="en-US" dirty="0"/>
              <a:t>   – 6 inches, X2 = 95.1 km</a:t>
            </a:r>
          </a:p>
          <a:p>
            <a:r>
              <a:rPr lang="en-US" dirty="0"/>
              <a:t>   – 18 inches, X2 = 94.4 km</a:t>
            </a:r>
          </a:p>
          <a:p>
            <a:r>
              <a:rPr lang="en-US" dirty="0"/>
              <a:t>   – 55 inches, X2 = 101.3 km</a:t>
            </a:r>
          </a:p>
          <a:p>
            <a:r>
              <a:rPr lang="en-US" b="1" u="sng" dirty="0"/>
              <a:t>Location Map</a:t>
            </a:r>
          </a:p>
          <a:p>
            <a:r>
              <a:rPr lang="en-US" dirty="0"/>
              <a:t>– Golden Gate Bridge = 0 km</a:t>
            </a:r>
          </a:p>
          <a:p>
            <a:r>
              <a:rPr lang="en-US" dirty="0"/>
              <a:t>– Chipps Island = 75 km</a:t>
            </a:r>
          </a:p>
          <a:p>
            <a:r>
              <a:rPr lang="en-US" dirty="0"/>
              <a:t>– Collinsville = 81 km</a:t>
            </a:r>
          </a:p>
          <a:p>
            <a:r>
              <a:rPr lang="en-US" dirty="0"/>
              <a:t>– Emmaton = 92 km</a:t>
            </a:r>
          </a:p>
          <a:p>
            <a:pPr marL="170762" indent="-170762">
              <a:buFont typeface="Arial" panose="020B0604020202020204" pitchFamily="34" charset="0"/>
              <a:buChar char="•"/>
            </a:pPr>
            <a:r>
              <a:rPr lang="en-US" dirty="0"/>
              <a:t>X2 Position can be controlled even at 140cm (55”) sea level rise, but with significant water cost (1 MAF) </a:t>
            </a:r>
          </a:p>
          <a:p>
            <a:pPr marL="170762" indent="-170762">
              <a:buFont typeface="Arial" panose="020B0604020202020204" pitchFamily="34" charset="0"/>
              <a:buChar char="•"/>
            </a:pPr>
            <a:r>
              <a:rPr lang="en-US" dirty="0"/>
              <a:t>Due to increase in export in Preferred Project salinity in the South Delta increases </a:t>
            </a:r>
            <a:endParaRPr lang="en-US" dirty="0" smtClean="0"/>
          </a:p>
          <a:p>
            <a:endParaRPr lang="en-US" sz="3000" dirty="0"/>
          </a:p>
        </p:txBody>
      </p:sp>
    </p:spTree>
  </p:cSld>
  <p:clrMapOvr>
    <a:masterClrMapping/>
  </p:clrMapOvr>
</p:notes>
</file>

<file path=ppt/notesSlides/notesSlide1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37</a:t>
            </a:fld>
            <a:endParaRPr lang="en-US" dirty="0"/>
          </a:p>
        </p:txBody>
      </p:sp>
    </p:spTree>
    <p:extLst>
      <p:ext uri="{BB962C8B-B14F-4D97-AF65-F5344CB8AC3E}">
        <p14:creationId xmlns:p14="http://schemas.microsoft.com/office/powerpoint/2010/main" val="317097425"/>
      </p:ext>
    </p:extLst>
  </p:cSld>
  <p:clrMapOvr>
    <a:masterClrMapping/>
  </p:clrMapOvr>
</p:notes>
</file>

<file path=ppt/notesSlides/notesSlide1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31839" y="3329940"/>
            <a:ext cx="7772400" cy="3154680"/>
          </a:xfrm>
        </p:spPr>
        <p:txBody>
          <a:bodyPr>
            <a:normAutofit/>
          </a:bodyPr>
          <a:lstStyle/>
          <a:p>
            <a:pPr defTabSz="910727">
              <a:defRPr/>
            </a:pPr>
            <a:r>
              <a:rPr lang="en-US" sz="1000" dirty="0"/>
              <a:t>The analysis assumes no California Water Fix (i.e. no northern Delta intake).  The cause of the decreased SWP/CVP exports is due to the extra amount of outflow needed to maintain SWRCB standards and biological opinion flow requirements.</a:t>
            </a:r>
          </a:p>
          <a:p>
            <a:pPr defTabSz="910727">
              <a:defRPr/>
            </a:pPr>
            <a:endParaRPr lang="en-US" sz="1000" dirty="0"/>
          </a:p>
          <a:p>
            <a:r>
              <a:rPr lang="en-US" sz="1000" b="1" dirty="0"/>
              <a:t>Climate Change Analysis</a:t>
            </a:r>
          </a:p>
          <a:p>
            <a:r>
              <a:rPr lang="en-US" sz="1000" b="1" u="sng" dirty="0"/>
              <a:t>Potential Impacts of Sea-Level Rise on SWP/CVP Exports</a:t>
            </a:r>
          </a:p>
          <a:p>
            <a:pPr defTabSz="910727">
              <a:tabLst>
                <a:tab pos="2045975" algn="ctr"/>
                <a:tab pos="3299807" algn="ctr"/>
                <a:tab pos="4329120" algn="ctr"/>
                <a:tab pos="5522870" algn="ctr"/>
              </a:tabLst>
              <a:defRPr/>
            </a:pPr>
            <a:r>
              <a:rPr lang="en-US" sz="1000" b="1" dirty="0"/>
              <a:t>    </a:t>
            </a:r>
            <a:r>
              <a:rPr lang="en-US" sz="1000" b="1" u="sng" dirty="0"/>
              <a:t>Alternative	2015	2025 	2060	2100</a:t>
            </a:r>
          </a:p>
          <a:p>
            <a:pPr marL="170762" indent="-170762" defTabSz="910727">
              <a:buFont typeface="Arial" panose="020B0604020202020204" pitchFamily="34" charset="0"/>
              <a:buChar char="•"/>
              <a:tabLst>
                <a:tab pos="2045975" algn="ctr"/>
                <a:tab pos="3299807" algn="ctr"/>
                <a:tab pos="4329120" algn="ctr"/>
                <a:tab pos="5522870" algn="ctr"/>
              </a:tabLst>
              <a:defRPr/>
            </a:pPr>
            <a:r>
              <a:rPr lang="en-US" sz="1000" b="1" u="sng" dirty="0"/>
              <a:t>No</a:t>
            </a:r>
            <a:r>
              <a:rPr lang="en-US" sz="1000" dirty="0"/>
              <a:t> CalWater Fix	4.9 maf	4.7 maf	4.4 maf	3.8 maf</a:t>
            </a:r>
          </a:p>
          <a:p>
            <a:pPr marL="170762" indent="-170762">
              <a:buFont typeface="Arial" panose="020B0604020202020204" pitchFamily="34" charset="0"/>
              <a:buChar char="•"/>
              <a:tabLst>
                <a:tab pos="2045975" algn="ctr"/>
                <a:tab pos="3299807" algn="ctr"/>
                <a:tab pos="4329120" algn="ctr"/>
                <a:tab pos="5522870" algn="ctr"/>
              </a:tabLst>
            </a:pPr>
            <a:r>
              <a:rPr lang="en-US" sz="1000" b="1" u="sng" dirty="0"/>
              <a:t>With</a:t>
            </a:r>
            <a:r>
              <a:rPr lang="en-US" sz="1000" dirty="0"/>
              <a:t> Cal Water Fix	 No model run 	4.7 – 5.3 maf	No model run	No model run</a:t>
            </a:r>
          </a:p>
          <a:p>
            <a:pPr marL="170762" indent="-170762" defTabSz="910727">
              <a:buFont typeface="Arial" panose="020B0604020202020204" pitchFamily="34" charset="0"/>
              <a:buChar char="•"/>
              <a:tabLst>
                <a:tab pos="2045975" algn="ctr"/>
                <a:tab pos="3299807" algn="ctr"/>
                <a:tab pos="4329120" algn="ctr"/>
                <a:tab pos="5522870" algn="ctr"/>
              </a:tabLst>
              <a:defRPr/>
            </a:pPr>
            <a:r>
              <a:rPr lang="en-US" sz="1000" b="1" u="sng" dirty="0"/>
              <a:t>With</a:t>
            </a:r>
            <a:r>
              <a:rPr lang="en-US" sz="1000" dirty="0"/>
              <a:t> BDCP	No model run	4.7 – 5.6 maf	4.4 – 5.3 maf	No model run</a:t>
            </a:r>
          </a:p>
          <a:p>
            <a:pPr marL="170762" indent="-170762">
              <a:buFont typeface="Arial" panose="020B0604020202020204" pitchFamily="34" charset="0"/>
              <a:buChar char="•"/>
            </a:pPr>
            <a:endParaRPr lang="en-US" sz="1000" dirty="0"/>
          </a:p>
          <a:p>
            <a:pPr marL="170762" indent="-170762">
              <a:buFont typeface="Arial" panose="020B0604020202020204" pitchFamily="34" charset="0"/>
              <a:buChar char="•"/>
            </a:pPr>
            <a:endParaRPr lang="en-US" sz="1000" dirty="0"/>
          </a:p>
          <a:p>
            <a:pPr marL="177131" indent="-177131">
              <a:spcAft>
                <a:spcPts val="619"/>
              </a:spcAft>
              <a:buFont typeface="Arial" panose="020B0604020202020204" pitchFamily="34" charset="0"/>
              <a:buChar char="•"/>
            </a:pPr>
            <a:r>
              <a:rPr lang="en-US" sz="1000" b="1" u="sng" dirty="0"/>
              <a:t>4.7 – 5.3 maf/yr</a:t>
            </a:r>
            <a:r>
              <a:rPr lang="en-US" sz="1000" b="1" dirty="0"/>
              <a:t>  </a:t>
            </a:r>
            <a:r>
              <a:rPr lang="en-US" sz="1000" dirty="0"/>
              <a:t>– NEW BDCP / Cal Water Fix Preferred Alternative (evaluated in Draft EIR/S as Alternative 4A H3-H4 at early long-term 2025)</a:t>
            </a:r>
          </a:p>
          <a:p>
            <a:pPr marL="177131" indent="-177131">
              <a:spcAft>
                <a:spcPts val="619"/>
              </a:spcAft>
              <a:buFont typeface="Arial" panose="020B0604020202020204" pitchFamily="34" charset="0"/>
              <a:buChar char="•"/>
            </a:pPr>
            <a:r>
              <a:rPr lang="en-US" sz="1000" b="1" u="sng" dirty="0"/>
              <a:t>4.7 – 5.6 maf/yr</a:t>
            </a:r>
            <a:r>
              <a:rPr lang="en-US" sz="1000" b="1" dirty="0"/>
              <a:t>  </a:t>
            </a:r>
            <a:r>
              <a:rPr lang="en-US" sz="1000" dirty="0"/>
              <a:t>– PREVIOUS BDCP Preferred Alternative (evaluated in Draft EIR/S as Alternative 4 H1-H4 at late long-term 2060)</a:t>
            </a:r>
          </a:p>
          <a:p>
            <a:endParaRPr lang="en-US" sz="10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38</a:t>
            </a:fld>
            <a:endParaRPr lang="en-US" dirty="0">
              <a:solidFill>
                <a:prstClr val="black"/>
              </a:solidFill>
            </a:endParaRPr>
          </a:p>
        </p:txBody>
      </p:sp>
    </p:spTree>
    <p:extLst>
      <p:ext uri="{BB962C8B-B14F-4D97-AF65-F5344CB8AC3E}">
        <p14:creationId xmlns:p14="http://schemas.microsoft.com/office/powerpoint/2010/main" val="1036198102"/>
      </p:ext>
    </p:extLst>
  </p:cSld>
  <p:clrMapOvr>
    <a:masterClrMapping/>
  </p:clrMapOvr>
</p:notes>
</file>

<file path=ppt/notesSlides/notesSlide1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39</a:t>
            </a:fld>
            <a:endParaRPr lang="en-US" dirty="0"/>
          </a:p>
        </p:txBody>
      </p:sp>
    </p:spTree>
    <p:extLst>
      <p:ext uri="{BB962C8B-B14F-4D97-AF65-F5344CB8AC3E}">
        <p14:creationId xmlns:p14="http://schemas.microsoft.com/office/powerpoint/2010/main" val="2417722894"/>
      </p:ext>
    </p:extLst>
  </p:cSld>
  <p:clrMapOvr>
    <a:masterClrMapping/>
  </p:clrMapOvr>
</p:notes>
</file>

<file path=ppt/notesSlides/notesSlide1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FCCC72A6-C8AA-46B5-8642-FDADC08227ED}" type="slidenum">
              <a:rPr lang="en-US" smtClean="0"/>
              <a:t>140</a:t>
            </a:fld>
            <a:endParaRPr lang="en-US" dirty="0"/>
          </a:p>
        </p:txBody>
      </p:sp>
    </p:spTree>
    <p:extLst>
      <p:ext uri="{BB962C8B-B14F-4D97-AF65-F5344CB8AC3E}">
        <p14:creationId xmlns:p14="http://schemas.microsoft.com/office/powerpoint/2010/main" val="3432335975"/>
      </p:ext>
    </p:extLst>
  </p:cSld>
  <p:clrMapOvr>
    <a:masterClrMapping/>
  </p:clrMapOvr>
</p:notes>
</file>

<file path=ppt/notesSlides/notesSlide1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41</a:t>
            </a:fld>
            <a:endParaRPr lang="en-US" dirty="0"/>
          </a:p>
        </p:txBody>
      </p:sp>
    </p:spTree>
    <p:extLst>
      <p:ext uri="{BB962C8B-B14F-4D97-AF65-F5344CB8AC3E}">
        <p14:creationId xmlns:p14="http://schemas.microsoft.com/office/powerpoint/2010/main" val="1251971188"/>
      </p:ext>
    </p:extLst>
  </p:cSld>
  <p:clrMapOvr>
    <a:masterClrMapping/>
  </p:clrMapOvr>
</p:notes>
</file>

<file path=ppt/notesSlides/notesSlide1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42</a:t>
            </a:fld>
            <a:endParaRPr lang="en-US" dirty="0"/>
          </a:p>
        </p:txBody>
      </p:sp>
    </p:spTree>
    <p:extLst>
      <p:ext uri="{BB962C8B-B14F-4D97-AF65-F5344CB8AC3E}">
        <p14:creationId xmlns:p14="http://schemas.microsoft.com/office/powerpoint/2010/main" val="1386029823"/>
      </p:ext>
    </p:extLst>
  </p:cSld>
  <p:clrMapOvr>
    <a:masterClrMapping/>
  </p:clrMapOvr>
</p:notes>
</file>

<file path=ppt/notesSlides/notesSlide1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43</a:t>
            </a:fld>
            <a:endParaRPr lang="en-US" dirty="0"/>
          </a:p>
        </p:txBody>
      </p:sp>
    </p:spTree>
    <p:extLst>
      <p:ext uri="{BB962C8B-B14F-4D97-AF65-F5344CB8AC3E}">
        <p14:creationId xmlns:p14="http://schemas.microsoft.com/office/powerpoint/2010/main" val="1128857727"/>
      </p:ext>
    </p:extLst>
  </p:cSld>
  <p:clrMapOvr>
    <a:masterClrMapping/>
  </p:clrMapOvr>
</p:notes>
</file>

<file path=ppt/notesSlides/notesSlide1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44</a:t>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635545" lvl="1" indent="-173330">
              <a:buFont typeface="Arial" panose="020B0604020202020204" pitchFamily="34" charset="0"/>
              <a:buChar char="•"/>
            </a:pPr>
            <a:endParaRPr lang="en-US" b="0" dirty="0"/>
          </a:p>
        </p:txBody>
      </p:sp>
      <p:sp>
        <p:nvSpPr>
          <p:cNvPr id="4" name="Slide Number Placeholder 3"/>
          <p:cNvSpPr>
            <a:spLocks noGrp="1"/>
          </p:cNvSpPr>
          <p:nvPr>
            <p:ph type="sldNum" sz="quarter" idx="10"/>
          </p:nvPr>
        </p:nvSpPr>
        <p:spPr/>
        <p:txBody>
          <a:bodyPr/>
          <a:lstStyle/>
          <a:p>
            <a:pPr>
              <a:defRPr/>
            </a:pPr>
            <a:fld id="{D886DCCB-F97A-424C-AC0A-3E74AF2C7CD1}" type="slidenum">
              <a:rPr lang="de-DE" altLang="en-US" smtClean="0">
                <a:solidFill>
                  <a:prstClr val="black"/>
                </a:solidFill>
              </a:rPr>
              <a:pPr>
                <a:defRPr/>
              </a:pPr>
              <a:t>19</a:t>
            </a:fld>
            <a:endParaRPr lang="de-DE" altLang="en-US">
              <a:solidFill>
                <a:prstClr val="black"/>
              </a:solidFill>
            </a:endParaRPr>
          </a:p>
        </p:txBody>
      </p:sp>
    </p:spTree>
  </p:cSld>
  <p:clrMapOvr>
    <a:masterClrMapping/>
  </p:clrMapOvr>
</p:notes>
</file>

<file path=ppt/notesSlides/notesSlide1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FCCC72A6-C8AA-46B5-8642-FDADC08227ED}" type="slidenum">
              <a:rPr lang="en-US" smtClean="0"/>
              <a:t>145</a:t>
            </a:fld>
            <a:endParaRPr lang="en-US" dirty="0"/>
          </a:p>
        </p:txBody>
      </p:sp>
    </p:spTree>
    <p:extLst>
      <p:ext uri="{BB962C8B-B14F-4D97-AF65-F5344CB8AC3E}">
        <p14:creationId xmlns:p14="http://schemas.microsoft.com/office/powerpoint/2010/main" val="1716340861"/>
      </p:ext>
    </p:extLst>
  </p:cSld>
  <p:clrMapOvr>
    <a:masterClrMapping/>
  </p:clrMapOvr>
</p:notes>
</file>

<file path=ppt/notesSlides/notesSlide1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46</a:t>
            </a:fld>
            <a:endParaRPr lang="en-US" dirty="0"/>
          </a:p>
        </p:txBody>
      </p:sp>
    </p:spTree>
    <p:extLst>
      <p:ext uri="{BB962C8B-B14F-4D97-AF65-F5344CB8AC3E}">
        <p14:creationId xmlns:p14="http://schemas.microsoft.com/office/powerpoint/2010/main" val="1957207497"/>
      </p:ext>
    </p:extLst>
  </p:cSld>
  <p:clrMapOvr>
    <a:masterClrMapping/>
  </p:clrMapOvr>
</p:notes>
</file>

<file path=ppt/notesSlides/notesSlide1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47</a:t>
            </a:fld>
            <a:endParaRPr lang="en-US" dirty="0">
              <a:solidFill>
                <a:prstClr val="black"/>
              </a:solidFill>
            </a:endParaRPr>
          </a:p>
        </p:txBody>
      </p:sp>
      <p:sp>
        <p:nvSpPr>
          <p:cNvPr id="5" name="Notes Placeholder 2"/>
          <p:cNvSpPr>
            <a:spLocks noGrp="1"/>
          </p:cNvSpPr>
          <p:nvPr>
            <p:ph type="body" idx="3"/>
          </p:nvPr>
        </p:nvSpPr>
        <p:spPr>
          <a:xfrm>
            <a:off x="350840" y="3329940"/>
            <a:ext cx="8534397" cy="3154680"/>
          </a:xfrm>
        </p:spPr>
        <p:txBody>
          <a:bodyPr>
            <a:noAutofit/>
          </a:bodyPr>
          <a:lstStyle/>
          <a:p>
            <a:pPr>
              <a:lnSpc>
                <a:spcPct val="85000"/>
              </a:lnSpc>
              <a:spcBef>
                <a:spcPts val="0"/>
              </a:spcBef>
            </a:pPr>
            <a:r>
              <a:rPr lang="en-US" sz="1000" dirty="0"/>
              <a:t>California EcoRestore is an initiative to help coordinate and advance at least 30,000 acres of critical habitat restoration in the Sacramento – San Joaquin Delta over the next four years. Driven by world-class science and guided by adaptive management, California EcoRestore will aggressively pursue habitat restoration projects with clearly defined goals, measurable objectives, and financial resources to help ensure success.</a:t>
            </a:r>
          </a:p>
          <a:p>
            <a:pPr>
              <a:lnSpc>
                <a:spcPct val="85000"/>
              </a:lnSpc>
              <a:spcBef>
                <a:spcPts val="0"/>
              </a:spcBef>
            </a:pPr>
            <a:r>
              <a:rPr lang="en-US" sz="1000" dirty="0"/>
              <a:t>A broad range of habitat restoration projects will be pursued, including projects to address aquatic, sub-tidal, tidal, riparian, flood plain, and upland ecosystem needs.</a:t>
            </a:r>
          </a:p>
          <a:p>
            <a:pPr>
              <a:lnSpc>
                <a:spcPct val="85000"/>
              </a:lnSpc>
              <a:spcBef>
                <a:spcPts val="0"/>
              </a:spcBef>
            </a:pPr>
            <a:r>
              <a:rPr lang="en-US" sz="1000" dirty="0"/>
              <a:t>California EcoRestore’s initial goal is to advance (i.e. complete or break ground on) 30,000 acres of Delta habitat restoration:</a:t>
            </a:r>
          </a:p>
          <a:p>
            <a:pPr>
              <a:lnSpc>
                <a:spcPct val="85000"/>
              </a:lnSpc>
              <a:spcBef>
                <a:spcPts val="0"/>
              </a:spcBef>
            </a:pPr>
            <a:r>
              <a:rPr lang="en-US" sz="1000" dirty="0"/>
              <a:t>25,000 acres associated with existing mandates for habitat restoration, pursuant to federal biological opinions. These projects will be funded exclusively by the state and federal water contractors that benefit from the State Water Project and the Central Valley Project systems.</a:t>
            </a:r>
          </a:p>
          <a:p>
            <a:pPr>
              <a:lnSpc>
                <a:spcPct val="85000"/>
              </a:lnSpc>
              <a:spcBef>
                <a:spcPts val="0"/>
              </a:spcBef>
            </a:pPr>
            <a:r>
              <a:rPr lang="en-US" sz="1000" dirty="0"/>
              <a:t>5,000 acres of habitat enhancements. Proposition 1 grants to local governments, non-profit organizations, and other entities will support these habitat enhancements throughout the Delta. Funding will come primarily from the Delta Conservancy, the California Department of Fish and Wildlife, and the California Department of Water Resources.</a:t>
            </a:r>
          </a:p>
          <a:p>
            <a:pPr>
              <a:lnSpc>
                <a:spcPct val="85000"/>
              </a:lnSpc>
              <a:spcBef>
                <a:spcPts val="0"/>
              </a:spcBef>
            </a:pPr>
            <a:r>
              <a:rPr lang="en-US" sz="1000" dirty="0"/>
              <a:t>California EcoRestore is unassociated with any habitat restoration that may be required as part of the construction and operation of new Delta water conveyance (</a:t>
            </a:r>
            <a:r>
              <a:rPr lang="en-US" sz="1000" dirty="0">
                <a:hlinkClick r:id="rId3"/>
              </a:rPr>
              <a:t>California WaterFix</a:t>
            </a:r>
            <a:r>
              <a:rPr lang="en-US" sz="1000" dirty="0"/>
              <a:t>).</a:t>
            </a:r>
          </a:p>
          <a:p>
            <a:pPr>
              <a:lnSpc>
                <a:spcPct val="85000"/>
              </a:lnSpc>
              <a:spcBef>
                <a:spcPts val="0"/>
              </a:spcBef>
            </a:pPr>
            <a:endParaRPr lang="en-US" sz="1000" dirty="0"/>
          </a:p>
          <a:p>
            <a:pPr>
              <a:lnSpc>
                <a:spcPct val="85000"/>
              </a:lnSpc>
              <a:spcBef>
                <a:spcPts val="0"/>
              </a:spcBef>
            </a:pPr>
            <a:r>
              <a:rPr lang="en-US" sz="1000" b="1" dirty="0"/>
              <a:t>California EcoRestore Funding</a:t>
            </a:r>
          </a:p>
          <a:p>
            <a:pPr>
              <a:lnSpc>
                <a:spcPct val="85000"/>
              </a:lnSpc>
              <a:spcBef>
                <a:spcPts val="0"/>
              </a:spcBef>
            </a:pPr>
            <a:r>
              <a:rPr lang="en-US" sz="1000" dirty="0"/>
              <a:t>Costs for California EcoRestore are expected to reach at least $300 million in the first four years. Much of these costs will be borne by the state and federal public water agencies currently required to mitigate the ecological impacts of the State Water Project and the Central Valley Project in the Delta.</a:t>
            </a:r>
          </a:p>
          <a:p>
            <a:pPr>
              <a:lnSpc>
                <a:spcPct val="85000"/>
              </a:lnSpc>
              <a:spcBef>
                <a:spcPts val="0"/>
              </a:spcBef>
            </a:pPr>
            <a:r>
              <a:rPr lang="en-US" sz="1000" dirty="0"/>
              <a:t>Funding for habitat enhancements unassociated with mitigation will come primarily from Propositions 1 and 1E, the AB 32 Greenhouse Gas Reduction Fund, and local, federal, and private investment.</a:t>
            </a:r>
          </a:p>
          <a:p>
            <a:pPr>
              <a:lnSpc>
                <a:spcPct val="85000"/>
              </a:lnSpc>
              <a:spcBef>
                <a:spcPts val="0"/>
              </a:spcBef>
            </a:pPr>
            <a:r>
              <a:rPr lang="en-US" sz="1000" dirty="0"/>
              <a:t>More information on California EcoRestore is available through the links below:</a:t>
            </a:r>
          </a:p>
          <a:p>
            <a:pPr>
              <a:lnSpc>
                <a:spcPct val="85000"/>
              </a:lnSpc>
              <a:spcBef>
                <a:spcPts val="0"/>
              </a:spcBef>
            </a:pPr>
            <a:r>
              <a:rPr lang="en-US" sz="1000" dirty="0">
                <a:hlinkClick r:id="rId4"/>
              </a:rPr>
              <a:t>EcoRestore Fact Sheet</a:t>
            </a:r>
            <a:r>
              <a:rPr lang="en-US" sz="1000" dirty="0"/>
              <a:t>  </a:t>
            </a:r>
            <a:r>
              <a:rPr lang="en-US" sz="1000" dirty="0">
                <a:hlinkClick r:id="rId5"/>
              </a:rPr>
              <a:t>http://resources.ca.gov/ecorestore/</a:t>
            </a:r>
            <a:r>
              <a:rPr lang="en-US" sz="1000" dirty="0"/>
              <a:t> </a:t>
            </a:r>
          </a:p>
          <a:p>
            <a:pPr>
              <a:lnSpc>
                <a:spcPct val="85000"/>
              </a:lnSpc>
              <a:spcBef>
                <a:spcPts val="0"/>
              </a:spcBef>
            </a:pPr>
            <a:endParaRPr lang="en-US" sz="1000" dirty="0"/>
          </a:p>
        </p:txBody>
      </p:sp>
    </p:spTree>
    <p:extLst>
      <p:ext uri="{BB962C8B-B14F-4D97-AF65-F5344CB8AC3E}">
        <p14:creationId xmlns:p14="http://schemas.microsoft.com/office/powerpoint/2010/main" val="3368241507"/>
      </p:ext>
    </p:extLst>
  </p:cSld>
  <p:clrMapOvr>
    <a:masterClrMapping/>
  </p:clrMapOvr>
</p:notes>
</file>

<file path=ppt/notesSlides/notesSlide1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924019" y="3329708"/>
            <a:ext cx="7388044" cy="3155388"/>
          </a:xfrm>
          <a:prstGeom prst="rect">
            <a:avLst/>
          </a:prstGeom>
        </p:spPr>
        <p:txBody>
          <a:bodyPr lIns="85404" tIns="42702" rIns="85404" bIns="42702">
            <a:normAutofit/>
          </a:bodyPr>
          <a:lstStyle/>
          <a:p>
            <a:endParaRPr lang="en-US" dirty="0"/>
          </a:p>
        </p:txBody>
      </p:sp>
      <p:sp>
        <p:nvSpPr>
          <p:cNvPr id="4" name="Slide Number Placeholder 3"/>
          <p:cNvSpPr>
            <a:spLocks noGrp="1"/>
          </p:cNvSpPr>
          <p:nvPr>
            <p:ph type="sldNum" sz="quarter" idx="10"/>
          </p:nvPr>
        </p:nvSpPr>
        <p:spPr/>
        <p:txBody>
          <a:bodyPr/>
          <a:lstStyle/>
          <a:p>
            <a:fld id="{A7AE2988-BC30-45CA-A967-C2226C709C41}" type="slidenum">
              <a:rPr lang="en-US" smtClean="0">
                <a:solidFill>
                  <a:prstClr val="black"/>
                </a:solidFill>
              </a:rPr>
              <a:pPr/>
              <a:t>148</a:t>
            </a:fld>
            <a:endParaRPr lang="en-US" dirty="0">
              <a:solidFill>
                <a:prstClr val="black"/>
              </a:solidFill>
            </a:endParaRPr>
          </a:p>
        </p:txBody>
      </p:sp>
    </p:spTree>
  </p:cSld>
  <p:clrMapOvr>
    <a:masterClrMapping/>
  </p:clrMapOvr>
</p:notes>
</file>

<file path=ppt/notesSlides/notesSlide1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066" name="Slide Image Placeholder 1"/>
          <p:cNvSpPr>
            <a:spLocks noGrp="1" noRot="1" noChangeAspect="1" noTextEdit="1"/>
          </p:cNvSpPr>
          <p:nvPr>
            <p:ph type="sldImg"/>
          </p:nvPr>
        </p:nvSpPr>
        <p:spPr>
          <a:xfrm>
            <a:off x="2867025" y="527050"/>
            <a:ext cx="3502025" cy="2627313"/>
          </a:xfrm>
          <a:ln/>
        </p:spPr>
      </p:sp>
      <p:sp>
        <p:nvSpPr>
          <p:cNvPr id="88067" name="Notes Placeholder 2"/>
          <p:cNvSpPr>
            <a:spLocks noGrp="1"/>
          </p:cNvSpPr>
          <p:nvPr>
            <p:ph type="body" idx="1"/>
          </p:nvPr>
        </p:nvSpPr>
        <p:spPr>
          <a:xfrm>
            <a:off x="1341440" y="3360295"/>
            <a:ext cx="5922873" cy="3218896"/>
          </a:xfrm>
          <a:noFill/>
          <a:ln w="9525"/>
        </p:spPr>
        <p:txBody>
          <a:bodyPr>
            <a:normAutofit/>
          </a:bodyPr>
          <a:lstStyle/>
          <a:p>
            <a:r>
              <a:rPr lang="en-US" dirty="0" smtClean="0"/>
              <a:t>From a local storage perspective, if we had the California</a:t>
            </a:r>
            <a:r>
              <a:rPr lang="en-US" baseline="0" dirty="0" smtClean="0"/>
              <a:t> WaterFix we could have an additional 1.43 million acre-feet of storage entering into 2016.  Therefore, total MWD storage would be between 2.2 to 2.6 million acre-feet in 2016</a:t>
            </a:r>
            <a:endParaRPr lang="en-US" dirty="0"/>
          </a:p>
        </p:txBody>
      </p:sp>
      <p:sp>
        <p:nvSpPr>
          <p:cNvPr id="4" name="Slide Number Placeholder 3"/>
          <p:cNvSpPr>
            <a:spLocks noGrp="1"/>
          </p:cNvSpPr>
          <p:nvPr>
            <p:ph type="sldNum" sz="quarter" idx="5"/>
          </p:nvPr>
        </p:nvSpPr>
        <p:spPr>
          <a:xfrm>
            <a:off x="5231642" y="6658663"/>
            <a:ext cx="4002299" cy="350520"/>
          </a:xfrm>
          <a:prstGeom prst="rect">
            <a:avLst/>
          </a:prstGeom>
        </p:spPr>
        <p:txBody>
          <a:bodyPr lIns="86069" tIns="43034" rIns="86069" bIns="43034"/>
          <a:lstStyle/>
          <a:p>
            <a:pPr>
              <a:defRPr/>
            </a:pPr>
            <a:fld id="{C5189F92-4917-4519-B6E4-07353968A1D5}" type="slidenum">
              <a:rPr lang="en-US" smtClean="0">
                <a:solidFill>
                  <a:prstClr val="black"/>
                </a:solidFill>
              </a:rPr>
              <a:pPr>
                <a:defRPr/>
              </a:pPr>
              <a:t>149</a:t>
            </a:fld>
            <a:endParaRPr lang="en-US" dirty="0">
              <a:solidFill>
                <a:prstClr val="black"/>
              </a:solidFill>
            </a:endParaRPr>
          </a:p>
        </p:txBody>
      </p:sp>
    </p:spTree>
    <p:extLst>
      <p:ext uri="{BB962C8B-B14F-4D97-AF65-F5344CB8AC3E}">
        <p14:creationId xmlns:p14="http://schemas.microsoft.com/office/powerpoint/2010/main" val="1135720467"/>
      </p:ext>
    </p:extLst>
  </p:cSld>
  <p:clrMapOvr>
    <a:masterClrMapping/>
  </p:clrMapOvr>
</p:notes>
</file>

<file path=ppt/notesSlides/notesSlide1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BC44AA9-7E0C-3942-826C-DBDD09B95197}" type="slidenum">
              <a:rPr lang="en-US" smtClean="0">
                <a:solidFill>
                  <a:prstClr val="black"/>
                </a:solidFill>
              </a:rPr>
              <a:pPr/>
              <a:t>154</a:t>
            </a:fld>
            <a:endParaRPr lang="en-US" dirty="0">
              <a:solidFill>
                <a:prstClr val="black"/>
              </a:solidFill>
            </a:endParaRPr>
          </a:p>
        </p:txBody>
      </p:sp>
    </p:spTree>
    <p:extLst>
      <p:ext uri="{BB962C8B-B14F-4D97-AF65-F5344CB8AC3E}">
        <p14:creationId xmlns:p14="http://schemas.microsoft.com/office/powerpoint/2010/main" val="1033301526"/>
      </p:ext>
    </p:extLst>
  </p:cSld>
  <p:clrMapOvr>
    <a:masterClrMapping/>
  </p:clrMapOvr>
</p:notes>
</file>

<file path=ppt/notesSlides/notesSlide1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BC44AA9-7E0C-3942-826C-DBDD09B95197}" type="slidenum">
              <a:rPr lang="en-US" smtClean="0">
                <a:solidFill>
                  <a:prstClr val="black"/>
                </a:solidFill>
              </a:rPr>
              <a:pPr/>
              <a:t>155</a:t>
            </a:fld>
            <a:endParaRPr lang="en-US" dirty="0">
              <a:solidFill>
                <a:prstClr val="black"/>
              </a:solidFill>
            </a:endParaRPr>
          </a:p>
        </p:txBody>
      </p:sp>
    </p:spTree>
    <p:extLst>
      <p:ext uri="{BB962C8B-B14F-4D97-AF65-F5344CB8AC3E}">
        <p14:creationId xmlns:p14="http://schemas.microsoft.com/office/powerpoint/2010/main" val="2563644580"/>
      </p:ext>
    </p:extLst>
  </p:cSld>
  <p:clrMapOvr>
    <a:masterClrMapping/>
  </p:clrMapOvr>
</p:notes>
</file>

<file path=ppt/notesSlides/notesSlide1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BC44AA9-7E0C-3942-826C-DBDD09B95197}" type="slidenum">
              <a:rPr lang="en-US" smtClean="0">
                <a:solidFill>
                  <a:prstClr val="black"/>
                </a:solidFill>
              </a:rPr>
              <a:pPr/>
              <a:t>156</a:t>
            </a:fld>
            <a:endParaRPr lang="en-US" dirty="0">
              <a:solidFill>
                <a:prstClr val="black"/>
              </a:solidFill>
            </a:endParaRPr>
          </a:p>
        </p:txBody>
      </p:sp>
    </p:spTree>
    <p:extLst>
      <p:ext uri="{BB962C8B-B14F-4D97-AF65-F5344CB8AC3E}">
        <p14:creationId xmlns:p14="http://schemas.microsoft.com/office/powerpoint/2010/main" val="3138451469"/>
      </p:ext>
    </p:extLst>
  </p:cSld>
  <p:clrMapOvr>
    <a:masterClrMapping/>
  </p:clrMapOvr>
</p:notes>
</file>

<file path=ppt/notesSlides/notesSlide1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227726C-F2D1-46A6-8074-89305558D663}" type="slidenum">
              <a:rPr lang="en-US" smtClean="0"/>
              <a:t>157</a:t>
            </a:fld>
            <a:endParaRPr lang="en-US" dirty="0"/>
          </a:p>
        </p:txBody>
      </p:sp>
    </p:spTree>
    <p:extLst>
      <p:ext uri="{BB962C8B-B14F-4D97-AF65-F5344CB8AC3E}">
        <p14:creationId xmlns:p14="http://schemas.microsoft.com/office/powerpoint/2010/main" val="191644603"/>
      </p:ext>
    </p:extLst>
  </p:cSld>
  <p:clrMapOvr>
    <a:masterClrMapping/>
  </p:clrMapOvr>
</p:notes>
</file>

<file path=ppt/notesSlides/notesSlide1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98255675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481638" y="457200"/>
            <a:ext cx="3252787" cy="2438400"/>
          </a:xfrm>
        </p:spPr>
      </p:sp>
      <p:sp>
        <p:nvSpPr>
          <p:cNvPr id="3" name="Notes Placeholder 2"/>
          <p:cNvSpPr>
            <a:spLocks noGrp="1"/>
          </p:cNvSpPr>
          <p:nvPr>
            <p:ph type="body" idx="1"/>
          </p:nvPr>
        </p:nvSpPr>
        <p:spPr>
          <a:xfrm>
            <a:off x="274644" y="1524002"/>
            <a:ext cx="8305800" cy="4960619"/>
          </a:xfrm>
        </p:spPr>
        <p:txBody>
          <a:bodyPr>
            <a:noAutofit/>
          </a:bodyPr>
          <a:lstStyle/>
          <a:p>
            <a:pPr>
              <a:lnSpc>
                <a:spcPct val="80000"/>
              </a:lnSpc>
              <a:spcBef>
                <a:spcPts val="0"/>
              </a:spcBef>
              <a:spcAft>
                <a:spcPts val="0"/>
              </a:spcAft>
            </a:pPr>
            <a:r>
              <a:rPr lang="en-US" sz="1100" dirty="0"/>
              <a:t>MWD Table A = 1,911,500 af/yr. (45.81%)</a:t>
            </a:r>
          </a:p>
          <a:p>
            <a:pPr>
              <a:lnSpc>
                <a:spcPct val="80000"/>
              </a:lnSpc>
              <a:spcBef>
                <a:spcPts val="0"/>
              </a:spcBef>
              <a:spcAft>
                <a:spcPts val="0"/>
              </a:spcAft>
            </a:pPr>
            <a:r>
              <a:rPr lang="en-US" sz="1100" dirty="0"/>
              <a:t>SWP Table A = 4,172,786 af/yr.</a:t>
            </a:r>
          </a:p>
          <a:p>
            <a:pPr>
              <a:lnSpc>
                <a:spcPct val="80000"/>
              </a:lnSpc>
              <a:spcBef>
                <a:spcPts val="0"/>
              </a:spcBef>
              <a:spcAft>
                <a:spcPts val="0"/>
              </a:spcAft>
            </a:pPr>
            <a:r>
              <a:rPr lang="en-US" sz="1100" dirty="0"/>
              <a:t>SWP/CVP Split: Assume (55% SWP / 45% CVP)</a:t>
            </a:r>
          </a:p>
          <a:p>
            <a:pPr defTabSz="907193">
              <a:lnSpc>
                <a:spcPct val="80000"/>
              </a:lnSpc>
              <a:spcBef>
                <a:spcPts val="0"/>
              </a:spcBef>
              <a:spcAft>
                <a:spcPts val="0"/>
              </a:spcAft>
              <a:defRPr/>
            </a:pPr>
            <a:r>
              <a:rPr lang="en-US" sz="1100" dirty="0"/>
              <a:t>SWP/CVP Average Annual Yield Improvement:  Low range (4.7 maf – 3.5 maf = 1.2 maf), </a:t>
            </a:r>
          </a:p>
          <a:p>
            <a:pPr marL="170122" indent="-170122" defTabSz="907193">
              <a:lnSpc>
                <a:spcPct val="80000"/>
              </a:lnSpc>
              <a:spcBef>
                <a:spcPts val="0"/>
              </a:spcBef>
              <a:spcAft>
                <a:spcPts val="0"/>
              </a:spcAft>
              <a:buFont typeface="Arial" panose="020B0604020202020204" pitchFamily="34" charset="0"/>
              <a:buChar char="•"/>
              <a:defRPr/>
            </a:pPr>
            <a:r>
              <a:rPr lang="en-US" sz="1100" dirty="0"/>
              <a:t>High Range (5.3 maf – 3.5 maf = 1.8 maf)</a:t>
            </a:r>
          </a:p>
          <a:p>
            <a:pPr>
              <a:lnSpc>
                <a:spcPct val="80000"/>
              </a:lnSpc>
              <a:spcBef>
                <a:spcPts val="0"/>
              </a:spcBef>
              <a:spcAft>
                <a:spcPts val="0"/>
              </a:spcAft>
            </a:pPr>
            <a:r>
              <a:rPr lang="en-US" sz="1100" dirty="0"/>
              <a:t>No Action = 3,500,000 af (SWP/CVP); 1,925,000 af SWP; 882,000 af MWD</a:t>
            </a:r>
          </a:p>
          <a:p>
            <a:pPr defTabSz="907193">
              <a:lnSpc>
                <a:spcPct val="80000"/>
              </a:lnSpc>
              <a:spcBef>
                <a:spcPts val="0"/>
              </a:spcBef>
              <a:spcAft>
                <a:spcPts val="0"/>
              </a:spcAft>
              <a:defRPr/>
            </a:pPr>
            <a:r>
              <a:rPr lang="en-US" sz="1100" dirty="0"/>
              <a:t>Cal Water Fix (Higher Yield) = 5,300,000 af (SWP/CVP); 2,915,000 af SWP; 1,335,000 af MWD</a:t>
            </a:r>
          </a:p>
          <a:p>
            <a:pPr marL="113414" indent="-113414" defTabSz="907193">
              <a:lnSpc>
                <a:spcPct val="80000"/>
              </a:lnSpc>
              <a:spcBef>
                <a:spcPts val="0"/>
              </a:spcBef>
              <a:spcAft>
                <a:spcPts val="0"/>
              </a:spcAft>
              <a:buFont typeface="Arial" panose="020B0604020202020204" pitchFamily="34" charset="0"/>
              <a:buChar char="•"/>
              <a:defRPr/>
            </a:pPr>
            <a:r>
              <a:rPr lang="en-US" sz="1100" dirty="0"/>
              <a:t>Improvement (1,335,000 – 882,000 AF) = 453,000 AF</a:t>
            </a:r>
          </a:p>
          <a:p>
            <a:pPr defTabSz="907193">
              <a:lnSpc>
                <a:spcPct val="80000"/>
              </a:lnSpc>
              <a:spcBef>
                <a:spcPts val="0"/>
              </a:spcBef>
              <a:spcAft>
                <a:spcPts val="0"/>
              </a:spcAft>
              <a:defRPr/>
            </a:pPr>
            <a:r>
              <a:rPr lang="en-US" sz="1100" dirty="0"/>
              <a:t>Cal Water Fix (Lower Yield) = 4,700,000 af (SWP/CVP); 2,585,000 af SWP; 1,184,000 af MWD</a:t>
            </a:r>
          </a:p>
          <a:p>
            <a:pPr marL="113414" indent="-113414" defTabSz="907193">
              <a:lnSpc>
                <a:spcPct val="80000"/>
              </a:lnSpc>
              <a:spcBef>
                <a:spcPts val="0"/>
              </a:spcBef>
              <a:spcAft>
                <a:spcPts val="0"/>
              </a:spcAft>
              <a:buFont typeface="Arial" panose="020B0604020202020204" pitchFamily="34" charset="0"/>
              <a:buChar char="•"/>
              <a:defRPr/>
            </a:pPr>
            <a:r>
              <a:rPr lang="en-US" sz="1100" dirty="0"/>
              <a:t>Improvement (1,184,000 – 882,000 AF) = 302,000 AF</a:t>
            </a:r>
          </a:p>
          <a:p>
            <a:pPr defTabSz="907193">
              <a:lnSpc>
                <a:spcPct val="80000"/>
              </a:lnSpc>
              <a:spcBef>
                <a:spcPts val="0"/>
              </a:spcBef>
              <a:spcAft>
                <a:spcPts val="0"/>
              </a:spcAft>
              <a:defRPr/>
            </a:pPr>
            <a:r>
              <a:rPr lang="en-US" sz="1100" dirty="0"/>
              <a:t>Total Cost = $17.23 to 17.49 billion</a:t>
            </a:r>
          </a:p>
          <a:p>
            <a:pPr marL="170122" indent="-170122" defTabSz="907193">
              <a:lnSpc>
                <a:spcPct val="80000"/>
              </a:lnSpc>
              <a:spcBef>
                <a:spcPts val="0"/>
              </a:spcBef>
              <a:spcAft>
                <a:spcPts val="0"/>
              </a:spcAft>
              <a:buFont typeface="Arial" panose="020B0604020202020204" pitchFamily="34" charset="0"/>
              <a:buChar char="•"/>
              <a:defRPr/>
            </a:pPr>
            <a:r>
              <a:rPr lang="en-US" sz="1100" dirty="0"/>
              <a:t>CVP (40 – 45%) = $6.89 to 7.87 billion</a:t>
            </a:r>
          </a:p>
          <a:p>
            <a:pPr marL="170122" indent="-170122" defTabSz="907193">
              <a:lnSpc>
                <a:spcPct val="80000"/>
              </a:lnSpc>
              <a:spcBef>
                <a:spcPts val="0"/>
              </a:spcBef>
              <a:spcAft>
                <a:spcPts val="0"/>
              </a:spcAft>
              <a:buFont typeface="Arial" panose="020B0604020202020204" pitchFamily="34" charset="0"/>
              <a:buChar char="•"/>
              <a:defRPr/>
            </a:pPr>
            <a:r>
              <a:rPr lang="en-US" sz="1100" dirty="0"/>
              <a:t>SWP (55 – 60%) =  $9.48 to 10.49 billion</a:t>
            </a:r>
          </a:p>
          <a:p>
            <a:pPr marL="170122" indent="-170122" defTabSz="907193">
              <a:lnSpc>
                <a:spcPct val="80000"/>
              </a:lnSpc>
              <a:spcBef>
                <a:spcPts val="0"/>
              </a:spcBef>
              <a:spcAft>
                <a:spcPts val="0"/>
              </a:spcAft>
              <a:buFont typeface="Arial" panose="020B0604020202020204" pitchFamily="34" charset="0"/>
              <a:buChar char="•"/>
              <a:defRPr/>
            </a:pPr>
            <a:r>
              <a:rPr lang="en-US" sz="1100" dirty="0"/>
              <a:t>MWD (25 – 30%) =  $4.31 to 5.25  billion</a:t>
            </a:r>
          </a:p>
          <a:p>
            <a:pPr marL="170122" indent="-170122" defTabSz="907193">
              <a:lnSpc>
                <a:spcPct val="80000"/>
              </a:lnSpc>
              <a:spcBef>
                <a:spcPts val="0"/>
              </a:spcBef>
              <a:spcAft>
                <a:spcPts val="0"/>
              </a:spcAft>
              <a:buFont typeface="Arial" panose="020B0604020202020204" pitchFamily="34" charset="0"/>
              <a:buChar char="•"/>
              <a:defRPr/>
            </a:pPr>
            <a:r>
              <a:rPr lang="en-US" sz="1100" dirty="0"/>
              <a:t>MWD Cost/AF</a:t>
            </a:r>
          </a:p>
          <a:p>
            <a:pPr marL="226830" lvl="1" indent="-108690" defTabSz="907193">
              <a:lnSpc>
                <a:spcPct val="80000"/>
              </a:lnSpc>
              <a:spcBef>
                <a:spcPts val="0"/>
              </a:spcBef>
              <a:spcAft>
                <a:spcPts val="0"/>
              </a:spcAft>
              <a:buFont typeface="Arial" panose="020B0604020202020204" pitchFamily="34" charset="0"/>
              <a:buChar char="•"/>
              <a:defRPr/>
            </a:pPr>
            <a:r>
              <a:rPr lang="en-US" sz="1100" dirty="0"/>
              <a:t>High Range	$5.25 billion, 40 yrs, 6.135%, = $354.88 million per yr / 453,000 AF = $783 + $200 (Power) + $31 (Treatment) = $1,014</a:t>
            </a:r>
          </a:p>
          <a:p>
            <a:pPr marL="226830" lvl="1" indent="-108690" defTabSz="907193">
              <a:lnSpc>
                <a:spcPct val="80000"/>
              </a:lnSpc>
              <a:spcBef>
                <a:spcPts val="0"/>
              </a:spcBef>
              <a:spcAft>
                <a:spcPts val="0"/>
              </a:spcAft>
              <a:buFont typeface="Arial" panose="020B0604020202020204" pitchFamily="34" charset="0"/>
              <a:buChar char="•"/>
              <a:defRPr/>
            </a:pPr>
            <a:r>
              <a:rPr lang="en-US" sz="1100" dirty="0"/>
              <a:t>Low Range	$4.31 billion, 40 yrs, 6.135%, = $291.34 million per yr / /302,000 = $965 + $200 (Power) + $31 (Treatment) = $1,196</a:t>
            </a:r>
          </a:p>
          <a:p>
            <a:pPr>
              <a:lnSpc>
                <a:spcPct val="80000"/>
              </a:lnSpc>
              <a:spcBef>
                <a:spcPts val="0"/>
              </a:spcBef>
              <a:spcAft>
                <a:spcPts val="0"/>
              </a:spcAft>
            </a:pPr>
            <a:endParaRPr lang="en-US" sz="1100" dirty="0"/>
          </a:p>
          <a:p>
            <a:pPr>
              <a:lnSpc>
                <a:spcPct val="80000"/>
              </a:lnSpc>
              <a:spcBef>
                <a:spcPts val="0"/>
              </a:spcBef>
              <a:spcAft>
                <a:spcPts val="0"/>
              </a:spcAft>
              <a:tabLst>
                <a:tab pos="1529315" algn="ctr"/>
                <a:tab pos="2609756" algn="ctr"/>
                <a:tab pos="4087096" algn="ctr"/>
                <a:tab pos="5443161" algn="ctr"/>
                <a:tab pos="6808676" algn="ctr"/>
              </a:tabLst>
              <a:defRPr/>
            </a:pPr>
            <a:r>
              <a:rPr lang="en-US" sz="1100" b="1" u="sng" dirty="0"/>
              <a:t>CALSIM (1922-2002)	Table A	Table ‘A’ Avg. Deliveries 	Article 21 Avg. Deliveries	 Table ‘A’ Incremental	Article 21 Incremental</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pPr>
            <a:r>
              <a:rPr lang="en-US" sz="1100" dirty="0"/>
              <a:t>SWP	100%	2,096,700 af/yr.	25,600 af/yr.	_______ af/yr.	_______ af/yr.</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r>
              <a:rPr lang="en-US" sz="1100" dirty="0"/>
              <a:t>MWD (100%)	45.8%	960,500 af/yr.	5,400 af/yr.	</a:t>
            </a:r>
            <a:r>
              <a:rPr lang="en-US" sz="1100" strike="sngStrike" dirty="0"/>
              <a:t>431,000 af/yr.	67,000 af/yr.</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r>
              <a:rPr lang="en-US" sz="1100" dirty="0"/>
              <a:t>MWD (110%)	50.4%	960,500 af/yr.	5,400 af/yr.	</a:t>
            </a:r>
            <a:r>
              <a:rPr lang="en-US" sz="1100" strike="sngStrike" dirty="0"/>
              <a:t>474,000 af/yr.	74,000 af/yr.</a:t>
            </a:r>
          </a:p>
          <a:p>
            <a:pPr marL="623694"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endParaRPr lang="en-US" sz="1100" dirty="0"/>
          </a:p>
          <a:p>
            <a:pPr>
              <a:lnSpc>
                <a:spcPct val="80000"/>
              </a:lnSpc>
              <a:spcBef>
                <a:spcPts val="0"/>
              </a:spcBef>
              <a:spcAft>
                <a:spcPts val="0"/>
              </a:spcAft>
            </a:pPr>
            <a:r>
              <a:rPr lang="en-US" altLang="en-US" sz="1100" b="1" u="sng" dirty="0"/>
              <a:t>DWR SWP Delivery Reliability Report table</a:t>
            </a:r>
          </a:p>
          <a:p>
            <a:pPr>
              <a:lnSpc>
                <a:spcPct val="80000"/>
              </a:lnSpc>
              <a:spcBef>
                <a:spcPts val="0"/>
              </a:spcBef>
              <a:spcAft>
                <a:spcPts val="0"/>
              </a:spcAft>
            </a:pPr>
            <a:r>
              <a:rPr lang="en-US" altLang="en-US" sz="1100" dirty="0"/>
              <a:t>2005 Study:  MWD Avg. = 1,418,747 AF/yr (68%); MWD Dry = 430,000 (10 %);  Dry year is roughly a 10 percentile.</a:t>
            </a:r>
          </a:p>
          <a:p>
            <a:pPr>
              <a:lnSpc>
                <a:spcPct val="80000"/>
              </a:lnSpc>
              <a:spcBef>
                <a:spcPts val="0"/>
              </a:spcBef>
              <a:spcAft>
                <a:spcPts val="0"/>
              </a:spcAft>
            </a:pPr>
            <a:endParaRPr lang="en-US" altLang="en-US" sz="1100" dirty="0"/>
          </a:p>
          <a:p>
            <a:pPr>
              <a:lnSpc>
                <a:spcPct val="80000"/>
              </a:lnSpc>
              <a:spcBef>
                <a:spcPts val="0"/>
              </a:spcBef>
              <a:spcAft>
                <a:spcPts val="0"/>
              </a:spcAft>
            </a:pPr>
            <a:r>
              <a:rPr lang="en-US" altLang="en-US" sz="1100" b="1" dirty="0"/>
              <a:t>SWP Table A Delivery (</a:t>
            </a:r>
            <a:r>
              <a:rPr lang="en-US" sz="1100" b="1" dirty="0"/>
              <a:t>Percent of Demand under then existing condition)</a:t>
            </a:r>
            <a:endParaRPr lang="en-US" altLang="en-US" sz="1100" b="1" dirty="0"/>
          </a:p>
          <a:p>
            <a:pPr>
              <a:lnSpc>
                <a:spcPct val="80000"/>
              </a:lnSpc>
              <a:spcBef>
                <a:spcPts val="0"/>
              </a:spcBef>
              <a:spcAft>
                <a:spcPts val="0"/>
              </a:spcAft>
            </a:pPr>
            <a:r>
              <a:rPr lang="en-US" sz="1100" b="1" u="sng" dirty="0"/>
              <a:t>Report	Average	Minimum	Maximum</a:t>
            </a:r>
          </a:p>
          <a:p>
            <a:pPr>
              <a:lnSpc>
                <a:spcPct val="80000"/>
              </a:lnSpc>
              <a:spcBef>
                <a:spcPts val="0"/>
              </a:spcBef>
              <a:spcAft>
                <a:spcPts val="0"/>
              </a:spcAft>
            </a:pPr>
            <a:r>
              <a:rPr lang="en-US" sz="1100" dirty="0"/>
              <a:t>2005 Study	68%	  4%	93%</a:t>
            </a:r>
          </a:p>
          <a:p>
            <a:pPr>
              <a:lnSpc>
                <a:spcPct val="80000"/>
              </a:lnSpc>
              <a:spcBef>
                <a:spcPts val="0"/>
              </a:spcBef>
              <a:spcAft>
                <a:spcPts val="0"/>
              </a:spcAft>
            </a:pPr>
            <a:r>
              <a:rPr lang="en-US" sz="1100" dirty="0"/>
              <a:t>2007 Study	63%	  6%	90%</a:t>
            </a:r>
          </a:p>
          <a:p>
            <a:pPr>
              <a:lnSpc>
                <a:spcPct val="80000"/>
              </a:lnSpc>
              <a:spcBef>
                <a:spcPts val="0"/>
              </a:spcBef>
              <a:spcAft>
                <a:spcPts val="0"/>
              </a:spcAft>
            </a:pPr>
            <a:r>
              <a:rPr lang="en-US" sz="1100" dirty="0"/>
              <a:t>2009 Study	60%	  7%	81%</a:t>
            </a:r>
          </a:p>
          <a:p>
            <a:pPr>
              <a:lnSpc>
                <a:spcPct val="80000"/>
              </a:lnSpc>
              <a:spcBef>
                <a:spcPts val="0"/>
              </a:spcBef>
              <a:spcAft>
                <a:spcPts val="0"/>
              </a:spcAft>
            </a:pPr>
            <a:r>
              <a:rPr lang="en-US" sz="1100" dirty="0"/>
              <a:t>2011 Study	61%	  9%	82%</a:t>
            </a:r>
          </a:p>
          <a:p>
            <a:pPr>
              <a:spcBef>
                <a:spcPts val="0"/>
              </a:spcBef>
            </a:pPr>
            <a:endParaRPr lang="en-US" sz="1100" dirty="0"/>
          </a:p>
          <a:p>
            <a:pPr>
              <a:spcBef>
                <a:spcPts val="0"/>
              </a:spcBef>
            </a:pPr>
            <a:endParaRPr lang="en-US" sz="1100" dirty="0"/>
          </a:p>
        </p:txBody>
      </p:sp>
      <p:sp>
        <p:nvSpPr>
          <p:cNvPr id="4" name="Slide Number Placeholder 3"/>
          <p:cNvSpPr>
            <a:spLocks noGrp="1"/>
          </p:cNvSpPr>
          <p:nvPr>
            <p:ph type="sldNum" sz="quarter" idx="10"/>
          </p:nvPr>
        </p:nvSpPr>
        <p:spPr/>
        <p:txBody>
          <a:bodyPr/>
          <a:lstStyle/>
          <a:p>
            <a:fld id="{33F57FB7-A35F-4B35-BCE0-EA635445EA90}"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2133818358"/>
      </p:ext>
    </p:extLst>
  </p:cSld>
  <p:clrMapOvr>
    <a:masterClrMapping/>
  </p:clrMapOvr>
</p:notes>
</file>

<file path=ppt/notesSlides/notesSlide1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5438" y="525463"/>
            <a:ext cx="3505200" cy="26289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833264298"/>
      </p:ext>
    </p:extLst>
  </p:cSld>
  <p:clrMapOvr>
    <a:masterClrMapping/>
  </p:clrMapOvr>
</p:notes>
</file>

<file path=ppt/notesSlides/notesSlide1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63</a:t>
            </a:fld>
            <a:endParaRPr lang="en-US" dirty="0">
              <a:solidFill>
                <a:prstClr val="black"/>
              </a:solidFill>
            </a:endParaRPr>
          </a:p>
        </p:txBody>
      </p:sp>
    </p:spTree>
    <p:extLst>
      <p:ext uri="{BB962C8B-B14F-4D97-AF65-F5344CB8AC3E}">
        <p14:creationId xmlns:p14="http://schemas.microsoft.com/office/powerpoint/2010/main" val="3018033041"/>
      </p:ext>
    </p:extLst>
  </p:cSld>
  <p:clrMapOvr>
    <a:masterClrMapping/>
  </p:clrMapOvr>
</p:notes>
</file>

<file path=ppt/notesSlides/notesSlide1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4</a:t>
            </a:fld>
            <a:endParaRPr lang="en-US" dirty="0"/>
          </a:p>
        </p:txBody>
      </p:sp>
    </p:spTree>
    <p:extLst>
      <p:ext uri="{BB962C8B-B14F-4D97-AF65-F5344CB8AC3E}">
        <p14:creationId xmlns:p14="http://schemas.microsoft.com/office/powerpoint/2010/main" val="323905509"/>
      </p:ext>
    </p:extLst>
  </p:cSld>
  <p:clrMapOvr>
    <a:masterClrMapping/>
  </p:clrMapOvr>
</p:notes>
</file>

<file path=ppt/notesSlides/notesSlide1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5</a:t>
            </a:fld>
            <a:endParaRPr lang="en-US" dirty="0"/>
          </a:p>
        </p:txBody>
      </p:sp>
    </p:spTree>
  </p:cSld>
  <p:clrMapOvr>
    <a:masterClrMapping/>
  </p:clrMapOvr>
</p:notes>
</file>

<file path=ppt/notesSlides/notesSlide1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6</a:t>
            </a:fld>
            <a:endParaRPr lang="en-US" dirty="0"/>
          </a:p>
        </p:txBody>
      </p:sp>
    </p:spTree>
  </p:cSld>
  <p:clrMapOvr>
    <a:masterClrMapping/>
  </p:clrMapOvr>
</p:notes>
</file>

<file path=ppt/notesSlides/notesSlide1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7</a:t>
            </a:fld>
            <a:endParaRPr lang="en-US" dirty="0"/>
          </a:p>
        </p:txBody>
      </p:sp>
    </p:spTree>
  </p:cSld>
  <p:clrMapOvr>
    <a:masterClrMapping/>
  </p:clrMapOvr>
</p:notes>
</file>

<file path=ppt/notesSlides/notesSlide1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8</a:t>
            </a:fld>
            <a:endParaRPr lang="en-US" dirty="0"/>
          </a:p>
        </p:txBody>
      </p:sp>
    </p:spTree>
  </p:cSld>
  <p:clrMapOvr>
    <a:masterClrMapping/>
  </p:clrMapOvr>
</p:notes>
</file>

<file path=ppt/notesSlides/notesSlide1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69</a:t>
            </a:fld>
            <a:endParaRPr lang="en-US" dirty="0"/>
          </a:p>
        </p:txBody>
      </p:sp>
    </p:spTree>
  </p:cSld>
  <p:clrMapOvr>
    <a:masterClrMapping/>
  </p:clrMapOvr>
</p:notes>
</file>

<file path=ppt/notesSlides/notesSlide1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0</a:t>
            </a:fld>
            <a:endParaRPr lang="en-US" dirty="0"/>
          </a:p>
        </p:txBody>
      </p:sp>
    </p:spTree>
  </p:cSld>
  <p:clrMapOvr>
    <a:masterClrMapping/>
  </p:clrMapOvr>
</p:notes>
</file>

<file path=ppt/notesSlides/notesSlide1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57450" y="381000"/>
            <a:ext cx="4497388" cy="3371850"/>
          </a:xfrm>
        </p:spPr>
      </p:sp>
      <p:sp>
        <p:nvSpPr>
          <p:cNvPr id="3" name="Notes Placeholder 2"/>
          <p:cNvSpPr>
            <a:spLocks noGrp="1"/>
          </p:cNvSpPr>
          <p:nvPr>
            <p:ph type="body" idx="1"/>
          </p:nvPr>
        </p:nvSpPr>
        <p:spPr>
          <a:noFill/>
        </p:spPr>
        <p:txBody>
          <a:bodyPr vert="horz" wrap="square" lIns="89592" tIns="44796" rIns="89592" bIns="44796" numCol="1" rtlCol="0" anchor="t" anchorCtr="0" compatLnSpc="1">
            <a:prstTxWarp prst="textNoShape">
              <a:avLst/>
            </a:prstTxWarp>
            <a:noAutofit/>
          </a:bodyPr>
          <a:lstStyle/>
          <a:p>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1</a:t>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2"/>
          <p:cNvSpPr>
            <a:spLocks noGrp="1" noRot="1" noChangeAspect="1" noChangeArrowheads="1" noTextEdit="1"/>
          </p:cNvSpPr>
          <p:nvPr>
            <p:ph type="sldImg"/>
          </p:nvPr>
        </p:nvSpPr>
        <p:spPr>
          <a:ln/>
        </p:spPr>
      </p:sp>
      <p:sp>
        <p:nvSpPr>
          <p:cNvPr id="37891" name="Rectangle 3"/>
          <p:cNvSpPr>
            <a:spLocks noGrp="1" noChangeArrowheads="1"/>
          </p:cNvSpPr>
          <p:nvPr>
            <p:ph type="body" idx="1"/>
          </p:nvPr>
        </p:nvSpPr>
        <p:spPr>
          <a:xfrm>
            <a:off x="302827" y="3329940"/>
            <a:ext cx="8630431" cy="315468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defTabSz="914106">
              <a:lnSpc>
                <a:spcPct val="90000"/>
              </a:lnSpc>
              <a:spcBef>
                <a:spcPct val="20000"/>
              </a:spcBef>
            </a:pPr>
            <a:r>
              <a:rPr lang="en-US" b="1" u="sng" dirty="0" smtClean="0"/>
              <a:t>Main</a:t>
            </a:r>
            <a:r>
              <a:rPr lang="en-US" b="1" u="sng" baseline="0" dirty="0" smtClean="0"/>
              <a:t> </a:t>
            </a:r>
            <a:r>
              <a:rPr lang="en-US" b="1" u="sng" dirty="0" smtClean="0"/>
              <a:t>Points</a:t>
            </a:r>
          </a:p>
          <a:p>
            <a:pPr marL="170785" indent="-170785" defTabSz="914106">
              <a:lnSpc>
                <a:spcPct val="90000"/>
              </a:lnSpc>
              <a:spcBef>
                <a:spcPct val="20000"/>
              </a:spcBef>
              <a:buFont typeface="Arial" panose="020B0604020202020204" pitchFamily="34" charset="0"/>
              <a:buChar char="•"/>
            </a:pPr>
            <a:r>
              <a:rPr lang="en-US" b="0" dirty="0" smtClean="0"/>
              <a:t>Initial</a:t>
            </a:r>
            <a:r>
              <a:rPr lang="en-US" b="0" baseline="0" dirty="0" smtClean="0"/>
              <a:t> discussions</a:t>
            </a:r>
          </a:p>
          <a:p>
            <a:pPr marL="170785" indent="-170785" defTabSz="914106">
              <a:lnSpc>
                <a:spcPct val="90000"/>
              </a:lnSpc>
              <a:spcBef>
                <a:spcPct val="20000"/>
              </a:spcBef>
              <a:buFont typeface="Arial" panose="020B0604020202020204" pitchFamily="34" charset="0"/>
              <a:buChar char="•"/>
            </a:pPr>
            <a:r>
              <a:rPr lang="en-US" b="0" baseline="0" dirty="0" smtClean="0"/>
              <a:t>We still have a ways to go</a:t>
            </a:r>
          </a:p>
          <a:p>
            <a:endParaRPr lang="en-US" dirty="0" smtClean="0"/>
          </a:p>
          <a:p>
            <a:endParaRPr lang="en-US" dirty="0"/>
          </a:p>
          <a:p>
            <a:r>
              <a:rPr lang="en-US" b="1" u="sng" dirty="0" smtClean="0"/>
              <a:t>Allocation </a:t>
            </a:r>
            <a:r>
              <a:rPr lang="en-US" b="1" u="sng" dirty="0"/>
              <a:t>Options</a:t>
            </a:r>
          </a:p>
          <a:p>
            <a:pPr marL="227713" indent="-227713" defTabSz="910851" eaLnBrk="1" fontAlgn="auto" hangingPunct="1">
              <a:spcBef>
                <a:spcPts val="0"/>
              </a:spcBef>
              <a:spcAft>
                <a:spcPts val="0"/>
              </a:spcAft>
              <a:buFont typeface="+mj-lt"/>
              <a:buAutoNum type="arabicPeriod"/>
              <a:defRPr/>
            </a:pPr>
            <a:r>
              <a:rPr lang="en-US" b="0" u="sng" dirty="0" smtClean="0"/>
              <a:t>Table A</a:t>
            </a:r>
            <a:r>
              <a:rPr lang="en-US" b="0" dirty="0" smtClean="0"/>
              <a:t> – Table A refers to SWP contract entitlement.</a:t>
            </a:r>
            <a:r>
              <a:rPr lang="en-US" b="0" baseline="0" dirty="0" smtClean="0"/>
              <a:t>  </a:t>
            </a:r>
            <a:r>
              <a:rPr lang="en-US" b="0" dirty="0" smtClean="0"/>
              <a:t>Payments would be based </a:t>
            </a:r>
            <a:r>
              <a:rPr lang="en-US" b="0" dirty="0"/>
              <a:t>on contract </a:t>
            </a:r>
            <a:r>
              <a:rPr lang="en-US" b="0" dirty="0" smtClean="0"/>
              <a:t>entitlement. Everyone pays their share but can sell water among contractors in any given year to better manage costs. Allows </a:t>
            </a:r>
            <a:r>
              <a:rPr lang="en-US" b="0" dirty="0"/>
              <a:t>more mechanisms to move water among contractors; Allows better mgmt between contractors; </a:t>
            </a:r>
            <a:r>
              <a:rPr lang="en-US" b="0" dirty="0" smtClean="0"/>
              <a:t>Note current approach with turn-back pool and permanent transfers</a:t>
            </a:r>
            <a:endParaRPr lang="en-US" b="0" dirty="0"/>
          </a:p>
          <a:p>
            <a:pPr marL="227713" indent="-227713">
              <a:buFont typeface="+mj-lt"/>
              <a:buAutoNum type="arabicPeriod"/>
            </a:pPr>
            <a:endParaRPr lang="en-US" b="0" dirty="0" smtClean="0"/>
          </a:p>
          <a:p>
            <a:pPr marL="227713" indent="-227713">
              <a:buFont typeface="+mj-lt"/>
              <a:buAutoNum type="arabicPeriod"/>
            </a:pPr>
            <a:r>
              <a:rPr lang="en-US" b="0" dirty="0" smtClean="0"/>
              <a:t>Variable BDCP Participation­</a:t>
            </a:r>
            <a:r>
              <a:rPr lang="en-US" b="0" u="sng" dirty="0" smtClean="0"/>
              <a:t>Out-In/Op-Out</a:t>
            </a:r>
            <a:r>
              <a:rPr lang="en-US" b="0" u="none" baseline="0" dirty="0" smtClean="0"/>
              <a:t> –</a:t>
            </a:r>
            <a:r>
              <a:rPr lang="en-US" b="0" dirty="0" smtClean="0"/>
              <a:t> </a:t>
            </a:r>
            <a:r>
              <a:rPr lang="en-US" b="0" dirty="0"/>
              <a:t>Some contractors have put that forward; its on the table;  </a:t>
            </a:r>
          </a:p>
          <a:p>
            <a:pPr marL="227713" indent="-227713">
              <a:buFont typeface="+mj-lt"/>
              <a:buAutoNum type="arabicPeriod"/>
            </a:pPr>
            <a:r>
              <a:rPr lang="en-US" b="0" u="sng" dirty="0" smtClean="0"/>
              <a:t>Follow </a:t>
            </a:r>
            <a:r>
              <a:rPr lang="en-US" b="0" u="sng" dirty="0"/>
              <a:t>the Water </a:t>
            </a:r>
            <a:r>
              <a:rPr lang="en-US" b="0" u="sng" dirty="0" smtClean="0"/>
              <a:t>Approach</a:t>
            </a:r>
            <a:r>
              <a:rPr lang="en-US" b="0" u="none" baseline="0" dirty="0" smtClean="0"/>
              <a:t> </a:t>
            </a:r>
            <a:r>
              <a:rPr lang="en-US" b="0" dirty="0" smtClean="0"/>
              <a:t>-- P</a:t>
            </a:r>
            <a:r>
              <a:rPr lang="en-US" dirty="0" smtClean="0"/>
              <a:t>ay </a:t>
            </a:r>
            <a:r>
              <a:rPr lang="en-US" dirty="0"/>
              <a:t>based on delivered water, would need to turn-up costs at end of year</a:t>
            </a:r>
          </a:p>
          <a:p>
            <a:endParaRPr lang="en-US" dirty="0"/>
          </a:p>
          <a:p>
            <a:r>
              <a:rPr lang="en-US" dirty="0" smtClean="0"/>
              <a:t>Two Primary Components</a:t>
            </a:r>
          </a:p>
          <a:p>
            <a:pPr lvl="1"/>
            <a:r>
              <a:rPr lang="en-US" dirty="0" smtClean="0"/>
              <a:t>Subscription to Define Level of Participation in BDCP</a:t>
            </a:r>
          </a:p>
          <a:p>
            <a:pPr lvl="1"/>
            <a:r>
              <a:rPr lang="en-US" dirty="0" smtClean="0"/>
              <a:t>Provide Additional Options for Managing Water Supplies and Cost</a:t>
            </a:r>
          </a:p>
          <a:p>
            <a:r>
              <a:rPr lang="en-US" dirty="0" smtClean="0"/>
              <a:t>Subscription process identifies actual participation</a:t>
            </a:r>
          </a:p>
          <a:p>
            <a:pPr lvl="1"/>
            <a:r>
              <a:rPr lang="en-US" dirty="0" smtClean="0"/>
              <a:t>Contractors request desired capacity amount</a:t>
            </a:r>
          </a:p>
          <a:p>
            <a:pPr lvl="1"/>
            <a:r>
              <a:rPr lang="en-US" dirty="0" smtClean="0"/>
              <a:t>Actual purchase adjusted based on total requests</a:t>
            </a:r>
          </a:p>
          <a:p>
            <a:endParaRPr lang="en-US" dirty="0" smtClean="0"/>
          </a:p>
          <a:p>
            <a:endParaRPr lang="en-US" dirty="0" smtClean="0"/>
          </a:p>
        </p:txBody>
      </p:sp>
    </p:spTree>
  </p:cSld>
  <p:clrMapOvr>
    <a:masterClrMapping/>
  </p:clrMapOvr>
</p:notes>
</file>

<file path=ppt/notesSlides/notesSlide1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2</a:t>
            </a:fld>
            <a:endParaRPr lang="en-US" dirty="0"/>
          </a:p>
        </p:txBody>
      </p:sp>
    </p:spTree>
    <p:extLst>
      <p:ext uri="{BB962C8B-B14F-4D97-AF65-F5344CB8AC3E}">
        <p14:creationId xmlns:p14="http://schemas.microsoft.com/office/powerpoint/2010/main" val="2656206187"/>
      </p:ext>
    </p:extLst>
  </p:cSld>
  <p:clrMapOvr>
    <a:masterClrMapping/>
  </p:clrMapOvr>
</p:notes>
</file>

<file path=ppt/notesSlides/notesSlide1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84513" y="511175"/>
            <a:ext cx="2921000" cy="2190750"/>
          </a:xfrm>
        </p:spPr>
      </p:sp>
      <p:sp>
        <p:nvSpPr>
          <p:cNvPr id="4" name="Slide Number Placeholder 3"/>
          <p:cNvSpPr>
            <a:spLocks noGrp="1"/>
          </p:cNvSpPr>
          <p:nvPr>
            <p:ph type="sldNum" sz="quarter" idx="10"/>
          </p:nvPr>
        </p:nvSpPr>
        <p:spPr/>
        <p:txBody>
          <a:bodyPr/>
          <a:lstStyle/>
          <a:p>
            <a:pPr>
              <a:defRPr/>
            </a:pPr>
            <a:fld id="{0F8A1D48-E87F-4F21-9D75-747A9013154F}" type="slidenum">
              <a:rPr lang="en-US" smtClean="0"/>
              <a:pPr>
                <a:defRPr/>
              </a:pPr>
              <a:t>173</a:t>
            </a:fld>
            <a:endParaRPr lang="en-US" dirty="0"/>
          </a:p>
        </p:txBody>
      </p:sp>
      <p:sp>
        <p:nvSpPr>
          <p:cNvPr id="6" name="Notes Placeholder 2"/>
          <p:cNvSpPr>
            <a:spLocks noGrp="1"/>
          </p:cNvSpPr>
          <p:nvPr>
            <p:ph type="body" idx="3"/>
          </p:nvPr>
        </p:nvSpPr>
        <p:spPr>
          <a:xfrm>
            <a:off x="366515" y="2847976"/>
            <a:ext cx="8503053" cy="3636646"/>
          </a:xfrm>
        </p:spPr>
        <p:txBody>
          <a:bodyPr>
            <a:normAutofit lnSpcReduction="10000"/>
          </a:bodyPr>
          <a:lstStyle/>
          <a:p>
            <a:pPr>
              <a:lnSpc>
                <a:spcPct val="90000"/>
              </a:lnSpc>
              <a:spcBef>
                <a:spcPts val="0"/>
              </a:spcBef>
            </a:pPr>
            <a:r>
              <a:rPr lang="en-US" sz="1100" b="1" u="sng" dirty="0"/>
              <a:t>Source</a:t>
            </a:r>
            <a:r>
              <a:rPr lang="en-US" sz="1100" dirty="0"/>
              <a:t>:  Governor’s Delta Vision Blue Ribbon Task Force Report Jan 2008, page 37; Measured, calculated and modeled data from an array of sources as compiled by Tully &amp; Young, Inc. with data and assistance from DWR, the Bay Institute and the State Water Contractors.</a:t>
            </a:r>
          </a:p>
          <a:p>
            <a:pPr>
              <a:lnSpc>
                <a:spcPct val="90000"/>
              </a:lnSpc>
              <a:spcBef>
                <a:spcPts val="0"/>
              </a:spcBef>
            </a:pPr>
            <a:endParaRPr lang="en-US" sz="1100" b="1" u="sng" dirty="0"/>
          </a:p>
          <a:p>
            <a:pPr>
              <a:lnSpc>
                <a:spcPct val="90000"/>
              </a:lnSpc>
              <a:spcBef>
                <a:spcPts val="0"/>
              </a:spcBef>
            </a:pPr>
            <a:r>
              <a:rPr lang="en-US" sz="1100" b="1" u="sng" dirty="0"/>
              <a:t>Usage Trends</a:t>
            </a:r>
            <a:r>
              <a:rPr lang="en-US" sz="1100" u="sng" dirty="0"/>
              <a:t> </a:t>
            </a:r>
            <a:r>
              <a:rPr lang="en-US" sz="1100" b="1" u="sng" dirty="0"/>
              <a:t>Percent</a:t>
            </a:r>
            <a:r>
              <a:rPr lang="en-US" sz="1100" u="sng" dirty="0"/>
              <a:t> </a:t>
            </a:r>
            <a:r>
              <a:rPr lang="en-US" sz="1100" b="1" u="sng" dirty="0"/>
              <a:t>Acre-Feet  (1990-2005)</a:t>
            </a:r>
          </a:p>
          <a:p>
            <a:pPr>
              <a:lnSpc>
                <a:spcPct val="90000"/>
              </a:lnSpc>
              <a:spcBef>
                <a:spcPts val="0"/>
              </a:spcBef>
              <a:tabLst>
                <a:tab pos="2505019" algn="ctr"/>
                <a:tab pos="4022819" algn="r"/>
              </a:tabLst>
            </a:pPr>
            <a:r>
              <a:rPr lang="en-US" sz="1100" dirty="0"/>
              <a:t>Outflow to Ocean 	48% 	15,768,000 af </a:t>
            </a:r>
          </a:p>
          <a:p>
            <a:pPr>
              <a:lnSpc>
                <a:spcPct val="90000"/>
              </a:lnSpc>
              <a:spcBef>
                <a:spcPts val="0"/>
              </a:spcBef>
              <a:tabLst>
                <a:tab pos="2505019" algn="ctr"/>
                <a:tab pos="4022819" algn="r"/>
              </a:tabLst>
            </a:pPr>
            <a:r>
              <a:rPr lang="en-US" sz="1100" dirty="0"/>
              <a:t>Upstream Consumptive Use 	31% 	10,183,500 af </a:t>
            </a:r>
          </a:p>
          <a:p>
            <a:pPr>
              <a:lnSpc>
                <a:spcPct val="90000"/>
              </a:lnSpc>
              <a:spcBef>
                <a:spcPts val="0"/>
              </a:spcBef>
              <a:tabLst>
                <a:tab pos="2505019" algn="ctr"/>
                <a:tab pos="4022819" algn="r"/>
              </a:tabLst>
            </a:pPr>
            <a:r>
              <a:rPr lang="en-US" sz="1100" dirty="0"/>
              <a:t>CVP - SWP Exports 	17% 	5,584,500 af </a:t>
            </a:r>
          </a:p>
          <a:p>
            <a:pPr>
              <a:lnSpc>
                <a:spcPct val="90000"/>
              </a:lnSpc>
              <a:spcBef>
                <a:spcPts val="0"/>
              </a:spcBef>
              <a:tabLst>
                <a:tab pos="2505019" algn="ctr"/>
                <a:tab pos="4022819" algn="r"/>
              </a:tabLst>
            </a:pPr>
            <a:r>
              <a:rPr lang="en-US" sz="1100" dirty="0"/>
              <a:t>I</a:t>
            </a:r>
            <a:r>
              <a:rPr lang="en-US" sz="1100" u="sng" dirty="0"/>
              <a:t>n-Delta Consumptive Use 	4% 	1,314,000 af </a:t>
            </a:r>
          </a:p>
          <a:p>
            <a:pPr>
              <a:lnSpc>
                <a:spcPct val="90000"/>
              </a:lnSpc>
              <a:spcBef>
                <a:spcPts val="0"/>
              </a:spcBef>
              <a:tabLst>
                <a:tab pos="2505019" algn="ctr"/>
                <a:tab pos="4022819" algn="r"/>
              </a:tabLst>
            </a:pPr>
            <a:r>
              <a:rPr lang="en-US" sz="1100" b="1" dirty="0"/>
              <a:t>TOTAL</a:t>
            </a:r>
            <a:r>
              <a:rPr lang="en-US" sz="1100" dirty="0"/>
              <a:t> 	</a:t>
            </a:r>
            <a:r>
              <a:rPr lang="en-US" sz="1100" b="1" dirty="0"/>
              <a:t>100%</a:t>
            </a:r>
            <a:r>
              <a:rPr lang="en-US" sz="1100" dirty="0"/>
              <a:t>	</a:t>
            </a:r>
            <a:r>
              <a:rPr lang="en-US" sz="1100" b="1" dirty="0"/>
              <a:t>32,850,000 af</a:t>
            </a:r>
            <a:r>
              <a:rPr lang="en-US" sz="1100" dirty="0"/>
              <a:t> </a:t>
            </a:r>
          </a:p>
          <a:p>
            <a:pPr>
              <a:lnSpc>
                <a:spcPct val="90000"/>
              </a:lnSpc>
              <a:spcBef>
                <a:spcPts val="0"/>
              </a:spcBef>
              <a:tabLst>
                <a:tab pos="2505019" algn="ctr"/>
                <a:tab pos="4022819" algn="r"/>
              </a:tabLst>
            </a:pPr>
            <a:endParaRPr lang="en-US" sz="1100" b="1" dirty="0"/>
          </a:p>
          <a:p>
            <a:pPr defTabSz="874690">
              <a:lnSpc>
                <a:spcPct val="90000"/>
              </a:lnSpc>
              <a:spcBef>
                <a:spcPts val="0"/>
              </a:spcBef>
              <a:tabLst>
                <a:tab pos="2505019" algn="ctr"/>
                <a:tab pos="4022819" algn="r"/>
              </a:tabLst>
              <a:defRPr/>
            </a:pPr>
            <a:r>
              <a:rPr lang="en-US" sz="1100" b="1" u="sng" dirty="0"/>
              <a:t>Southern Cal</a:t>
            </a:r>
            <a:r>
              <a:rPr lang="en-US" sz="1100" u="sng" dirty="0"/>
              <a:t> </a:t>
            </a:r>
            <a:r>
              <a:rPr lang="en-US" sz="1100" b="1" u="sng" dirty="0"/>
              <a:t>(Percent of Total 32.85 million AF)</a:t>
            </a:r>
          </a:p>
          <a:p>
            <a:pPr>
              <a:lnSpc>
                <a:spcPct val="90000"/>
              </a:lnSpc>
              <a:spcBef>
                <a:spcPts val="0"/>
              </a:spcBef>
              <a:tabLst>
                <a:tab pos="2505019" algn="ctr"/>
                <a:tab pos="4022819" algn="r"/>
              </a:tabLst>
            </a:pPr>
            <a:r>
              <a:rPr lang="en-US" sz="1100" dirty="0"/>
              <a:t>MWD 	3.7% 	1,200,000 af </a:t>
            </a:r>
          </a:p>
          <a:p>
            <a:pPr>
              <a:lnSpc>
                <a:spcPct val="90000"/>
              </a:lnSpc>
              <a:spcBef>
                <a:spcPts val="0"/>
              </a:spcBef>
              <a:tabLst>
                <a:tab pos="2505019" algn="ctr"/>
                <a:tab pos="4022819" algn="r"/>
              </a:tabLst>
            </a:pPr>
            <a:endParaRPr lang="en-US" sz="1100" b="1" dirty="0"/>
          </a:p>
          <a:p>
            <a:pPr>
              <a:lnSpc>
                <a:spcPct val="90000"/>
              </a:lnSpc>
              <a:spcBef>
                <a:spcPts val="0"/>
              </a:spcBef>
              <a:tabLst>
                <a:tab pos="2505019" algn="ctr"/>
                <a:tab pos="4022819" algn="r"/>
              </a:tabLst>
            </a:pPr>
            <a:r>
              <a:rPr lang="en-US" sz="1100" b="1" u="sng" dirty="0"/>
              <a:t>Bay Area</a:t>
            </a:r>
            <a:r>
              <a:rPr lang="en-US" sz="1100" u="sng" dirty="0"/>
              <a:t> </a:t>
            </a:r>
            <a:r>
              <a:rPr lang="en-US" sz="1100" b="1" u="sng" dirty="0"/>
              <a:t>(Percent of Total 32.85 million AF)</a:t>
            </a:r>
          </a:p>
          <a:p>
            <a:pPr>
              <a:lnSpc>
                <a:spcPct val="90000"/>
              </a:lnSpc>
              <a:spcBef>
                <a:spcPts val="0"/>
              </a:spcBef>
              <a:tabLst>
                <a:tab pos="2505019" algn="ctr"/>
                <a:tab pos="4022819" algn="r"/>
              </a:tabLst>
            </a:pPr>
            <a:r>
              <a:rPr lang="en-US" sz="1100" dirty="0"/>
              <a:t>Contra Costa WD 	0.35% 	115,000 af </a:t>
            </a:r>
          </a:p>
          <a:p>
            <a:pPr>
              <a:lnSpc>
                <a:spcPct val="90000"/>
              </a:lnSpc>
              <a:spcBef>
                <a:spcPts val="0"/>
              </a:spcBef>
              <a:tabLst>
                <a:tab pos="2505019" algn="ctr"/>
                <a:tab pos="4022819" algn="r"/>
              </a:tabLst>
            </a:pPr>
            <a:r>
              <a:rPr lang="en-US" sz="1100" dirty="0"/>
              <a:t>East Bay MUD 	0.65% 	213,000 af </a:t>
            </a:r>
          </a:p>
          <a:p>
            <a:pPr>
              <a:lnSpc>
                <a:spcPct val="90000"/>
              </a:lnSpc>
              <a:spcBef>
                <a:spcPts val="0"/>
              </a:spcBef>
              <a:tabLst>
                <a:tab pos="2505019" algn="ctr"/>
                <a:tab pos="4022819" algn="r"/>
              </a:tabLst>
            </a:pPr>
            <a:r>
              <a:rPr lang="en-US" sz="1100" dirty="0"/>
              <a:t>San Francisco PUC	0.9% 	302,000 af </a:t>
            </a:r>
          </a:p>
          <a:p>
            <a:pPr>
              <a:lnSpc>
                <a:spcPct val="90000"/>
              </a:lnSpc>
              <a:spcBef>
                <a:spcPts val="0"/>
              </a:spcBef>
              <a:tabLst>
                <a:tab pos="2505019" algn="ctr"/>
                <a:tab pos="4022819" algn="r"/>
              </a:tabLst>
            </a:pPr>
            <a:r>
              <a:rPr lang="en-US" sz="1100" dirty="0"/>
              <a:t>Santa Clara Valley WD 	1.3% 	430,000 af </a:t>
            </a:r>
          </a:p>
          <a:p>
            <a:pPr>
              <a:lnSpc>
                <a:spcPct val="90000"/>
              </a:lnSpc>
              <a:spcBef>
                <a:spcPts val="0"/>
              </a:spcBef>
              <a:tabLst>
                <a:tab pos="2505019" algn="ctr"/>
                <a:tab pos="4022819" algn="r"/>
              </a:tabLst>
            </a:pPr>
            <a:r>
              <a:rPr lang="en-US" sz="1100" u="sng" dirty="0"/>
              <a:t>Alameda County 	0.2% 	56,000 af </a:t>
            </a:r>
          </a:p>
          <a:p>
            <a:pPr>
              <a:lnSpc>
                <a:spcPct val="90000"/>
              </a:lnSpc>
              <a:spcBef>
                <a:spcPts val="0"/>
              </a:spcBef>
              <a:tabLst>
                <a:tab pos="2505019" algn="ctr"/>
                <a:tab pos="4022819" algn="r"/>
              </a:tabLst>
            </a:pPr>
            <a:r>
              <a:rPr lang="en-US" sz="1100" b="1" dirty="0"/>
              <a:t>TOTAL	3.4%	1,116,000 af</a:t>
            </a:r>
          </a:p>
          <a:p>
            <a:pPr>
              <a:lnSpc>
                <a:spcPct val="90000"/>
              </a:lnSpc>
              <a:spcBef>
                <a:spcPts val="0"/>
              </a:spcBef>
              <a:tabLst>
                <a:tab pos="2505019" algn="ctr"/>
                <a:tab pos="4022819" algn="r"/>
              </a:tabLst>
            </a:pPr>
            <a:endParaRPr lang="en-US" sz="1100" b="1" dirty="0"/>
          </a:p>
          <a:p>
            <a:pPr>
              <a:lnSpc>
                <a:spcPct val="90000"/>
              </a:lnSpc>
              <a:spcBef>
                <a:spcPts val="0"/>
              </a:spcBef>
            </a:pPr>
            <a:r>
              <a:rPr lang="en-US" sz="1100" b="1" u="sng" dirty="0"/>
              <a:t>CCWD, EBMUD, SFPUC (Percent of Upstream Use 10.18 million AF)</a:t>
            </a:r>
          </a:p>
          <a:p>
            <a:pPr>
              <a:lnSpc>
                <a:spcPct val="90000"/>
              </a:lnSpc>
              <a:spcBef>
                <a:spcPts val="0"/>
              </a:spcBef>
              <a:tabLst>
                <a:tab pos="2505019" algn="ctr"/>
                <a:tab pos="4022819" algn="r"/>
              </a:tabLst>
            </a:pPr>
            <a:r>
              <a:rPr lang="en-US" sz="1100" dirty="0"/>
              <a:t>Contra Costa WD 	1.1% 	115,000 af </a:t>
            </a:r>
          </a:p>
          <a:p>
            <a:pPr>
              <a:lnSpc>
                <a:spcPct val="90000"/>
              </a:lnSpc>
              <a:spcBef>
                <a:spcPts val="0"/>
              </a:spcBef>
              <a:tabLst>
                <a:tab pos="2505019" algn="ctr"/>
                <a:tab pos="4022819" algn="r"/>
              </a:tabLst>
            </a:pPr>
            <a:r>
              <a:rPr lang="en-US" sz="1100" dirty="0"/>
              <a:t>East Bay MUD 	2.1% 	213,000 af </a:t>
            </a:r>
          </a:p>
          <a:p>
            <a:pPr>
              <a:lnSpc>
                <a:spcPct val="90000"/>
              </a:lnSpc>
              <a:spcBef>
                <a:spcPts val="0"/>
              </a:spcBef>
              <a:tabLst>
                <a:tab pos="2505019" algn="ctr"/>
                <a:tab pos="4022819" algn="r"/>
              </a:tabLst>
            </a:pPr>
            <a:r>
              <a:rPr lang="en-US" sz="1100" u="sng" dirty="0"/>
              <a:t>San Francisco PUC	3.0% 	302,000 af</a:t>
            </a:r>
          </a:p>
          <a:p>
            <a:pPr>
              <a:lnSpc>
                <a:spcPct val="90000"/>
              </a:lnSpc>
              <a:spcBef>
                <a:spcPts val="0"/>
              </a:spcBef>
              <a:tabLst>
                <a:tab pos="2505019" algn="ctr"/>
                <a:tab pos="4022819" algn="r"/>
              </a:tabLst>
            </a:pPr>
            <a:r>
              <a:rPr lang="en-US" sz="1100" b="1" dirty="0"/>
              <a:t>TOTAL	6.2%	630,000 af</a:t>
            </a:r>
            <a:r>
              <a:rPr lang="en-US" sz="1100" u="sng" dirty="0"/>
              <a:t> </a:t>
            </a:r>
          </a:p>
          <a:p>
            <a:pPr>
              <a:lnSpc>
                <a:spcPct val="90000"/>
              </a:lnSpc>
              <a:spcBef>
                <a:spcPts val="0"/>
              </a:spcBef>
            </a:pPr>
            <a:endParaRPr lang="en-US" sz="1100" dirty="0"/>
          </a:p>
        </p:txBody>
      </p:sp>
      <p:pic>
        <p:nvPicPr>
          <p:cNvPr id="15974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37946" y="4954136"/>
            <a:ext cx="3793389" cy="12938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5974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37479" y="3286126"/>
            <a:ext cx="2345670" cy="16680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notes>
</file>

<file path=ppt/notesSlides/notesSlide1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82925" y="511175"/>
            <a:ext cx="2921000" cy="2190750"/>
          </a:xfrm>
        </p:spPr>
      </p:sp>
      <p:sp>
        <p:nvSpPr>
          <p:cNvPr id="4" name="Slide Number Placeholder 3"/>
          <p:cNvSpPr>
            <a:spLocks noGrp="1"/>
          </p:cNvSpPr>
          <p:nvPr>
            <p:ph type="sldNum" sz="quarter" idx="10"/>
          </p:nvPr>
        </p:nvSpPr>
        <p:spPr/>
        <p:txBody>
          <a:bodyPr/>
          <a:lstStyle/>
          <a:p>
            <a:pPr>
              <a:defRPr/>
            </a:pPr>
            <a:fld id="{0F8A1D48-E87F-4F21-9D75-747A9013154F}" type="slidenum">
              <a:rPr lang="en-US" smtClean="0">
                <a:solidFill>
                  <a:prstClr val="black"/>
                </a:solidFill>
              </a:rPr>
              <a:pPr>
                <a:defRPr/>
              </a:pPr>
              <a:t>174</a:t>
            </a:fld>
            <a:endParaRPr lang="en-US">
              <a:solidFill>
                <a:prstClr val="black"/>
              </a:solidFill>
            </a:endParaRPr>
          </a:p>
        </p:txBody>
      </p:sp>
      <p:sp>
        <p:nvSpPr>
          <p:cNvPr id="6" name="Notes Placeholder 2"/>
          <p:cNvSpPr>
            <a:spLocks noGrp="1"/>
          </p:cNvSpPr>
          <p:nvPr>
            <p:ph type="body" idx="3"/>
          </p:nvPr>
        </p:nvSpPr>
        <p:spPr>
          <a:xfrm>
            <a:off x="366512" y="2847975"/>
            <a:ext cx="8503053" cy="3636646"/>
          </a:xfrm>
        </p:spPr>
        <p:txBody>
          <a:bodyPr>
            <a:normAutofit lnSpcReduction="10000"/>
          </a:bodyPr>
          <a:lstStyle/>
          <a:p>
            <a:pPr>
              <a:lnSpc>
                <a:spcPct val="90000"/>
              </a:lnSpc>
              <a:spcBef>
                <a:spcPts val="0"/>
              </a:spcBef>
            </a:pPr>
            <a:r>
              <a:rPr lang="en-US" sz="1100" b="1" u="sng" dirty="0"/>
              <a:t>Source</a:t>
            </a:r>
            <a:r>
              <a:rPr lang="en-US" sz="1100" dirty="0"/>
              <a:t>:  Governor’s Delta Vision Blue Ribbon Task Force Report Jan 2008, page 37; Measured, calculated and modeled data from an array of sources as compiled by Tully &amp; Young, Inc. with data and assistance from DWR, the Bay Institute and the State Water Contractors.</a:t>
            </a:r>
          </a:p>
          <a:p>
            <a:pPr>
              <a:lnSpc>
                <a:spcPct val="90000"/>
              </a:lnSpc>
              <a:spcBef>
                <a:spcPts val="0"/>
              </a:spcBef>
            </a:pPr>
            <a:endParaRPr lang="en-US" sz="1100" b="1" u="sng" dirty="0"/>
          </a:p>
          <a:p>
            <a:pPr>
              <a:lnSpc>
                <a:spcPct val="90000"/>
              </a:lnSpc>
              <a:spcBef>
                <a:spcPts val="0"/>
              </a:spcBef>
            </a:pPr>
            <a:r>
              <a:rPr lang="en-US" sz="1100" b="1" u="sng" dirty="0"/>
              <a:t>Usage Trends</a:t>
            </a:r>
            <a:r>
              <a:rPr lang="en-US" sz="1100" u="sng" dirty="0"/>
              <a:t> </a:t>
            </a:r>
            <a:r>
              <a:rPr lang="en-US" sz="1100" b="1" u="sng" dirty="0"/>
              <a:t>Percent</a:t>
            </a:r>
            <a:r>
              <a:rPr lang="en-US" sz="1100" u="sng" dirty="0"/>
              <a:t> </a:t>
            </a:r>
            <a:r>
              <a:rPr lang="en-US" sz="1100" b="1" u="sng" dirty="0"/>
              <a:t>Acre-Feet  (1990-2005)</a:t>
            </a:r>
          </a:p>
          <a:p>
            <a:pPr>
              <a:lnSpc>
                <a:spcPct val="90000"/>
              </a:lnSpc>
              <a:spcBef>
                <a:spcPts val="0"/>
              </a:spcBef>
              <a:tabLst>
                <a:tab pos="2414942" algn="ctr"/>
                <a:tab pos="3878163" algn="r"/>
              </a:tabLst>
            </a:pPr>
            <a:r>
              <a:rPr lang="en-US" sz="1100" dirty="0"/>
              <a:t>Outflow to Ocean	48%	15,768,000 af</a:t>
            </a:r>
          </a:p>
          <a:p>
            <a:pPr>
              <a:lnSpc>
                <a:spcPct val="90000"/>
              </a:lnSpc>
              <a:spcBef>
                <a:spcPts val="0"/>
              </a:spcBef>
              <a:tabLst>
                <a:tab pos="2414942" algn="ctr"/>
                <a:tab pos="3878163" algn="r"/>
              </a:tabLst>
            </a:pPr>
            <a:r>
              <a:rPr lang="en-US" sz="1100" dirty="0"/>
              <a:t>Upstream Consumptive Use	31%	10,183,500 af</a:t>
            </a:r>
          </a:p>
          <a:p>
            <a:pPr>
              <a:lnSpc>
                <a:spcPct val="90000"/>
              </a:lnSpc>
              <a:spcBef>
                <a:spcPts val="0"/>
              </a:spcBef>
              <a:tabLst>
                <a:tab pos="2414942" algn="ctr"/>
                <a:tab pos="3878163" algn="r"/>
              </a:tabLst>
            </a:pPr>
            <a:r>
              <a:rPr lang="en-US" sz="1100" dirty="0"/>
              <a:t>In-Delta Consumptive Use	4%	1,314,000 af</a:t>
            </a:r>
          </a:p>
          <a:p>
            <a:pPr>
              <a:lnSpc>
                <a:spcPct val="90000"/>
              </a:lnSpc>
              <a:spcBef>
                <a:spcPts val="0"/>
              </a:spcBef>
              <a:tabLst>
                <a:tab pos="2414942" algn="ctr"/>
                <a:tab pos="3878163" algn="r"/>
              </a:tabLst>
            </a:pPr>
            <a:r>
              <a:rPr lang="en-US" sz="1100" dirty="0"/>
              <a:t>MWD (based on Table A) 	5%	1,590,000 af </a:t>
            </a:r>
          </a:p>
          <a:p>
            <a:pPr>
              <a:lnSpc>
                <a:spcPct val="90000"/>
              </a:lnSpc>
              <a:spcBef>
                <a:spcPts val="0"/>
              </a:spcBef>
              <a:tabLst>
                <a:tab pos="2414942" algn="ctr"/>
                <a:tab pos="3878163" algn="r"/>
              </a:tabLst>
            </a:pPr>
            <a:r>
              <a:rPr lang="en-US" sz="1100" u="sng" dirty="0"/>
              <a:t>CVP - SWP Exports	12%	3,994,500 af</a:t>
            </a:r>
          </a:p>
          <a:p>
            <a:pPr>
              <a:lnSpc>
                <a:spcPct val="90000"/>
              </a:lnSpc>
              <a:spcBef>
                <a:spcPts val="0"/>
              </a:spcBef>
              <a:tabLst>
                <a:tab pos="2414942" algn="ctr"/>
                <a:tab pos="3878163" algn="r"/>
              </a:tabLst>
            </a:pPr>
            <a:r>
              <a:rPr lang="en-US" sz="1100" b="1" dirty="0"/>
              <a:t>TOTAL	100%	32,850,000 af</a:t>
            </a:r>
          </a:p>
          <a:p>
            <a:pPr>
              <a:lnSpc>
                <a:spcPct val="90000"/>
              </a:lnSpc>
              <a:spcBef>
                <a:spcPts val="0"/>
              </a:spcBef>
              <a:tabLst>
                <a:tab pos="2414942" algn="ctr"/>
                <a:tab pos="3878163" algn="r"/>
              </a:tabLst>
            </a:pPr>
            <a:endParaRPr lang="en-US" sz="1100" b="1" dirty="0"/>
          </a:p>
          <a:p>
            <a:pPr defTabSz="843238">
              <a:lnSpc>
                <a:spcPct val="90000"/>
              </a:lnSpc>
              <a:spcBef>
                <a:spcPts val="0"/>
              </a:spcBef>
              <a:tabLst>
                <a:tab pos="2414942" algn="ctr"/>
                <a:tab pos="3878163" algn="r"/>
              </a:tabLst>
              <a:defRPr/>
            </a:pPr>
            <a:r>
              <a:rPr lang="en-US" sz="1100" b="1" u="sng" dirty="0"/>
              <a:t>Southern Cal</a:t>
            </a:r>
            <a:r>
              <a:rPr lang="en-US" sz="1100" u="sng" dirty="0"/>
              <a:t> </a:t>
            </a:r>
            <a:r>
              <a:rPr lang="en-US" sz="1100" b="1" u="sng" dirty="0"/>
              <a:t>(Percent of Total 32.85 million AF)</a:t>
            </a:r>
          </a:p>
          <a:p>
            <a:pPr>
              <a:lnSpc>
                <a:spcPct val="90000"/>
              </a:lnSpc>
              <a:spcBef>
                <a:spcPts val="0"/>
              </a:spcBef>
              <a:tabLst>
                <a:tab pos="2414942" algn="ctr"/>
                <a:tab pos="3878163" algn="r"/>
              </a:tabLst>
            </a:pPr>
            <a:r>
              <a:rPr lang="en-US" sz="1100" dirty="0"/>
              <a:t>MWD (based on Table A)	4.8% 	1,590,000 af </a:t>
            </a:r>
          </a:p>
          <a:p>
            <a:pPr>
              <a:lnSpc>
                <a:spcPct val="90000"/>
              </a:lnSpc>
              <a:spcBef>
                <a:spcPts val="0"/>
              </a:spcBef>
              <a:tabLst>
                <a:tab pos="2414942" algn="ctr"/>
                <a:tab pos="3878163" algn="r"/>
              </a:tabLst>
            </a:pPr>
            <a:endParaRPr lang="en-US" sz="1100" b="1" dirty="0"/>
          </a:p>
          <a:p>
            <a:pPr>
              <a:lnSpc>
                <a:spcPct val="90000"/>
              </a:lnSpc>
              <a:spcBef>
                <a:spcPts val="0"/>
              </a:spcBef>
              <a:tabLst>
                <a:tab pos="2414942" algn="ctr"/>
                <a:tab pos="3878163" algn="r"/>
              </a:tabLst>
            </a:pPr>
            <a:r>
              <a:rPr lang="en-US" sz="1100" b="1" u="sng" dirty="0"/>
              <a:t>Bay Area</a:t>
            </a:r>
            <a:r>
              <a:rPr lang="en-US" sz="1100" u="sng" dirty="0"/>
              <a:t> </a:t>
            </a:r>
            <a:r>
              <a:rPr lang="en-US" sz="1100" b="1" u="sng" dirty="0"/>
              <a:t>(Percent of Total 32.85 million AF)</a:t>
            </a:r>
          </a:p>
          <a:p>
            <a:pPr>
              <a:lnSpc>
                <a:spcPct val="90000"/>
              </a:lnSpc>
              <a:spcBef>
                <a:spcPts val="0"/>
              </a:spcBef>
              <a:tabLst>
                <a:tab pos="2414942" algn="ctr"/>
                <a:tab pos="3878163" algn="r"/>
              </a:tabLst>
            </a:pPr>
            <a:r>
              <a:rPr lang="en-US" sz="1100" dirty="0"/>
              <a:t>Contra Costa WD 	0.35% 	115,000 af </a:t>
            </a:r>
          </a:p>
          <a:p>
            <a:pPr>
              <a:lnSpc>
                <a:spcPct val="90000"/>
              </a:lnSpc>
              <a:spcBef>
                <a:spcPts val="0"/>
              </a:spcBef>
              <a:tabLst>
                <a:tab pos="2414942" algn="ctr"/>
                <a:tab pos="3878163" algn="r"/>
              </a:tabLst>
            </a:pPr>
            <a:r>
              <a:rPr lang="en-US" sz="1100" dirty="0"/>
              <a:t>East Bay MUD 	0.65% 	213,000 af </a:t>
            </a:r>
          </a:p>
          <a:p>
            <a:pPr>
              <a:lnSpc>
                <a:spcPct val="90000"/>
              </a:lnSpc>
              <a:spcBef>
                <a:spcPts val="0"/>
              </a:spcBef>
              <a:tabLst>
                <a:tab pos="2414942" algn="ctr"/>
                <a:tab pos="3878163" algn="r"/>
              </a:tabLst>
            </a:pPr>
            <a:r>
              <a:rPr lang="en-US" sz="1100" dirty="0"/>
              <a:t>San Francisco PUC	0.9% 	302,000 af </a:t>
            </a:r>
          </a:p>
          <a:p>
            <a:pPr>
              <a:lnSpc>
                <a:spcPct val="90000"/>
              </a:lnSpc>
              <a:spcBef>
                <a:spcPts val="0"/>
              </a:spcBef>
              <a:tabLst>
                <a:tab pos="2414942" algn="ctr"/>
                <a:tab pos="3878163" algn="r"/>
              </a:tabLst>
            </a:pPr>
            <a:r>
              <a:rPr lang="en-US" sz="1100" dirty="0"/>
              <a:t>Santa Clara Valley WD 	1.3% 	430,000 af </a:t>
            </a:r>
          </a:p>
          <a:p>
            <a:pPr>
              <a:lnSpc>
                <a:spcPct val="90000"/>
              </a:lnSpc>
              <a:spcBef>
                <a:spcPts val="0"/>
              </a:spcBef>
              <a:tabLst>
                <a:tab pos="2414942" algn="ctr"/>
                <a:tab pos="3878163" algn="r"/>
              </a:tabLst>
            </a:pPr>
            <a:r>
              <a:rPr lang="en-US" sz="1100" u="sng" dirty="0"/>
              <a:t>Alameda County 	0.2% 	56,000 </a:t>
            </a:r>
            <a:r>
              <a:rPr lang="en-US" sz="1100" u="sng" dirty="0" err="1"/>
              <a:t>af</a:t>
            </a:r>
            <a:r>
              <a:rPr lang="en-US" sz="1100" u="sng" dirty="0"/>
              <a:t> </a:t>
            </a:r>
          </a:p>
          <a:p>
            <a:pPr>
              <a:lnSpc>
                <a:spcPct val="90000"/>
              </a:lnSpc>
              <a:spcBef>
                <a:spcPts val="0"/>
              </a:spcBef>
              <a:tabLst>
                <a:tab pos="2414942" algn="ctr"/>
                <a:tab pos="3878163" algn="r"/>
              </a:tabLst>
            </a:pPr>
            <a:r>
              <a:rPr lang="en-US" sz="1100" b="1" dirty="0"/>
              <a:t>TOTAL	3.4%	1,116,000 af</a:t>
            </a:r>
          </a:p>
          <a:p>
            <a:pPr>
              <a:lnSpc>
                <a:spcPct val="90000"/>
              </a:lnSpc>
              <a:spcBef>
                <a:spcPts val="0"/>
              </a:spcBef>
              <a:tabLst>
                <a:tab pos="2414942" algn="ctr"/>
                <a:tab pos="3878163" algn="r"/>
              </a:tabLst>
            </a:pPr>
            <a:endParaRPr lang="en-US" sz="1100" b="1" dirty="0"/>
          </a:p>
          <a:p>
            <a:pPr>
              <a:lnSpc>
                <a:spcPct val="90000"/>
              </a:lnSpc>
              <a:spcBef>
                <a:spcPts val="0"/>
              </a:spcBef>
            </a:pPr>
            <a:r>
              <a:rPr lang="en-US" sz="1100" b="1" u="sng" dirty="0"/>
              <a:t>CCWD, EBMUD, SFPUC (Percent of Upstream Use 10.18 million AF)</a:t>
            </a:r>
          </a:p>
          <a:p>
            <a:pPr>
              <a:lnSpc>
                <a:spcPct val="90000"/>
              </a:lnSpc>
              <a:spcBef>
                <a:spcPts val="0"/>
              </a:spcBef>
              <a:tabLst>
                <a:tab pos="2414942" algn="ctr"/>
                <a:tab pos="3878163" algn="r"/>
              </a:tabLst>
            </a:pPr>
            <a:r>
              <a:rPr lang="en-US" sz="1100" dirty="0"/>
              <a:t>Contra Costa WD 	1.1% 	115,000 af </a:t>
            </a:r>
          </a:p>
          <a:p>
            <a:pPr>
              <a:lnSpc>
                <a:spcPct val="90000"/>
              </a:lnSpc>
              <a:spcBef>
                <a:spcPts val="0"/>
              </a:spcBef>
              <a:tabLst>
                <a:tab pos="2414942" algn="ctr"/>
                <a:tab pos="3878163" algn="r"/>
              </a:tabLst>
            </a:pPr>
            <a:r>
              <a:rPr lang="en-US" sz="1100" dirty="0"/>
              <a:t>East Bay MUD 	2.1% 	213,000 af </a:t>
            </a:r>
          </a:p>
          <a:p>
            <a:pPr>
              <a:lnSpc>
                <a:spcPct val="90000"/>
              </a:lnSpc>
              <a:spcBef>
                <a:spcPts val="0"/>
              </a:spcBef>
              <a:tabLst>
                <a:tab pos="2414942" algn="ctr"/>
                <a:tab pos="3878163" algn="r"/>
              </a:tabLst>
            </a:pPr>
            <a:r>
              <a:rPr lang="en-US" sz="1100" u="sng" dirty="0"/>
              <a:t>San Francisco PUC	3.0% 	302,000 af</a:t>
            </a:r>
          </a:p>
          <a:p>
            <a:pPr>
              <a:lnSpc>
                <a:spcPct val="90000"/>
              </a:lnSpc>
              <a:spcBef>
                <a:spcPts val="0"/>
              </a:spcBef>
              <a:tabLst>
                <a:tab pos="2414942" algn="ctr"/>
                <a:tab pos="3878163" algn="r"/>
              </a:tabLst>
            </a:pPr>
            <a:r>
              <a:rPr lang="en-US" sz="1100" b="1" dirty="0"/>
              <a:t>TOTAL	6.2%	630,000 af</a:t>
            </a:r>
            <a:r>
              <a:rPr lang="en-US" sz="1100" u="sng" dirty="0"/>
              <a:t> </a:t>
            </a:r>
          </a:p>
          <a:p>
            <a:pPr>
              <a:lnSpc>
                <a:spcPct val="90000"/>
              </a:lnSpc>
              <a:spcBef>
                <a:spcPts val="0"/>
              </a:spcBef>
            </a:pPr>
            <a:endParaRPr lang="en-US" sz="1100" dirty="0"/>
          </a:p>
        </p:txBody>
      </p:sp>
      <p:pic>
        <p:nvPicPr>
          <p:cNvPr id="15974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37945" y="4954136"/>
            <a:ext cx="3793389" cy="12938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5974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37479" y="3286126"/>
            <a:ext cx="2345670" cy="16680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notes>
</file>

<file path=ppt/notesSlides/notesSlide1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5</a:t>
            </a:fld>
            <a:endParaRPr lang="en-US" dirty="0"/>
          </a:p>
        </p:txBody>
      </p:sp>
    </p:spTree>
    <p:extLst>
      <p:ext uri="{BB962C8B-B14F-4D97-AF65-F5344CB8AC3E}">
        <p14:creationId xmlns:p14="http://schemas.microsoft.com/office/powerpoint/2010/main" val="1626537737"/>
      </p:ext>
    </p:extLst>
  </p:cSld>
  <p:clrMapOvr>
    <a:masterClrMapping/>
  </p:clrMapOvr>
</p:notes>
</file>

<file path=ppt/notesSlides/notesSlide1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6</a:t>
            </a:fld>
            <a:endParaRPr lang="en-US" dirty="0"/>
          </a:p>
        </p:txBody>
      </p:sp>
    </p:spTree>
    <p:extLst>
      <p:ext uri="{BB962C8B-B14F-4D97-AF65-F5344CB8AC3E}">
        <p14:creationId xmlns:p14="http://schemas.microsoft.com/office/powerpoint/2010/main" val="3685928803"/>
      </p:ext>
    </p:extLst>
  </p:cSld>
  <p:clrMapOvr>
    <a:masterClrMapping/>
  </p:clrMapOvr>
</p:notes>
</file>

<file path=ppt/notesSlides/notesSlide1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81" y="6662016"/>
            <a:ext cx="4002604"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6096" tIns="48052" rIns="96096" bIns="48052"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461AEDBC-C12C-492D-A317-287515B6EB90}" type="slidenum">
              <a:rPr lang="en-US" sz="1200">
                <a:solidFill>
                  <a:prstClr val="black"/>
                </a:solidFill>
                <a:latin typeface="Times New Roman" pitchFamily="18" charset="0"/>
              </a:rPr>
              <a:pPr algn="r" eaLnBrk="1" hangingPunct="1"/>
              <a:t>177</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501969" y="3330254"/>
            <a:ext cx="8232150" cy="315376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a:bodyPr>
          <a:lstStyle/>
          <a:p>
            <a:r>
              <a:rPr lang="en-US" dirty="0" smtClean="0"/>
              <a:t>Here is the main website for information related to development of a long-term solution in the Delta (</a:t>
            </a:r>
            <a:r>
              <a:rPr lang="en-US" u="sng" dirty="0" smtClean="0">
                <a:hlinkClick r:id="rId3"/>
              </a:rPr>
              <a:t>http://baydeltaconservationplan.com/Home.aspx</a:t>
            </a:r>
            <a:r>
              <a:rPr lang="en-US" dirty="0" smtClean="0"/>
              <a:t>).  The BDCP Working Draft, dated November 18, 2010, is a good (but long) document detailing elements of the plan.  Due to the size of the document, it can be downloaded from the following link (</a:t>
            </a:r>
            <a:r>
              <a:rPr lang="en-US" u="sng" dirty="0" smtClean="0">
                <a:hlinkClick r:id="rId4"/>
              </a:rPr>
              <a:t>http://baydeltaconservationplan.com/BDCPPlanningProcess/DocumentsAndDrafts.aspx</a:t>
            </a:r>
            <a:r>
              <a:rPr lang="en-US" dirty="0" smtClean="0"/>
              <a:t>).  </a:t>
            </a:r>
          </a:p>
          <a:p>
            <a:endParaRPr lang="en-US" dirty="0"/>
          </a:p>
          <a:p>
            <a:endParaRPr lang="en-US" dirty="0" smtClean="0"/>
          </a:p>
          <a:p>
            <a:endParaRPr lang="en-US" sz="2900" dirty="0"/>
          </a:p>
        </p:txBody>
      </p:sp>
    </p:spTree>
  </p:cSld>
  <p:clrMapOvr>
    <a:masterClrMapping/>
  </p:clrMapOvr>
</p:notes>
</file>

<file path=ppt/notesSlides/notesSlide1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3B7F4B7A-7404-47E7-8A98-FCA965421C25}" type="slidenum">
              <a:rPr lang="en-US" smtClean="0"/>
              <a:pPr>
                <a:defRPr/>
              </a:pPr>
              <a:t>178</a:t>
            </a:fld>
            <a:endParaRPr lang="en-US" dirty="0"/>
          </a:p>
        </p:txBody>
      </p:sp>
      <p:sp>
        <p:nvSpPr>
          <p:cNvPr id="5" name="Notes Placeholder 4"/>
          <p:cNvSpPr>
            <a:spLocks noGrp="1"/>
          </p:cNvSpPr>
          <p:nvPr>
            <p:ph type="body" sz="quarter" idx="11"/>
          </p:nvPr>
        </p:nvSpPr>
        <p:spPr/>
        <p:txBody>
          <a:bodyPr/>
          <a:lstStyle/>
          <a:p>
            <a:endParaRPr lang="en-US" dirty="0"/>
          </a:p>
        </p:txBody>
      </p:sp>
    </p:spTree>
    <p:extLst>
      <p:ext uri="{BB962C8B-B14F-4D97-AF65-F5344CB8AC3E}">
        <p14:creationId xmlns:p14="http://schemas.microsoft.com/office/powerpoint/2010/main" val="2380080452"/>
      </p:ext>
    </p:extLst>
  </p:cSld>
  <p:clrMapOvr>
    <a:masterClrMapping/>
  </p:clrMapOvr>
</p:notes>
</file>

<file path=ppt/notesSlides/notesSlide1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690">
              <a:defRPr/>
            </a:pPr>
            <a:r>
              <a:rPr lang="en-US" i="1" dirty="0">
                <a:solidFill>
                  <a:schemeClr val="bg1">
                    <a:lumMod val="50000"/>
                  </a:schemeClr>
                </a:solidFill>
              </a:rPr>
              <a:t>Analysis by Metropolitan Water District of Southern California</a:t>
            </a:r>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79</a:t>
            </a:fld>
            <a:endParaRPr lang="en-US" dirty="0"/>
          </a:p>
        </p:txBody>
      </p:sp>
    </p:spTree>
    <p:extLst>
      <p:ext uri="{BB962C8B-B14F-4D97-AF65-F5344CB8AC3E}">
        <p14:creationId xmlns:p14="http://schemas.microsoft.com/office/powerpoint/2010/main" val="4042151654"/>
      </p:ext>
    </p:extLst>
  </p:cSld>
  <p:clrMapOvr>
    <a:masterClrMapping/>
  </p:clrMapOvr>
</p:notes>
</file>

<file path=ppt/notesSlides/notesSlide1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80</a:t>
            </a:fld>
            <a:endParaRPr lang="en-US" dirty="0">
              <a:solidFill>
                <a:prstClr val="black"/>
              </a:solidFill>
            </a:endParaRPr>
          </a:p>
        </p:txBody>
      </p:sp>
    </p:spTree>
    <p:extLst>
      <p:ext uri="{BB962C8B-B14F-4D97-AF65-F5344CB8AC3E}">
        <p14:creationId xmlns:p14="http://schemas.microsoft.com/office/powerpoint/2010/main" val="2656206187"/>
      </p:ext>
    </p:extLst>
  </p:cSld>
  <p:clrMapOvr>
    <a:masterClrMapping/>
  </p:clrMapOvr>
</p:notes>
</file>

<file path=ppt/notesSlides/notesSlide1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81</a:t>
            </a:fld>
            <a:endParaRPr lang="en-US" dirty="0">
              <a:solidFill>
                <a:prstClr val="black"/>
              </a:solidFill>
            </a:endParaRPr>
          </a:p>
        </p:txBody>
      </p:sp>
    </p:spTree>
    <p:extLst>
      <p:ext uri="{BB962C8B-B14F-4D97-AF65-F5344CB8AC3E}">
        <p14:creationId xmlns:p14="http://schemas.microsoft.com/office/powerpoint/2010/main" val="162229227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244850" y="531813"/>
            <a:ext cx="2746375" cy="2058987"/>
          </a:xfrm>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22</a:t>
            </a:fld>
            <a:endParaRPr lang="en-US" dirty="0">
              <a:solidFill>
                <a:prstClr val="black"/>
              </a:solidFill>
            </a:endParaRPr>
          </a:p>
        </p:txBody>
      </p:sp>
      <p:sp>
        <p:nvSpPr>
          <p:cNvPr id="5" name="Notes Placeholder 2"/>
          <p:cNvSpPr>
            <a:spLocks noGrp="1"/>
          </p:cNvSpPr>
          <p:nvPr>
            <p:ph type="body" idx="1"/>
          </p:nvPr>
        </p:nvSpPr>
        <p:spPr>
          <a:xfrm>
            <a:off x="427041" y="2694270"/>
            <a:ext cx="8381998" cy="3859456"/>
          </a:xfrm>
        </p:spPr>
        <p:txBody>
          <a:bodyPr>
            <a:noAutofit/>
          </a:bodyPr>
          <a:lstStyle/>
          <a:p>
            <a:pPr>
              <a:lnSpc>
                <a:spcPct val="85000"/>
              </a:lnSpc>
            </a:pPr>
            <a:r>
              <a:rPr lang="en-US" sz="1100" b="1" u="sng" dirty="0"/>
              <a:t>Labor </a:t>
            </a:r>
          </a:p>
          <a:p>
            <a:pPr marL="173317" indent="-173317">
              <a:lnSpc>
                <a:spcPct val="85000"/>
              </a:lnSpc>
              <a:buFont typeface="Arial" panose="020B0604020202020204" pitchFamily="34" charset="0"/>
              <a:buChar char="•"/>
            </a:pPr>
            <a:r>
              <a:rPr lang="en-US" sz="1100" dirty="0"/>
              <a:t>Based on staff estimates prior to 2011; Actual time from 2011 to present</a:t>
            </a:r>
          </a:p>
          <a:p>
            <a:pPr>
              <a:lnSpc>
                <a:spcPct val="85000"/>
              </a:lnSpc>
            </a:pPr>
            <a:r>
              <a:rPr lang="en-US" sz="1100" b="1" u="sng" dirty="0"/>
              <a:t>Professional Services</a:t>
            </a:r>
          </a:p>
          <a:p>
            <a:pPr marL="173317" indent="-173317">
              <a:lnSpc>
                <a:spcPct val="85000"/>
              </a:lnSpc>
              <a:buFont typeface="Arial" panose="020B0604020202020204" pitchFamily="34" charset="0"/>
              <a:buChar char="•"/>
            </a:pPr>
            <a:r>
              <a:rPr lang="en-US" sz="1100" dirty="0"/>
              <a:t>Firms hired by MWD include – Dalldorf, Spezia, Beacon Economics, MWH, CDM, Cardno-Entrix, HNTB, AECOM, CH2MHill, Black &amp; Veatch, URS, Geosyntech, ARUP, Anchor, Southern Cal Water Committee; Jacobs, Breakdown based on BDCP specific task orders through  July 2015.  Beginning FY 2015-16, all costs are tracked under PN 601118 although there are still some charges to old  project numbers that were captured due to timing of invoice processing and adjustments for charges that were not previously reported.</a:t>
            </a:r>
          </a:p>
          <a:p>
            <a:pPr>
              <a:lnSpc>
                <a:spcPct val="85000"/>
              </a:lnSpc>
            </a:pPr>
            <a:r>
              <a:rPr lang="en-US" sz="1100" b="1" u="sng" dirty="0"/>
              <a:t>Travel</a:t>
            </a:r>
          </a:p>
          <a:p>
            <a:pPr marL="173317" indent="-173317">
              <a:lnSpc>
                <a:spcPct val="85000"/>
              </a:lnSpc>
              <a:buFont typeface="Arial" panose="020B0604020202020204" pitchFamily="34" charset="0"/>
              <a:buChar char="•"/>
            </a:pPr>
            <a:r>
              <a:rPr lang="en-US" sz="1100" dirty="0"/>
              <a:t>Based on staff estimates prior to 2011; From 2011-2012, staff were charging to travel codes specific  to BDCP; Starting in 2012, some staff began charging  to a general Bay Delta code (PM07 – Travel, Incidentals, training, conferences, supplies, etc.), while others continued  to charge to specific BDCP travel codes.  Beginning  in March 2015, staff started charging to specific projects  to ensure that costs are properly reported.</a:t>
            </a:r>
          </a:p>
          <a:p>
            <a:pPr>
              <a:lnSpc>
                <a:spcPct val="85000"/>
              </a:lnSpc>
            </a:pPr>
            <a:r>
              <a:rPr lang="en-US" sz="1100" b="1" u="sng" dirty="0"/>
              <a:t>Other</a:t>
            </a:r>
          </a:p>
          <a:p>
            <a:pPr marL="173317" indent="-173317">
              <a:lnSpc>
                <a:spcPct val="85000"/>
              </a:lnSpc>
              <a:buFont typeface="Arial" panose="020B0604020202020204" pitchFamily="34" charset="0"/>
              <a:buChar char="•"/>
            </a:pPr>
            <a:r>
              <a:rPr lang="en-US" sz="1100" dirty="0"/>
              <a:t>Others include charges for materials &amp; supplies, trainings, seminars, conferences/meetings, &amp; reprographics</a:t>
            </a:r>
          </a:p>
          <a:p>
            <a:pPr>
              <a:lnSpc>
                <a:spcPct val="85000"/>
              </a:lnSpc>
            </a:pPr>
            <a:r>
              <a:rPr lang="en-US" sz="1100" b="1" u="sng" dirty="0"/>
              <a:t>Legal</a:t>
            </a:r>
          </a:p>
          <a:p>
            <a:pPr marL="173317" indent="-173317">
              <a:lnSpc>
                <a:spcPct val="85000"/>
              </a:lnSpc>
              <a:buFont typeface="Arial" panose="020B0604020202020204" pitchFamily="34" charset="0"/>
              <a:buChar char="•"/>
            </a:pPr>
            <a:r>
              <a:rPr lang="en-US" sz="1100" dirty="0"/>
              <a:t>Legal has a separate labor charge system; BDCP labor charges are not fully separated from other tasks; Labor calculated based on staff estimates of time spent on BDCP.  Beginning in FY15-16, Legal has  been reporting actual labor that are project specific.</a:t>
            </a:r>
          </a:p>
          <a:p>
            <a:pPr>
              <a:lnSpc>
                <a:spcPct val="85000"/>
              </a:lnSpc>
            </a:pPr>
            <a:endParaRPr lang="en-US" sz="1100" b="1" u="sng" dirty="0"/>
          </a:p>
          <a:p>
            <a:pPr>
              <a:lnSpc>
                <a:spcPct val="85000"/>
              </a:lnSpc>
            </a:pPr>
            <a:r>
              <a:rPr lang="en-US" sz="1100" b="1" u="sng" dirty="0"/>
              <a:t>FY2015-16 Cost Tracking</a:t>
            </a:r>
          </a:p>
          <a:p>
            <a:pPr marL="173317" indent="-173317">
              <a:lnSpc>
                <a:spcPct val="85000"/>
              </a:lnSpc>
              <a:buFont typeface="Arial" panose="020B0604020202020204" pitchFamily="34" charset="0"/>
              <a:buChar char="•"/>
            </a:pPr>
            <a:r>
              <a:rPr lang="en-US" sz="1100" dirty="0"/>
              <a:t>Tracking of BDCP expenditures have been consolidated under the same PN601118 beginning July 1, 2015.  There are still some charges that  were captured from the old project numbers mainly due to timing of data processing and reporting.  These charges have since diminished and will hopefully end by the 2</a:t>
            </a:r>
            <a:r>
              <a:rPr lang="en-US" sz="1100" baseline="30000" dirty="0"/>
              <a:t>nd</a:t>
            </a:r>
            <a:r>
              <a:rPr lang="en-US" sz="1100" dirty="0"/>
              <a:t> quarter for the fiscal year.</a:t>
            </a:r>
          </a:p>
          <a:p>
            <a:pPr marL="635497" lvl="1" indent="-173317">
              <a:lnSpc>
                <a:spcPct val="85000"/>
              </a:lnSpc>
              <a:buFont typeface="Arial" panose="020B0604020202020204" pitchFamily="34" charset="0"/>
              <a:buChar char="•"/>
            </a:pPr>
            <a:endParaRPr lang="en-US" sz="1100" dirty="0"/>
          </a:p>
          <a:p>
            <a:pPr marL="173317" indent="-173317">
              <a:lnSpc>
                <a:spcPct val="85000"/>
              </a:lnSpc>
              <a:buFont typeface="Arial" panose="020B0604020202020204" pitchFamily="34" charset="0"/>
              <a:buChar char="•"/>
            </a:pPr>
            <a:endParaRPr lang="en-US" sz="1100" dirty="0"/>
          </a:p>
          <a:p>
            <a:pPr marL="173317" indent="-173317">
              <a:lnSpc>
                <a:spcPct val="85000"/>
              </a:lnSpc>
              <a:buFont typeface="Arial" panose="020B0604020202020204" pitchFamily="34" charset="0"/>
              <a:buChar char="•"/>
            </a:pPr>
            <a:endParaRPr lang="en-US" sz="1100" dirty="0"/>
          </a:p>
        </p:txBody>
      </p:sp>
    </p:spTree>
    <p:extLst>
      <p:ext uri="{BB962C8B-B14F-4D97-AF65-F5344CB8AC3E}">
        <p14:creationId xmlns:p14="http://schemas.microsoft.com/office/powerpoint/2010/main" val="3321628289"/>
      </p:ext>
    </p:extLst>
  </p:cSld>
  <p:clrMapOvr>
    <a:masterClrMapping/>
  </p:clrMapOvr>
</p:notes>
</file>

<file path=ppt/notesSlides/notesSlide1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82</a:t>
            </a:fld>
            <a:endParaRPr lang="en-US" dirty="0">
              <a:solidFill>
                <a:prstClr val="black"/>
              </a:solidFill>
            </a:endParaRPr>
          </a:p>
        </p:txBody>
      </p:sp>
    </p:spTree>
    <p:extLst>
      <p:ext uri="{BB962C8B-B14F-4D97-AF65-F5344CB8AC3E}">
        <p14:creationId xmlns:p14="http://schemas.microsoft.com/office/powerpoint/2010/main" val="2933003060"/>
      </p:ext>
    </p:extLst>
  </p:cSld>
  <p:clrMapOvr>
    <a:masterClrMapping/>
  </p:clrMapOvr>
</p:notes>
</file>

<file path=ppt/notesSlides/notesSlide1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244850" y="531813"/>
            <a:ext cx="2746375" cy="2058987"/>
          </a:xfrm>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83</a:t>
            </a:fld>
            <a:endParaRPr lang="en-US" dirty="0">
              <a:solidFill>
                <a:prstClr val="black"/>
              </a:solidFill>
            </a:endParaRPr>
          </a:p>
        </p:txBody>
      </p:sp>
      <p:sp>
        <p:nvSpPr>
          <p:cNvPr id="5" name="Notes Placeholder 2"/>
          <p:cNvSpPr>
            <a:spLocks noGrp="1"/>
          </p:cNvSpPr>
          <p:nvPr>
            <p:ph type="body" idx="1"/>
          </p:nvPr>
        </p:nvSpPr>
        <p:spPr>
          <a:xfrm>
            <a:off x="427041" y="2694270"/>
            <a:ext cx="8381998" cy="3859456"/>
          </a:xfrm>
        </p:spPr>
        <p:txBody>
          <a:bodyPr>
            <a:noAutofit/>
          </a:bodyPr>
          <a:lstStyle/>
          <a:p>
            <a:pPr>
              <a:lnSpc>
                <a:spcPct val="85000"/>
              </a:lnSpc>
            </a:pPr>
            <a:r>
              <a:rPr lang="en-US" sz="1100" b="1" u="sng" dirty="0"/>
              <a:t>Labor </a:t>
            </a:r>
          </a:p>
          <a:p>
            <a:pPr marL="173317" indent="-173317">
              <a:lnSpc>
                <a:spcPct val="85000"/>
              </a:lnSpc>
              <a:buFont typeface="Arial" panose="020B0604020202020204" pitchFamily="34" charset="0"/>
              <a:buChar char="•"/>
            </a:pPr>
            <a:r>
              <a:rPr lang="en-US" sz="1100" dirty="0"/>
              <a:t>Based on staff estimates prior to 2011; Actual time from 2011 to present</a:t>
            </a:r>
          </a:p>
          <a:p>
            <a:pPr>
              <a:lnSpc>
                <a:spcPct val="85000"/>
              </a:lnSpc>
            </a:pPr>
            <a:r>
              <a:rPr lang="en-US" sz="1100" b="1" u="sng" dirty="0"/>
              <a:t>Professional Services</a:t>
            </a:r>
          </a:p>
          <a:p>
            <a:pPr marL="173317" indent="-173317">
              <a:lnSpc>
                <a:spcPct val="85000"/>
              </a:lnSpc>
              <a:buFont typeface="Arial" panose="020B0604020202020204" pitchFamily="34" charset="0"/>
              <a:buChar char="•"/>
            </a:pPr>
            <a:r>
              <a:rPr lang="en-US" sz="1100" dirty="0"/>
              <a:t>Firms hired by MWD include – Dalldorf, Spezia, Beacon Economics, MWH, CDM, Cardno-Entrix, HNTB, AECOM, CH2MHill, Black &amp; Veatch, URS, Geosyntech, ARUP, Anchor, Southern Cal Water Committee; Jacobs, Breakdown based on BDCP specific task orders through  July 2015.  Beginning FY 2015-16, all costs are tracked under PN 601118 although there are still some charges to old  project numbers that were captured due to timing of invoice processing and adjustments for charges that were not previously reported.</a:t>
            </a:r>
          </a:p>
          <a:p>
            <a:pPr>
              <a:lnSpc>
                <a:spcPct val="85000"/>
              </a:lnSpc>
            </a:pPr>
            <a:r>
              <a:rPr lang="en-US" sz="1100" b="1" u="sng" dirty="0"/>
              <a:t>Travel</a:t>
            </a:r>
          </a:p>
          <a:p>
            <a:pPr marL="173317" indent="-173317">
              <a:lnSpc>
                <a:spcPct val="85000"/>
              </a:lnSpc>
              <a:buFont typeface="Arial" panose="020B0604020202020204" pitchFamily="34" charset="0"/>
              <a:buChar char="•"/>
            </a:pPr>
            <a:r>
              <a:rPr lang="en-US" sz="1100" dirty="0"/>
              <a:t>Based on staff estimates prior to 2011; From 2011-2012, staff were charging to travel codes specific  to BDCP; Starting in 2012, some staff began charging  to a general Bay Delta code (PM07 – Travel, Incidentals, training, conferences, supplies, etc.), while others continued  to charge to specific BDCP travel codes.  Beginning  in March 2015, staff started charging to specific projects  to ensure that costs are properly reported.</a:t>
            </a:r>
          </a:p>
          <a:p>
            <a:pPr>
              <a:lnSpc>
                <a:spcPct val="85000"/>
              </a:lnSpc>
            </a:pPr>
            <a:r>
              <a:rPr lang="en-US" sz="1100" b="1" u="sng" dirty="0"/>
              <a:t>Other</a:t>
            </a:r>
          </a:p>
          <a:p>
            <a:pPr marL="173317" indent="-173317">
              <a:lnSpc>
                <a:spcPct val="85000"/>
              </a:lnSpc>
              <a:buFont typeface="Arial" panose="020B0604020202020204" pitchFamily="34" charset="0"/>
              <a:buChar char="•"/>
            </a:pPr>
            <a:r>
              <a:rPr lang="en-US" sz="1100" dirty="0"/>
              <a:t>Others include charges for materials &amp; supplies, trainings, seminars, conferences/meetings, &amp; reprographics</a:t>
            </a:r>
          </a:p>
          <a:p>
            <a:pPr>
              <a:lnSpc>
                <a:spcPct val="85000"/>
              </a:lnSpc>
            </a:pPr>
            <a:r>
              <a:rPr lang="en-US" sz="1100" b="1" u="sng" dirty="0"/>
              <a:t>Legal</a:t>
            </a:r>
          </a:p>
          <a:p>
            <a:pPr marL="173317" indent="-173317">
              <a:lnSpc>
                <a:spcPct val="85000"/>
              </a:lnSpc>
              <a:buFont typeface="Arial" panose="020B0604020202020204" pitchFamily="34" charset="0"/>
              <a:buChar char="•"/>
            </a:pPr>
            <a:r>
              <a:rPr lang="en-US" sz="1100" dirty="0"/>
              <a:t>Legal has a separate labor charge system; BDCP labor charges are not fully separated from other tasks; Labor calculated based on staff estimates of time spent on BDCP.  Beginning in FY15-16, Legal has  been reporting actual labor that are project specific.</a:t>
            </a:r>
          </a:p>
          <a:p>
            <a:pPr>
              <a:lnSpc>
                <a:spcPct val="85000"/>
              </a:lnSpc>
            </a:pPr>
            <a:endParaRPr lang="en-US" sz="1100" b="1" u="sng" dirty="0"/>
          </a:p>
          <a:p>
            <a:pPr>
              <a:lnSpc>
                <a:spcPct val="85000"/>
              </a:lnSpc>
            </a:pPr>
            <a:r>
              <a:rPr lang="en-US" sz="1100" b="1" u="sng" dirty="0"/>
              <a:t>FY2015-16 Cost Tracking</a:t>
            </a:r>
          </a:p>
          <a:p>
            <a:pPr marL="173317" indent="-173317">
              <a:lnSpc>
                <a:spcPct val="85000"/>
              </a:lnSpc>
              <a:buFont typeface="Arial" panose="020B0604020202020204" pitchFamily="34" charset="0"/>
              <a:buChar char="•"/>
            </a:pPr>
            <a:r>
              <a:rPr lang="en-US" sz="1100" dirty="0"/>
              <a:t>Tracking of BDCP expenditures have been consolidated under the same PN601118 beginning July 1, 2015.  There are still some charges that  were captured from the old project numbers mainly due to timing of data processing and reporting.  These charges have since diminished and will hopefully end by the 2</a:t>
            </a:r>
            <a:r>
              <a:rPr lang="en-US" sz="1100" baseline="30000" dirty="0"/>
              <a:t>nd</a:t>
            </a:r>
            <a:r>
              <a:rPr lang="en-US" sz="1100" dirty="0"/>
              <a:t> quarter for the fiscal year.</a:t>
            </a:r>
          </a:p>
          <a:p>
            <a:pPr marL="635497" lvl="1" indent="-173317">
              <a:lnSpc>
                <a:spcPct val="85000"/>
              </a:lnSpc>
              <a:buFont typeface="Arial" panose="020B0604020202020204" pitchFamily="34" charset="0"/>
              <a:buChar char="•"/>
            </a:pPr>
            <a:endParaRPr lang="en-US" sz="1100" dirty="0"/>
          </a:p>
          <a:p>
            <a:pPr marL="173317" indent="-173317">
              <a:lnSpc>
                <a:spcPct val="85000"/>
              </a:lnSpc>
              <a:buFont typeface="Arial" panose="020B0604020202020204" pitchFamily="34" charset="0"/>
              <a:buChar char="•"/>
            </a:pPr>
            <a:endParaRPr lang="en-US" sz="1100" dirty="0"/>
          </a:p>
          <a:p>
            <a:pPr marL="173317" indent="-173317">
              <a:lnSpc>
                <a:spcPct val="85000"/>
              </a:lnSpc>
              <a:buFont typeface="Arial" panose="020B0604020202020204" pitchFamily="34" charset="0"/>
              <a:buChar char="•"/>
            </a:pPr>
            <a:endParaRPr lang="en-US" sz="1100" dirty="0"/>
          </a:p>
        </p:txBody>
      </p:sp>
    </p:spTree>
    <p:extLst>
      <p:ext uri="{BB962C8B-B14F-4D97-AF65-F5344CB8AC3E}">
        <p14:creationId xmlns:p14="http://schemas.microsoft.com/office/powerpoint/2010/main" val="3321628289"/>
      </p:ext>
    </p:extLst>
  </p:cSld>
  <p:clrMapOvr>
    <a:masterClrMapping/>
  </p:clrMapOvr>
</p:notes>
</file>

<file path=ppt/notesSlides/notesSlide1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690">
              <a:defRPr/>
            </a:pPr>
            <a:r>
              <a:rPr lang="en-US" u="sng" baseline="0" dirty="0" smtClean="0"/>
              <a:t>Data from Armin Munevar &amp; Chandra Chilmakuri (BDCP Steering Committee Presentation July 2010)</a:t>
            </a:r>
          </a:p>
          <a:p>
            <a:endParaRPr lang="en-US" dirty="0" smtClean="0"/>
          </a:p>
          <a:p>
            <a:pPr marL="164004" indent="-164004">
              <a:buFont typeface="Arial" pitchFamily="34" charset="0"/>
              <a:buChar char="•"/>
            </a:pPr>
            <a:r>
              <a:rPr lang="en-US" dirty="0" smtClean="0"/>
              <a:t>Pre-BO = 451 um/cm (289 mg/l)</a:t>
            </a:r>
          </a:p>
          <a:p>
            <a:pPr marL="164004" indent="-164004">
              <a:buFont typeface="Arial" pitchFamily="34" charset="0"/>
              <a:buChar char="•"/>
            </a:pPr>
            <a:r>
              <a:rPr lang="en-US" dirty="0" smtClean="0"/>
              <a:t>Existing BO = 469 um/cm (300</a:t>
            </a:r>
            <a:r>
              <a:rPr lang="en-US" baseline="0" dirty="0" smtClean="0"/>
              <a:t> mg/l)</a:t>
            </a:r>
            <a:endParaRPr lang="en-US" dirty="0" smtClean="0"/>
          </a:p>
          <a:p>
            <a:pPr marL="164004" indent="-164004">
              <a:buFont typeface="Arial" pitchFamily="34" charset="0"/>
              <a:buChar char="•"/>
            </a:pPr>
            <a:r>
              <a:rPr lang="en-US" dirty="0" smtClean="0"/>
              <a:t>Therefore, 4% degradation</a:t>
            </a:r>
          </a:p>
          <a:p>
            <a:pPr marL="164004" indent="-164004">
              <a:buFont typeface="Arial" pitchFamily="34" charset="0"/>
              <a:buChar char="•"/>
            </a:pPr>
            <a:r>
              <a:rPr lang="en-US" dirty="0" smtClean="0"/>
              <a:t>Conversion from</a:t>
            </a:r>
            <a:r>
              <a:rPr lang="en-US" baseline="0" dirty="0" smtClean="0"/>
              <a:t> EC (um/cm) to TDS (mg/l or ppm) is 0.64; (</a:t>
            </a:r>
            <a:r>
              <a:rPr lang="en-US" dirty="0"/>
              <a:t>TDS=0.64*EC)</a:t>
            </a:r>
          </a:p>
          <a:p>
            <a:pPr marL="164004" indent="-164004">
              <a:buFont typeface="Arial" pitchFamily="34" charset="0"/>
              <a:buChar char="•"/>
            </a:pPr>
            <a:endParaRPr lang="en-US" dirty="0" smtClean="0"/>
          </a:p>
          <a:p>
            <a:pPr marL="164004" indent="-164004">
              <a:buFont typeface="Arial" pitchFamily="34" charset="0"/>
              <a:buChar char="•"/>
            </a:pPr>
            <a:r>
              <a:rPr lang="en-US" dirty="0" smtClean="0"/>
              <a:t>Percent </a:t>
            </a:r>
            <a:r>
              <a:rPr lang="en-US" dirty="0"/>
              <a:t>WQ improvement is based off of Existing </a:t>
            </a:r>
            <a:r>
              <a:rPr lang="en-US" dirty="0" smtClean="0"/>
              <a:t>BiOp</a:t>
            </a:r>
          </a:p>
          <a:p>
            <a:pPr marL="164004" indent="-164004">
              <a:buFont typeface="Arial" pitchFamily="34" charset="0"/>
              <a:buChar char="•"/>
            </a:pPr>
            <a:r>
              <a:rPr lang="en-US" baseline="0" dirty="0" smtClean="0"/>
              <a:t>WQ Improvement (BDCP Scenario 1) – 3,000 cfs (12%), 6,000 cfs (16%), 9,000 cfs (20%), 12,000 cfs (22%), 15,000 cfs (23%)</a:t>
            </a:r>
          </a:p>
          <a:p>
            <a:endParaRPr lang="en-US" baseline="0" dirty="0" smtClean="0"/>
          </a:p>
          <a:p>
            <a:endParaRPr lang="en-US" baseline="0" dirty="0" smtClean="0"/>
          </a:p>
          <a:p>
            <a:r>
              <a:rPr lang="en-US" u="sng" baseline="0" dirty="0" smtClean="0"/>
              <a:t>Data from MWD Presentation</a:t>
            </a:r>
          </a:p>
          <a:p>
            <a:pPr marL="164004" indent="-164004">
              <a:buFont typeface="Arial" pitchFamily="34" charset="0"/>
              <a:buChar char="•"/>
            </a:pPr>
            <a:r>
              <a:rPr lang="en-US" baseline="0" dirty="0" smtClean="0"/>
              <a:t>WQ “Above” Delta = 105 ppm TDS; 26 ppb TTHMs; 2 ppb Bromide; 2.2 ppm TOC</a:t>
            </a:r>
          </a:p>
          <a:p>
            <a:pPr marL="164004" indent="-164004" defTabSz="874690">
              <a:buFont typeface="Arial" pitchFamily="34" charset="0"/>
              <a:buChar char="•"/>
              <a:defRPr/>
            </a:pPr>
            <a:r>
              <a:rPr lang="en-US" baseline="0" dirty="0" smtClean="0"/>
              <a:t>WQ “Export”         = 300 ppm TDS; 99 ppb TTHMs; 314 ppb Bromide; 3.1 ppm TOC</a:t>
            </a:r>
          </a:p>
          <a:p>
            <a:endParaRPr lang="en-US" baseline="0" dirty="0" smtClean="0"/>
          </a:p>
          <a:p>
            <a:endParaRPr lang="en-US" baseline="0" dirty="0" smtClean="0"/>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4</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5</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6</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7</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8</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spcBef>
                <a:spcPct val="50000"/>
              </a:spcBef>
            </a:pPr>
            <a:r>
              <a:rPr lang="en-US" u="sng" dirty="0" smtClean="0">
                <a:solidFill>
                  <a:srgbClr val="000000"/>
                </a:solidFill>
              </a:rPr>
              <a:t>BDCP assumed a scenario where OMR restrictions under more restrictive South Delta scenario</a:t>
            </a:r>
            <a:r>
              <a:rPr lang="en-US" dirty="0" smtClean="0">
                <a:solidFill>
                  <a:srgbClr val="000000"/>
                </a:solidFill>
              </a:rPr>
              <a:t>: </a:t>
            </a:r>
          </a:p>
          <a:p>
            <a:pPr algn="l">
              <a:spcBef>
                <a:spcPct val="50000"/>
              </a:spcBef>
              <a:buFont typeface="Arial" pitchFamily="34" charset="0"/>
              <a:buChar char="•"/>
            </a:pPr>
            <a:r>
              <a:rPr lang="en-US" dirty="0" smtClean="0">
                <a:solidFill>
                  <a:srgbClr val="000000"/>
                </a:solidFill>
              </a:rPr>
              <a:t>  Dec-Jun: OMR &gt; 0 cfs</a:t>
            </a:r>
          </a:p>
          <a:p>
            <a:pPr algn="l">
              <a:spcBef>
                <a:spcPct val="50000"/>
              </a:spcBef>
              <a:buFont typeface="Arial" pitchFamily="34" charset="0"/>
              <a:buChar char="•"/>
            </a:pPr>
            <a:r>
              <a:rPr lang="en-US" dirty="0" smtClean="0">
                <a:solidFill>
                  <a:srgbClr val="000000"/>
                </a:solidFill>
              </a:rPr>
              <a:t>  Jul-Nov: OMR &gt; -2000 cfs</a:t>
            </a:r>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89</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90</a:t>
            </a:fld>
            <a:endParaRPr lang="en-US" dirty="0"/>
          </a:p>
        </p:txBody>
      </p:sp>
    </p:spTree>
    <p:extLst>
      <p:ext uri="{BB962C8B-B14F-4D97-AF65-F5344CB8AC3E}">
        <p14:creationId xmlns:p14="http://schemas.microsoft.com/office/powerpoint/2010/main" val="1036198102"/>
      </p:ext>
    </p:extLst>
  </p:cSld>
  <p:clrMapOvr>
    <a:masterClrMapping/>
  </p:clrMapOvr>
</p:notes>
</file>

<file path=ppt/notesSlides/notesSlide1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5232950" y="6662036"/>
            <a:ext cx="4003133" cy="348364"/>
          </a:xfrm>
          <a:prstGeom prst="rect">
            <a:avLst/>
          </a:prstGeom>
          <a:noFill/>
          <a:ln w="12699">
            <a:noFill/>
            <a:miter lim="800000"/>
            <a:headEnd type="none" w="sm" len="sm"/>
            <a:tailEnd type="none" w="sm" len="sm"/>
          </a:ln>
        </p:spPr>
        <p:txBody>
          <a:bodyPr lIns="96155" tIns="48077" rIns="96155" bIns="48077" anchor="b"/>
          <a:lstStyle/>
          <a:p>
            <a:pPr algn="r" defTabSz="948530"/>
            <a:fld id="{426A5CEF-C2E0-45CD-96A6-8CF2FACC864B}" type="slidenum">
              <a:rPr lang="en-US" sz="1200">
                <a:latin typeface="Times New Roman" pitchFamily="18" charset="0"/>
              </a:rPr>
              <a:pPr algn="r" defTabSz="948530"/>
              <a:t>191</a:t>
            </a:fld>
            <a:endParaRPr lang="en-US" sz="1200" dirty="0">
              <a:latin typeface="Times New Roman" pitchFamily="18" charset="0"/>
            </a:endParaRPr>
          </a:p>
        </p:txBody>
      </p:sp>
      <p:sp>
        <p:nvSpPr>
          <p:cNvPr id="36867" name="Rectangle 2"/>
          <p:cNvSpPr>
            <a:spLocks noGrp="1" noRot="1" noChangeAspect="1" noChangeArrowheads="1" noTextEdit="1"/>
          </p:cNvSpPr>
          <p:nvPr>
            <p:ph type="sldImg"/>
          </p:nvPr>
        </p:nvSpPr>
        <p:spPr bwMode="auto">
          <a:noFill/>
          <a:ln>
            <a:solidFill>
              <a:srgbClr val="000000"/>
            </a:solidFill>
            <a:miter lim="800000"/>
            <a:headEnd/>
            <a:tailEnd/>
          </a:ln>
        </p:spPr>
      </p:sp>
      <p:sp>
        <p:nvSpPr>
          <p:cNvPr id="98308" name="Rectangle 3"/>
          <p:cNvSpPr>
            <a:spLocks noGrp="1" noChangeArrowheads="1"/>
          </p:cNvSpPr>
          <p:nvPr>
            <p:ph type="body" idx="1"/>
          </p:nvPr>
        </p:nvSpPr>
        <p:spPr bwMode="auto"/>
        <p:txBody>
          <a:bodyPr wrap="square" numCol="1" anchor="t" anchorCtr="0" compatLnSpc="1">
            <a:prstTxWarp prst="textNoShape">
              <a:avLst/>
            </a:prstTxWarp>
            <a:normAutofit/>
          </a:bodyPr>
          <a:lstStyle/>
          <a:p>
            <a:pPr>
              <a:defRPr/>
            </a:pPr>
            <a:endParaRPr lang="en-US" dirty="0"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fld id="{A7AE2988-BC30-45CA-A967-C2226C709C41}" type="slidenum">
              <a:rPr lang="en-US" smtClean="0">
                <a:solidFill>
                  <a:prstClr val="black"/>
                </a:solidFill>
              </a:rPr>
              <a:pPr/>
              <a:t>23</a:t>
            </a:fld>
            <a:endParaRPr lang="en-US" dirty="0">
              <a:solidFill>
                <a:prstClr val="black"/>
              </a:solidFill>
            </a:endParaRP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7037" y="3581402"/>
            <a:ext cx="8534400" cy="29346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546559470"/>
      </p:ext>
    </p:extLst>
  </p:cSld>
  <p:clrMapOvr>
    <a:masterClrMapping/>
  </p:clrMapOvr>
</p:notes>
</file>

<file path=ppt/notesSlides/notesSlide1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pPr>
                <a:defRPr/>
              </a:pPr>
              <a:t>193</a:t>
            </a:fld>
            <a:endParaRPr lang="en-US" dirty="0"/>
          </a:p>
        </p:txBody>
      </p:sp>
    </p:spTree>
    <p:extLst>
      <p:ext uri="{BB962C8B-B14F-4D97-AF65-F5344CB8AC3E}">
        <p14:creationId xmlns:p14="http://schemas.microsoft.com/office/powerpoint/2010/main" val="1763137369"/>
      </p:ext>
    </p:extLst>
  </p:cSld>
  <p:clrMapOvr>
    <a:masterClrMapping/>
  </p:clrMapOvr>
</p:notes>
</file>

<file path=ppt/notesSlides/notesSlide1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pPr>
                <a:defRPr/>
              </a:pPr>
              <a:t>194</a:t>
            </a:fld>
            <a:endParaRPr lang="en-US" dirty="0"/>
          </a:p>
        </p:txBody>
      </p:sp>
    </p:spTree>
    <p:extLst>
      <p:ext uri="{BB962C8B-B14F-4D97-AF65-F5344CB8AC3E}">
        <p14:creationId xmlns:p14="http://schemas.microsoft.com/office/powerpoint/2010/main" val="1326107410"/>
      </p:ext>
    </p:extLst>
  </p:cSld>
  <p:clrMapOvr>
    <a:masterClrMapping/>
  </p:clrMapOvr>
</p:notes>
</file>

<file path=ppt/notesSlides/notesSlide1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smtClean="0">
                <a:solidFill>
                  <a:prstClr val="black"/>
                </a:solidFill>
              </a:rPr>
              <a:pPr>
                <a:defRPr/>
              </a:pPr>
              <a:t>195</a:t>
            </a:fld>
            <a:endParaRPr lang="en-US" dirty="0">
              <a:solidFill>
                <a:prstClr val="black"/>
              </a:solidFill>
            </a:endParaRPr>
          </a:p>
        </p:txBody>
      </p:sp>
    </p:spTree>
    <p:extLst>
      <p:ext uri="{BB962C8B-B14F-4D97-AF65-F5344CB8AC3E}">
        <p14:creationId xmlns:p14="http://schemas.microsoft.com/office/powerpoint/2010/main" val="484719852"/>
      </p:ext>
    </p:extLst>
  </p:cSld>
  <p:clrMapOvr>
    <a:masterClrMapping/>
  </p:clrMapOvr>
</p:notes>
</file>

<file path=ppt/notesSlides/notesSlide1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smtClean="0">
                <a:solidFill>
                  <a:prstClr val="black"/>
                </a:solidFill>
              </a:rPr>
              <a:pPr>
                <a:defRPr/>
              </a:pPr>
              <a:t>196</a:t>
            </a:fld>
            <a:endParaRPr lang="en-US" dirty="0">
              <a:solidFill>
                <a:prstClr val="black"/>
              </a:solidFill>
            </a:endParaRPr>
          </a:p>
        </p:txBody>
      </p:sp>
    </p:spTree>
    <p:extLst>
      <p:ext uri="{BB962C8B-B14F-4D97-AF65-F5344CB8AC3E}">
        <p14:creationId xmlns:p14="http://schemas.microsoft.com/office/powerpoint/2010/main" val="484719852"/>
      </p:ext>
    </p:extLst>
  </p:cSld>
  <p:clrMapOvr>
    <a:masterClrMapping/>
  </p:clrMapOvr>
</p:notes>
</file>

<file path=ppt/notesSlides/notesSlide1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smtClean="0">
                <a:solidFill>
                  <a:prstClr val="black"/>
                </a:solidFill>
              </a:rPr>
              <a:pPr>
                <a:defRPr/>
              </a:pPr>
              <a:t>197</a:t>
            </a:fld>
            <a:endParaRPr lang="en-US" dirty="0">
              <a:solidFill>
                <a:prstClr val="black"/>
              </a:solidFill>
            </a:endParaRPr>
          </a:p>
        </p:txBody>
      </p:sp>
    </p:spTree>
    <p:extLst>
      <p:ext uri="{BB962C8B-B14F-4D97-AF65-F5344CB8AC3E}">
        <p14:creationId xmlns:p14="http://schemas.microsoft.com/office/powerpoint/2010/main" val="813611997"/>
      </p:ext>
    </p:extLst>
  </p:cSld>
  <p:clrMapOvr>
    <a:masterClrMapping/>
  </p:clrMapOvr>
</p:notes>
</file>

<file path=ppt/notesSlides/notesSlide1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98</a:t>
            </a:fld>
            <a:endParaRPr lang="en-US" dirty="0">
              <a:solidFill>
                <a:prstClr val="black"/>
              </a:solidFill>
            </a:endParaRPr>
          </a:p>
        </p:txBody>
      </p:sp>
    </p:spTree>
    <p:extLst>
      <p:ext uri="{BB962C8B-B14F-4D97-AF65-F5344CB8AC3E}">
        <p14:creationId xmlns:p14="http://schemas.microsoft.com/office/powerpoint/2010/main" val="1036198102"/>
      </p:ext>
    </p:extLst>
  </p:cSld>
  <p:clrMapOvr>
    <a:masterClrMapping/>
  </p:clrMapOvr>
</p:notes>
</file>

<file path=ppt/notesSlides/notesSlide1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99</a:t>
            </a:fld>
            <a:endParaRPr lang="en-US" dirty="0">
              <a:solidFill>
                <a:prstClr val="black"/>
              </a:solidFill>
            </a:endParaRPr>
          </a:p>
        </p:txBody>
      </p:sp>
      <p:sp>
        <p:nvSpPr>
          <p:cNvPr id="5" name="Notes Placeholder 4"/>
          <p:cNvSpPr>
            <a:spLocks noGrp="1"/>
          </p:cNvSpPr>
          <p:nvPr>
            <p:ph type="body" sz="quarter" idx="11"/>
          </p:nvPr>
        </p:nvSpPr>
        <p:spPr/>
        <p:txBody>
          <a:bodyPr/>
          <a:lstStyle/>
          <a:p>
            <a:pPr marL="160919" indent="-160919">
              <a:spcAft>
                <a:spcPts val="563"/>
              </a:spcAft>
              <a:buFont typeface="Arial" panose="020B0604020202020204" pitchFamily="34" charset="0"/>
              <a:buChar char="•"/>
            </a:pPr>
            <a:r>
              <a:rPr lang="en-US" sz="1000" b="1" u="sng" dirty="0"/>
              <a:t>4.9 maf/yr</a:t>
            </a:r>
            <a:r>
              <a:rPr lang="en-US" sz="1000" b="1" dirty="0"/>
              <a:t>  </a:t>
            </a:r>
            <a:r>
              <a:rPr lang="en-US" sz="1000" dirty="0"/>
              <a:t>– Current Supplies (2015)	</a:t>
            </a:r>
          </a:p>
          <a:p>
            <a:pPr marL="160919" indent="-160919">
              <a:spcAft>
                <a:spcPts val="563"/>
              </a:spcAft>
              <a:buFont typeface="Arial" panose="020B0604020202020204" pitchFamily="34" charset="0"/>
              <a:buChar char="•"/>
            </a:pPr>
            <a:r>
              <a:rPr lang="en-US" b="1" u="sng" dirty="0"/>
              <a:t>4.7 maf/yr</a:t>
            </a:r>
            <a:r>
              <a:rPr lang="en-US" b="1" dirty="0"/>
              <a:t> </a:t>
            </a:r>
            <a:r>
              <a:rPr lang="en-US" dirty="0"/>
              <a:t>– Existing Regulations (No Action Alternative) represents no new conveyance and no new/additional restrictions </a:t>
            </a:r>
          </a:p>
          <a:p>
            <a:pPr marL="160919" indent="-160919">
              <a:spcAft>
                <a:spcPts val="563"/>
              </a:spcAft>
              <a:buFont typeface="Arial" panose="020B0604020202020204" pitchFamily="34" charset="0"/>
              <a:buChar char="•"/>
            </a:pPr>
            <a:r>
              <a:rPr lang="en-US" b="1" u="sng" dirty="0"/>
              <a:t>3.5 maf/yr</a:t>
            </a:r>
            <a:r>
              <a:rPr lang="en-US" b="1" dirty="0"/>
              <a:t> </a:t>
            </a:r>
            <a:r>
              <a:rPr lang="en-US" dirty="0"/>
              <a:t>– BDCP Proposed Regulations without Northern Intake represents the Existing Conditions High Outflow (ECHO) scenario without conveyance.  Published in Chapter 9 (9.3.4.1.7 -- Practicability of the BDCP Proposed Action Relative to the Existing Conveyance High-Outflow and Low-Outflow Scenarios, pg. 9-45, 9-199, 9-207, 9-216, 9-224, 9-243, 9-250, and elsewhere).  Also analyzed by Dr. Sunding.</a:t>
            </a:r>
          </a:p>
          <a:p>
            <a:pPr marL="160919" indent="-160919" defTabSz="858231">
              <a:spcAft>
                <a:spcPts val="563"/>
              </a:spcAft>
              <a:buFont typeface="Arial" panose="020B0604020202020204" pitchFamily="34" charset="0"/>
              <a:buChar char="•"/>
              <a:defRPr/>
            </a:pPr>
            <a:r>
              <a:rPr lang="en-US" b="1" u="sng" dirty="0"/>
              <a:t>1.5 maf/yr</a:t>
            </a:r>
            <a:r>
              <a:rPr lang="en-US" b="1" dirty="0"/>
              <a:t> </a:t>
            </a:r>
            <a:r>
              <a:rPr lang="en-US" dirty="0"/>
              <a:t>– Earthquake Scenario; Published in BDCP Chapter 9 -- the “mean water supplies following an earthquake in the Existing Conveyance High-Outflow Scenario are 1.0 MAF.”  MWD is using a range from 1.0 to 1.5 maf</a:t>
            </a:r>
            <a:endParaRPr lang="en-US" sz="1000" dirty="0"/>
          </a:p>
          <a:p>
            <a:pPr marL="160919" indent="-160919">
              <a:spcAft>
                <a:spcPts val="563"/>
              </a:spcAft>
              <a:buFont typeface="Arial" panose="020B0604020202020204" pitchFamily="34" charset="0"/>
              <a:buChar char="•"/>
            </a:pPr>
            <a:r>
              <a:rPr lang="en-US" sz="1000" b="1" u="sng" dirty="0"/>
              <a:t>4.7 – 5.3 maf/yr</a:t>
            </a:r>
            <a:r>
              <a:rPr lang="en-US" sz="1000" b="1" dirty="0"/>
              <a:t>  </a:t>
            </a:r>
            <a:r>
              <a:rPr lang="en-US" sz="1000" dirty="0"/>
              <a:t>– NEW BDCP / Cal Water Fix Preferred Alternative (evaluated in Draft EIR/S as Alternative 4A H3-H4 at early long-term 2025)</a:t>
            </a:r>
          </a:p>
          <a:p>
            <a:pPr marL="160919" indent="-160919">
              <a:spcAft>
                <a:spcPts val="563"/>
              </a:spcAft>
              <a:buFont typeface="Arial" panose="020B0604020202020204" pitchFamily="34" charset="0"/>
              <a:buChar char="•"/>
            </a:pPr>
            <a:r>
              <a:rPr lang="en-US" sz="1000" b="1" u="sng" dirty="0"/>
              <a:t>4.7 – 5.6 maf/yr</a:t>
            </a:r>
            <a:r>
              <a:rPr lang="en-US" sz="1000" b="1" dirty="0"/>
              <a:t>  </a:t>
            </a:r>
            <a:r>
              <a:rPr lang="en-US" sz="1000" dirty="0"/>
              <a:t>– PREVIOUS BDCP Preferred Alternative (evaluated in Draft EIR/S as Alternative 4 H1-H4 at early long-term 2025)</a:t>
            </a:r>
          </a:p>
          <a:p>
            <a:pPr>
              <a:spcAft>
                <a:spcPts val="1126"/>
              </a:spcAft>
            </a:pPr>
            <a:endParaRPr lang="en-US" sz="1000" dirty="0"/>
          </a:p>
          <a:p>
            <a:pPr>
              <a:spcAft>
                <a:spcPts val="1126"/>
              </a:spcAft>
            </a:pPr>
            <a:endParaRPr lang="en-US" sz="1000" dirty="0"/>
          </a:p>
        </p:txBody>
      </p:sp>
    </p:spTree>
    <p:extLst>
      <p:ext uri="{BB962C8B-B14F-4D97-AF65-F5344CB8AC3E}">
        <p14:creationId xmlns:p14="http://schemas.microsoft.com/office/powerpoint/2010/main" val="1036198102"/>
      </p:ext>
    </p:extLst>
  </p:cSld>
  <p:clrMapOvr>
    <a:masterClrMapping/>
  </p:clrMapOvr>
</p:notes>
</file>

<file path=ppt/notesSlides/notesSlide1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200</a:t>
            </a:fld>
            <a:endParaRPr lang="en-US" dirty="0">
              <a:solidFill>
                <a:prstClr val="black"/>
              </a:solidFill>
            </a:endParaRPr>
          </a:p>
        </p:txBody>
      </p:sp>
      <p:sp>
        <p:nvSpPr>
          <p:cNvPr id="5" name="Notes Placeholder 4"/>
          <p:cNvSpPr>
            <a:spLocks noGrp="1"/>
          </p:cNvSpPr>
          <p:nvPr>
            <p:ph type="body" sz="quarter" idx="11"/>
          </p:nvPr>
        </p:nvSpPr>
        <p:spPr>
          <a:xfrm>
            <a:off x="923611" y="3329940"/>
            <a:ext cx="7810507" cy="3154680"/>
          </a:xfrm>
        </p:spPr>
        <p:txBody>
          <a:bodyPr/>
          <a:lstStyle/>
          <a:p>
            <a:endParaRPr lang="en-US" sz="1000" dirty="0"/>
          </a:p>
          <a:p>
            <a:pPr defTabSz="861458">
              <a:defRPr/>
            </a:pPr>
            <a:r>
              <a:rPr lang="en-US" sz="1000" b="1" u="sng" dirty="0"/>
              <a:t>North and South Delta Exports for Alternative 4A –Dry and Critical Year Average (EIR/S Figure 4.3.1-17)  </a:t>
            </a:r>
          </a:p>
          <a:p>
            <a:pPr marL="161522" indent="-161522" defTabSz="861458">
              <a:buFont typeface="Arial" panose="020B0604020202020204" pitchFamily="34" charset="0"/>
              <a:buChar char="•"/>
              <a:defRPr/>
            </a:pPr>
            <a:r>
              <a:rPr lang="en-US" sz="1000" dirty="0"/>
              <a:t>Existing Conditions = 4.1 maf</a:t>
            </a:r>
          </a:p>
          <a:p>
            <a:pPr marL="161522" indent="-161522" defTabSz="861458">
              <a:buFont typeface="Arial" panose="020B0604020202020204" pitchFamily="34" charset="0"/>
              <a:buChar char="•"/>
              <a:defRPr/>
            </a:pPr>
            <a:r>
              <a:rPr lang="en-US" sz="1000" dirty="0"/>
              <a:t>No Action (ELT in 2025) = 3.6 maf</a:t>
            </a:r>
          </a:p>
          <a:p>
            <a:pPr marL="161522" indent="-161522" defTabSz="861458">
              <a:buFont typeface="Arial" panose="020B0604020202020204" pitchFamily="34" charset="0"/>
              <a:buChar char="•"/>
              <a:defRPr/>
            </a:pPr>
            <a:r>
              <a:rPr lang="en-US" sz="1000" dirty="0"/>
              <a:t>Alt. H3 = 3.6 maf (2.6 maf South + 1.0 maf North)</a:t>
            </a:r>
          </a:p>
          <a:p>
            <a:pPr marL="161522" indent="-161522" defTabSz="861458">
              <a:buFont typeface="Arial" panose="020B0604020202020204" pitchFamily="34" charset="0"/>
              <a:buChar char="•"/>
              <a:defRPr/>
            </a:pPr>
            <a:r>
              <a:rPr lang="en-US" sz="1000" dirty="0"/>
              <a:t>Alt. H4 = 3.3 maf (2.4 maf South + 0.9 maf North)</a:t>
            </a:r>
          </a:p>
          <a:p>
            <a:endParaRPr lang="en-US" sz="1000" dirty="0"/>
          </a:p>
          <a:p>
            <a:pPr defTabSz="861458">
              <a:defRPr/>
            </a:pPr>
            <a:r>
              <a:rPr lang="en-US" sz="1000" b="1" u="sng" dirty="0"/>
              <a:t>North and South Delta Exports for Alternative 4A -Wet Year Average  (EIS/R Figure 4.3.1-16) </a:t>
            </a:r>
          </a:p>
          <a:p>
            <a:pPr marL="161522" indent="-161522" defTabSz="861458">
              <a:buFont typeface="Arial" panose="020B0604020202020204" pitchFamily="34" charset="0"/>
              <a:buChar char="•"/>
              <a:defRPr/>
            </a:pPr>
            <a:r>
              <a:rPr lang="en-US" sz="1000" dirty="0"/>
              <a:t>Existing Conditions = 5.8 maf</a:t>
            </a:r>
          </a:p>
          <a:p>
            <a:pPr marL="161522" indent="-161522" defTabSz="861458">
              <a:buFont typeface="Arial" panose="020B0604020202020204" pitchFamily="34" charset="0"/>
              <a:buChar char="•"/>
              <a:defRPr/>
            </a:pPr>
            <a:r>
              <a:rPr lang="en-US" sz="1000" dirty="0"/>
              <a:t>No Action (ELT in 2025) = 3.6 maf</a:t>
            </a:r>
          </a:p>
          <a:p>
            <a:pPr marL="161522" indent="-161522" defTabSz="861458">
              <a:buFont typeface="Arial" panose="020B0604020202020204" pitchFamily="34" charset="0"/>
              <a:buChar char="•"/>
              <a:defRPr/>
            </a:pPr>
            <a:r>
              <a:rPr lang="en-US" sz="1000" dirty="0"/>
              <a:t>Alt. H3 = 6.7 maf (2.5 maf South + 4.2 maf North)</a:t>
            </a:r>
          </a:p>
          <a:p>
            <a:pPr marL="161522" indent="-161522" defTabSz="861458">
              <a:buFont typeface="Arial" panose="020B0604020202020204" pitchFamily="34" charset="0"/>
              <a:buChar char="•"/>
              <a:defRPr/>
            </a:pPr>
            <a:r>
              <a:rPr lang="en-US" sz="1000" dirty="0"/>
              <a:t>Alt. H4 = 6.0 maf (2.2 maf South + 3.8 maf North)</a:t>
            </a:r>
          </a:p>
          <a:p>
            <a:endParaRPr lang="en-US" sz="1000" dirty="0"/>
          </a:p>
          <a:p>
            <a:pPr defTabSz="861458">
              <a:defRPr/>
            </a:pPr>
            <a:r>
              <a:rPr lang="en-US" sz="1000" b="1" u="sng" dirty="0"/>
              <a:t>North and South Delta Exports for Alternative 4A –Long-Term Average  (EIS/R Figure 4.3.1-15) </a:t>
            </a:r>
          </a:p>
          <a:p>
            <a:pPr marL="161522" indent="-161522" defTabSz="861458">
              <a:buFont typeface="Arial" panose="020B0604020202020204" pitchFamily="34" charset="0"/>
              <a:buChar char="•"/>
              <a:defRPr/>
            </a:pPr>
            <a:r>
              <a:rPr lang="en-US" sz="1000" dirty="0"/>
              <a:t>Existing Conditions = 5.1 maf</a:t>
            </a:r>
          </a:p>
          <a:p>
            <a:pPr marL="161522" indent="-161522" defTabSz="861458">
              <a:buFont typeface="Arial" panose="020B0604020202020204" pitchFamily="34" charset="0"/>
              <a:buChar char="•"/>
              <a:defRPr/>
            </a:pPr>
            <a:r>
              <a:rPr lang="en-US" sz="1000" dirty="0"/>
              <a:t>No Action (ELT in 2025) = 4.7 maf</a:t>
            </a:r>
          </a:p>
          <a:p>
            <a:pPr marL="161522" indent="-161522" defTabSz="861458">
              <a:buFont typeface="Arial" panose="020B0604020202020204" pitchFamily="34" charset="0"/>
              <a:buChar char="•"/>
              <a:defRPr/>
            </a:pPr>
            <a:r>
              <a:rPr lang="en-US" sz="1000" dirty="0"/>
              <a:t>Alt. H3 = 5.3 maf (2.7 maf South + 2.6 maf North)</a:t>
            </a:r>
          </a:p>
          <a:p>
            <a:pPr marL="161522" indent="-161522" defTabSz="861458">
              <a:buFont typeface="Arial" panose="020B0604020202020204" pitchFamily="34" charset="0"/>
              <a:buChar char="•"/>
              <a:defRPr/>
            </a:pPr>
            <a:r>
              <a:rPr lang="en-US" sz="1000" dirty="0"/>
              <a:t>Alt. H4 = 4.7 maf (2.4 maf South + 2.3 maf North)</a:t>
            </a:r>
          </a:p>
          <a:p>
            <a:pPr marL="161522" indent="-161522" defTabSz="861458">
              <a:buFont typeface="Arial" panose="020B0604020202020204" pitchFamily="34" charset="0"/>
              <a:buChar char="•"/>
              <a:defRPr/>
            </a:pPr>
            <a:endParaRPr lang="en-US" sz="1000" dirty="0"/>
          </a:p>
          <a:p>
            <a:endParaRPr lang="en-US" sz="1000" dirty="0"/>
          </a:p>
        </p:txBody>
      </p:sp>
    </p:spTree>
    <p:extLst>
      <p:ext uri="{BB962C8B-B14F-4D97-AF65-F5344CB8AC3E}">
        <p14:creationId xmlns:p14="http://schemas.microsoft.com/office/powerpoint/2010/main" val="1036198102"/>
      </p:ext>
    </p:extLst>
  </p:cSld>
  <p:clrMapOvr>
    <a:masterClrMapping/>
  </p:clrMapOvr>
</p:notes>
</file>

<file path=ppt/notesSlides/notesSlide1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201</a:t>
            </a:fld>
            <a:endParaRPr lang="en-US" dirty="0">
              <a:solidFill>
                <a:prstClr val="black"/>
              </a:solidFill>
            </a:endParaRPr>
          </a:p>
        </p:txBody>
      </p:sp>
      <p:sp>
        <p:nvSpPr>
          <p:cNvPr id="5" name="Notes Placeholder 4"/>
          <p:cNvSpPr>
            <a:spLocks noGrp="1"/>
          </p:cNvSpPr>
          <p:nvPr>
            <p:ph type="body" sz="quarter" idx="11"/>
          </p:nvPr>
        </p:nvSpPr>
        <p:spPr>
          <a:xfrm>
            <a:off x="702747" y="3329940"/>
            <a:ext cx="7830584" cy="3154680"/>
          </a:xfrm>
        </p:spPr>
        <p:txBody>
          <a:bodyPr/>
          <a:lstStyle/>
          <a:p>
            <a:pPr>
              <a:lnSpc>
                <a:spcPct val="80000"/>
              </a:lnSpc>
              <a:tabLst>
                <a:tab pos="961040" algn="l"/>
              </a:tabLst>
            </a:pPr>
            <a:r>
              <a:rPr lang="en-US" sz="1000" b="1" dirty="0"/>
              <a:t>MWD’s SWP Table A </a:t>
            </a:r>
            <a:r>
              <a:rPr lang="en-US" sz="1000" dirty="0"/>
              <a:t>-- 45.81% </a:t>
            </a:r>
          </a:p>
          <a:p>
            <a:pPr marL="441035" indent="-441035" defTabSz="858231">
              <a:lnSpc>
                <a:spcPct val="80000"/>
              </a:lnSpc>
              <a:buClr>
                <a:schemeClr val="accent2"/>
              </a:buClr>
              <a:defRPr/>
            </a:pPr>
            <a:r>
              <a:rPr lang="en-US" sz="1000" b="1" kern="0" dirty="0">
                <a:ea typeface="Verdana" pitchFamily="34" charset="0"/>
                <a:cs typeface="Verdana" pitchFamily="34" charset="0"/>
              </a:rPr>
              <a:t>CVP/SWP Split</a:t>
            </a:r>
          </a:p>
          <a:p>
            <a:pPr marL="165389" indent="-165389" defTabSz="858231">
              <a:lnSpc>
                <a:spcPct val="80000"/>
              </a:lnSpc>
              <a:buClr>
                <a:schemeClr val="accent2"/>
              </a:buClr>
              <a:buFont typeface="Arial" panose="020B0604020202020204" pitchFamily="34" charset="0"/>
              <a:buChar char="•"/>
              <a:defRPr/>
            </a:pPr>
            <a:r>
              <a:rPr lang="en-US" sz="1000" b="1" kern="0" dirty="0">
                <a:ea typeface="Verdana" pitchFamily="34" charset="0"/>
                <a:cs typeface="Verdana" pitchFamily="34" charset="0"/>
              </a:rPr>
              <a:t>Using conveyance capacity -- </a:t>
            </a:r>
            <a:r>
              <a:rPr lang="en-US" sz="1000" kern="0" dirty="0">
                <a:ea typeface="Verdana" pitchFamily="34" charset="0"/>
                <a:cs typeface="Verdana" pitchFamily="34" charset="0"/>
              </a:rPr>
              <a:t>CVP: 39%,  SWP: 61%</a:t>
            </a:r>
          </a:p>
          <a:p>
            <a:pPr marL="165389" indent="-165389" defTabSz="858231">
              <a:lnSpc>
                <a:spcPct val="80000"/>
              </a:lnSpc>
              <a:buClr>
                <a:schemeClr val="accent2"/>
              </a:buClr>
              <a:buFont typeface="Arial" panose="020B0604020202020204" pitchFamily="34" charset="0"/>
              <a:buChar char="•"/>
              <a:defRPr/>
            </a:pPr>
            <a:r>
              <a:rPr lang="en-US" sz="1000" b="1" kern="0" dirty="0">
                <a:ea typeface="Verdana" pitchFamily="34" charset="0"/>
                <a:cs typeface="Verdana" pitchFamily="34" charset="0"/>
              </a:rPr>
              <a:t>Using contract amounts -- </a:t>
            </a:r>
            <a:r>
              <a:rPr lang="en-US" sz="1000" kern="0" dirty="0"/>
              <a:t>CVP south-of-Delta contractors: 28%, CVP (other): 17%, SWP: 55%</a:t>
            </a:r>
          </a:p>
          <a:p>
            <a:pPr marL="165389" indent="-165389" defTabSz="858231">
              <a:lnSpc>
                <a:spcPct val="80000"/>
              </a:lnSpc>
              <a:buClr>
                <a:schemeClr val="accent2"/>
              </a:buClr>
              <a:buFont typeface="Arial" panose="020B0604020202020204" pitchFamily="34" charset="0"/>
              <a:buChar char="•"/>
              <a:defRPr/>
            </a:pPr>
            <a:r>
              <a:rPr lang="en-US" sz="1000" b="1" kern="0" dirty="0">
                <a:ea typeface="Verdana" pitchFamily="34" charset="0"/>
                <a:cs typeface="Verdana" pitchFamily="34" charset="0"/>
              </a:rPr>
              <a:t>Total</a:t>
            </a:r>
            <a:r>
              <a:rPr lang="en-US" sz="1000" b="1" kern="0" dirty="0"/>
              <a:t> Water Supply -- </a:t>
            </a:r>
            <a:r>
              <a:rPr lang="en-US" sz="1000" kern="0" dirty="0">
                <a:ea typeface="Verdana" pitchFamily="34" charset="0"/>
                <a:cs typeface="Verdana" pitchFamily="34" charset="0"/>
              </a:rPr>
              <a:t>CVP: 40.6%, SWP: 59.4%</a:t>
            </a:r>
          </a:p>
          <a:p>
            <a:pPr>
              <a:lnSpc>
                <a:spcPct val="80000"/>
              </a:lnSpc>
              <a:tabLst>
                <a:tab pos="961040" algn="l"/>
              </a:tabLst>
            </a:pPr>
            <a:endParaRPr lang="en-US" sz="1000" b="1" u="sng" dirty="0"/>
          </a:p>
          <a:p>
            <a:pPr>
              <a:lnSpc>
                <a:spcPct val="80000"/>
              </a:lnSpc>
              <a:tabLst>
                <a:tab pos="961040" algn="l"/>
              </a:tabLst>
            </a:pPr>
            <a:r>
              <a:rPr lang="en-US" sz="1000" b="1" u="sng" dirty="0"/>
              <a:t>Existing Condition (No Action) -- without BDCP conveyance approach</a:t>
            </a:r>
          </a:p>
          <a:p>
            <a:pPr marL="160919" indent="-160919">
              <a:lnSpc>
                <a:spcPct val="80000"/>
              </a:lnSpc>
              <a:buFont typeface="Arial" panose="020B0604020202020204" pitchFamily="34" charset="0"/>
              <a:buChar char="•"/>
              <a:tabLst>
                <a:tab pos="961040" algn="l"/>
              </a:tabLst>
            </a:pPr>
            <a:r>
              <a:rPr lang="en-US" sz="1000" dirty="0"/>
              <a:t>2015 – 	Exports = 4.9 maf (MWD= 1.23 maf)</a:t>
            </a:r>
          </a:p>
          <a:p>
            <a:pPr marL="160919" indent="-160919">
              <a:lnSpc>
                <a:spcPct val="80000"/>
              </a:lnSpc>
              <a:buFont typeface="Arial" panose="020B0604020202020204" pitchFamily="34" charset="0"/>
              <a:buChar char="•"/>
              <a:tabLst>
                <a:tab pos="961040" algn="l"/>
              </a:tabLst>
            </a:pPr>
            <a:r>
              <a:rPr lang="en-US" sz="1000" dirty="0"/>
              <a:t>2015-2020 – 	Exports ramp down from 4.9 to 4.8 maf (due to climate change)(MWD = 1.23 to 1.21)</a:t>
            </a:r>
          </a:p>
          <a:p>
            <a:pPr marL="160919" indent="-160919">
              <a:lnSpc>
                <a:spcPct val="80000"/>
              </a:lnSpc>
              <a:buFont typeface="Arial" panose="020B0604020202020204" pitchFamily="34" charset="0"/>
              <a:buChar char="•"/>
              <a:tabLst>
                <a:tab pos="961040" algn="l"/>
              </a:tabLst>
            </a:pPr>
            <a:r>
              <a:rPr lang="en-US" sz="1000" dirty="0"/>
              <a:t>2020 – 	Exports = 3.6 maf (new Bio Op with more restrictive OMR &amp; more Spring outflow) (MWD = 0.91 maf)</a:t>
            </a:r>
          </a:p>
          <a:p>
            <a:pPr marL="160919" indent="-160919">
              <a:lnSpc>
                <a:spcPct val="90000"/>
              </a:lnSpc>
              <a:buFont typeface="Arial" panose="020B0604020202020204" pitchFamily="34" charset="0"/>
              <a:buChar char="•"/>
              <a:tabLst>
                <a:tab pos="961040" algn="l"/>
              </a:tabLst>
            </a:pPr>
            <a:r>
              <a:rPr lang="en-US" sz="1000" dirty="0"/>
              <a:t>2020-25 – 	Exports ramp down from 3.6 to 3.4 maf (due to climate change) (MWD = 0.86 maf)</a:t>
            </a:r>
          </a:p>
          <a:p>
            <a:pPr>
              <a:lnSpc>
                <a:spcPct val="90000"/>
              </a:lnSpc>
              <a:tabLst>
                <a:tab pos="961040" algn="l"/>
              </a:tabLst>
            </a:pPr>
            <a:r>
              <a:rPr lang="en-US" sz="1000" dirty="0"/>
              <a:t> </a:t>
            </a:r>
          </a:p>
          <a:p>
            <a:pPr>
              <a:lnSpc>
                <a:spcPct val="90000"/>
              </a:lnSpc>
              <a:tabLst>
                <a:tab pos="961040" algn="l"/>
              </a:tabLst>
            </a:pPr>
            <a:r>
              <a:rPr lang="en-US" sz="1000" b="1" u="sng" dirty="0"/>
              <a:t>BDCP Preferred Alternative 4A -- the with BDCP conveyance approach</a:t>
            </a:r>
          </a:p>
          <a:p>
            <a:pPr marL="160919" indent="-160919">
              <a:lnSpc>
                <a:spcPct val="90000"/>
              </a:lnSpc>
              <a:buFont typeface="Arial" panose="020B0604020202020204" pitchFamily="34" charset="0"/>
              <a:buChar char="•"/>
              <a:tabLst>
                <a:tab pos="961040" algn="l"/>
              </a:tabLst>
            </a:pPr>
            <a:r>
              <a:rPr lang="en-US" sz="1000" dirty="0"/>
              <a:t>2015 – 	Exports = 4.9 maf (MWD = 1.23 maf)</a:t>
            </a:r>
          </a:p>
          <a:p>
            <a:pPr marL="160919" indent="-160919">
              <a:lnSpc>
                <a:spcPct val="90000"/>
              </a:lnSpc>
              <a:buFont typeface="Arial" panose="020B0604020202020204" pitchFamily="34" charset="0"/>
              <a:buChar char="•"/>
              <a:tabLst>
                <a:tab pos="961040" algn="l"/>
              </a:tabLst>
            </a:pPr>
            <a:r>
              <a:rPr lang="en-US" sz="1000" dirty="0"/>
              <a:t>2015-2028 – 	Exports ramp down from 4.9 to 4.6 maf (due to climate change) (MWD = 1.23 to 1.18 maf)</a:t>
            </a:r>
          </a:p>
          <a:p>
            <a:pPr marL="160919" indent="-160919">
              <a:lnSpc>
                <a:spcPct val="90000"/>
              </a:lnSpc>
              <a:buFont typeface="Arial" panose="020B0604020202020204" pitchFamily="34" charset="0"/>
              <a:buChar char="•"/>
              <a:tabLst>
                <a:tab pos="961040" algn="l"/>
              </a:tabLst>
            </a:pPr>
            <a:r>
              <a:rPr lang="en-US" sz="1000" dirty="0"/>
              <a:t>2028 – 	Exports = 4.9 maf (Conveyance estimated online date) (MWD = 1.23 maf)</a:t>
            </a:r>
          </a:p>
          <a:p>
            <a:pPr>
              <a:lnSpc>
                <a:spcPct val="90000"/>
              </a:lnSpc>
              <a:tabLst>
                <a:tab pos="961040" algn="l"/>
              </a:tabLst>
            </a:pPr>
            <a:r>
              <a:rPr lang="en-US" sz="1000" dirty="0"/>
              <a:t> </a:t>
            </a:r>
          </a:p>
          <a:p>
            <a:pPr defTabSz="858231">
              <a:lnSpc>
                <a:spcPct val="90000"/>
              </a:lnSpc>
              <a:tabLst>
                <a:tab pos="961040" algn="l"/>
              </a:tabLst>
              <a:defRPr/>
            </a:pPr>
            <a:r>
              <a:rPr lang="en-US" sz="1000" b="1" u="sng" dirty="0"/>
              <a:t>North and South Delta Exports for Alternative 4A –Long-Term Average  (EIS/R Figure 4.3.1-15) </a:t>
            </a:r>
          </a:p>
          <a:p>
            <a:pPr marL="160919" indent="-160919" defTabSz="858231">
              <a:lnSpc>
                <a:spcPct val="90000"/>
              </a:lnSpc>
              <a:buFont typeface="Arial" panose="020B0604020202020204" pitchFamily="34" charset="0"/>
              <a:buChar char="•"/>
              <a:tabLst>
                <a:tab pos="961040" algn="l"/>
              </a:tabLst>
              <a:defRPr/>
            </a:pPr>
            <a:r>
              <a:rPr lang="en-US" sz="1000" dirty="0"/>
              <a:t>Existing Conditions = 5.1 maf</a:t>
            </a:r>
          </a:p>
          <a:p>
            <a:pPr marL="160919" indent="-160919" defTabSz="858231">
              <a:lnSpc>
                <a:spcPct val="90000"/>
              </a:lnSpc>
              <a:buFont typeface="Arial" panose="020B0604020202020204" pitchFamily="34" charset="0"/>
              <a:buChar char="•"/>
              <a:tabLst>
                <a:tab pos="961040" algn="l"/>
              </a:tabLst>
              <a:defRPr/>
            </a:pPr>
            <a:r>
              <a:rPr lang="en-US" sz="1000" dirty="0"/>
              <a:t>No Action (ELT in 2025) = 4.7 maf</a:t>
            </a:r>
          </a:p>
          <a:p>
            <a:pPr marL="160919" indent="-160919" defTabSz="858231">
              <a:lnSpc>
                <a:spcPct val="90000"/>
              </a:lnSpc>
              <a:buFont typeface="Arial" panose="020B0604020202020204" pitchFamily="34" charset="0"/>
              <a:buChar char="•"/>
              <a:tabLst>
                <a:tab pos="961040" algn="l"/>
              </a:tabLst>
              <a:defRPr/>
            </a:pPr>
            <a:r>
              <a:rPr lang="en-US" sz="1000" dirty="0"/>
              <a:t>Alt. H3 = 5.3 maf (2.7 maf South + 2.6 maf North)</a:t>
            </a:r>
          </a:p>
          <a:p>
            <a:pPr marL="160919" indent="-160919" defTabSz="858231">
              <a:lnSpc>
                <a:spcPct val="90000"/>
              </a:lnSpc>
              <a:buFont typeface="Arial" panose="020B0604020202020204" pitchFamily="34" charset="0"/>
              <a:buChar char="•"/>
              <a:tabLst>
                <a:tab pos="961040" algn="l"/>
              </a:tabLst>
              <a:defRPr/>
            </a:pPr>
            <a:r>
              <a:rPr lang="en-US" sz="1000" dirty="0"/>
              <a:t>Alt. H4 = 4.7 maf (2.4 maf South + 2.3 maf North)</a:t>
            </a:r>
          </a:p>
          <a:p>
            <a:pPr marL="160919" indent="-160919" defTabSz="858231">
              <a:lnSpc>
                <a:spcPct val="90000"/>
              </a:lnSpc>
              <a:buFont typeface="Arial" panose="020B0604020202020204" pitchFamily="34" charset="0"/>
              <a:buChar char="•"/>
              <a:defRPr/>
            </a:pPr>
            <a:endParaRPr lang="en-US" sz="1000" dirty="0"/>
          </a:p>
          <a:p>
            <a:pPr>
              <a:lnSpc>
                <a:spcPct val="90000"/>
              </a:lnSpc>
            </a:pPr>
            <a:endParaRPr lang="en-US" sz="1000" dirty="0"/>
          </a:p>
        </p:txBody>
      </p:sp>
    </p:spTree>
    <p:extLst>
      <p:ext uri="{BB962C8B-B14F-4D97-AF65-F5344CB8AC3E}">
        <p14:creationId xmlns:p14="http://schemas.microsoft.com/office/powerpoint/2010/main" val="1036198102"/>
      </p:ext>
    </p:extLst>
  </p:cSld>
  <p:clrMapOvr>
    <a:masterClrMapping/>
  </p:clrMapOvr>
</p:notes>
</file>

<file path=ppt/notesSlides/notesSlide1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5232954" y="6662037"/>
            <a:ext cx="4003134" cy="348364"/>
          </a:xfrm>
          <a:prstGeom prst="rect">
            <a:avLst/>
          </a:prstGeom>
          <a:noFill/>
          <a:ln w="12699">
            <a:noFill/>
            <a:miter lim="800000"/>
            <a:headEnd type="none" w="sm" len="sm"/>
            <a:tailEnd type="none" w="sm" len="sm"/>
          </a:ln>
        </p:spPr>
        <p:txBody>
          <a:bodyPr lIns="94345" tIns="47173" rIns="94345" bIns="47173" anchor="b"/>
          <a:lstStyle/>
          <a:p>
            <a:pPr algn="r" defTabSz="930685"/>
            <a:fld id="{426A5CEF-C2E0-45CD-96A6-8CF2FACC864B}" type="slidenum">
              <a:rPr lang="en-US" sz="1200">
                <a:solidFill>
                  <a:prstClr val="black"/>
                </a:solidFill>
                <a:latin typeface="Times New Roman" pitchFamily="18" charset="0"/>
              </a:rPr>
              <a:pPr algn="r" defTabSz="930685"/>
              <a:t>202</a:t>
            </a:fld>
            <a:endParaRPr lang="en-US" sz="1200" dirty="0">
              <a:solidFill>
                <a:prstClr val="black"/>
              </a:solidFill>
              <a:latin typeface="Times New Roman" pitchFamily="18" charset="0"/>
            </a:endParaRPr>
          </a:p>
        </p:txBody>
      </p:sp>
      <p:sp>
        <p:nvSpPr>
          <p:cNvPr id="36867" name="Rectangle 2"/>
          <p:cNvSpPr>
            <a:spLocks noGrp="1" noRot="1" noChangeAspect="1" noChangeArrowheads="1" noTextEdit="1"/>
          </p:cNvSpPr>
          <p:nvPr>
            <p:ph type="sldImg"/>
          </p:nvPr>
        </p:nvSpPr>
        <p:spPr bwMode="auto">
          <a:noFill/>
          <a:ln>
            <a:solidFill>
              <a:srgbClr val="000000"/>
            </a:solidFill>
            <a:miter lim="800000"/>
            <a:headEnd/>
            <a:tailEnd/>
          </a:ln>
        </p:spPr>
      </p:sp>
      <p:sp>
        <p:nvSpPr>
          <p:cNvPr id="98308" name="Rectangle 3"/>
          <p:cNvSpPr>
            <a:spLocks noGrp="1" noChangeArrowheads="1"/>
          </p:cNvSpPr>
          <p:nvPr>
            <p:ph type="body" idx="1"/>
          </p:nvPr>
        </p:nvSpPr>
        <p:spPr bwMode="auto"/>
        <p:txBody>
          <a:bodyPr wrap="square" numCol="1" anchor="t" anchorCtr="0" compatLnSpc="1">
            <a:prstTxWarp prst="textNoShape">
              <a:avLst/>
            </a:prstTxWarp>
            <a:normAutofit/>
          </a:bodyPr>
          <a:lstStyle/>
          <a:p>
            <a:pPr>
              <a:defRPr/>
            </a:pPr>
            <a:endParaRPr lang="en-US" dirty="0" smtClean="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79444" y="3330423"/>
            <a:ext cx="8077194" cy="3154441"/>
          </a:xfrm>
        </p:spPr>
        <p:txBody>
          <a:bodyPr>
            <a:noAutofit/>
          </a:bodyPr>
          <a:lstStyle/>
          <a:p>
            <a:pPr>
              <a:lnSpc>
                <a:spcPct val="80000"/>
              </a:lnSpc>
              <a:spcBef>
                <a:spcPts val="0"/>
              </a:spcBef>
            </a:pPr>
            <a:endParaRPr lang="en-US" sz="900" dirty="0"/>
          </a:p>
        </p:txBody>
      </p:sp>
      <p:sp>
        <p:nvSpPr>
          <p:cNvPr id="4" name="Slide Number Placeholder 3"/>
          <p:cNvSpPr>
            <a:spLocks noGrp="1"/>
          </p:cNvSpPr>
          <p:nvPr>
            <p:ph type="sldNum" sz="quarter" idx="10"/>
          </p:nvPr>
        </p:nvSpPr>
        <p:spPr/>
        <p:txBody>
          <a:bodyPr/>
          <a:lstStyle/>
          <a:p>
            <a:pPr>
              <a:defRPr/>
            </a:pPr>
            <a:fld id="{3B7F4B7A-7404-47E7-8A98-FCA965421C25}" type="slidenum">
              <a:rPr lang="en-US" smtClean="0">
                <a:solidFill>
                  <a:prstClr val="black"/>
                </a:solidFill>
              </a:rPr>
              <a:pPr>
                <a:defRPr/>
              </a:pPr>
              <a:t>24</a:t>
            </a:fld>
            <a:endParaRPr lang="en-US" dirty="0">
              <a:solidFill>
                <a:prstClr val="black"/>
              </a:solidFill>
            </a:endParaRPr>
          </a:p>
        </p:txBody>
      </p:sp>
    </p:spTree>
  </p:cSld>
  <p:clrMapOvr>
    <a:masterClrMapping/>
  </p:clrMapOvr>
</p:notes>
</file>

<file path=ppt/notesSlides/notesSlide1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a:solidFill>
                  <a:prstClr val="black"/>
                </a:solidFill>
              </a:rPr>
              <a:pPr>
                <a:defRPr/>
              </a:pPr>
              <a:t>208</a:t>
            </a:fld>
            <a:endParaRPr lang="en-US" dirty="0">
              <a:solidFill>
                <a:prstClr val="black"/>
              </a:solidFill>
            </a:endParaRPr>
          </a:p>
        </p:txBody>
      </p:sp>
    </p:spTree>
    <p:extLst>
      <p:ext uri="{BB962C8B-B14F-4D97-AF65-F5344CB8AC3E}">
        <p14:creationId xmlns:p14="http://schemas.microsoft.com/office/powerpoint/2010/main" val="813611997"/>
      </p:ext>
    </p:extLst>
  </p:cSld>
  <p:clrMapOvr>
    <a:masterClrMapping/>
  </p:clrMapOvr>
</p:notes>
</file>

<file path=ppt/notesSlides/notesSlide1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a:solidFill>
                  <a:prstClr val="black"/>
                </a:solidFill>
              </a:rPr>
              <a:pPr>
                <a:defRPr/>
              </a:pPr>
              <a:t>209</a:t>
            </a:fld>
            <a:endParaRPr lang="en-US" dirty="0">
              <a:solidFill>
                <a:prstClr val="black"/>
              </a:solidFill>
            </a:endParaRPr>
          </a:p>
        </p:txBody>
      </p:sp>
    </p:spTree>
    <p:extLst>
      <p:ext uri="{BB962C8B-B14F-4D97-AF65-F5344CB8AC3E}">
        <p14:creationId xmlns:p14="http://schemas.microsoft.com/office/powerpoint/2010/main" val="813611997"/>
      </p:ext>
    </p:extLst>
  </p:cSld>
  <p:clrMapOvr>
    <a:masterClrMapping/>
  </p:clrMapOvr>
</p:notes>
</file>

<file path=ppt/notesSlides/notesSlide1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a:solidFill>
                  <a:prstClr val="black"/>
                </a:solidFill>
              </a:rPr>
              <a:pPr>
                <a:defRPr/>
              </a:pPr>
              <a:t>210</a:t>
            </a:fld>
            <a:endParaRPr lang="en-US" dirty="0">
              <a:solidFill>
                <a:prstClr val="black"/>
              </a:solidFill>
            </a:endParaRPr>
          </a:p>
        </p:txBody>
      </p:sp>
    </p:spTree>
    <p:extLst>
      <p:ext uri="{BB962C8B-B14F-4D97-AF65-F5344CB8AC3E}">
        <p14:creationId xmlns:p14="http://schemas.microsoft.com/office/powerpoint/2010/main" val="81361199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a:defRPr/>
            </a:pPr>
            <a:fld id="{3B7F4B7A-7404-47E7-8A98-FCA965421C25}" type="slidenum">
              <a:rPr lang="en-US" smtClean="0">
                <a:solidFill>
                  <a:prstClr val="black"/>
                </a:solidFill>
              </a:rPr>
              <a:pPr>
                <a:defRPr/>
              </a:pPr>
              <a:t>25</a:t>
            </a:fld>
            <a:endParaRPr lang="en-US" dirty="0">
              <a:solidFill>
                <a:prstClr val="black"/>
              </a:solidFill>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78" y="6662017"/>
            <a:ext cx="4002604"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6096" tIns="48052" rIns="96096" bIns="48052"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461AEDBC-C12C-492D-A317-287515B6EB90}" type="slidenum">
              <a:rPr lang="en-US" sz="1200">
                <a:solidFill>
                  <a:prstClr val="black"/>
                </a:solidFill>
                <a:latin typeface="Times New Roman" pitchFamily="18" charset="0"/>
              </a:rPr>
              <a:pPr algn="r" eaLnBrk="1" hangingPunct="1"/>
              <a:t>3</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1204709" y="3330251"/>
            <a:ext cx="6726273" cy="315376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a:bodyPr>
          <a:lstStyle/>
          <a:p>
            <a:endParaRPr lang="en-US" dirty="0"/>
          </a:p>
          <a:p>
            <a:r>
              <a:rPr lang="en-US" b="1" u="sng" dirty="0" smtClean="0"/>
              <a:t>Jan 21 Update</a:t>
            </a:r>
          </a:p>
          <a:p>
            <a:pPr marL="164621" indent="-164621">
              <a:buFont typeface="Arial" panose="020B0604020202020204" pitchFamily="34" charset="0"/>
              <a:buChar char="•"/>
            </a:pPr>
            <a:r>
              <a:rPr lang="en-US" dirty="0"/>
              <a:t>USFWS sent Reclamation a determination implementing Action 2 under the 2008 FWS </a:t>
            </a:r>
            <a:r>
              <a:rPr lang="en-US" dirty="0" err="1"/>
              <a:t>BiOp</a:t>
            </a:r>
            <a:r>
              <a:rPr lang="en-US" dirty="0"/>
              <a:t> and calling for a reduction in OMR to no more negative than -2,500 cfs beginning tomorrow.  </a:t>
            </a:r>
          </a:p>
          <a:p>
            <a:pPr marL="164621" indent="-164621">
              <a:buFont typeface="Arial" panose="020B0604020202020204" pitchFamily="34" charset="0"/>
              <a:buChar char="•"/>
            </a:pPr>
            <a:r>
              <a:rPr lang="en-US" dirty="0"/>
              <a:t>OMR as of yesterday was estimated at ~-2,400 cfs so, with increasing San Joaquin River inflows expected to continue through the weekend, the new OMR target may not need to translate into a reduction in current pumping levels.  </a:t>
            </a:r>
            <a:endParaRPr lang="en-US" dirty="0" smtClean="0"/>
          </a:p>
          <a:p>
            <a:pPr marL="164621" indent="-164621">
              <a:buFont typeface="Arial" panose="020B0604020202020204" pitchFamily="34" charset="0"/>
              <a:buChar char="•"/>
            </a:pPr>
            <a:r>
              <a:rPr lang="en-US" dirty="0"/>
              <a:t>Subsequent to the FWS determination there was a salvage event at the pumps resulting in the capture of 1 Delta smelt in a 30 minute period, so the expanded value is 4.  </a:t>
            </a:r>
          </a:p>
          <a:p>
            <a:pPr marL="164621" indent="-164621">
              <a:buFont typeface="Arial" panose="020B0604020202020204" pitchFamily="34" charset="0"/>
              <a:buChar char="•"/>
            </a:pPr>
            <a:r>
              <a:rPr lang="en-US" dirty="0"/>
              <a:t>Absent a spike in salvage, current operations should be maintained until early next week, when conditions can be reassessed.</a:t>
            </a:r>
          </a:p>
          <a:p>
            <a:pPr marL="164621" indent="-164621">
              <a:buFont typeface="Arial" panose="020B0604020202020204" pitchFamily="34" charset="0"/>
              <a:buChar char="•"/>
            </a:pPr>
            <a:endParaRPr lang="en-US" dirty="0"/>
          </a:p>
          <a:p>
            <a:r>
              <a:rPr lang="en-US" b="1" u="sng" dirty="0"/>
              <a:t>Jan 25 Update</a:t>
            </a:r>
          </a:p>
          <a:p>
            <a:pPr marL="164621" indent="-164621">
              <a:buFont typeface="Arial" panose="020B0604020202020204" pitchFamily="34" charset="0"/>
              <a:buChar char="•"/>
            </a:pPr>
            <a:endParaRPr lang="en-US" sz="2900" dirty="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761038" y="304800"/>
            <a:ext cx="3048000" cy="2286000"/>
          </a:xfrm>
        </p:spPr>
      </p:sp>
      <p:sp>
        <p:nvSpPr>
          <p:cNvPr id="3" name="Notes Placeholder 2"/>
          <p:cNvSpPr>
            <a:spLocks noGrp="1"/>
          </p:cNvSpPr>
          <p:nvPr>
            <p:ph type="body" idx="1"/>
          </p:nvPr>
        </p:nvSpPr>
        <p:spPr>
          <a:xfrm>
            <a:off x="274639" y="1295403"/>
            <a:ext cx="8686797" cy="5181600"/>
          </a:xfrm>
        </p:spPr>
        <p:txBody>
          <a:bodyPr>
            <a:noAutofit/>
          </a:bodyPr>
          <a:lstStyle/>
          <a:p>
            <a:pPr>
              <a:lnSpc>
                <a:spcPct val="80000"/>
              </a:lnSpc>
              <a:spcBef>
                <a:spcPts val="0"/>
              </a:spcBef>
              <a:spcAft>
                <a:spcPts val="0"/>
              </a:spcAft>
            </a:pPr>
            <a:r>
              <a:rPr lang="en-US" sz="900" dirty="0"/>
              <a:t>MWD Table A = 1,911,500 af/yr. (45.81%)</a:t>
            </a:r>
          </a:p>
          <a:p>
            <a:pPr>
              <a:lnSpc>
                <a:spcPct val="80000"/>
              </a:lnSpc>
              <a:spcBef>
                <a:spcPts val="0"/>
              </a:spcBef>
              <a:spcAft>
                <a:spcPts val="0"/>
              </a:spcAft>
            </a:pPr>
            <a:r>
              <a:rPr lang="en-US" sz="900" dirty="0"/>
              <a:t>SWP Table A = 4,172,786 af/yr</a:t>
            </a:r>
          </a:p>
          <a:p>
            <a:pPr>
              <a:lnSpc>
                <a:spcPct val="80000"/>
              </a:lnSpc>
              <a:spcBef>
                <a:spcPts val="0"/>
              </a:spcBef>
              <a:spcAft>
                <a:spcPts val="0"/>
              </a:spcAft>
            </a:pPr>
            <a:r>
              <a:rPr lang="en-US" sz="900" dirty="0"/>
              <a:t>SWP/CVP Split: Assume (55% SWP / 45% CVP)</a:t>
            </a:r>
          </a:p>
          <a:p>
            <a:pPr defTabSz="907193">
              <a:lnSpc>
                <a:spcPct val="80000"/>
              </a:lnSpc>
              <a:spcBef>
                <a:spcPts val="0"/>
              </a:spcBef>
              <a:spcAft>
                <a:spcPts val="0"/>
              </a:spcAft>
              <a:defRPr/>
            </a:pPr>
            <a:r>
              <a:rPr lang="en-US" sz="900" dirty="0"/>
              <a:t>SWP/CVP Average Annual Yield Improvement:  Low range (4.7 maf – 3.5 maf = 1.2 maf), </a:t>
            </a:r>
          </a:p>
          <a:p>
            <a:pPr marL="170122" indent="-170122" defTabSz="907193">
              <a:lnSpc>
                <a:spcPct val="80000"/>
              </a:lnSpc>
              <a:spcBef>
                <a:spcPts val="0"/>
              </a:spcBef>
              <a:spcAft>
                <a:spcPts val="0"/>
              </a:spcAft>
              <a:buFont typeface="Arial" panose="020B0604020202020204" pitchFamily="34" charset="0"/>
              <a:buChar char="•"/>
              <a:defRPr/>
            </a:pPr>
            <a:r>
              <a:rPr lang="en-US" sz="900" dirty="0"/>
              <a:t>High Range (5.3 maf – 3.5 maf = 1.8 maf)</a:t>
            </a:r>
          </a:p>
          <a:p>
            <a:pPr>
              <a:lnSpc>
                <a:spcPct val="80000"/>
              </a:lnSpc>
              <a:spcBef>
                <a:spcPts val="0"/>
              </a:spcBef>
              <a:spcAft>
                <a:spcPts val="0"/>
              </a:spcAft>
            </a:pPr>
            <a:r>
              <a:rPr lang="en-US" sz="900" dirty="0"/>
              <a:t>No Action = 3,500,000 af (SWP/CVP); 1,925,000 af SWP; 882,000 af MWD</a:t>
            </a:r>
          </a:p>
          <a:p>
            <a:pPr defTabSz="907193">
              <a:lnSpc>
                <a:spcPct val="80000"/>
              </a:lnSpc>
              <a:spcBef>
                <a:spcPts val="0"/>
              </a:spcBef>
              <a:spcAft>
                <a:spcPts val="0"/>
              </a:spcAft>
              <a:defRPr/>
            </a:pPr>
            <a:r>
              <a:rPr lang="en-US" sz="900" dirty="0"/>
              <a:t>Cal Water Fix (Higher Yield) = 5,300,000 af (SWP/CVP); 2,915,000 af SWP; 1,335,000 af MWD</a:t>
            </a:r>
          </a:p>
          <a:p>
            <a:pPr marL="113414" indent="-113414" defTabSz="907193">
              <a:lnSpc>
                <a:spcPct val="80000"/>
              </a:lnSpc>
              <a:spcBef>
                <a:spcPts val="0"/>
              </a:spcBef>
              <a:spcAft>
                <a:spcPts val="0"/>
              </a:spcAft>
              <a:buFont typeface="Arial" panose="020B0604020202020204" pitchFamily="34" charset="0"/>
              <a:buChar char="•"/>
              <a:defRPr/>
            </a:pPr>
            <a:r>
              <a:rPr lang="en-US" sz="900" dirty="0"/>
              <a:t>Improvement (1,335,000 – 882,000 AF) = 453,000 AF</a:t>
            </a:r>
          </a:p>
          <a:p>
            <a:pPr defTabSz="907193">
              <a:lnSpc>
                <a:spcPct val="80000"/>
              </a:lnSpc>
              <a:spcBef>
                <a:spcPts val="0"/>
              </a:spcBef>
              <a:spcAft>
                <a:spcPts val="0"/>
              </a:spcAft>
              <a:defRPr/>
            </a:pPr>
            <a:r>
              <a:rPr lang="en-US" sz="900" dirty="0"/>
              <a:t>Cal Water Fix (Lower Yield) = 4,700,000 af (SWP/CVP); 2,585,000 af SWP; 1,184,000 af MWD</a:t>
            </a:r>
          </a:p>
          <a:p>
            <a:pPr marL="113414" indent="-113414" defTabSz="907193">
              <a:lnSpc>
                <a:spcPct val="80000"/>
              </a:lnSpc>
              <a:spcBef>
                <a:spcPts val="0"/>
              </a:spcBef>
              <a:spcAft>
                <a:spcPts val="0"/>
              </a:spcAft>
              <a:buFont typeface="Arial" panose="020B0604020202020204" pitchFamily="34" charset="0"/>
              <a:buChar char="•"/>
              <a:defRPr/>
            </a:pPr>
            <a:r>
              <a:rPr lang="en-US" sz="900" dirty="0"/>
              <a:t>Improvement (1,184,000 – 882,000 AF) = 302,000 AF</a:t>
            </a:r>
          </a:p>
          <a:p>
            <a:pPr defTabSz="907193">
              <a:lnSpc>
                <a:spcPct val="80000"/>
              </a:lnSpc>
              <a:spcBef>
                <a:spcPts val="0"/>
              </a:spcBef>
              <a:spcAft>
                <a:spcPts val="0"/>
              </a:spcAft>
              <a:defRPr/>
            </a:pPr>
            <a:r>
              <a:rPr lang="en-US" sz="900" dirty="0"/>
              <a:t>Total Cost = $17.23 to 17.49 billion</a:t>
            </a:r>
          </a:p>
          <a:p>
            <a:pPr marL="170122" indent="-170122" defTabSz="907193">
              <a:lnSpc>
                <a:spcPct val="80000"/>
              </a:lnSpc>
              <a:spcBef>
                <a:spcPts val="0"/>
              </a:spcBef>
              <a:spcAft>
                <a:spcPts val="0"/>
              </a:spcAft>
              <a:buFont typeface="Arial" panose="020B0604020202020204" pitchFamily="34" charset="0"/>
              <a:buChar char="•"/>
              <a:defRPr/>
            </a:pPr>
            <a:r>
              <a:rPr lang="en-US" sz="900" dirty="0"/>
              <a:t>CVP (40 – 45%) = $6.89 to 7.87 billion</a:t>
            </a:r>
          </a:p>
          <a:p>
            <a:pPr marL="170122" indent="-170122" defTabSz="907193">
              <a:lnSpc>
                <a:spcPct val="80000"/>
              </a:lnSpc>
              <a:spcBef>
                <a:spcPts val="0"/>
              </a:spcBef>
              <a:spcAft>
                <a:spcPts val="0"/>
              </a:spcAft>
              <a:buFont typeface="Arial" panose="020B0604020202020204" pitchFamily="34" charset="0"/>
              <a:buChar char="•"/>
              <a:defRPr/>
            </a:pPr>
            <a:r>
              <a:rPr lang="en-US" sz="900" dirty="0"/>
              <a:t>SWP (55 – 60%) =  $9.48 to 10.49 billion</a:t>
            </a:r>
          </a:p>
          <a:p>
            <a:pPr marL="170122" indent="-170122" defTabSz="907193">
              <a:lnSpc>
                <a:spcPct val="80000"/>
              </a:lnSpc>
              <a:spcBef>
                <a:spcPts val="0"/>
              </a:spcBef>
              <a:spcAft>
                <a:spcPts val="0"/>
              </a:spcAft>
              <a:buFont typeface="Arial" panose="020B0604020202020204" pitchFamily="34" charset="0"/>
              <a:buChar char="•"/>
              <a:defRPr/>
            </a:pPr>
            <a:r>
              <a:rPr lang="en-US" sz="900" dirty="0"/>
              <a:t>MWD (25 – 30%) =  $4.31 to 5.25  billion</a:t>
            </a:r>
          </a:p>
          <a:p>
            <a:pPr marL="170122" indent="-170122" defTabSz="907193">
              <a:lnSpc>
                <a:spcPct val="80000"/>
              </a:lnSpc>
              <a:spcBef>
                <a:spcPts val="0"/>
              </a:spcBef>
              <a:spcAft>
                <a:spcPts val="0"/>
              </a:spcAft>
              <a:buFont typeface="Arial" panose="020B0604020202020204" pitchFamily="34" charset="0"/>
              <a:buChar char="•"/>
              <a:defRPr/>
            </a:pPr>
            <a:r>
              <a:rPr lang="en-US" sz="900" dirty="0"/>
              <a:t>MWD Cost/AF</a:t>
            </a:r>
          </a:p>
          <a:p>
            <a:pPr marL="226830" lvl="1" indent="-108690" defTabSz="907193">
              <a:lnSpc>
                <a:spcPct val="80000"/>
              </a:lnSpc>
              <a:spcBef>
                <a:spcPts val="0"/>
              </a:spcBef>
              <a:spcAft>
                <a:spcPts val="0"/>
              </a:spcAft>
              <a:buFont typeface="Arial" panose="020B0604020202020204" pitchFamily="34" charset="0"/>
              <a:buChar char="•"/>
              <a:defRPr/>
            </a:pPr>
            <a:r>
              <a:rPr lang="en-US" sz="900" dirty="0"/>
              <a:t>High Range	$5.25 billion, 40 yrs, 6.135%, = $354.88 million per yr / 453,000 AF = $783 + $200 (Power) + $31 (Treatment) = $1,014</a:t>
            </a:r>
          </a:p>
          <a:p>
            <a:pPr marL="226830" lvl="1" indent="-108690" defTabSz="907193">
              <a:lnSpc>
                <a:spcPct val="80000"/>
              </a:lnSpc>
              <a:spcBef>
                <a:spcPts val="0"/>
              </a:spcBef>
              <a:spcAft>
                <a:spcPts val="0"/>
              </a:spcAft>
              <a:buFont typeface="Arial" panose="020B0604020202020204" pitchFamily="34" charset="0"/>
              <a:buChar char="•"/>
              <a:defRPr/>
            </a:pPr>
            <a:r>
              <a:rPr lang="en-US" sz="900" dirty="0"/>
              <a:t>Low Range	$4.31 billion, 40 yrs, 6.135%, = $291.34 million per yr / /302,000 = $965 + $200 (Power) + $31 (Treatment) = $1,196</a:t>
            </a:r>
          </a:p>
          <a:p>
            <a:pPr>
              <a:lnSpc>
                <a:spcPct val="80000"/>
              </a:lnSpc>
              <a:spcBef>
                <a:spcPts val="0"/>
              </a:spcBef>
              <a:spcAft>
                <a:spcPts val="0"/>
              </a:spcAft>
            </a:pPr>
            <a:endParaRPr lang="en-US" sz="900" dirty="0"/>
          </a:p>
          <a:p>
            <a:pPr>
              <a:lnSpc>
                <a:spcPct val="80000"/>
              </a:lnSpc>
              <a:spcBef>
                <a:spcPts val="0"/>
              </a:spcBef>
              <a:spcAft>
                <a:spcPts val="0"/>
              </a:spcAft>
              <a:tabLst>
                <a:tab pos="1529315" algn="ctr"/>
                <a:tab pos="2609756" algn="ctr"/>
                <a:tab pos="4087096" algn="ctr"/>
                <a:tab pos="5443161" algn="ctr"/>
                <a:tab pos="6808676" algn="ctr"/>
              </a:tabLst>
              <a:defRPr/>
            </a:pPr>
            <a:r>
              <a:rPr lang="en-US" sz="900" b="1" u="sng" dirty="0"/>
              <a:t>CALSIM (1922-2002)	Table A	Table ‘A’ Avg. Deliveries 	Article 21 Avg. Deliveries	 Table ‘A’ Incremental	Article 21 Incremental</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pPr>
            <a:r>
              <a:rPr lang="en-US" sz="900" dirty="0"/>
              <a:t>SWP	100%	2,096,700 af/yr.	25,600 af/yr.	_______ af/yr.	_______ af/yr.</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r>
              <a:rPr lang="en-US" sz="900" dirty="0"/>
              <a:t>MWD (100%)	45.8%	960,500 af/yr.	5,400 af/yr.	</a:t>
            </a:r>
            <a:r>
              <a:rPr lang="en-US" sz="900" strike="sngStrike" dirty="0"/>
              <a:t>431,000 af/yr.	67,000 af/yr.</a:t>
            </a:r>
          </a:p>
          <a:p>
            <a:pPr marL="228375"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r>
              <a:rPr lang="en-US" sz="900" dirty="0"/>
              <a:t>MWD (110%)	50.4%	960,500 af/yr.	5,400 af/yr.	</a:t>
            </a:r>
            <a:r>
              <a:rPr lang="en-US" sz="900" strike="sngStrike" dirty="0"/>
              <a:t>474,000 af/yr.	74,000 af/yr.</a:t>
            </a:r>
          </a:p>
          <a:p>
            <a:pPr marL="623694" lvl="1" indent="-170099">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endParaRPr lang="en-US" sz="900" dirty="0"/>
          </a:p>
          <a:p>
            <a:pPr>
              <a:lnSpc>
                <a:spcPct val="80000"/>
              </a:lnSpc>
              <a:spcBef>
                <a:spcPts val="0"/>
              </a:spcBef>
              <a:spcAft>
                <a:spcPts val="0"/>
              </a:spcAft>
            </a:pPr>
            <a:r>
              <a:rPr lang="en-US" altLang="en-US" sz="900" b="1" u="sng" dirty="0"/>
              <a:t>DWR SWP Delivery Reliability Report table</a:t>
            </a:r>
          </a:p>
          <a:p>
            <a:pPr>
              <a:lnSpc>
                <a:spcPct val="80000"/>
              </a:lnSpc>
              <a:spcBef>
                <a:spcPts val="0"/>
              </a:spcBef>
              <a:spcAft>
                <a:spcPts val="0"/>
              </a:spcAft>
            </a:pPr>
            <a:r>
              <a:rPr lang="en-US" altLang="en-US" sz="900" dirty="0"/>
              <a:t>2005 Study:  MWD Avg. = 1,418,747 AF/yr (68%); MWD Dry = 430,000 (10 %);  Dry year is roughly a 10 percentile.</a:t>
            </a:r>
          </a:p>
          <a:p>
            <a:pPr>
              <a:lnSpc>
                <a:spcPct val="80000"/>
              </a:lnSpc>
              <a:spcBef>
                <a:spcPts val="0"/>
              </a:spcBef>
              <a:spcAft>
                <a:spcPts val="0"/>
              </a:spcAft>
            </a:pPr>
            <a:endParaRPr lang="en-US" altLang="en-US" sz="900" dirty="0"/>
          </a:p>
          <a:p>
            <a:pPr>
              <a:lnSpc>
                <a:spcPct val="80000"/>
              </a:lnSpc>
              <a:spcBef>
                <a:spcPts val="0"/>
              </a:spcBef>
              <a:spcAft>
                <a:spcPts val="0"/>
              </a:spcAft>
            </a:pPr>
            <a:r>
              <a:rPr lang="en-US" altLang="en-US" sz="900" b="1" dirty="0"/>
              <a:t>SWP Table A Delivery (</a:t>
            </a:r>
            <a:r>
              <a:rPr lang="en-US" sz="900" b="1" dirty="0"/>
              <a:t>Percent of Demand under then existing condition)</a:t>
            </a:r>
            <a:endParaRPr lang="en-US" altLang="en-US" sz="900" b="1" dirty="0"/>
          </a:p>
          <a:p>
            <a:pPr>
              <a:lnSpc>
                <a:spcPct val="80000"/>
              </a:lnSpc>
              <a:spcBef>
                <a:spcPts val="0"/>
              </a:spcBef>
              <a:spcAft>
                <a:spcPts val="0"/>
              </a:spcAft>
            </a:pPr>
            <a:r>
              <a:rPr lang="en-US" sz="900" b="1" u="sng" dirty="0"/>
              <a:t>Report	Average	Minimum	Maximum</a:t>
            </a:r>
          </a:p>
          <a:p>
            <a:pPr>
              <a:lnSpc>
                <a:spcPct val="80000"/>
              </a:lnSpc>
              <a:spcBef>
                <a:spcPts val="0"/>
              </a:spcBef>
              <a:spcAft>
                <a:spcPts val="0"/>
              </a:spcAft>
            </a:pPr>
            <a:r>
              <a:rPr lang="en-US" sz="900" dirty="0"/>
              <a:t>2005 Study	68%	  4%	93%</a:t>
            </a:r>
          </a:p>
          <a:p>
            <a:pPr>
              <a:lnSpc>
                <a:spcPct val="80000"/>
              </a:lnSpc>
              <a:spcBef>
                <a:spcPts val="0"/>
              </a:spcBef>
              <a:spcAft>
                <a:spcPts val="0"/>
              </a:spcAft>
            </a:pPr>
            <a:r>
              <a:rPr lang="en-US" sz="900" dirty="0"/>
              <a:t>2007 Study	63%	  6%	90%</a:t>
            </a:r>
          </a:p>
          <a:p>
            <a:pPr>
              <a:lnSpc>
                <a:spcPct val="80000"/>
              </a:lnSpc>
              <a:spcBef>
                <a:spcPts val="0"/>
              </a:spcBef>
              <a:spcAft>
                <a:spcPts val="0"/>
              </a:spcAft>
            </a:pPr>
            <a:r>
              <a:rPr lang="en-US" sz="900" dirty="0"/>
              <a:t>2009 Study	60%	  7%	81%</a:t>
            </a:r>
          </a:p>
          <a:p>
            <a:pPr>
              <a:lnSpc>
                <a:spcPct val="80000"/>
              </a:lnSpc>
              <a:spcBef>
                <a:spcPts val="0"/>
              </a:spcBef>
              <a:spcAft>
                <a:spcPts val="0"/>
              </a:spcAft>
            </a:pPr>
            <a:r>
              <a:rPr lang="en-US" sz="900" dirty="0"/>
              <a:t>2011 Study	61%	  9%	82%</a:t>
            </a:r>
          </a:p>
          <a:p>
            <a:pPr>
              <a:lnSpc>
                <a:spcPct val="80000"/>
              </a:lnSpc>
              <a:spcBef>
                <a:spcPts val="0"/>
              </a:spcBef>
              <a:spcAft>
                <a:spcPts val="0"/>
              </a:spcAft>
            </a:pPr>
            <a:r>
              <a:rPr lang="en-US" sz="900" dirty="0"/>
              <a:t>2013 Study	62%	12%	97%</a:t>
            </a:r>
          </a:p>
          <a:p>
            <a:pPr>
              <a:lnSpc>
                <a:spcPct val="80000"/>
              </a:lnSpc>
              <a:spcBef>
                <a:spcPts val="0"/>
              </a:spcBef>
              <a:spcAft>
                <a:spcPts val="0"/>
              </a:spcAft>
            </a:pPr>
            <a:r>
              <a:rPr lang="en-US" altLang="en-US" sz="900" dirty="0">
                <a:ea typeface="Times New Roman" pitchFamily="18" charset="0"/>
                <a:cs typeface="Tahoma" pitchFamily="34" charset="0"/>
              </a:rPr>
              <a:t>_____________________________________________</a:t>
            </a:r>
            <a:br>
              <a:rPr lang="en-US" altLang="en-US" sz="900" dirty="0">
                <a:ea typeface="Times New Roman" pitchFamily="18" charset="0"/>
                <a:cs typeface="Tahoma" pitchFamily="34" charset="0"/>
              </a:rPr>
            </a:br>
            <a:r>
              <a:rPr lang="en-US" altLang="en-US" sz="900" b="1" dirty="0">
                <a:ea typeface="Times New Roman" pitchFamily="18" charset="0"/>
                <a:cs typeface="Tahoma" pitchFamily="34" charset="0"/>
              </a:rPr>
              <a:t>From:</a:t>
            </a:r>
            <a:r>
              <a:rPr lang="en-US" altLang="en-US" sz="900" dirty="0">
                <a:ea typeface="Times New Roman" pitchFamily="18" charset="0"/>
                <a:cs typeface="Tahoma" pitchFamily="34" charset="0"/>
              </a:rPr>
              <a:t> Chan,Grace L </a:t>
            </a:r>
            <a:br>
              <a:rPr lang="en-US" altLang="en-US" sz="900" dirty="0">
                <a:ea typeface="Times New Roman" pitchFamily="18" charset="0"/>
                <a:cs typeface="Tahoma" pitchFamily="34" charset="0"/>
              </a:rPr>
            </a:br>
            <a:r>
              <a:rPr lang="en-US" altLang="en-US" sz="900" b="1" dirty="0">
                <a:ea typeface="Times New Roman" pitchFamily="18" charset="0"/>
                <a:cs typeface="Tahoma" pitchFamily="34" charset="0"/>
              </a:rPr>
              <a:t>Sent:</a:t>
            </a:r>
            <a:r>
              <a:rPr lang="en-US" altLang="en-US" sz="900" dirty="0">
                <a:ea typeface="Times New Roman" pitchFamily="18" charset="0"/>
                <a:cs typeface="Tahoma" pitchFamily="34" charset="0"/>
              </a:rPr>
              <a:t> Wednesday, April 30, 2014 5:16 PM</a:t>
            </a:r>
            <a:br>
              <a:rPr lang="en-US" altLang="en-US" sz="900" dirty="0">
                <a:ea typeface="Times New Roman" pitchFamily="18" charset="0"/>
                <a:cs typeface="Tahoma" pitchFamily="34" charset="0"/>
              </a:rPr>
            </a:br>
            <a:r>
              <a:rPr lang="en-US" altLang="en-US" sz="900" b="1" dirty="0">
                <a:ea typeface="Times New Roman" pitchFamily="18" charset="0"/>
                <a:cs typeface="Tahoma" pitchFamily="34" charset="0"/>
              </a:rPr>
              <a:t>To:</a:t>
            </a:r>
            <a:r>
              <a:rPr lang="en-US" altLang="en-US" sz="900" dirty="0">
                <a:ea typeface="Times New Roman" pitchFamily="18" charset="0"/>
                <a:cs typeface="Tahoma" pitchFamily="34" charset="0"/>
              </a:rPr>
              <a:t> Upadhyay,Devendra N</a:t>
            </a:r>
            <a:br>
              <a:rPr lang="en-US" altLang="en-US" sz="900" dirty="0">
                <a:ea typeface="Times New Roman" pitchFamily="18" charset="0"/>
                <a:cs typeface="Tahoma" pitchFamily="34" charset="0"/>
              </a:rPr>
            </a:br>
            <a:r>
              <a:rPr lang="en-US" altLang="en-US" sz="900" b="1" dirty="0">
                <a:ea typeface="Times New Roman" pitchFamily="18" charset="0"/>
                <a:cs typeface="Tahoma" pitchFamily="34" charset="0"/>
              </a:rPr>
              <a:t>Subject:</a:t>
            </a:r>
            <a:r>
              <a:rPr lang="en-US" altLang="en-US" sz="900" dirty="0">
                <a:ea typeface="Times New Roman" pitchFamily="18" charset="0"/>
                <a:cs typeface="Tahoma" pitchFamily="34" charset="0"/>
              </a:rPr>
              <a:t> SWP minimum delivery from reliability report</a:t>
            </a:r>
            <a:endParaRPr lang="en-US" altLang="en-US" sz="900" dirty="0">
              <a:cs typeface="Arial" pitchFamily="34" charset="0"/>
            </a:endParaRPr>
          </a:p>
          <a:p>
            <a:pPr>
              <a:lnSpc>
                <a:spcPct val="80000"/>
              </a:lnSpc>
              <a:spcBef>
                <a:spcPts val="0"/>
              </a:spcBef>
              <a:spcAft>
                <a:spcPts val="0"/>
              </a:spcAft>
            </a:pPr>
            <a:r>
              <a:rPr lang="en-US" altLang="en-US" sz="900" dirty="0">
                <a:ea typeface="Times New Roman" pitchFamily="18" charset="0"/>
                <a:cs typeface="Calibri" pitchFamily="34" charset="0"/>
              </a:rPr>
              <a:t>Deven,  The table below shows the delivery from DWR SWP Delivery Reliability Reports over the years.</a:t>
            </a:r>
            <a:endParaRPr lang="en-US" altLang="en-US" sz="900" dirty="0">
              <a:cs typeface="Arial" pitchFamily="34" charset="0"/>
            </a:endParaRPr>
          </a:p>
          <a:p>
            <a:pPr>
              <a:lnSpc>
                <a:spcPct val="80000"/>
              </a:lnSpc>
              <a:spcBef>
                <a:spcPts val="0"/>
              </a:spcBef>
              <a:spcAft>
                <a:spcPts val="0"/>
              </a:spcAft>
            </a:pPr>
            <a:r>
              <a:rPr lang="en-US" altLang="en-US" sz="900" dirty="0">
                <a:ea typeface="Times New Roman" pitchFamily="18" charset="0"/>
                <a:cs typeface="Calibri" pitchFamily="34" charset="0"/>
              </a:rPr>
              <a:t>The 2010 IRP was based on the draft 2011 report, so the current condition would be a minimum delivery of 9%.  However, when we revert to 2005 reliability profile after Delta improvement the minimum was lowered.  The reasoning is that with higher annual delivery, you may have a lower starting reservoir level when you get into drought and result with a lower minimum delivery.</a:t>
            </a:r>
            <a:endParaRPr lang="en-US" altLang="en-US" sz="900" dirty="0">
              <a:cs typeface="Arial" pitchFamily="34" charset="0"/>
            </a:endParaRPr>
          </a:p>
          <a:p>
            <a:pPr>
              <a:lnSpc>
                <a:spcPct val="80000"/>
              </a:lnSpc>
              <a:spcBef>
                <a:spcPts val="0"/>
              </a:spcBef>
              <a:spcAft>
                <a:spcPts val="0"/>
              </a:spcAft>
            </a:pPr>
            <a:r>
              <a:rPr lang="en-US" altLang="en-US" sz="900" dirty="0">
                <a:ea typeface="Times New Roman" pitchFamily="18" charset="0"/>
                <a:cs typeface="Calibri" pitchFamily="34" charset="0"/>
              </a:rPr>
              <a:t>DWR stated that the 2013 and 2011 study are actually comparable.  DWR’s explanation of higher delivery numbers because all contractors have requested their maximum Table A amount and higher demands mean higher maximum delivery.  However, the minimum delivery also increased and DWR attributed that to model refinements.</a:t>
            </a:r>
            <a:endParaRPr lang="en-US" altLang="en-US" sz="900" dirty="0">
              <a:cs typeface="Arial" pitchFamily="34" charset="0"/>
            </a:endParaRPr>
          </a:p>
          <a:p>
            <a:pPr>
              <a:lnSpc>
                <a:spcPct val="80000"/>
              </a:lnSpc>
              <a:spcBef>
                <a:spcPts val="0"/>
              </a:spcBef>
              <a:spcAft>
                <a:spcPts val="0"/>
              </a:spcAft>
            </a:pPr>
            <a:r>
              <a:rPr lang="en-US" altLang="en-US" sz="900" dirty="0">
                <a:ea typeface="Times New Roman" pitchFamily="18" charset="0"/>
                <a:cs typeface="Calibri" pitchFamily="34" charset="0"/>
              </a:rPr>
              <a:t> </a:t>
            </a:r>
            <a:endParaRPr lang="en-US" altLang="en-US" sz="900" dirty="0">
              <a:cs typeface="Arial" pitchFamily="34" charset="0"/>
            </a:endParaRPr>
          </a:p>
          <a:p>
            <a:pPr>
              <a:lnSpc>
                <a:spcPct val="80000"/>
              </a:lnSpc>
              <a:spcBef>
                <a:spcPts val="0"/>
              </a:spcBef>
              <a:spcAft>
                <a:spcPts val="0"/>
              </a:spcAft>
            </a:pPr>
            <a:endParaRPr lang="en-US" altLang="en-US" sz="900" dirty="0">
              <a:cs typeface="Arial" pitchFamily="34" charset="0"/>
            </a:endParaRPr>
          </a:p>
          <a:p>
            <a:pPr marL="174824" lvl="1" indent="-170099" defTabSz="907193" eaLnBrk="1" fontAlgn="auto" hangingPunct="1">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endParaRPr lang="en-US" sz="900" dirty="0"/>
          </a:p>
          <a:p>
            <a:pPr marL="623694" lvl="1" indent="-170099" defTabSz="907193" eaLnBrk="1" fontAlgn="auto" hangingPunct="1">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endParaRPr lang="en-US" sz="900" dirty="0"/>
          </a:p>
          <a:p>
            <a:pPr marL="623694" lvl="1" indent="-170099" defTabSz="907193" eaLnBrk="1" fontAlgn="auto" hangingPunct="1">
              <a:lnSpc>
                <a:spcPct val="80000"/>
              </a:lnSpc>
              <a:spcBef>
                <a:spcPts val="0"/>
              </a:spcBef>
              <a:spcAft>
                <a:spcPts val="0"/>
              </a:spcAft>
              <a:buFont typeface="Arial" panose="020B0604020202020204" pitchFamily="34" charset="0"/>
              <a:buChar char="•"/>
              <a:tabLst>
                <a:tab pos="1529315" algn="ctr"/>
                <a:tab pos="2609756" algn="ctr"/>
                <a:tab pos="4087096" algn="ctr"/>
                <a:tab pos="5443161" algn="ctr"/>
                <a:tab pos="6808676" algn="ctr"/>
              </a:tabLst>
              <a:defRPr/>
            </a:pPr>
            <a:endParaRPr lang="en-US" sz="900" dirty="0"/>
          </a:p>
          <a:p>
            <a:pPr marL="623694" lvl="1" indent="-170099" defTabSz="907193" eaLnBrk="1" fontAlgn="auto" hangingPunct="1">
              <a:lnSpc>
                <a:spcPct val="80000"/>
              </a:lnSpc>
              <a:spcBef>
                <a:spcPts val="0"/>
              </a:spcBef>
              <a:spcAft>
                <a:spcPts val="0"/>
              </a:spcAft>
              <a:buFont typeface="Arial" panose="020B0604020202020204" pitchFamily="34" charset="0"/>
              <a:buChar char="•"/>
              <a:defRPr/>
            </a:pPr>
            <a:endParaRPr lang="en-US" sz="900" dirty="0"/>
          </a:p>
          <a:p>
            <a:pPr marL="170099" indent="-170099">
              <a:lnSpc>
                <a:spcPct val="80000"/>
              </a:lnSpc>
              <a:spcBef>
                <a:spcPts val="0"/>
              </a:spcBef>
              <a:spcAft>
                <a:spcPts val="0"/>
              </a:spcAft>
              <a:buFont typeface="Arial" panose="020B0604020202020204" pitchFamily="34" charset="0"/>
              <a:buChar char="•"/>
            </a:pPr>
            <a:endParaRPr lang="en-US" sz="900" dirty="0"/>
          </a:p>
        </p:txBody>
      </p:sp>
      <p:sp>
        <p:nvSpPr>
          <p:cNvPr id="4" name="Slide Number Placeholder 3"/>
          <p:cNvSpPr>
            <a:spLocks noGrp="1"/>
          </p:cNvSpPr>
          <p:nvPr>
            <p:ph type="sldNum" sz="quarter" idx="10"/>
          </p:nvPr>
        </p:nvSpPr>
        <p:spPr/>
        <p:txBody>
          <a:bodyPr/>
          <a:lstStyle/>
          <a:p>
            <a:fld id="{33F57FB7-A35F-4B35-BCE0-EA635445EA90}" type="slidenum">
              <a:rPr lang="en-US" smtClean="0">
                <a:solidFill>
                  <a:prstClr val="black"/>
                </a:solidFill>
              </a:rPr>
              <a:pPr/>
              <a:t>26</a:t>
            </a:fld>
            <a:endParaRPr lang="en-US" dirty="0">
              <a:solidFill>
                <a:prstClr val="black"/>
              </a:solidFill>
            </a:endParaRPr>
          </a:p>
        </p:txBody>
      </p:sp>
    </p:spTree>
    <p:extLst>
      <p:ext uri="{BB962C8B-B14F-4D97-AF65-F5344CB8AC3E}">
        <p14:creationId xmlns:p14="http://schemas.microsoft.com/office/powerpoint/2010/main" val="206144777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27</a:t>
            </a:fld>
            <a:endParaRPr lang="en-US" dirty="0"/>
          </a:p>
        </p:txBody>
      </p:sp>
    </p:spTree>
    <p:extLst>
      <p:ext uri="{BB962C8B-B14F-4D97-AF65-F5344CB8AC3E}">
        <p14:creationId xmlns:p14="http://schemas.microsoft.com/office/powerpoint/2010/main" val="16219470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28</a:t>
            </a:fld>
            <a:endParaRPr lang="en-US" dirty="0">
              <a:solidFill>
                <a:prstClr val="black"/>
              </a:solidFill>
            </a:endParaRPr>
          </a:p>
        </p:txBody>
      </p:sp>
    </p:spTree>
    <p:extLst>
      <p:ext uri="{BB962C8B-B14F-4D97-AF65-F5344CB8AC3E}">
        <p14:creationId xmlns:p14="http://schemas.microsoft.com/office/powerpoint/2010/main" val="103619810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a:defRPr/>
            </a:pPr>
            <a:fld id="{D4F1A128-A82C-47B5-80E3-0D2DADF55465}" type="slidenum">
              <a:rPr lang="en-US" smtClean="0">
                <a:solidFill>
                  <a:prstClr val="black"/>
                </a:solidFill>
              </a:rPr>
              <a:pPr>
                <a:defRPr/>
              </a:pPr>
              <a:t>29</a:t>
            </a:fld>
            <a:endParaRPr lang="en-US" dirty="0">
              <a:solidFill>
                <a:prstClr val="black"/>
              </a:solidFill>
            </a:endParaRPr>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Rectangle 7"/>
          <p:cNvSpPr>
            <a:spLocks noGrp="1" noChangeArrowheads="1"/>
          </p:cNvSpPr>
          <p:nvPr>
            <p:ph type="sldNum" sz="quarter" idx="5"/>
          </p:nvPr>
        </p:nvSpPr>
        <p:spPr/>
        <p:txBody>
          <a:bodyPr/>
          <a:lstStyle/>
          <a:p>
            <a:pPr defTabSz="883417">
              <a:defRPr/>
            </a:pPr>
            <a:fld id="{051930E4-2032-462F-873D-45CF56EE3CEA}" type="slidenum">
              <a:rPr lang="en-US" smtClean="0">
                <a:solidFill>
                  <a:prstClr val="black"/>
                </a:solidFill>
              </a:rPr>
              <a:pPr defTabSz="883417">
                <a:defRPr/>
              </a:pPr>
              <a:t>30</a:t>
            </a:fld>
            <a:endParaRPr lang="en-US" dirty="0" smtClean="0">
              <a:solidFill>
                <a:prstClr val="black"/>
              </a:solidFill>
            </a:endParaRPr>
          </a:p>
        </p:txBody>
      </p:sp>
      <p:sp>
        <p:nvSpPr>
          <p:cNvPr id="21507" name="Rectangle 2"/>
          <p:cNvSpPr>
            <a:spLocks noGrp="1" noRot="1" noChangeAspect="1" noChangeArrowheads="1" noTextEdit="1"/>
          </p:cNvSpPr>
          <p:nvPr>
            <p:ph type="sldImg"/>
          </p:nvPr>
        </p:nvSpPr>
        <p:spPr bwMode="auto">
          <a:xfrm>
            <a:off x="2868613" y="525463"/>
            <a:ext cx="3505200" cy="2628900"/>
          </a:xfrm>
          <a:solidFill>
            <a:srgbClr val="FFFFFF"/>
          </a:solidFill>
          <a:ln>
            <a:solidFill>
              <a:srgbClr val="000000"/>
            </a:solidFill>
            <a:miter lim="800000"/>
            <a:headEnd/>
            <a:tailEnd/>
          </a:ln>
        </p:spPr>
      </p:sp>
      <p:sp>
        <p:nvSpPr>
          <p:cNvPr id="21508" name="Rectangle 3"/>
          <p:cNvSpPr>
            <a:spLocks noGrp="1" noChangeArrowheads="1"/>
          </p:cNvSpPr>
          <p:nvPr>
            <p:ph type="body" idx="1"/>
          </p:nvPr>
        </p:nvSpPr>
        <p:spPr bwMode="auto">
          <a:xfrm>
            <a:off x="1229344" y="3328726"/>
            <a:ext cx="6777398" cy="3157114"/>
          </a:xfrm>
          <a:solidFill>
            <a:srgbClr val="FFFFFF"/>
          </a:solidFill>
          <a:ln>
            <a:solidFill>
              <a:srgbClr val="000000"/>
            </a:solidFill>
            <a:miter lim="800000"/>
            <a:headEnd/>
            <a:tailEnd/>
          </a:ln>
        </p:spPr>
        <p:txBody>
          <a:bodyPr wrap="square" numCol="1" anchor="t" anchorCtr="0" compatLnSpc="1">
            <a:prstTxWarp prst="textNoShape">
              <a:avLst/>
            </a:prstTxWarp>
          </a:bodyPr>
          <a:lstStyle/>
          <a:p>
            <a:r>
              <a:rPr lang="en-US" dirty="0" smtClean="0"/>
              <a:t>There are several ESA species &amp; other species of concern…….</a:t>
            </a:r>
          </a:p>
          <a:p>
            <a:r>
              <a:rPr lang="en-US" dirty="0" smtClean="0"/>
              <a:t>This slide shows the current listing status …..</a:t>
            </a:r>
          </a:p>
          <a:p>
            <a:r>
              <a:rPr lang="en-US" dirty="0" smtClean="0"/>
              <a:t>Note that the Longfin smelt has a 2007 petition under consideration….</a:t>
            </a:r>
          </a:p>
          <a:p>
            <a:r>
              <a:rPr lang="en-US" dirty="0" smtClean="0"/>
              <a:t>This demonstrates that the Delta fishery risks continue well into the future &amp; that risk equates to water supply risks….</a:t>
            </a:r>
          </a:p>
          <a:p>
            <a:r>
              <a:rPr lang="en-US" b="1" u="sng" dirty="0" smtClean="0"/>
              <a:t>Species</a:t>
            </a:r>
            <a:r>
              <a:rPr lang="en-US" dirty="0" smtClean="0"/>
              <a:t>			</a:t>
            </a:r>
            <a:r>
              <a:rPr lang="en-US" b="1" u="sng" dirty="0" smtClean="0"/>
              <a:t>Fed ESA</a:t>
            </a:r>
            <a:r>
              <a:rPr lang="en-US" dirty="0" smtClean="0"/>
              <a:t>	</a:t>
            </a:r>
            <a:r>
              <a:rPr lang="en-US" b="1" u="sng" dirty="0" smtClean="0"/>
              <a:t>Cal ESA</a:t>
            </a:r>
          </a:p>
          <a:p>
            <a:r>
              <a:rPr lang="en-US" dirty="0" smtClean="0"/>
              <a:t>Delta Smelt			1993 (</a:t>
            </a:r>
            <a:r>
              <a:rPr lang="en-US" b="1" dirty="0" smtClean="0"/>
              <a:t>T</a:t>
            </a:r>
            <a:r>
              <a:rPr lang="en-US" dirty="0" smtClean="0"/>
              <a:t>)	1993 (</a:t>
            </a:r>
            <a:r>
              <a:rPr lang="en-US" b="1" dirty="0" smtClean="0"/>
              <a:t>T</a:t>
            </a:r>
            <a:r>
              <a:rPr lang="en-US" dirty="0" smtClean="0"/>
              <a:t>)</a:t>
            </a:r>
          </a:p>
          <a:p>
            <a:r>
              <a:rPr lang="en-US" dirty="0" smtClean="0"/>
              <a:t>Steelhead			1998 (</a:t>
            </a:r>
            <a:r>
              <a:rPr lang="en-US" b="1" dirty="0" smtClean="0"/>
              <a:t>T</a:t>
            </a:r>
            <a:r>
              <a:rPr lang="en-US" dirty="0" smtClean="0"/>
              <a:t>)	</a:t>
            </a:r>
            <a:r>
              <a:rPr lang="en-US" b="1" dirty="0" smtClean="0"/>
              <a:t>N</a:t>
            </a:r>
          </a:p>
          <a:p>
            <a:r>
              <a:rPr lang="en-US" dirty="0" smtClean="0"/>
              <a:t>Sacramento Splittail*		</a:t>
            </a:r>
            <a:r>
              <a:rPr lang="en-US" b="1" dirty="0" smtClean="0"/>
              <a:t>N</a:t>
            </a:r>
            <a:r>
              <a:rPr lang="en-US" dirty="0" smtClean="0"/>
              <a:t>	</a:t>
            </a:r>
            <a:r>
              <a:rPr lang="en-US" b="1" dirty="0" smtClean="0"/>
              <a:t>N</a:t>
            </a:r>
          </a:p>
          <a:p>
            <a:r>
              <a:rPr lang="en-US" dirty="0" smtClean="0"/>
              <a:t>Green Sturgeon		2006 (</a:t>
            </a:r>
            <a:r>
              <a:rPr lang="en-US" b="1" dirty="0" smtClean="0"/>
              <a:t>T</a:t>
            </a:r>
            <a:r>
              <a:rPr lang="en-US" dirty="0" smtClean="0"/>
              <a:t>)	</a:t>
            </a:r>
            <a:r>
              <a:rPr lang="en-US" b="1" dirty="0" smtClean="0"/>
              <a:t>N</a:t>
            </a:r>
          </a:p>
          <a:p>
            <a:r>
              <a:rPr lang="en-US" dirty="0" smtClean="0"/>
              <a:t>Chinook Salmon (winter run)		1990 (</a:t>
            </a:r>
            <a:r>
              <a:rPr lang="en-US" b="1" dirty="0" smtClean="0"/>
              <a:t>E</a:t>
            </a:r>
            <a:r>
              <a:rPr lang="en-US" dirty="0" smtClean="0"/>
              <a:t>)	1989 (</a:t>
            </a:r>
            <a:r>
              <a:rPr lang="en-US" b="1" dirty="0" smtClean="0"/>
              <a:t>E</a:t>
            </a:r>
            <a:r>
              <a:rPr lang="en-US" dirty="0" smtClean="0"/>
              <a:t>)</a:t>
            </a:r>
          </a:p>
          <a:p>
            <a:r>
              <a:rPr lang="en-US" dirty="0" smtClean="0"/>
              <a:t>Chinook Salmon (spring run)		1999 (</a:t>
            </a:r>
            <a:r>
              <a:rPr lang="en-US" b="1" dirty="0" smtClean="0"/>
              <a:t>T</a:t>
            </a:r>
            <a:r>
              <a:rPr lang="en-US" dirty="0" smtClean="0"/>
              <a:t>)	1999 (</a:t>
            </a:r>
            <a:r>
              <a:rPr lang="en-US" b="1" dirty="0" smtClean="0"/>
              <a:t>T</a:t>
            </a:r>
            <a:r>
              <a:rPr lang="en-US" dirty="0" smtClean="0"/>
              <a:t>)</a:t>
            </a:r>
          </a:p>
          <a:p>
            <a:r>
              <a:rPr lang="en-US" dirty="0" smtClean="0"/>
              <a:t>Longfin Smelt			2007 (</a:t>
            </a:r>
            <a:r>
              <a:rPr lang="en-US" b="1" dirty="0" smtClean="0"/>
              <a:t>P</a:t>
            </a:r>
            <a:r>
              <a:rPr lang="en-US" dirty="0" smtClean="0"/>
              <a:t>)	2007 (</a:t>
            </a:r>
            <a:r>
              <a:rPr lang="en-US" b="1" dirty="0" smtClean="0"/>
              <a:t>P</a:t>
            </a:r>
            <a:r>
              <a:rPr lang="en-US" dirty="0" smtClean="0"/>
              <a:t>)</a:t>
            </a:r>
          </a:p>
          <a:p>
            <a:r>
              <a:rPr lang="en-US" dirty="0" smtClean="0"/>
              <a:t>*Splittail was Federally listed in 1999 &amp; removed from the list in 2003….</a:t>
            </a:r>
          </a:p>
          <a:p>
            <a:r>
              <a:rPr lang="en-US" b="1" dirty="0" smtClean="0"/>
              <a:t>T</a:t>
            </a:r>
            <a:r>
              <a:rPr lang="en-US" dirty="0" smtClean="0"/>
              <a:t>=Threatened, </a:t>
            </a:r>
            <a:r>
              <a:rPr lang="en-US" b="1" dirty="0" smtClean="0"/>
              <a:t>E</a:t>
            </a:r>
            <a:r>
              <a:rPr lang="en-US" dirty="0" smtClean="0"/>
              <a:t>=Endangered, </a:t>
            </a:r>
            <a:r>
              <a:rPr lang="en-US" b="1" dirty="0" smtClean="0"/>
              <a:t>N</a:t>
            </a:r>
            <a:r>
              <a:rPr lang="en-US" dirty="0" smtClean="0"/>
              <a:t>=Not Listed, </a:t>
            </a:r>
            <a:r>
              <a:rPr lang="en-US" b="1" dirty="0" smtClean="0"/>
              <a:t>P</a:t>
            </a:r>
            <a:r>
              <a:rPr lang="en-US" dirty="0" smtClean="0"/>
              <a:t>=Petition under consideration….</a:t>
            </a: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78" y="6662017"/>
            <a:ext cx="4002604"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6096" tIns="48052" rIns="96096" bIns="48052"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461AEDBC-C12C-492D-A317-287515B6EB90}" type="slidenum">
              <a:rPr lang="en-US" sz="1200">
                <a:solidFill>
                  <a:prstClr val="black"/>
                </a:solidFill>
                <a:latin typeface="Times New Roman" pitchFamily="18" charset="0"/>
              </a:rPr>
              <a:pPr algn="r" eaLnBrk="1" hangingPunct="1"/>
              <a:t>31</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1204709" y="3330251"/>
            <a:ext cx="6726273" cy="315376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a:bodyPr>
          <a:lstStyle/>
          <a:p>
            <a:endParaRPr lang="en-US" dirty="0"/>
          </a:p>
          <a:p>
            <a:r>
              <a:rPr lang="en-US" b="1" u="sng" dirty="0" smtClean="0"/>
              <a:t>Jan 21 Update</a:t>
            </a:r>
          </a:p>
          <a:p>
            <a:pPr marL="164621" indent="-164621">
              <a:buFont typeface="Arial" panose="020B0604020202020204" pitchFamily="34" charset="0"/>
              <a:buChar char="•"/>
            </a:pPr>
            <a:r>
              <a:rPr lang="en-US" dirty="0"/>
              <a:t>USFWS sent Reclamation a determination implementing Action 2 under the 2008 FWS </a:t>
            </a:r>
            <a:r>
              <a:rPr lang="en-US" dirty="0" err="1"/>
              <a:t>BiOp</a:t>
            </a:r>
            <a:r>
              <a:rPr lang="en-US" dirty="0"/>
              <a:t> and calling for a reduction in OMR to no more negative than -2,500 cfs beginning tomorrow.  </a:t>
            </a:r>
          </a:p>
          <a:p>
            <a:pPr marL="164621" indent="-164621">
              <a:buFont typeface="Arial" panose="020B0604020202020204" pitchFamily="34" charset="0"/>
              <a:buChar char="•"/>
            </a:pPr>
            <a:r>
              <a:rPr lang="en-US" dirty="0"/>
              <a:t>OMR as of yesterday was estimated at ~-2,400 cfs so, with increasing San Joaquin River inflows expected to continue through the weekend, the new OMR target may not need to translate into a reduction in current pumping levels.  </a:t>
            </a:r>
            <a:endParaRPr lang="en-US" dirty="0" smtClean="0"/>
          </a:p>
          <a:p>
            <a:pPr marL="164621" indent="-164621">
              <a:buFont typeface="Arial" panose="020B0604020202020204" pitchFamily="34" charset="0"/>
              <a:buChar char="•"/>
            </a:pPr>
            <a:r>
              <a:rPr lang="en-US" dirty="0"/>
              <a:t>Subsequent to the FWS determination there was a salvage event at the pumps resulting in the capture of 1 Delta smelt in a 30 minute period, so the expanded value is 4.  </a:t>
            </a:r>
          </a:p>
          <a:p>
            <a:pPr marL="164621" indent="-164621">
              <a:buFont typeface="Arial" panose="020B0604020202020204" pitchFamily="34" charset="0"/>
              <a:buChar char="•"/>
            </a:pPr>
            <a:r>
              <a:rPr lang="en-US" dirty="0"/>
              <a:t>Absent a spike in salvage, current operations should be maintained until early next week, when conditions can be reassessed.</a:t>
            </a:r>
          </a:p>
          <a:p>
            <a:pPr marL="164621" indent="-164621">
              <a:buFont typeface="Arial" panose="020B0604020202020204" pitchFamily="34" charset="0"/>
              <a:buChar char="•"/>
            </a:pPr>
            <a:endParaRPr lang="en-US" dirty="0"/>
          </a:p>
          <a:p>
            <a:r>
              <a:rPr lang="en-US" b="1" u="sng" dirty="0"/>
              <a:t>Jan 25 Update</a:t>
            </a:r>
          </a:p>
          <a:p>
            <a:pPr marL="164621" indent="-164621">
              <a:buFont typeface="Arial" panose="020B0604020202020204" pitchFamily="34" charset="0"/>
              <a:buChar char="•"/>
            </a:pPr>
            <a:endParaRPr lang="en-US" sz="2900"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163982" indent="-163982">
              <a:lnSpc>
                <a:spcPct val="90000"/>
              </a:lnSpc>
              <a:buFont typeface="Arial" panose="020B0604020202020204" pitchFamily="34" charset="0"/>
              <a:buChar char="•"/>
            </a:pPr>
            <a:r>
              <a:rPr lang="en-US" sz="1000" dirty="0">
                <a:ln w="3175">
                  <a:noFill/>
                </a:ln>
              </a:rPr>
              <a:t>Based on impacts to both SWP and CVP over the 9 year implementation of the biological opinions</a:t>
            </a:r>
          </a:p>
          <a:p>
            <a:pPr marL="163982" indent="-163982">
              <a:lnSpc>
                <a:spcPct val="90000"/>
              </a:lnSpc>
              <a:buFont typeface="Arial" panose="020B0604020202020204" pitchFamily="34" charset="0"/>
              <a:buChar char="•"/>
            </a:pPr>
            <a:r>
              <a:rPr lang="en-US" sz="1000" dirty="0">
                <a:ln w="3175">
                  <a:noFill/>
                </a:ln>
              </a:rPr>
              <a:t>2016 data </a:t>
            </a:r>
          </a:p>
          <a:p>
            <a:pPr marL="601328" lvl="1" indent="-163982">
              <a:lnSpc>
                <a:spcPct val="90000"/>
              </a:lnSpc>
              <a:buFont typeface="Arial" panose="020B0604020202020204" pitchFamily="34" charset="0"/>
              <a:buChar char="•"/>
            </a:pPr>
            <a:r>
              <a:rPr lang="en-US" sz="1000" dirty="0">
                <a:ln w="3175">
                  <a:noFill/>
                </a:ln>
              </a:rPr>
              <a:t>Thru March 3  – 503,000 AF</a:t>
            </a:r>
          </a:p>
          <a:p>
            <a:pPr marL="601328" lvl="1" indent="-163982">
              <a:lnSpc>
                <a:spcPct val="90000"/>
              </a:lnSpc>
              <a:buFont typeface="Arial" panose="020B0604020202020204" pitchFamily="34" charset="0"/>
              <a:buChar char="•"/>
            </a:pPr>
            <a:r>
              <a:rPr lang="en-US" sz="1000" dirty="0">
                <a:ln w="3175">
                  <a:noFill/>
                </a:ln>
              </a:rPr>
              <a:t>Thru March 17 – 560,000 AF</a:t>
            </a:r>
          </a:p>
          <a:p>
            <a:pPr marL="163982" indent="-163982">
              <a:lnSpc>
                <a:spcPct val="90000"/>
              </a:lnSpc>
              <a:buFont typeface="Arial" panose="020B0604020202020204" pitchFamily="34" charset="0"/>
              <a:buChar char="•"/>
            </a:pPr>
            <a:r>
              <a:rPr lang="en-US" sz="1000" dirty="0">
                <a:ln w="3175">
                  <a:noFill/>
                </a:ln>
              </a:rPr>
              <a:t>9 years of regulations under current BioOps</a:t>
            </a:r>
          </a:p>
          <a:p>
            <a:pPr marL="163982" indent="-163982">
              <a:lnSpc>
                <a:spcPct val="90000"/>
              </a:lnSpc>
              <a:buFont typeface="Arial" panose="020B0604020202020204" pitchFamily="34" charset="0"/>
              <a:buChar char="•"/>
            </a:pPr>
            <a:r>
              <a:rPr lang="en-US" sz="1000" dirty="0">
                <a:ln w="3175">
                  <a:noFill/>
                </a:ln>
              </a:rPr>
              <a:t>5.2 million acre-feet total or 580,000 AF/year </a:t>
            </a:r>
          </a:p>
          <a:p>
            <a:pPr marL="163982" indent="-163982">
              <a:lnSpc>
                <a:spcPct val="90000"/>
              </a:lnSpc>
              <a:buFont typeface="Arial" panose="020B0604020202020204" pitchFamily="34" charset="0"/>
              <a:buChar char="•"/>
            </a:pPr>
            <a:r>
              <a:rPr lang="en-US" sz="1000" dirty="0">
                <a:ln w="3175">
                  <a:noFill/>
                </a:ln>
              </a:rPr>
              <a:t>Replacement supply:</a:t>
            </a:r>
          </a:p>
          <a:p>
            <a:pPr marL="583965" lvl="1" indent="-163982">
              <a:lnSpc>
                <a:spcPct val="90000"/>
              </a:lnSpc>
              <a:buFont typeface="Arial" panose="020B0604020202020204" pitchFamily="34" charset="0"/>
              <a:buChar char="•"/>
            </a:pPr>
            <a:r>
              <a:rPr lang="en-US" sz="1000" dirty="0">
                <a:ln w="3175">
                  <a:noFill/>
                </a:ln>
              </a:rPr>
              <a:t>580,000 AF/year average losses or enough for 4.6 million residents /year or 1.1 million homes/year</a:t>
            </a:r>
          </a:p>
          <a:p>
            <a:pPr marL="583965" lvl="1" indent="-163982">
              <a:lnSpc>
                <a:spcPct val="90000"/>
              </a:lnSpc>
              <a:buFont typeface="Arial" panose="020B0604020202020204" pitchFamily="34" charset="0"/>
              <a:buChar char="•"/>
            </a:pPr>
            <a:r>
              <a:rPr lang="en-US" sz="1000" dirty="0">
                <a:ln w="3175">
                  <a:noFill/>
                </a:ln>
              </a:rPr>
              <a:t>12 desalination plants (at 50,000 AF/yr.)</a:t>
            </a:r>
          </a:p>
          <a:p>
            <a:pPr marL="583965" lvl="1" indent="-163982">
              <a:lnSpc>
                <a:spcPct val="90000"/>
              </a:lnSpc>
              <a:buFont typeface="Arial" panose="020B0604020202020204" pitchFamily="34" charset="0"/>
              <a:buChar char="•"/>
            </a:pPr>
            <a:r>
              <a:rPr lang="en-US" sz="1000" dirty="0">
                <a:ln w="3175">
                  <a:noFill/>
                </a:ln>
              </a:rPr>
              <a:t>Enough water to produce crops on 145,000 acres (4 acre-ft per acre)</a:t>
            </a:r>
          </a:p>
          <a:p>
            <a:pPr algn="l">
              <a:lnSpc>
                <a:spcPct val="90000"/>
              </a:lnSpc>
            </a:pPr>
            <a:r>
              <a:rPr lang="en-US" sz="1000" b="1" u="sng" dirty="0">
                <a:ln w="3175">
                  <a:noFill/>
                </a:ln>
              </a:rPr>
              <a:t>In 2013</a:t>
            </a:r>
          </a:p>
          <a:p>
            <a:pPr marL="164004" indent="-164004">
              <a:lnSpc>
                <a:spcPct val="90000"/>
              </a:lnSpc>
              <a:buFont typeface="Arial" panose="020B0604020202020204" pitchFamily="34" charset="0"/>
              <a:buChar char="•"/>
            </a:pPr>
            <a:r>
              <a:rPr lang="en-US" sz="1000" dirty="0">
                <a:ln w="3175">
                  <a:noFill/>
                </a:ln>
              </a:rPr>
              <a:t>“Last years 800,000 acre-feet of water went to waste based on the science of four buckets of minnows … enough water to produce crops on 200,000 acres or 10 million tons of tomatoes; 200 million boxes of lettuce; 20 million tons of grapes.”   </a:t>
            </a:r>
            <a:br>
              <a:rPr lang="en-US" sz="1000" dirty="0">
                <a:ln w="3175">
                  <a:noFill/>
                </a:ln>
              </a:rPr>
            </a:br>
            <a:r>
              <a:rPr lang="en-US" sz="1000" dirty="0">
                <a:ln w="3175">
                  <a:noFill/>
                </a:ln>
              </a:rPr>
              <a:t>-- Harry Cline, Western Farm Press, Feb 2013</a:t>
            </a:r>
          </a:p>
          <a:p>
            <a:pPr algn="l">
              <a:lnSpc>
                <a:spcPct val="90000"/>
              </a:lnSpc>
            </a:pPr>
            <a:endParaRPr lang="en-US" sz="1000" b="1" i="1" spc="-137" dirty="0">
              <a:ln w="3175">
                <a:noFill/>
              </a:ln>
              <a:effectLst>
                <a:outerShdw blurRad="38100" dist="38100" dir="2700000" algn="tl">
                  <a:srgbClr val="000000">
                    <a:alpha val="43137"/>
                  </a:srgbClr>
                </a:outerShdw>
              </a:effectLst>
            </a:endParaRPr>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32</a:t>
            </a:fld>
            <a:endParaRPr lang="en-US" dirty="0">
              <a:solidFill>
                <a:prstClr val="black"/>
              </a:solidFill>
            </a:endParaRPr>
          </a:p>
        </p:txBody>
      </p:sp>
    </p:spTree>
    <p:extLst>
      <p:ext uri="{BB962C8B-B14F-4D97-AF65-F5344CB8AC3E}">
        <p14:creationId xmlns:p14="http://schemas.microsoft.com/office/powerpoint/2010/main" val="221706751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225800" y="795338"/>
            <a:ext cx="2784475" cy="2087562"/>
          </a:xfrm>
        </p:spPr>
      </p:sp>
      <p:sp>
        <p:nvSpPr>
          <p:cNvPr id="3" name="Notes Placeholder 2"/>
          <p:cNvSpPr>
            <a:spLocks noGrp="1"/>
          </p:cNvSpPr>
          <p:nvPr>
            <p:ph type="body" idx="1"/>
          </p:nvPr>
        </p:nvSpPr>
        <p:spPr>
          <a:xfrm>
            <a:off x="923609" y="2909873"/>
            <a:ext cx="7388860" cy="3154680"/>
          </a:xfrm>
        </p:spPr>
        <p:txBody>
          <a:bodyPr/>
          <a:lstStyle/>
          <a:p>
            <a:pPr>
              <a:lnSpc>
                <a:spcPct val="85000"/>
              </a:lnSpc>
            </a:pPr>
            <a:r>
              <a:rPr lang="en-US" sz="1000" b="1" dirty="0"/>
              <a:t>General Background</a:t>
            </a:r>
          </a:p>
          <a:p>
            <a:pPr>
              <a:lnSpc>
                <a:spcPct val="85000"/>
              </a:lnSpc>
            </a:pPr>
            <a:r>
              <a:rPr lang="en-US" sz="1000" dirty="0"/>
              <a:t>The CSAMP was launched following a decision by the United States District Court for the Eastern </a:t>
            </a:r>
          </a:p>
          <a:p>
            <a:pPr>
              <a:lnSpc>
                <a:spcPct val="85000"/>
              </a:lnSpc>
            </a:pPr>
            <a:r>
              <a:rPr lang="en-US" sz="1000" dirty="0"/>
              <a:t>District of California on April 9, 2013 entitled “Memorandum Decision and Order regarding </a:t>
            </a:r>
          </a:p>
          <a:p>
            <a:pPr>
              <a:lnSpc>
                <a:spcPct val="85000"/>
              </a:lnSpc>
            </a:pPr>
            <a:r>
              <a:rPr lang="en-US" sz="1000" dirty="0"/>
              <a:t>Motion to Extend Remand Schedule” (“Court Order”), issued in response to a motion to extend </a:t>
            </a:r>
          </a:p>
          <a:p>
            <a:pPr>
              <a:lnSpc>
                <a:spcPct val="85000"/>
              </a:lnSpc>
            </a:pPr>
            <a:r>
              <a:rPr lang="en-US" sz="1000" dirty="0"/>
              <a:t>the court3ordered remand schedule for completing revisions to salmon (NMFS 2009) and Delta </a:t>
            </a:r>
          </a:p>
          <a:p>
            <a:pPr>
              <a:lnSpc>
                <a:spcPct val="85000"/>
              </a:lnSpc>
            </a:pPr>
            <a:r>
              <a:rPr lang="en-US" sz="1000" dirty="0"/>
              <a:t>Smelt (FWS 2008) Biological Opinions (“BiOps”).  </a:t>
            </a:r>
          </a:p>
          <a:p>
            <a:pPr>
              <a:lnSpc>
                <a:spcPct val="85000"/>
              </a:lnSpc>
            </a:pPr>
            <a:endParaRPr lang="en-US" sz="1000" dirty="0"/>
          </a:p>
          <a:p>
            <a:pPr>
              <a:lnSpc>
                <a:spcPct val="85000"/>
              </a:lnSpc>
            </a:pPr>
            <a:r>
              <a:rPr lang="en-US" sz="1000" b="1" dirty="0"/>
              <a:t>CSAMP Policy Group</a:t>
            </a:r>
          </a:p>
          <a:p>
            <a:pPr>
              <a:lnSpc>
                <a:spcPct val="85000"/>
              </a:lnSpc>
            </a:pPr>
            <a:r>
              <a:rPr lang="en-US" sz="1000" dirty="0"/>
              <a:t>Jim Beck…….……………………………………….…………... Kern County Water Agency </a:t>
            </a:r>
          </a:p>
          <a:p>
            <a:pPr>
              <a:lnSpc>
                <a:spcPct val="85000"/>
              </a:lnSpc>
            </a:pPr>
            <a:r>
              <a:rPr lang="en-US" sz="1000" dirty="0"/>
              <a:t>Thomas Birmingham……………………………………….. Westlands Water District </a:t>
            </a:r>
          </a:p>
          <a:p>
            <a:pPr>
              <a:lnSpc>
                <a:spcPct val="85000"/>
              </a:lnSpc>
            </a:pPr>
            <a:r>
              <a:rPr lang="en-US" sz="1000" dirty="0"/>
              <a:t>Charlton “Chuck” Bonham….……………………….….. CA Department of Fish and Wildlife </a:t>
            </a:r>
          </a:p>
          <a:p>
            <a:pPr>
              <a:lnSpc>
                <a:spcPct val="85000"/>
              </a:lnSpc>
            </a:pPr>
            <a:r>
              <a:rPr lang="en-US" sz="1000" dirty="0"/>
              <a:t>Mark Cowin………………….………………………………….  CA Department of Water Resources </a:t>
            </a:r>
          </a:p>
          <a:p>
            <a:pPr>
              <a:lnSpc>
                <a:spcPct val="85000"/>
              </a:lnSpc>
            </a:pPr>
            <a:r>
              <a:rPr lang="en-US" sz="1000" dirty="0"/>
              <a:t>Zeke Grader…………………………………………………….. Golden Gate Salmon Association </a:t>
            </a:r>
          </a:p>
          <a:p>
            <a:pPr>
              <a:lnSpc>
                <a:spcPct val="85000"/>
              </a:lnSpc>
            </a:pPr>
            <a:r>
              <a:rPr lang="en-US" sz="1000" dirty="0"/>
              <a:t>Ren Lohoefener……………………………………………….  U.S. Fish and Wildlife Service </a:t>
            </a:r>
          </a:p>
          <a:p>
            <a:pPr>
              <a:lnSpc>
                <a:spcPct val="85000"/>
              </a:lnSpc>
            </a:pPr>
            <a:r>
              <a:rPr lang="en-US" sz="1000" dirty="0"/>
              <a:t>Jeff Kightlinger..………………………………………………. Metropolitan Water District of Southern California </a:t>
            </a:r>
          </a:p>
          <a:p>
            <a:pPr>
              <a:lnSpc>
                <a:spcPct val="85000"/>
              </a:lnSpc>
            </a:pPr>
            <a:r>
              <a:rPr lang="en-US" sz="1000" dirty="0"/>
              <a:t>David Murillo…………………………………………………… U.S. Bureau of Reclamation </a:t>
            </a:r>
          </a:p>
          <a:p>
            <a:pPr>
              <a:lnSpc>
                <a:spcPct val="85000"/>
              </a:lnSpc>
            </a:pPr>
            <a:r>
              <a:rPr lang="en-US" sz="1000" dirty="0"/>
              <a:t>Bill Phillimore…………………………………………………..  Coalition for a Sustainable Delta </a:t>
            </a:r>
          </a:p>
          <a:p>
            <a:pPr>
              <a:lnSpc>
                <a:spcPct val="85000"/>
              </a:lnSpc>
            </a:pPr>
            <a:r>
              <a:rPr lang="en-US" sz="1000" dirty="0"/>
              <a:t>Dick Pool…………...……………………………………………. Water4Fish </a:t>
            </a:r>
          </a:p>
          <a:p>
            <a:pPr>
              <a:lnSpc>
                <a:spcPct val="85000"/>
              </a:lnSpc>
            </a:pPr>
            <a:r>
              <a:rPr lang="en-US" sz="1000" dirty="0"/>
              <a:t>Kate Poole……….................................................... Natural Resources Defense Council </a:t>
            </a:r>
          </a:p>
          <a:p>
            <a:pPr>
              <a:lnSpc>
                <a:spcPct val="85000"/>
              </a:lnSpc>
            </a:pPr>
            <a:r>
              <a:rPr lang="en-US" sz="1000" dirty="0"/>
              <a:t>William Stelle....................................................... National Marine Fisheries Service </a:t>
            </a:r>
          </a:p>
          <a:p>
            <a:pPr>
              <a:lnSpc>
                <a:spcPct val="85000"/>
              </a:lnSpc>
            </a:pPr>
            <a:r>
              <a:rPr lang="en-US" sz="1000" dirty="0"/>
              <a:t>Jay Ziegler…..…………............................................. The Nature Conservancy  </a:t>
            </a:r>
          </a:p>
          <a:p>
            <a:pPr>
              <a:lnSpc>
                <a:spcPct val="85000"/>
              </a:lnSpc>
            </a:pPr>
            <a:endParaRPr lang="en-US" sz="1000" b="1" dirty="0"/>
          </a:p>
          <a:p>
            <a:pPr>
              <a:lnSpc>
                <a:spcPct val="85000"/>
              </a:lnSpc>
            </a:pPr>
            <a:r>
              <a:rPr lang="en-US" sz="1000" b="1" dirty="0"/>
              <a:t>Collaborative Adaptive Management Team (CAMT)</a:t>
            </a:r>
          </a:p>
          <a:p>
            <a:pPr>
              <a:lnSpc>
                <a:spcPct val="85000"/>
              </a:lnSpc>
            </a:pPr>
            <a:r>
              <a:rPr lang="en-US" sz="1000" dirty="0"/>
              <a:t>Gary Bobker…………………………………………………....  The Bay Institute </a:t>
            </a:r>
          </a:p>
          <a:p>
            <a:pPr>
              <a:lnSpc>
                <a:spcPct val="85000"/>
              </a:lnSpc>
            </a:pPr>
            <a:r>
              <a:rPr lang="en-US" sz="1000" dirty="0"/>
              <a:t>Frances Brewster…………………………………………….. Santa Clara Valley Water District </a:t>
            </a:r>
          </a:p>
          <a:p>
            <a:pPr>
              <a:lnSpc>
                <a:spcPct val="85000"/>
              </a:lnSpc>
            </a:pPr>
            <a:r>
              <a:rPr lang="en-US" sz="1000" dirty="0"/>
              <a:t>Mike Chotkowski……………………………………………..  U.S. Fish and Wildlife Service </a:t>
            </a:r>
          </a:p>
          <a:p>
            <a:pPr>
              <a:lnSpc>
                <a:spcPct val="85000"/>
              </a:lnSpc>
            </a:pPr>
            <a:r>
              <a:rPr lang="en-US" sz="1000" dirty="0"/>
              <a:t>Valerie Connor, Co-Chair………………………………….  State and Federal Contractors Water Agency </a:t>
            </a:r>
          </a:p>
          <a:p>
            <a:pPr>
              <a:lnSpc>
                <a:spcPct val="85000"/>
              </a:lnSpc>
            </a:pPr>
            <a:r>
              <a:rPr lang="en-US" sz="1000" dirty="0"/>
              <a:t>Sue Fry…………………………………………………………….. U.S. Bureau of Reclamation </a:t>
            </a:r>
          </a:p>
          <a:p>
            <a:pPr>
              <a:lnSpc>
                <a:spcPct val="85000"/>
              </a:lnSpc>
            </a:pPr>
            <a:r>
              <a:rPr lang="en-US" sz="1000" dirty="0"/>
              <a:t>Lauren Hastings……………………………………………….  Delta Science Program </a:t>
            </a:r>
          </a:p>
          <a:p>
            <a:pPr>
              <a:lnSpc>
                <a:spcPct val="85000"/>
              </a:lnSpc>
            </a:pPr>
            <a:r>
              <a:rPr lang="en-US" sz="1000" dirty="0"/>
              <a:t>Steve Lindley……………………………………………………  National Marine Fisheries Service </a:t>
            </a:r>
          </a:p>
          <a:p>
            <a:pPr>
              <a:lnSpc>
                <a:spcPct val="85000"/>
              </a:lnSpc>
            </a:pPr>
            <a:r>
              <a:rPr lang="en-US" sz="1000" dirty="0"/>
              <a:t>Laura King Moon.................................................. CA Department of Water Resources </a:t>
            </a:r>
          </a:p>
          <a:p>
            <a:pPr>
              <a:lnSpc>
                <a:spcPct val="85000"/>
              </a:lnSpc>
            </a:pPr>
            <a:r>
              <a:rPr lang="en-US" sz="1000" dirty="0"/>
              <a:t>Anke Mueller-Solger............................................ Interagency Ecological Program </a:t>
            </a:r>
          </a:p>
          <a:p>
            <a:pPr>
              <a:lnSpc>
                <a:spcPct val="85000"/>
              </a:lnSpc>
            </a:pPr>
            <a:r>
              <a:rPr lang="en-US" sz="1000" dirty="0"/>
              <a:t>Maria Rea............................................................. National Marine Fisheries Service </a:t>
            </a:r>
          </a:p>
          <a:p>
            <a:pPr>
              <a:lnSpc>
                <a:spcPct val="85000"/>
              </a:lnSpc>
            </a:pPr>
            <a:r>
              <a:rPr lang="en-US" sz="1000" dirty="0"/>
              <a:t>Carl Wilcox........................................................... CA Department of Fish and Wildlife </a:t>
            </a:r>
          </a:p>
          <a:p>
            <a:pPr>
              <a:lnSpc>
                <a:spcPct val="85000"/>
              </a:lnSpc>
            </a:pPr>
            <a:r>
              <a:rPr lang="en-US" sz="1000" dirty="0"/>
              <a:t>Leo Winternitz, Co-Chair...................................... The Nature Conservancy </a:t>
            </a:r>
          </a:p>
        </p:txBody>
      </p:sp>
      <p:sp>
        <p:nvSpPr>
          <p:cNvPr id="4" name="Slide Number Placeholder 3"/>
          <p:cNvSpPr>
            <a:spLocks noGrp="1"/>
          </p:cNvSpPr>
          <p:nvPr>
            <p:ph type="sldNum" sz="quarter" idx="10"/>
          </p:nvPr>
        </p:nvSpPr>
        <p:spPr/>
        <p:txBody>
          <a:bodyPr/>
          <a:lstStyle/>
          <a:p>
            <a:fld id="{33F57FB7-A35F-4B35-BCE0-EA635445EA90}" type="slidenum">
              <a:rPr lang="en-US" smtClean="0">
                <a:solidFill>
                  <a:prstClr val="black"/>
                </a:solidFill>
              </a:rPr>
              <a:pPr/>
              <a:t>33</a:t>
            </a:fld>
            <a:endParaRPr lang="en-US" dirty="0">
              <a:solidFill>
                <a:prstClr val="black"/>
              </a:solidFill>
            </a:endParaRPr>
          </a:p>
        </p:txBody>
      </p:sp>
    </p:spTree>
    <p:extLst>
      <p:ext uri="{BB962C8B-B14F-4D97-AF65-F5344CB8AC3E}">
        <p14:creationId xmlns:p14="http://schemas.microsoft.com/office/powerpoint/2010/main" val="186028009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03550" y="388938"/>
            <a:ext cx="3228975" cy="2420937"/>
          </a:xfrm>
        </p:spPr>
      </p:sp>
      <p:sp>
        <p:nvSpPr>
          <p:cNvPr id="4" name="Slide Number Placeholder 3"/>
          <p:cNvSpPr>
            <a:spLocks noGrp="1"/>
          </p:cNvSpPr>
          <p:nvPr>
            <p:ph type="sldNum" sz="quarter" idx="10"/>
          </p:nvPr>
        </p:nvSpPr>
        <p:spPr/>
        <p:txBody>
          <a:bodyPr/>
          <a:lstStyle/>
          <a:p>
            <a:fld id="{33F57FB7-A35F-4B35-BCE0-EA635445EA90}" type="slidenum">
              <a:rPr lang="en-US" smtClean="0">
                <a:solidFill>
                  <a:prstClr val="black"/>
                </a:solidFill>
              </a:rPr>
              <a:pPr/>
              <a:t>34</a:t>
            </a:fld>
            <a:endParaRPr lang="en-US" dirty="0">
              <a:solidFill>
                <a:prstClr val="black"/>
              </a:solidFill>
            </a:endParaRPr>
          </a:p>
        </p:txBody>
      </p:sp>
      <p:sp>
        <p:nvSpPr>
          <p:cNvPr id="6" name="Notes Placeholder 2"/>
          <p:cNvSpPr>
            <a:spLocks noGrp="1"/>
          </p:cNvSpPr>
          <p:nvPr>
            <p:ph type="body" idx="3"/>
          </p:nvPr>
        </p:nvSpPr>
        <p:spPr>
          <a:xfrm>
            <a:off x="923609" y="2909873"/>
            <a:ext cx="7388860" cy="3154680"/>
          </a:xfrm>
        </p:spPr>
        <p:txBody>
          <a:bodyPr/>
          <a:lstStyle/>
          <a:p>
            <a:pPr>
              <a:lnSpc>
                <a:spcPct val="85000"/>
              </a:lnSpc>
            </a:pPr>
            <a:r>
              <a:rPr lang="en-US" sz="1000" b="1" dirty="0"/>
              <a:t>General Background</a:t>
            </a:r>
          </a:p>
          <a:p>
            <a:pPr>
              <a:lnSpc>
                <a:spcPct val="85000"/>
              </a:lnSpc>
            </a:pPr>
            <a:r>
              <a:rPr lang="en-US" sz="1000" dirty="0"/>
              <a:t>The CSAMP was launched following a decision by the United States District Court for the Eastern </a:t>
            </a:r>
          </a:p>
          <a:p>
            <a:pPr>
              <a:lnSpc>
                <a:spcPct val="85000"/>
              </a:lnSpc>
            </a:pPr>
            <a:r>
              <a:rPr lang="en-US" sz="1000" dirty="0"/>
              <a:t>District of California on April 9, 2013 entitled “Memorandum Decision and Order regarding </a:t>
            </a:r>
          </a:p>
          <a:p>
            <a:pPr>
              <a:lnSpc>
                <a:spcPct val="85000"/>
              </a:lnSpc>
            </a:pPr>
            <a:r>
              <a:rPr lang="en-US" sz="1000" dirty="0"/>
              <a:t>Motion to Extend Remand Schedule” (“Court Order”), issued in response to a motion to extend </a:t>
            </a:r>
          </a:p>
          <a:p>
            <a:pPr>
              <a:lnSpc>
                <a:spcPct val="85000"/>
              </a:lnSpc>
            </a:pPr>
            <a:r>
              <a:rPr lang="en-US" sz="1000" dirty="0"/>
              <a:t>the court3ordered remand schedule for completing revisions to salmon (NMFS 2009) and Delta </a:t>
            </a:r>
          </a:p>
          <a:p>
            <a:pPr>
              <a:lnSpc>
                <a:spcPct val="85000"/>
              </a:lnSpc>
            </a:pPr>
            <a:r>
              <a:rPr lang="en-US" sz="1000" dirty="0"/>
              <a:t>Smelt (FWS 2008) Biological Opinions (“BiOps”).  </a:t>
            </a:r>
          </a:p>
          <a:p>
            <a:pPr>
              <a:lnSpc>
                <a:spcPct val="85000"/>
              </a:lnSpc>
            </a:pPr>
            <a:endParaRPr lang="en-US" sz="1000" dirty="0"/>
          </a:p>
          <a:p>
            <a:pPr>
              <a:lnSpc>
                <a:spcPct val="85000"/>
              </a:lnSpc>
            </a:pPr>
            <a:r>
              <a:rPr lang="en-US" sz="1000" b="1" dirty="0"/>
              <a:t>CSAMP Policy Group</a:t>
            </a:r>
          </a:p>
          <a:p>
            <a:pPr>
              <a:lnSpc>
                <a:spcPct val="85000"/>
              </a:lnSpc>
            </a:pPr>
            <a:r>
              <a:rPr lang="en-US" sz="1000" dirty="0"/>
              <a:t>Jim Beck…….……………………………………….…………... Kern County Water Agency </a:t>
            </a:r>
          </a:p>
          <a:p>
            <a:pPr>
              <a:lnSpc>
                <a:spcPct val="85000"/>
              </a:lnSpc>
            </a:pPr>
            <a:r>
              <a:rPr lang="en-US" sz="1000" dirty="0"/>
              <a:t>Thomas Birmingham……………………………………….. Westlands Water District </a:t>
            </a:r>
          </a:p>
          <a:p>
            <a:pPr>
              <a:lnSpc>
                <a:spcPct val="85000"/>
              </a:lnSpc>
            </a:pPr>
            <a:r>
              <a:rPr lang="en-US" sz="1000" dirty="0"/>
              <a:t>Charlton “Chuck” Bonham….……………………….….. CA Department of Fish and Wildlife </a:t>
            </a:r>
          </a:p>
          <a:p>
            <a:pPr>
              <a:lnSpc>
                <a:spcPct val="85000"/>
              </a:lnSpc>
            </a:pPr>
            <a:r>
              <a:rPr lang="en-US" sz="1000" dirty="0"/>
              <a:t>Mark Cowin………………….………………………………….  CA Department of Water Resources </a:t>
            </a:r>
          </a:p>
          <a:p>
            <a:pPr>
              <a:lnSpc>
                <a:spcPct val="85000"/>
              </a:lnSpc>
            </a:pPr>
            <a:r>
              <a:rPr lang="en-US" sz="1000" dirty="0"/>
              <a:t>Zeke Grader…………………………………………………….. Golden Gate Salmon Association </a:t>
            </a:r>
          </a:p>
          <a:p>
            <a:pPr>
              <a:lnSpc>
                <a:spcPct val="85000"/>
              </a:lnSpc>
            </a:pPr>
            <a:r>
              <a:rPr lang="en-US" sz="1000" dirty="0"/>
              <a:t>Ren Lohoefener……………………………………………….  U.S. Fish and Wildlife Service </a:t>
            </a:r>
          </a:p>
          <a:p>
            <a:pPr>
              <a:lnSpc>
                <a:spcPct val="85000"/>
              </a:lnSpc>
            </a:pPr>
            <a:r>
              <a:rPr lang="en-US" sz="1000" dirty="0"/>
              <a:t>Jeff Kightlinger..………………………………………………. Metropolitan Water District of Southern California </a:t>
            </a:r>
          </a:p>
          <a:p>
            <a:pPr>
              <a:lnSpc>
                <a:spcPct val="85000"/>
              </a:lnSpc>
            </a:pPr>
            <a:r>
              <a:rPr lang="en-US" sz="1000" dirty="0"/>
              <a:t>David Murillo…………………………………………………… U.S. Bureau of Reclamation </a:t>
            </a:r>
          </a:p>
          <a:p>
            <a:pPr>
              <a:lnSpc>
                <a:spcPct val="85000"/>
              </a:lnSpc>
            </a:pPr>
            <a:r>
              <a:rPr lang="en-US" sz="1000" dirty="0"/>
              <a:t>Bill Phillimore…………………………………………………..  Coalition for a Sustainable Delta </a:t>
            </a:r>
          </a:p>
          <a:p>
            <a:pPr>
              <a:lnSpc>
                <a:spcPct val="85000"/>
              </a:lnSpc>
            </a:pPr>
            <a:r>
              <a:rPr lang="en-US" sz="1000" dirty="0"/>
              <a:t>Dick Pool…………...……………………………………………. Water4Fish </a:t>
            </a:r>
          </a:p>
          <a:p>
            <a:pPr>
              <a:lnSpc>
                <a:spcPct val="85000"/>
              </a:lnSpc>
            </a:pPr>
            <a:r>
              <a:rPr lang="en-US" sz="1000" dirty="0"/>
              <a:t>Kate Poole……….................................................... Natural Resources Defense Council </a:t>
            </a:r>
          </a:p>
          <a:p>
            <a:pPr>
              <a:lnSpc>
                <a:spcPct val="85000"/>
              </a:lnSpc>
            </a:pPr>
            <a:r>
              <a:rPr lang="en-US" sz="1000" dirty="0"/>
              <a:t>William Stelle....................................................... National Marine Fisheries Service </a:t>
            </a:r>
          </a:p>
          <a:p>
            <a:pPr>
              <a:lnSpc>
                <a:spcPct val="85000"/>
              </a:lnSpc>
            </a:pPr>
            <a:r>
              <a:rPr lang="en-US" sz="1000" dirty="0"/>
              <a:t>Jay Ziegler…..…………............................................. The Nature Conservancy  </a:t>
            </a:r>
          </a:p>
          <a:p>
            <a:pPr>
              <a:lnSpc>
                <a:spcPct val="85000"/>
              </a:lnSpc>
            </a:pPr>
            <a:endParaRPr lang="en-US" sz="1000" b="1" dirty="0"/>
          </a:p>
          <a:p>
            <a:pPr>
              <a:lnSpc>
                <a:spcPct val="85000"/>
              </a:lnSpc>
            </a:pPr>
            <a:r>
              <a:rPr lang="en-US" sz="1000" b="1" dirty="0"/>
              <a:t>Collaborative Adaptive Management Team (CAMT)</a:t>
            </a:r>
          </a:p>
          <a:p>
            <a:pPr>
              <a:lnSpc>
                <a:spcPct val="85000"/>
              </a:lnSpc>
            </a:pPr>
            <a:r>
              <a:rPr lang="en-US" sz="1000" dirty="0"/>
              <a:t>Gary Bobker…………………………………………………....  The Bay Institute </a:t>
            </a:r>
          </a:p>
          <a:p>
            <a:pPr>
              <a:lnSpc>
                <a:spcPct val="85000"/>
              </a:lnSpc>
            </a:pPr>
            <a:r>
              <a:rPr lang="en-US" sz="1000" dirty="0"/>
              <a:t>Frances Brewster…………………………………………….. Santa Clara Valley Water District </a:t>
            </a:r>
          </a:p>
          <a:p>
            <a:pPr>
              <a:lnSpc>
                <a:spcPct val="85000"/>
              </a:lnSpc>
            </a:pPr>
            <a:r>
              <a:rPr lang="en-US" sz="1000" dirty="0"/>
              <a:t>Mike Chotkowski……………………………………………..  U.S. Fish and Wildlife Service </a:t>
            </a:r>
          </a:p>
          <a:p>
            <a:pPr>
              <a:lnSpc>
                <a:spcPct val="85000"/>
              </a:lnSpc>
            </a:pPr>
            <a:r>
              <a:rPr lang="en-US" sz="1000" dirty="0"/>
              <a:t>Valerie Connor, Co-Chair………………………………….  State and Federal Contractors Water Agency </a:t>
            </a:r>
          </a:p>
          <a:p>
            <a:pPr>
              <a:lnSpc>
                <a:spcPct val="85000"/>
              </a:lnSpc>
            </a:pPr>
            <a:r>
              <a:rPr lang="en-US" sz="1000" dirty="0"/>
              <a:t>Sue Fry…………………………………………………………….. U.S. Bureau of Reclamation </a:t>
            </a:r>
          </a:p>
          <a:p>
            <a:pPr>
              <a:lnSpc>
                <a:spcPct val="85000"/>
              </a:lnSpc>
            </a:pPr>
            <a:r>
              <a:rPr lang="en-US" sz="1000" dirty="0"/>
              <a:t>Lauren Hastings……………………………………………….  Delta Science Program </a:t>
            </a:r>
          </a:p>
          <a:p>
            <a:pPr>
              <a:lnSpc>
                <a:spcPct val="85000"/>
              </a:lnSpc>
            </a:pPr>
            <a:r>
              <a:rPr lang="en-US" sz="1000" dirty="0"/>
              <a:t>Steve Lindley……………………………………………………  National Marine Fisheries Service </a:t>
            </a:r>
          </a:p>
          <a:p>
            <a:pPr>
              <a:lnSpc>
                <a:spcPct val="85000"/>
              </a:lnSpc>
            </a:pPr>
            <a:r>
              <a:rPr lang="en-US" sz="1000" dirty="0"/>
              <a:t>Laura King Moon.................................................. CA Department of Water Resources </a:t>
            </a:r>
          </a:p>
          <a:p>
            <a:pPr>
              <a:lnSpc>
                <a:spcPct val="85000"/>
              </a:lnSpc>
            </a:pPr>
            <a:r>
              <a:rPr lang="en-US" sz="1000" dirty="0"/>
              <a:t>Anke Mueller-Solger............................................ Interagency Ecological Program </a:t>
            </a:r>
          </a:p>
          <a:p>
            <a:pPr>
              <a:lnSpc>
                <a:spcPct val="85000"/>
              </a:lnSpc>
            </a:pPr>
            <a:r>
              <a:rPr lang="en-US" sz="1000" dirty="0"/>
              <a:t>Maria Rea............................................................. National Marine Fisheries Service </a:t>
            </a:r>
          </a:p>
          <a:p>
            <a:pPr>
              <a:lnSpc>
                <a:spcPct val="85000"/>
              </a:lnSpc>
            </a:pPr>
            <a:r>
              <a:rPr lang="en-US" sz="1000" dirty="0"/>
              <a:t>Carl Wilcox........................................................... CA Department of Fish and Wildlife </a:t>
            </a:r>
          </a:p>
          <a:p>
            <a:pPr>
              <a:lnSpc>
                <a:spcPct val="85000"/>
              </a:lnSpc>
            </a:pPr>
            <a:r>
              <a:rPr lang="en-US" sz="1000" dirty="0"/>
              <a:t>Leo Winternitz, Co-Chair...................................... The Nature Conservancy </a:t>
            </a:r>
          </a:p>
        </p:txBody>
      </p:sp>
    </p:spTree>
    <p:extLst>
      <p:ext uri="{BB962C8B-B14F-4D97-AF65-F5344CB8AC3E}">
        <p14:creationId xmlns:p14="http://schemas.microsoft.com/office/powerpoint/2010/main" val="186028009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03241" y="3330256"/>
            <a:ext cx="8229599" cy="3527749"/>
          </a:xfrm>
        </p:spPr>
        <p:txBody>
          <a:bodyPr>
            <a:noAutofit/>
          </a:bodyPr>
          <a:lstStyle/>
          <a:p>
            <a:pPr>
              <a:spcBef>
                <a:spcPts val="0"/>
              </a:spcBef>
              <a:spcAft>
                <a:spcPts val="0"/>
              </a:spcAft>
            </a:pPr>
            <a:endParaRPr lang="en-US" sz="1100" dirty="0">
              <a:latin typeface="Arial"/>
            </a:endParaRPr>
          </a:p>
        </p:txBody>
      </p:sp>
      <p:sp>
        <p:nvSpPr>
          <p:cNvPr id="4" name="Slide Number Placeholder 3"/>
          <p:cNvSpPr>
            <a:spLocks noGrp="1"/>
          </p:cNvSpPr>
          <p:nvPr>
            <p:ph type="sldNum" sz="quarter" idx="10"/>
          </p:nvPr>
        </p:nvSpPr>
        <p:spPr/>
        <p:txBody>
          <a:bodyPr/>
          <a:lstStyle/>
          <a:p>
            <a:pPr>
              <a:defRPr/>
            </a:pPr>
            <a:fld id="{423B334C-01A1-4DE1-9CB9-921D71920D5C}" type="slidenum">
              <a:rPr lang="en-US">
                <a:solidFill>
                  <a:prstClr val="black"/>
                </a:solidFill>
              </a:rPr>
              <a:pPr>
                <a:defRPr/>
              </a:pPr>
              <a:t>35</a:t>
            </a:fld>
            <a:endParaRPr lang="en-US" dirty="0">
              <a:solidFill>
                <a:prstClr val="black"/>
              </a:solidFill>
            </a:endParaRPr>
          </a:p>
        </p:txBody>
      </p:sp>
    </p:spTree>
    <p:extLst>
      <p:ext uri="{BB962C8B-B14F-4D97-AF65-F5344CB8AC3E}">
        <p14:creationId xmlns:p14="http://schemas.microsoft.com/office/powerpoint/2010/main" val="257670450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350840" y="3329940"/>
            <a:ext cx="8534397" cy="3154680"/>
          </a:xfrm>
        </p:spPr>
        <p:txBody>
          <a:bodyPr>
            <a:noAutofit/>
          </a:bodyPr>
          <a:lstStyle/>
          <a:p>
            <a:pPr>
              <a:lnSpc>
                <a:spcPct val="85000"/>
              </a:lnSpc>
              <a:spcBef>
                <a:spcPts val="0"/>
              </a:spcBef>
            </a:pPr>
            <a:r>
              <a:rPr lang="en-US" sz="1000" dirty="0"/>
              <a:t>California EcoRestore is an initiative to help coordinate and advance at least 30,000 acres of critical habitat restoration in the Sacramento – San Joaquin Delta over the next four years. Driven by world-class science and guided by adaptive management, California EcoRestore will aggressively pursue habitat restoration projects with clearly defined goals, measurable objectives, and financial resources to help ensure success.</a:t>
            </a:r>
          </a:p>
          <a:p>
            <a:pPr>
              <a:lnSpc>
                <a:spcPct val="85000"/>
              </a:lnSpc>
              <a:spcBef>
                <a:spcPts val="0"/>
              </a:spcBef>
            </a:pPr>
            <a:r>
              <a:rPr lang="en-US" sz="1000" dirty="0"/>
              <a:t>A broad range of habitat restoration projects will be pursued, including projects to address aquatic, sub-tidal, tidal, riparian, flood plain, and upland ecosystem needs.</a:t>
            </a:r>
          </a:p>
          <a:p>
            <a:pPr>
              <a:lnSpc>
                <a:spcPct val="85000"/>
              </a:lnSpc>
              <a:spcBef>
                <a:spcPts val="0"/>
              </a:spcBef>
            </a:pPr>
            <a:r>
              <a:rPr lang="en-US" sz="1000" dirty="0"/>
              <a:t>California EcoRestore’s initial goal is to advance (i.e. complete or break ground on) 30,000 acres of Delta habitat restoration:</a:t>
            </a:r>
          </a:p>
          <a:p>
            <a:pPr>
              <a:lnSpc>
                <a:spcPct val="85000"/>
              </a:lnSpc>
              <a:spcBef>
                <a:spcPts val="0"/>
              </a:spcBef>
            </a:pPr>
            <a:r>
              <a:rPr lang="en-US" sz="1000" dirty="0"/>
              <a:t>25,000 acres associated with existing mandates for habitat restoration, pursuant to federal biological opinions. These projects will be funded exclusively by the state and federal water contractors that benefit from the State Water Project and the Central Valley Project systems.</a:t>
            </a:r>
          </a:p>
          <a:p>
            <a:pPr>
              <a:lnSpc>
                <a:spcPct val="85000"/>
              </a:lnSpc>
              <a:spcBef>
                <a:spcPts val="0"/>
              </a:spcBef>
            </a:pPr>
            <a:r>
              <a:rPr lang="en-US" sz="1000" dirty="0"/>
              <a:t>5,000 acres of habitat enhancements. Proposition 1 grants to local governments, non-profit organizations, and other entities will support these habitat enhancements throughout the Delta. Funding will come primarily from the Delta Conservancy, the California Department of Fish and Wildlife, and the California Department of Water Resources.</a:t>
            </a:r>
          </a:p>
          <a:p>
            <a:pPr>
              <a:lnSpc>
                <a:spcPct val="85000"/>
              </a:lnSpc>
              <a:spcBef>
                <a:spcPts val="0"/>
              </a:spcBef>
            </a:pPr>
            <a:r>
              <a:rPr lang="en-US" sz="1000" dirty="0"/>
              <a:t>California EcoRestore is unassociated with any habitat restoration that may be required as part of the construction and operation of new Delta water conveyance (</a:t>
            </a:r>
            <a:r>
              <a:rPr lang="en-US" sz="1000" dirty="0">
                <a:hlinkClick r:id="rId3"/>
              </a:rPr>
              <a:t>California WaterFix</a:t>
            </a:r>
            <a:r>
              <a:rPr lang="en-US" sz="1000" dirty="0"/>
              <a:t>).</a:t>
            </a:r>
          </a:p>
          <a:p>
            <a:pPr>
              <a:lnSpc>
                <a:spcPct val="85000"/>
              </a:lnSpc>
              <a:spcBef>
                <a:spcPts val="0"/>
              </a:spcBef>
            </a:pPr>
            <a:endParaRPr lang="en-US" sz="1000" dirty="0"/>
          </a:p>
          <a:p>
            <a:pPr>
              <a:lnSpc>
                <a:spcPct val="85000"/>
              </a:lnSpc>
              <a:spcBef>
                <a:spcPts val="0"/>
              </a:spcBef>
            </a:pPr>
            <a:r>
              <a:rPr lang="en-US" sz="1000" b="1" dirty="0"/>
              <a:t>California EcoRestore Funding</a:t>
            </a:r>
          </a:p>
          <a:p>
            <a:pPr>
              <a:lnSpc>
                <a:spcPct val="85000"/>
              </a:lnSpc>
              <a:spcBef>
                <a:spcPts val="0"/>
              </a:spcBef>
            </a:pPr>
            <a:r>
              <a:rPr lang="en-US" sz="1000" dirty="0"/>
              <a:t>Costs for California EcoRestore are expected to reach at least $300 million in the first four years. Much of these costs will be borne by the state and federal public water agencies currently required to mitigate the ecological impacts of the State Water Project and the Central Valley Project in the Delta.</a:t>
            </a:r>
          </a:p>
          <a:p>
            <a:pPr>
              <a:lnSpc>
                <a:spcPct val="85000"/>
              </a:lnSpc>
              <a:spcBef>
                <a:spcPts val="0"/>
              </a:spcBef>
            </a:pPr>
            <a:r>
              <a:rPr lang="en-US" sz="1000" dirty="0"/>
              <a:t>Funding for habitat enhancements unassociated with mitigation will come primarily from Propositions 1 and 1E, the AB 32 Greenhouse Gas Reduction Fund, and local, federal, and private investment.</a:t>
            </a:r>
          </a:p>
          <a:p>
            <a:pPr>
              <a:lnSpc>
                <a:spcPct val="85000"/>
              </a:lnSpc>
              <a:spcBef>
                <a:spcPts val="0"/>
              </a:spcBef>
            </a:pPr>
            <a:r>
              <a:rPr lang="en-US" sz="1000" dirty="0"/>
              <a:t>More information on California EcoRestore is available through the links below:</a:t>
            </a:r>
          </a:p>
          <a:p>
            <a:pPr>
              <a:lnSpc>
                <a:spcPct val="85000"/>
              </a:lnSpc>
              <a:spcBef>
                <a:spcPts val="0"/>
              </a:spcBef>
            </a:pPr>
            <a:r>
              <a:rPr lang="en-US" sz="1000" dirty="0">
                <a:hlinkClick r:id="rId4"/>
              </a:rPr>
              <a:t>EcoRestore Fact Sheet</a:t>
            </a:r>
            <a:r>
              <a:rPr lang="en-US" sz="1000" dirty="0"/>
              <a:t>  </a:t>
            </a:r>
            <a:r>
              <a:rPr lang="en-US" sz="1000" dirty="0">
                <a:hlinkClick r:id="rId5"/>
              </a:rPr>
              <a:t>http://resources.ca.gov/ecorestore/</a:t>
            </a:r>
            <a:r>
              <a:rPr lang="en-US" sz="1000" dirty="0"/>
              <a:t> </a:t>
            </a:r>
          </a:p>
          <a:p>
            <a:pPr>
              <a:lnSpc>
                <a:spcPct val="85000"/>
              </a:lnSpc>
              <a:spcBef>
                <a:spcPts val="0"/>
              </a:spcBef>
            </a:pPr>
            <a:endParaRPr lang="en-US" sz="10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4</a:t>
            </a:fld>
            <a:endParaRPr lang="en-US" dirty="0">
              <a:solidFill>
                <a:prstClr val="black"/>
              </a:solidFill>
            </a:endParaRPr>
          </a:p>
        </p:txBody>
      </p:sp>
    </p:spTree>
    <p:extLst>
      <p:ext uri="{BB962C8B-B14F-4D97-AF65-F5344CB8AC3E}">
        <p14:creationId xmlns:p14="http://schemas.microsoft.com/office/powerpoint/2010/main" val="1653117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03241" y="3330256"/>
            <a:ext cx="8229599" cy="3527749"/>
          </a:xfrm>
        </p:spPr>
        <p:txBody>
          <a:bodyPr>
            <a:noAutofit/>
          </a:bodyPr>
          <a:lstStyle/>
          <a:p>
            <a:pPr>
              <a:spcBef>
                <a:spcPts val="0"/>
              </a:spcBef>
              <a:spcAft>
                <a:spcPts val="0"/>
              </a:spcAft>
            </a:pPr>
            <a:r>
              <a:rPr lang="en-US" sz="1100" b="1" dirty="0">
                <a:solidFill>
                  <a:srgbClr val="1D3B66"/>
                </a:solidFill>
                <a:latin typeface="Arial"/>
              </a:rPr>
              <a:t>How long does it take to get a water right permit?</a:t>
            </a:r>
          </a:p>
          <a:p>
            <a:pPr>
              <a:spcBef>
                <a:spcPts val="1196"/>
              </a:spcBef>
              <a:spcAft>
                <a:spcPts val="0"/>
              </a:spcAft>
            </a:pPr>
            <a:endParaRPr lang="en-US" sz="1100" dirty="0">
              <a:latin typeface="Arial"/>
            </a:endParaRPr>
          </a:p>
          <a:p>
            <a:pPr>
              <a:spcBef>
                <a:spcPts val="1196"/>
              </a:spcBef>
              <a:spcAft>
                <a:spcPts val="0"/>
              </a:spcAft>
            </a:pPr>
            <a:r>
              <a:rPr lang="en-US" sz="1100" dirty="0">
                <a:latin typeface="Arial"/>
              </a:rPr>
              <a:t>It depends on the project. SWRCB must comply with Water Code requirements and with CEQA.  The time it takes to obtain a permit depends on:</a:t>
            </a:r>
          </a:p>
          <a:p>
            <a:pPr marL="455426" lvl="1">
              <a:spcBef>
                <a:spcPts val="0"/>
              </a:spcBef>
              <a:spcAft>
                <a:spcPts val="0"/>
              </a:spcAft>
              <a:buFont typeface="Arial"/>
              <a:buChar char="•"/>
            </a:pPr>
            <a:r>
              <a:rPr lang="en-US" sz="1100" dirty="0">
                <a:latin typeface="Arial"/>
              </a:rPr>
              <a:t>The effects that the project could have on other water rights;</a:t>
            </a:r>
          </a:p>
          <a:p>
            <a:pPr marL="455426" lvl="1">
              <a:spcBef>
                <a:spcPts val="0"/>
              </a:spcBef>
              <a:spcAft>
                <a:spcPts val="0"/>
              </a:spcAft>
              <a:buFont typeface="Arial"/>
              <a:buChar char="•"/>
            </a:pPr>
            <a:r>
              <a:rPr lang="en-US" sz="1100" dirty="0">
                <a:latin typeface="Arial"/>
              </a:rPr>
              <a:t>The effects the project could have on the environment, including aquatic species, particularly endangered species;</a:t>
            </a:r>
          </a:p>
          <a:p>
            <a:pPr marL="455426" lvl="1">
              <a:spcBef>
                <a:spcPts val="0"/>
              </a:spcBef>
              <a:spcAft>
                <a:spcPts val="0"/>
              </a:spcAft>
              <a:buFont typeface="Arial"/>
              <a:buChar char="•"/>
            </a:pPr>
            <a:r>
              <a:rPr lang="en-US" sz="1100" dirty="0">
                <a:latin typeface="Arial"/>
              </a:rPr>
              <a:t>Whether anyone protests against issuing the permit applicant a water right permit;</a:t>
            </a:r>
          </a:p>
          <a:p>
            <a:pPr marL="455426" lvl="1">
              <a:spcBef>
                <a:spcPts val="0"/>
              </a:spcBef>
              <a:spcAft>
                <a:spcPts val="0"/>
              </a:spcAft>
              <a:buFont typeface="Arial"/>
              <a:buChar char="•"/>
            </a:pPr>
            <a:r>
              <a:rPr lang="en-US" sz="1100" dirty="0">
                <a:latin typeface="Arial"/>
              </a:rPr>
              <a:t>Whether there are other applicants competing for the same water supply;</a:t>
            </a:r>
          </a:p>
          <a:p>
            <a:pPr marL="455426" lvl="1">
              <a:spcBef>
                <a:spcPts val="0"/>
              </a:spcBef>
              <a:spcAft>
                <a:spcPts val="0"/>
              </a:spcAft>
              <a:buFont typeface="Arial"/>
              <a:buChar char="•"/>
            </a:pPr>
            <a:r>
              <a:rPr lang="en-US" sz="1100" dirty="0">
                <a:latin typeface="Arial"/>
              </a:rPr>
              <a:t>SWRCB staffing resources.</a:t>
            </a:r>
          </a:p>
          <a:p>
            <a:pPr>
              <a:spcBef>
                <a:spcPts val="0"/>
              </a:spcBef>
              <a:spcAft>
                <a:spcPts val="0"/>
              </a:spcAft>
            </a:pPr>
            <a:endParaRPr lang="en-US" sz="1100" dirty="0">
              <a:latin typeface="Arial"/>
            </a:endParaRPr>
          </a:p>
          <a:p>
            <a:pPr>
              <a:spcBef>
                <a:spcPts val="0"/>
              </a:spcBef>
              <a:spcAft>
                <a:spcPts val="0"/>
              </a:spcAft>
            </a:pPr>
            <a:r>
              <a:rPr lang="en-US" sz="1100" dirty="0">
                <a:latin typeface="Arial"/>
              </a:rPr>
              <a:t>The SWRCB has in excess of 500 pending water right applications. On average, if the permit applicant can provide all the necessary information, it may take three to four years to obtain a permit. If others protest the project or the project has the capacity to harm threatened or endangered species, it could take longer to get a permit.</a:t>
            </a:r>
          </a:p>
          <a:p>
            <a:pPr>
              <a:spcBef>
                <a:spcPts val="0"/>
              </a:spcBef>
              <a:spcAft>
                <a:spcPts val="0"/>
              </a:spcAft>
            </a:pPr>
            <a:endParaRPr lang="en-US" sz="1100" dirty="0">
              <a:latin typeface="Arial"/>
            </a:endParaRPr>
          </a:p>
          <a:p>
            <a:pPr defTabSz="910851" eaLnBrk="1" fontAlgn="auto" hangingPunct="1">
              <a:spcBef>
                <a:spcPts val="0"/>
              </a:spcBef>
              <a:spcAft>
                <a:spcPts val="0"/>
              </a:spcAft>
              <a:defRPr/>
            </a:pPr>
            <a:r>
              <a:rPr lang="en-US" sz="1100" b="1" dirty="0">
                <a:solidFill>
                  <a:srgbClr val="1D3B66"/>
                </a:solidFill>
                <a:latin typeface="Arial"/>
              </a:rPr>
              <a:t>What will each SWRCB </a:t>
            </a:r>
            <a:r>
              <a:rPr lang="en-US" sz="1100" b="1">
                <a:solidFill>
                  <a:srgbClr val="1D3B66"/>
                </a:solidFill>
                <a:latin typeface="Arial"/>
              </a:rPr>
              <a:t>hearing consider?</a:t>
            </a:r>
            <a:endParaRPr lang="en-US" sz="1100" b="1" dirty="0">
              <a:solidFill>
                <a:srgbClr val="1D3B66"/>
              </a:solidFill>
              <a:latin typeface="Arial"/>
            </a:endParaRPr>
          </a:p>
          <a:p>
            <a:pPr defTabSz="910851" eaLnBrk="1" fontAlgn="auto" hangingPunct="1">
              <a:spcBef>
                <a:spcPts val="1196"/>
              </a:spcBef>
              <a:spcAft>
                <a:spcPts val="0"/>
              </a:spcAft>
              <a:defRPr/>
            </a:pPr>
            <a:endParaRPr lang="en-US" sz="1100" dirty="0">
              <a:solidFill>
                <a:prstClr val="black"/>
              </a:solidFill>
              <a:latin typeface="Arial"/>
            </a:endParaRPr>
          </a:p>
          <a:p>
            <a:pPr>
              <a:spcBef>
                <a:spcPts val="0"/>
              </a:spcBef>
              <a:spcAft>
                <a:spcPts val="0"/>
              </a:spcAft>
            </a:pPr>
            <a:r>
              <a:rPr lang="en-US" sz="1100" dirty="0">
                <a:latin typeface="Arial"/>
              </a:rPr>
              <a:t>PART A of Hearing would focus on the potential effects of the Petition on agricultural, municipal and industrial uses of water and associated legal users of water and conditions that should be placed on any approval of the Petition to protect those uses.</a:t>
            </a:r>
          </a:p>
          <a:p>
            <a:pPr>
              <a:spcBef>
                <a:spcPts val="0"/>
              </a:spcBef>
              <a:spcAft>
                <a:spcPts val="0"/>
              </a:spcAft>
            </a:pPr>
            <a:endParaRPr lang="en-US" sz="1100" dirty="0">
              <a:latin typeface="Arial"/>
            </a:endParaRPr>
          </a:p>
          <a:p>
            <a:pPr>
              <a:spcBef>
                <a:spcPts val="0"/>
              </a:spcBef>
              <a:spcAft>
                <a:spcPts val="0"/>
              </a:spcAft>
            </a:pPr>
            <a:r>
              <a:rPr lang="en-US" sz="1100" dirty="0">
                <a:latin typeface="Arial"/>
              </a:rPr>
              <a:t>PART B of Hearing would focus on the potential effects of the Petition on fish and wildlife and recreational uses and conditions that should be placed on any approval of the Petition to protect those uses, including consideration of appropriate Delta flow criteria for the California </a:t>
            </a:r>
            <a:r>
              <a:rPr lang="en-US" sz="1100" dirty="0" err="1">
                <a:latin typeface="Arial"/>
              </a:rPr>
              <a:t>WaterFix</a:t>
            </a:r>
            <a:r>
              <a:rPr lang="en-US" sz="1100" dirty="0">
                <a:latin typeface="Arial"/>
              </a:rPr>
              <a:t> Project. </a:t>
            </a:r>
          </a:p>
        </p:txBody>
      </p:sp>
      <p:sp>
        <p:nvSpPr>
          <p:cNvPr id="4" name="Slide Number Placeholder 3"/>
          <p:cNvSpPr>
            <a:spLocks noGrp="1"/>
          </p:cNvSpPr>
          <p:nvPr>
            <p:ph type="sldNum" sz="quarter" idx="10"/>
          </p:nvPr>
        </p:nvSpPr>
        <p:spPr/>
        <p:txBody>
          <a:bodyPr/>
          <a:lstStyle/>
          <a:p>
            <a:pPr>
              <a:defRPr/>
            </a:pPr>
            <a:fld id="{423B334C-01A1-4DE1-9CB9-921D71920D5C}" type="slidenum">
              <a:rPr lang="en-US">
                <a:solidFill>
                  <a:prstClr val="black"/>
                </a:solidFill>
              </a:rPr>
              <a:pPr>
                <a:defRPr/>
              </a:pPr>
              <a:t>36</a:t>
            </a:fld>
            <a:endParaRPr lang="en-US" dirty="0">
              <a:solidFill>
                <a:prstClr val="black"/>
              </a:solidFill>
            </a:endParaRPr>
          </a:p>
        </p:txBody>
      </p:sp>
    </p:spTree>
    <p:extLst>
      <p:ext uri="{BB962C8B-B14F-4D97-AF65-F5344CB8AC3E}">
        <p14:creationId xmlns:p14="http://schemas.microsoft.com/office/powerpoint/2010/main" val="257670450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38</a:t>
            </a:fld>
            <a:endParaRPr lang="en-US" dirty="0"/>
          </a:p>
        </p:txBody>
      </p:sp>
    </p:spTree>
    <p:extLst>
      <p:ext uri="{BB962C8B-B14F-4D97-AF65-F5344CB8AC3E}">
        <p14:creationId xmlns:p14="http://schemas.microsoft.com/office/powerpoint/2010/main" val="355169875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03242" y="3330252"/>
            <a:ext cx="8229599" cy="3527749"/>
          </a:xfrm>
        </p:spPr>
        <p:txBody>
          <a:bodyPr>
            <a:noAutofit/>
          </a:bodyPr>
          <a:lstStyle/>
          <a:p>
            <a:pPr>
              <a:lnSpc>
                <a:spcPct val="85000"/>
              </a:lnSpc>
              <a:spcBef>
                <a:spcPts val="0"/>
              </a:spcBef>
              <a:spcAft>
                <a:spcPts val="0"/>
              </a:spcAft>
            </a:pPr>
            <a:r>
              <a:rPr lang="en-US" sz="1100" b="1" u="sng" cap="small" dirty="0"/>
              <a:t>Conveyance Project Coordination Agency</a:t>
            </a:r>
          </a:p>
          <a:p>
            <a:pPr marL="164004" indent="-164004">
              <a:lnSpc>
                <a:spcPct val="85000"/>
              </a:lnSpc>
              <a:spcBef>
                <a:spcPts val="0"/>
              </a:spcBef>
              <a:spcAft>
                <a:spcPts val="0"/>
              </a:spcAft>
              <a:buFont typeface="Arial" panose="020B0604020202020204" pitchFamily="34" charset="0"/>
              <a:buChar char="•"/>
            </a:pPr>
            <a:r>
              <a:rPr lang="en-US" sz="1100" dirty="0">
                <a:cs typeface="Calibri"/>
              </a:rPr>
              <a:t>Consists of water agencies that contract for water supplies from the SWP &amp; CVP</a:t>
            </a:r>
          </a:p>
          <a:p>
            <a:pPr marL="164004" indent="-164004">
              <a:lnSpc>
                <a:spcPct val="85000"/>
              </a:lnSpc>
              <a:spcBef>
                <a:spcPts val="0"/>
              </a:spcBef>
              <a:spcAft>
                <a:spcPts val="0"/>
              </a:spcAft>
              <a:buFont typeface="Arial" panose="020B0604020202020204" pitchFamily="34" charset="0"/>
              <a:buChar char="•"/>
            </a:pPr>
            <a:r>
              <a:rPr lang="en-US" sz="1100" dirty="0">
                <a:cs typeface="Calibri"/>
              </a:rPr>
              <a:t>M</a:t>
            </a:r>
            <a:r>
              <a:rPr lang="en-US" sz="1100" dirty="0"/>
              <a:t>akes recommendations to DWR Director</a:t>
            </a:r>
          </a:p>
          <a:p>
            <a:pPr marL="164004" indent="-164004">
              <a:lnSpc>
                <a:spcPct val="85000"/>
              </a:lnSpc>
              <a:spcBef>
                <a:spcPts val="0"/>
              </a:spcBef>
              <a:spcAft>
                <a:spcPts val="0"/>
              </a:spcAft>
              <a:buFont typeface="Arial" panose="020B0604020202020204" pitchFamily="34" charset="0"/>
              <a:buChar char="•"/>
            </a:pPr>
            <a:endParaRPr lang="en-US" sz="1100" dirty="0"/>
          </a:p>
          <a:p>
            <a:pPr>
              <a:lnSpc>
                <a:spcPct val="85000"/>
              </a:lnSpc>
              <a:spcBef>
                <a:spcPts val="0"/>
              </a:spcBef>
              <a:spcAft>
                <a:spcPts val="0"/>
              </a:spcAft>
            </a:pPr>
            <a:r>
              <a:rPr lang="en-US" sz="1100" b="1" u="sng" cap="small" dirty="0"/>
              <a:t>Program Advisory Group</a:t>
            </a:r>
          </a:p>
          <a:p>
            <a:pPr marL="164004" indent="-164004">
              <a:lnSpc>
                <a:spcPct val="85000"/>
              </a:lnSpc>
              <a:spcBef>
                <a:spcPts val="0"/>
              </a:spcBef>
              <a:spcAft>
                <a:spcPts val="0"/>
              </a:spcAft>
              <a:buFont typeface="Arial" panose="020B0604020202020204" pitchFamily="34" charset="0"/>
              <a:buChar char="•"/>
            </a:pPr>
            <a:r>
              <a:rPr lang="en-US" sz="1100" dirty="0">
                <a:cs typeface="Calibri"/>
              </a:rPr>
              <a:t>Will advise Program Director on technical issues  </a:t>
            </a:r>
          </a:p>
          <a:p>
            <a:pPr marL="164004" indent="-164004">
              <a:lnSpc>
                <a:spcPct val="85000"/>
              </a:lnSpc>
              <a:spcBef>
                <a:spcPts val="0"/>
              </a:spcBef>
              <a:spcAft>
                <a:spcPts val="0"/>
              </a:spcAft>
              <a:buFont typeface="Arial" panose="020B0604020202020204" pitchFamily="34" charset="0"/>
              <a:buChar char="•"/>
            </a:pPr>
            <a:r>
              <a:rPr lang="en-US" sz="1100" dirty="0">
                <a:cs typeface="Calibri"/>
              </a:rPr>
              <a:t>It will consist of DWR and PWA technical staff</a:t>
            </a:r>
          </a:p>
          <a:p>
            <a:pPr marL="164004" indent="-164004">
              <a:lnSpc>
                <a:spcPct val="85000"/>
              </a:lnSpc>
              <a:spcBef>
                <a:spcPts val="0"/>
              </a:spcBef>
              <a:spcAft>
                <a:spcPts val="0"/>
              </a:spcAft>
              <a:buFont typeface="Arial" panose="020B0604020202020204" pitchFamily="34" charset="0"/>
              <a:buChar char="•"/>
            </a:pPr>
            <a:r>
              <a:rPr lang="en-US" sz="1100" dirty="0">
                <a:cs typeface="Calibri"/>
              </a:rPr>
              <a:t>Ad hoc in nature</a:t>
            </a:r>
          </a:p>
          <a:p>
            <a:pPr marL="164004" indent="-164004">
              <a:lnSpc>
                <a:spcPct val="85000"/>
              </a:lnSpc>
              <a:spcBef>
                <a:spcPts val="0"/>
              </a:spcBef>
              <a:spcAft>
                <a:spcPts val="0"/>
              </a:spcAft>
              <a:buFont typeface="Arial" panose="020B0604020202020204" pitchFamily="34" charset="0"/>
              <a:buChar char="•"/>
            </a:pPr>
            <a:r>
              <a:rPr lang="en-US" sz="1100" dirty="0"/>
              <a:t>Reviews recommendations of Project Management Board; will meet and confer if inconsistent with the project purposes or DWR’s mandatory legal duty</a:t>
            </a:r>
          </a:p>
          <a:p>
            <a:pPr>
              <a:lnSpc>
                <a:spcPct val="85000"/>
              </a:lnSpc>
              <a:spcBef>
                <a:spcPts val="0"/>
              </a:spcBef>
              <a:spcAft>
                <a:spcPts val="0"/>
              </a:spcAft>
            </a:pPr>
            <a:endParaRPr lang="en-US" sz="1100" dirty="0">
              <a:cs typeface="Calibri"/>
            </a:endParaRPr>
          </a:p>
          <a:p>
            <a:pPr defTabSz="874690">
              <a:lnSpc>
                <a:spcPct val="85000"/>
              </a:lnSpc>
              <a:spcBef>
                <a:spcPts val="0"/>
              </a:spcBef>
              <a:spcAft>
                <a:spcPts val="0"/>
              </a:spcAft>
              <a:defRPr/>
            </a:pPr>
            <a:r>
              <a:rPr lang="en-US" sz="1100" b="1" u="sng" cap="small" dirty="0"/>
              <a:t>Design &amp; Construction Enterprise</a:t>
            </a:r>
          </a:p>
          <a:p>
            <a:pPr marL="164004" indent="-164004">
              <a:lnSpc>
                <a:spcPct val="85000"/>
              </a:lnSpc>
              <a:spcBef>
                <a:spcPts val="0"/>
              </a:spcBef>
              <a:spcAft>
                <a:spcPts val="0"/>
              </a:spcAft>
              <a:buFont typeface="Arial" panose="020B0604020202020204" pitchFamily="34" charset="0"/>
              <a:buChar char="•"/>
            </a:pPr>
            <a:r>
              <a:rPr lang="en-US" sz="1100" dirty="0">
                <a:cs typeface="Calibri"/>
              </a:rPr>
              <a:t>Special Purpose Enterprise within DWR dedicated to the design and construction of the Conveyance Project</a:t>
            </a:r>
          </a:p>
          <a:p>
            <a:pPr>
              <a:lnSpc>
                <a:spcPct val="85000"/>
              </a:lnSpc>
              <a:spcBef>
                <a:spcPts val="0"/>
              </a:spcBef>
              <a:spcAft>
                <a:spcPts val="0"/>
              </a:spcAft>
            </a:pPr>
            <a:endParaRPr lang="en-US" sz="1100" b="1" u="sng" cap="small" dirty="0"/>
          </a:p>
          <a:p>
            <a:pPr>
              <a:lnSpc>
                <a:spcPct val="85000"/>
              </a:lnSpc>
              <a:spcBef>
                <a:spcPts val="0"/>
              </a:spcBef>
              <a:spcAft>
                <a:spcPts val="0"/>
              </a:spcAft>
            </a:pPr>
            <a:r>
              <a:rPr lang="en-US" sz="1100" b="1" u="sng" cap="small" dirty="0"/>
              <a:t>Program Director</a:t>
            </a:r>
          </a:p>
          <a:p>
            <a:pPr marL="164004" indent="-164004">
              <a:lnSpc>
                <a:spcPct val="85000"/>
              </a:lnSpc>
              <a:spcBef>
                <a:spcPts val="0"/>
              </a:spcBef>
              <a:spcAft>
                <a:spcPts val="0"/>
              </a:spcAft>
              <a:buFont typeface="Arial" panose="020B0604020202020204" pitchFamily="34" charset="0"/>
              <a:buChar char="•"/>
            </a:pPr>
            <a:r>
              <a:rPr lang="en-US" sz="1100" dirty="0">
                <a:cs typeface="Calibri"/>
              </a:rPr>
              <a:t>Authority over staffing decisions</a:t>
            </a:r>
          </a:p>
          <a:p>
            <a:pPr marL="164004" indent="-164004">
              <a:lnSpc>
                <a:spcPct val="85000"/>
              </a:lnSpc>
              <a:spcBef>
                <a:spcPts val="0"/>
              </a:spcBef>
              <a:spcAft>
                <a:spcPts val="0"/>
              </a:spcAft>
              <a:buFont typeface="Arial" panose="020B0604020202020204" pitchFamily="34" charset="0"/>
              <a:buChar char="•"/>
            </a:pPr>
            <a:r>
              <a:rPr lang="en-US" sz="1100" dirty="0"/>
              <a:t>Retained to manage design and construction</a:t>
            </a:r>
          </a:p>
          <a:p>
            <a:pPr marL="164004" indent="-164004">
              <a:lnSpc>
                <a:spcPct val="85000"/>
              </a:lnSpc>
              <a:spcBef>
                <a:spcPts val="0"/>
              </a:spcBef>
              <a:spcAft>
                <a:spcPts val="0"/>
              </a:spcAft>
              <a:buFont typeface="Arial" panose="020B0604020202020204" pitchFamily="34" charset="0"/>
              <a:buChar char="•"/>
            </a:pPr>
            <a:r>
              <a:rPr lang="en-US" sz="1100" dirty="0"/>
              <a:t>Selected by DWR Director with the concurrence of JPA</a:t>
            </a:r>
          </a:p>
          <a:p>
            <a:pPr marL="164004" indent="-164004">
              <a:lnSpc>
                <a:spcPct val="85000"/>
              </a:lnSpc>
              <a:spcBef>
                <a:spcPts val="0"/>
              </a:spcBef>
              <a:spcAft>
                <a:spcPts val="0"/>
              </a:spcAft>
              <a:buFont typeface="Arial" panose="020B0604020202020204" pitchFamily="34" charset="0"/>
              <a:buChar char="•"/>
            </a:pPr>
            <a:r>
              <a:rPr lang="en-US" sz="1100" dirty="0"/>
              <a:t>Reports to Project Management Board </a:t>
            </a:r>
          </a:p>
          <a:p>
            <a:pPr>
              <a:lnSpc>
                <a:spcPct val="85000"/>
              </a:lnSpc>
              <a:spcBef>
                <a:spcPts val="0"/>
              </a:spcBef>
              <a:spcAft>
                <a:spcPts val="0"/>
              </a:spcAft>
            </a:pPr>
            <a:endParaRPr lang="en-US" sz="1100" dirty="0">
              <a:cs typeface="Calibri"/>
            </a:endParaRPr>
          </a:p>
          <a:p>
            <a:pPr>
              <a:lnSpc>
                <a:spcPct val="85000"/>
              </a:lnSpc>
              <a:spcBef>
                <a:spcPts val="0"/>
              </a:spcBef>
              <a:spcAft>
                <a:spcPts val="0"/>
              </a:spcAft>
            </a:pPr>
            <a:endParaRPr lang="en-US" sz="1100" b="1" u="sng" cap="small"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39</a:t>
            </a:fld>
            <a:endParaRPr lang="en-US" dirty="0">
              <a:solidFill>
                <a:prstClr val="black"/>
              </a:solidFill>
            </a:endParaRPr>
          </a:p>
        </p:txBody>
      </p:sp>
    </p:spTree>
    <p:extLst>
      <p:ext uri="{BB962C8B-B14F-4D97-AF65-F5344CB8AC3E}">
        <p14:creationId xmlns:p14="http://schemas.microsoft.com/office/powerpoint/2010/main" val="257670450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03241" y="3330255"/>
            <a:ext cx="8229599" cy="3527749"/>
          </a:xfrm>
        </p:spPr>
        <p:txBody>
          <a:bodyPr>
            <a:noAutofit/>
          </a:bodyPr>
          <a:lstStyle/>
          <a:p>
            <a:pPr>
              <a:lnSpc>
                <a:spcPct val="85000"/>
              </a:lnSpc>
              <a:spcBef>
                <a:spcPts val="0"/>
              </a:spcBef>
              <a:spcAft>
                <a:spcPts val="0"/>
              </a:spcAft>
            </a:pPr>
            <a:r>
              <a:rPr lang="en-US" sz="1100" b="1" u="sng" cap="small" dirty="0"/>
              <a:t>Conveyance Project Coordination Agency</a:t>
            </a:r>
          </a:p>
          <a:p>
            <a:pPr marL="170785" indent="-170785">
              <a:lnSpc>
                <a:spcPct val="85000"/>
              </a:lnSpc>
              <a:spcBef>
                <a:spcPts val="0"/>
              </a:spcBef>
              <a:spcAft>
                <a:spcPts val="0"/>
              </a:spcAft>
              <a:buFont typeface="Arial" panose="020B0604020202020204" pitchFamily="34" charset="0"/>
              <a:buChar char="•"/>
            </a:pPr>
            <a:r>
              <a:rPr lang="en-US" sz="1100" dirty="0">
                <a:cs typeface="Calibri"/>
              </a:rPr>
              <a:t>Consists of water agencies that contract for water supplies from the SWP &amp; CVP</a:t>
            </a:r>
          </a:p>
          <a:p>
            <a:pPr marL="170785" indent="-170785">
              <a:lnSpc>
                <a:spcPct val="85000"/>
              </a:lnSpc>
              <a:spcBef>
                <a:spcPts val="0"/>
              </a:spcBef>
              <a:spcAft>
                <a:spcPts val="0"/>
              </a:spcAft>
              <a:buFont typeface="Arial" panose="020B0604020202020204" pitchFamily="34" charset="0"/>
              <a:buChar char="•"/>
            </a:pPr>
            <a:r>
              <a:rPr lang="en-US" sz="1100" dirty="0">
                <a:cs typeface="Calibri"/>
              </a:rPr>
              <a:t>M</a:t>
            </a:r>
            <a:r>
              <a:rPr lang="en-US" sz="1100" dirty="0"/>
              <a:t>akes recommendations to DWR Director</a:t>
            </a:r>
          </a:p>
          <a:p>
            <a:pPr marL="170785" indent="-170785">
              <a:lnSpc>
                <a:spcPct val="85000"/>
              </a:lnSpc>
              <a:spcBef>
                <a:spcPts val="0"/>
              </a:spcBef>
              <a:spcAft>
                <a:spcPts val="0"/>
              </a:spcAft>
              <a:buFont typeface="Arial" panose="020B0604020202020204" pitchFamily="34" charset="0"/>
              <a:buChar char="•"/>
            </a:pPr>
            <a:endParaRPr lang="en-US" sz="1100" dirty="0"/>
          </a:p>
          <a:p>
            <a:pPr>
              <a:lnSpc>
                <a:spcPct val="85000"/>
              </a:lnSpc>
              <a:spcBef>
                <a:spcPts val="0"/>
              </a:spcBef>
              <a:spcAft>
                <a:spcPts val="0"/>
              </a:spcAft>
            </a:pPr>
            <a:r>
              <a:rPr lang="en-US" sz="1100" b="1" u="sng" cap="small" dirty="0"/>
              <a:t>Program Advisory Group</a:t>
            </a:r>
          </a:p>
          <a:p>
            <a:pPr marL="170785" indent="-170785">
              <a:lnSpc>
                <a:spcPct val="85000"/>
              </a:lnSpc>
              <a:spcBef>
                <a:spcPts val="0"/>
              </a:spcBef>
              <a:spcAft>
                <a:spcPts val="0"/>
              </a:spcAft>
              <a:buFont typeface="Arial" panose="020B0604020202020204" pitchFamily="34" charset="0"/>
              <a:buChar char="•"/>
            </a:pPr>
            <a:r>
              <a:rPr lang="en-US" sz="1100" dirty="0">
                <a:cs typeface="Calibri"/>
              </a:rPr>
              <a:t>Will advise Program Director on technical issues  </a:t>
            </a:r>
          </a:p>
          <a:p>
            <a:pPr marL="170785" indent="-170785">
              <a:lnSpc>
                <a:spcPct val="85000"/>
              </a:lnSpc>
              <a:spcBef>
                <a:spcPts val="0"/>
              </a:spcBef>
              <a:spcAft>
                <a:spcPts val="0"/>
              </a:spcAft>
              <a:buFont typeface="Arial" panose="020B0604020202020204" pitchFamily="34" charset="0"/>
              <a:buChar char="•"/>
            </a:pPr>
            <a:r>
              <a:rPr lang="en-US" sz="1100" dirty="0">
                <a:cs typeface="Calibri"/>
              </a:rPr>
              <a:t>It will consist of DWR and PWA technical staff</a:t>
            </a:r>
          </a:p>
          <a:p>
            <a:pPr marL="170785" indent="-170785">
              <a:lnSpc>
                <a:spcPct val="85000"/>
              </a:lnSpc>
              <a:spcBef>
                <a:spcPts val="0"/>
              </a:spcBef>
              <a:spcAft>
                <a:spcPts val="0"/>
              </a:spcAft>
              <a:buFont typeface="Arial" panose="020B0604020202020204" pitchFamily="34" charset="0"/>
              <a:buChar char="•"/>
            </a:pPr>
            <a:r>
              <a:rPr lang="en-US" sz="1100" dirty="0">
                <a:cs typeface="Calibri"/>
              </a:rPr>
              <a:t>Ad hoc in nature</a:t>
            </a:r>
          </a:p>
          <a:p>
            <a:pPr marL="170785" indent="-170785">
              <a:lnSpc>
                <a:spcPct val="85000"/>
              </a:lnSpc>
              <a:spcBef>
                <a:spcPts val="0"/>
              </a:spcBef>
              <a:spcAft>
                <a:spcPts val="0"/>
              </a:spcAft>
              <a:buFont typeface="Arial" panose="020B0604020202020204" pitchFamily="34" charset="0"/>
              <a:buChar char="•"/>
            </a:pPr>
            <a:r>
              <a:rPr lang="en-US" sz="1100" dirty="0"/>
              <a:t>Reviews recommendations of Project Management Board; will meet and confer if inconsistent with the project purposes or DWR’s mandatory legal duty</a:t>
            </a:r>
          </a:p>
          <a:p>
            <a:pPr>
              <a:lnSpc>
                <a:spcPct val="85000"/>
              </a:lnSpc>
              <a:spcBef>
                <a:spcPts val="0"/>
              </a:spcBef>
              <a:spcAft>
                <a:spcPts val="0"/>
              </a:spcAft>
            </a:pPr>
            <a:endParaRPr lang="en-US" sz="1100" dirty="0">
              <a:cs typeface="Calibri"/>
            </a:endParaRPr>
          </a:p>
          <a:p>
            <a:pPr defTabSz="910851">
              <a:lnSpc>
                <a:spcPct val="85000"/>
              </a:lnSpc>
              <a:spcBef>
                <a:spcPts val="0"/>
              </a:spcBef>
              <a:spcAft>
                <a:spcPts val="0"/>
              </a:spcAft>
              <a:defRPr/>
            </a:pPr>
            <a:r>
              <a:rPr lang="en-US" sz="1100" b="1" u="sng" cap="small" dirty="0"/>
              <a:t>Design &amp; Construction Enterprise</a:t>
            </a:r>
          </a:p>
          <a:p>
            <a:pPr marL="170785" indent="-170785">
              <a:lnSpc>
                <a:spcPct val="85000"/>
              </a:lnSpc>
              <a:spcBef>
                <a:spcPts val="0"/>
              </a:spcBef>
              <a:spcAft>
                <a:spcPts val="0"/>
              </a:spcAft>
              <a:buFont typeface="Arial" panose="020B0604020202020204" pitchFamily="34" charset="0"/>
              <a:buChar char="•"/>
            </a:pPr>
            <a:r>
              <a:rPr lang="en-US" sz="1100" dirty="0">
                <a:cs typeface="Calibri"/>
              </a:rPr>
              <a:t>Special Purpose Enterprise within DWR dedicated to the design and construction of the Conveyance Project</a:t>
            </a:r>
          </a:p>
          <a:p>
            <a:pPr>
              <a:lnSpc>
                <a:spcPct val="85000"/>
              </a:lnSpc>
              <a:spcBef>
                <a:spcPts val="0"/>
              </a:spcBef>
              <a:spcAft>
                <a:spcPts val="0"/>
              </a:spcAft>
            </a:pPr>
            <a:endParaRPr lang="en-US" sz="1100" b="1" u="sng" cap="small" dirty="0"/>
          </a:p>
          <a:p>
            <a:pPr>
              <a:lnSpc>
                <a:spcPct val="85000"/>
              </a:lnSpc>
              <a:spcBef>
                <a:spcPts val="0"/>
              </a:spcBef>
              <a:spcAft>
                <a:spcPts val="0"/>
              </a:spcAft>
            </a:pPr>
            <a:r>
              <a:rPr lang="en-US" sz="1100" b="1" u="sng" cap="small" dirty="0"/>
              <a:t>Program Director</a:t>
            </a:r>
          </a:p>
          <a:p>
            <a:pPr marL="170785" indent="-170785">
              <a:lnSpc>
                <a:spcPct val="85000"/>
              </a:lnSpc>
              <a:spcBef>
                <a:spcPts val="0"/>
              </a:spcBef>
              <a:spcAft>
                <a:spcPts val="0"/>
              </a:spcAft>
              <a:buFont typeface="Arial" panose="020B0604020202020204" pitchFamily="34" charset="0"/>
              <a:buChar char="•"/>
            </a:pPr>
            <a:r>
              <a:rPr lang="en-US" sz="1100" dirty="0">
                <a:cs typeface="Calibri"/>
              </a:rPr>
              <a:t>Authority over staffing decisions</a:t>
            </a:r>
          </a:p>
          <a:p>
            <a:pPr marL="170785" indent="-170785">
              <a:lnSpc>
                <a:spcPct val="85000"/>
              </a:lnSpc>
              <a:spcBef>
                <a:spcPts val="0"/>
              </a:spcBef>
              <a:spcAft>
                <a:spcPts val="0"/>
              </a:spcAft>
              <a:buFont typeface="Arial" panose="020B0604020202020204" pitchFamily="34" charset="0"/>
              <a:buChar char="•"/>
            </a:pPr>
            <a:r>
              <a:rPr lang="en-US" sz="1100" dirty="0"/>
              <a:t>Retained to manage design and construction</a:t>
            </a:r>
          </a:p>
          <a:p>
            <a:pPr marL="170785" indent="-170785">
              <a:lnSpc>
                <a:spcPct val="85000"/>
              </a:lnSpc>
              <a:spcBef>
                <a:spcPts val="0"/>
              </a:spcBef>
              <a:spcAft>
                <a:spcPts val="0"/>
              </a:spcAft>
              <a:buFont typeface="Arial" panose="020B0604020202020204" pitchFamily="34" charset="0"/>
              <a:buChar char="•"/>
            </a:pPr>
            <a:r>
              <a:rPr lang="en-US" sz="1100" dirty="0"/>
              <a:t>Selected by DWR Director with the concurrence of JPA</a:t>
            </a:r>
          </a:p>
          <a:p>
            <a:pPr marL="170785" indent="-170785">
              <a:lnSpc>
                <a:spcPct val="85000"/>
              </a:lnSpc>
              <a:spcBef>
                <a:spcPts val="0"/>
              </a:spcBef>
              <a:spcAft>
                <a:spcPts val="0"/>
              </a:spcAft>
              <a:buFont typeface="Arial" panose="020B0604020202020204" pitchFamily="34" charset="0"/>
              <a:buChar char="•"/>
            </a:pPr>
            <a:r>
              <a:rPr lang="en-US" sz="1100" dirty="0"/>
              <a:t>Reports to Project Management Board </a:t>
            </a:r>
          </a:p>
          <a:p>
            <a:pPr>
              <a:lnSpc>
                <a:spcPct val="85000"/>
              </a:lnSpc>
              <a:spcBef>
                <a:spcPts val="0"/>
              </a:spcBef>
              <a:spcAft>
                <a:spcPts val="0"/>
              </a:spcAft>
            </a:pPr>
            <a:endParaRPr lang="en-US" sz="1100" dirty="0">
              <a:cs typeface="Calibri"/>
            </a:endParaRPr>
          </a:p>
          <a:p>
            <a:pPr>
              <a:lnSpc>
                <a:spcPct val="85000"/>
              </a:lnSpc>
              <a:spcBef>
                <a:spcPts val="0"/>
              </a:spcBef>
              <a:spcAft>
                <a:spcPts val="0"/>
              </a:spcAft>
            </a:pPr>
            <a:endParaRPr lang="en-US" sz="1100" b="1" u="sng" cap="small"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a:solidFill>
                  <a:prstClr val="black"/>
                </a:solidFill>
              </a:rPr>
              <a:pPr>
                <a:defRPr/>
              </a:pPr>
              <a:t>40</a:t>
            </a:fld>
            <a:endParaRPr lang="en-US" dirty="0">
              <a:solidFill>
                <a:prstClr val="black"/>
              </a:solidFill>
            </a:endParaRPr>
          </a:p>
        </p:txBody>
      </p:sp>
    </p:spTree>
    <p:extLst>
      <p:ext uri="{BB962C8B-B14F-4D97-AF65-F5344CB8AC3E}">
        <p14:creationId xmlns:p14="http://schemas.microsoft.com/office/powerpoint/2010/main" val="257670450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41</a:t>
            </a:fld>
            <a:endParaRPr lang="en-US" dirty="0">
              <a:solidFill>
                <a:prstClr val="black"/>
              </a:solidFill>
            </a:endParaRPr>
          </a:p>
        </p:txBody>
      </p:sp>
    </p:spTree>
    <p:extLst>
      <p:ext uri="{BB962C8B-B14F-4D97-AF65-F5344CB8AC3E}">
        <p14:creationId xmlns:p14="http://schemas.microsoft.com/office/powerpoint/2010/main" val="339639249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42</a:t>
            </a:fld>
            <a:endParaRPr lang="en-US" dirty="0"/>
          </a:p>
        </p:txBody>
      </p:sp>
    </p:spTree>
    <p:extLst>
      <p:ext uri="{BB962C8B-B14F-4D97-AF65-F5344CB8AC3E}">
        <p14:creationId xmlns:p14="http://schemas.microsoft.com/office/powerpoint/2010/main" val="3513449913"/>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673480" y="3200403"/>
            <a:ext cx="7889136" cy="3420533"/>
          </a:xfrm>
        </p:spPr>
        <p:txBody>
          <a:bodyPr>
            <a:noAutofit/>
          </a:bodyPr>
          <a:lstStyle/>
          <a:p>
            <a:pPr>
              <a:lnSpc>
                <a:spcPct val="85000"/>
              </a:lnSpc>
            </a:pPr>
            <a:r>
              <a:rPr lang="en-US" sz="1000" b="1" u="sng" dirty="0"/>
              <a:t>2014 Water Year Forecast as of March 1, 2014</a:t>
            </a:r>
          </a:p>
          <a:p>
            <a:pPr>
              <a:lnSpc>
                <a:spcPct val="85000"/>
              </a:lnSpc>
            </a:pPr>
            <a:endParaRPr lang="en-US" sz="1000" b="1" u="sng" dirty="0"/>
          </a:p>
          <a:p>
            <a:pPr>
              <a:lnSpc>
                <a:spcPct val="85000"/>
              </a:lnSpc>
            </a:pPr>
            <a:r>
              <a:rPr lang="en-US" sz="1000" b="1" u="sng" dirty="0"/>
              <a:t>Sac River Unimpaired Runoff</a:t>
            </a:r>
          </a:p>
          <a:p>
            <a:pPr marL="166583" indent="-166583">
              <a:lnSpc>
                <a:spcPct val="85000"/>
              </a:lnSpc>
              <a:buFont typeface="Arial" panose="020B0604020202020204" pitchFamily="34" charset="0"/>
              <a:buChar char="•"/>
            </a:pPr>
            <a:r>
              <a:rPr lang="en-US" sz="1000" dirty="0"/>
              <a:t>Mar 1 -- 5.1 million af (90 percentile)  5.9 million af (75 percentile)  6.6 million af (50 percentile)</a:t>
            </a:r>
          </a:p>
          <a:p>
            <a:pPr>
              <a:lnSpc>
                <a:spcPct val="85000"/>
              </a:lnSpc>
            </a:pPr>
            <a:endParaRPr lang="en-US" sz="1000" b="1" u="sng" dirty="0"/>
          </a:p>
          <a:p>
            <a:pPr>
              <a:lnSpc>
                <a:spcPct val="85000"/>
              </a:lnSpc>
            </a:pPr>
            <a:r>
              <a:rPr lang="en-US" sz="1000" b="1" u="sng" dirty="0"/>
              <a:t>Sacramento River Runoff is the sum of unimpaired flow in million acre-feet at:</a:t>
            </a:r>
            <a:r>
              <a:rPr lang="en-US" sz="1000" dirty="0"/>
              <a:t> </a:t>
            </a:r>
          </a:p>
          <a:p>
            <a:pPr marL="166583" indent="-166583">
              <a:lnSpc>
                <a:spcPct val="85000"/>
              </a:lnSpc>
              <a:buFont typeface="Arial" panose="020B0604020202020204" pitchFamily="34" charset="0"/>
              <a:buChar char="•"/>
            </a:pPr>
            <a:r>
              <a:rPr lang="en-US" sz="1000" dirty="0"/>
              <a:t>Sacramento River above Bend Bridge </a:t>
            </a:r>
          </a:p>
          <a:p>
            <a:pPr marL="166583" indent="-166583">
              <a:lnSpc>
                <a:spcPct val="85000"/>
              </a:lnSpc>
              <a:buFont typeface="Arial" panose="020B0604020202020204" pitchFamily="34" charset="0"/>
              <a:buChar char="•"/>
            </a:pPr>
            <a:r>
              <a:rPr lang="en-US" sz="1000" dirty="0"/>
              <a:t>Feather River at Oroville (aka inflow to Lake Oroville) </a:t>
            </a:r>
          </a:p>
          <a:p>
            <a:pPr marL="166583" indent="-166583">
              <a:lnSpc>
                <a:spcPct val="85000"/>
              </a:lnSpc>
              <a:buFont typeface="Arial" panose="020B0604020202020204" pitchFamily="34" charset="0"/>
              <a:buChar char="•"/>
            </a:pPr>
            <a:r>
              <a:rPr lang="en-US" sz="1000" dirty="0"/>
              <a:t>Yuba River near Smartville </a:t>
            </a:r>
          </a:p>
          <a:p>
            <a:pPr marL="166583" indent="-166583">
              <a:lnSpc>
                <a:spcPct val="85000"/>
              </a:lnSpc>
              <a:buFont typeface="Arial" panose="020B0604020202020204" pitchFamily="34" charset="0"/>
              <a:buChar char="•"/>
            </a:pPr>
            <a:r>
              <a:rPr lang="en-US" sz="1000" dirty="0"/>
              <a:t>American River below Folsom Lake </a:t>
            </a:r>
          </a:p>
          <a:p>
            <a:pPr marL="166583" indent="-166583">
              <a:lnSpc>
                <a:spcPct val="85000"/>
              </a:lnSpc>
              <a:buFont typeface="Arial" panose="020B0604020202020204" pitchFamily="34" charset="0"/>
              <a:buChar char="•"/>
            </a:pPr>
            <a:endParaRPr lang="en-US" sz="1000" dirty="0"/>
          </a:p>
          <a:p>
            <a:pPr>
              <a:lnSpc>
                <a:spcPct val="85000"/>
              </a:lnSpc>
            </a:pPr>
            <a:r>
              <a:rPr lang="en-US" sz="1000" dirty="0"/>
              <a:t>Also known as the "Sacramento River Index", this index was previously used to determine year type classifications under SWRCB Decision 1485. Also previously referred to as the "4 River Index" or "4 Basin Index". </a:t>
            </a:r>
          </a:p>
          <a:p>
            <a:pPr>
              <a:lnSpc>
                <a:spcPct val="85000"/>
              </a:lnSpc>
            </a:pPr>
            <a:endParaRPr lang="en-US" sz="1000" dirty="0"/>
          </a:p>
          <a:p>
            <a:pPr>
              <a:lnSpc>
                <a:spcPct val="85000"/>
              </a:lnSpc>
            </a:pPr>
            <a:r>
              <a:rPr lang="en-US" sz="1000" b="1" u="sng" dirty="0"/>
              <a:t>Water Year Runoff through end of last month: </a:t>
            </a:r>
          </a:p>
          <a:p>
            <a:pPr marL="166583" indent="-166583">
              <a:lnSpc>
                <a:spcPct val="85000"/>
              </a:lnSpc>
              <a:buFont typeface="Arial" panose="020B0604020202020204" pitchFamily="34" charset="0"/>
              <a:buChar char="•"/>
            </a:pPr>
            <a:r>
              <a:rPr lang="en-US" sz="1000" dirty="0"/>
              <a:t>2014 (current year) = 2.5 million AF, 30% of average </a:t>
            </a:r>
          </a:p>
          <a:p>
            <a:pPr marL="166583" indent="-166583">
              <a:lnSpc>
                <a:spcPct val="85000"/>
              </a:lnSpc>
              <a:buFont typeface="Arial" panose="020B0604020202020204" pitchFamily="34" charset="0"/>
              <a:buChar char="•"/>
            </a:pPr>
            <a:r>
              <a:rPr lang="en-US" sz="1000" dirty="0"/>
              <a:t>2013 (last year) = 6.8 million AF, 84% of average </a:t>
            </a:r>
          </a:p>
          <a:p>
            <a:pPr>
              <a:lnSpc>
                <a:spcPct val="85000"/>
              </a:lnSpc>
            </a:pPr>
            <a:endParaRPr lang="en-US" sz="1000" dirty="0"/>
          </a:p>
          <a:p>
            <a:pPr>
              <a:lnSpc>
                <a:spcPct val="85000"/>
              </a:lnSpc>
            </a:pPr>
            <a:r>
              <a:rPr lang="en-US" sz="1000" b="1" u="sng" dirty="0"/>
              <a:t>Previous Water Year Total Runoff</a:t>
            </a:r>
            <a:r>
              <a:rPr lang="en-US" sz="1000" dirty="0"/>
              <a:t>: </a:t>
            </a:r>
          </a:p>
          <a:p>
            <a:pPr marL="166583" indent="-166583">
              <a:lnSpc>
                <a:spcPct val="85000"/>
              </a:lnSpc>
              <a:buFont typeface="Arial" panose="020B0604020202020204" pitchFamily="34" charset="0"/>
              <a:buChar char="•"/>
              <a:tabLst>
                <a:tab pos="1560947" algn="l"/>
              </a:tabLst>
            </a:pPr>
            <a:r>
              <a:rPr lang="en-US" sz="1000" dirty="0"/>
              <a:t>2013 </a:t>
            </a:r>
            <a:r>
              <a:rPr lang="da-DK" sz="1000" dirty="0"/>
              <a:t>– </a:t>
            </a:r>
            <a:r>
              <a:rPr lang="en-US" sz="1000" dirty="0"/>
              <a:t>	11.9 million AF (65% of average) </a:t>
            </a:r>
          </a:p>
          <a:p>
            <a:pPr marL="166583" indent="-166583">
              <a:lnSpc>
                <a:spcPct val="85000"/>
              </a:lnSpc>
              <a:buFont typeface="Arial" panose="020B0604020202020204" pitchFamily="34" charset="0"/>
              <a:buChar char="•"/>
              <a:tabLst>
                <a:tab pos="1560947" algn="l"/>
              </a:tabLst>
            </a:pPr>
            <a:r>
              <a:rPr lang="en-US" sz="1000" dirty="0"/>
              <a:t>1977 (Min) </a:t>
            </a:r>
            <a:r>
              <a:rPr lang="da-DK" sz="1000" dirty="0"/>
              <a:t>–</a:t>
            </a:r>
            <a:r>
              <a:rPr lang="en-US" sz="1000" dirty="0"/>
              <a:t> 	  5.1 million AF (28% of average) </a:t>
            </a:r>
          </a:p>
          <a:p>
            <a:pPr marL="166583" indent="-166583">
              <a:lnSpc>
                <a:spcPct val="85000"/>
              </a:lnSpc>
              <a:buFont typeface="Arial" panose="020B0604020202020204" pitchFamily="34" charset="0"/>
              <a:buChar char="•"/>
              <a:tabLst>
                <a:tab pos="1560947" algn="l"/>
              </a:tabLst>
            </a:pPr>
            <a:r>
              <a:rPr lang="en-US" sz="1000" dirty="0"/>
              <a:t>1983 (Max) </a:t>
            </a:r>
            <a:r>
              <a:rPr lang="da-DK" sz="1000" dirty="0"/>
              <a:t>– </a:t>
            </a:r>
            <a:r>
              <a:rPr lang="en-US" sz="1000" dirty="0"/>
              <a:t>	37.7 million AF (206% of average) </a:t>
            </a:r>
          </a:p>
          <a:p>
            <a:pPr marL="166583" indent="-166583">
              <a:lnSpc>
                <a:spcPct val="85000"/>
              </a:lnSpc>
              <a:buFont typeface="Arial" panose="020B0604020202020204" pitchFamily="34" charset="0"/>
              <a:buChar char="•"/>
              <a:tabLst>
                <a:tab pos="1560947" algn="l"/>
              </a:tabLst>
            </a:pPr>
            <a:r>
              <a:rPr lang="en-US" sz="1000" dirty="0"/>
              <a:t>1961-2010 average </a:t>
            </a:r>
            <a:r>
              <a:rPr lang="da-DK" sz="1000" dirty="0"/>
              <a:t>– </a:t>
            </a:r>
            <a:r>
              <a:rPr lang="en-US" sz="1000" dirty="0"/>
              <a:t>	18.3 million af/yr. </a:t>
            </a:r>
          </a:p>
          <a:p>
            <a:pPr marL="166583" indent="-166583">
              <a:lnSpc>
                <a:spcPct val="85000"/>
              </a:lnSpc>
              <a:buFont typeface="Arial" panose="020B0604020202020204" pitchFamily="34" charset="0"/>
              <a:buChar char="•"/>
              <a:tabLst>
                <a:tab pos="1560947" algn="l"/>
              </a:tabLst>
            </a:pPr>
            <a:r>
              <a:rPr lang="da-DK" sz="1000" dirty="0"/>
              <a:t>1906-2013 average – 	17.9 million af/yr.</a:t>
            </a:r>
          </a:p>
          <a:p>
            <a:pPr marL="166583" indent="-166583">
              <a:lnSpc>
                <a:spcPct val="85000"/>
              </a:lnSpc>
              <a:buFont typeface="Arial" panose="020B0604020202020204" pitchFamily="34" charset="0"/>
              <a:buChar char="•"/>
              <a:tabLst>
                <a:tab pos="1560947" algn="l"/>
              </a:tabLst>
            </a:pPr>
            <a:r>
              <a:rPr lang="da-DK" sz="1000" dirty="0"/>
              <a:t>2004-2013 average – 	16.5 million af/yr.</a:t>
            </a:r>
          </a:p>
          <a:p>
            <a:pPr rtl="0" eaLnBrk="1" fontAlgn="t" latinLnBrk="0" hangingPunct="1">
              <a:lnSpc>
                <a:spcPct val="85000"/>
              </a:lnSpc>
            </a:pPr>
            <a:endParaRPr lang="en-US" sz="1000" b="1" dirty="0"/>
          </a:p>
          <a:p>
            <a:pPr rtl="0" eaLnBrk="1" fontAlgn="t" latinLnBrk="0" hangingPunct="1">
              <a:lnSpc>
                <a:spcPct val="85000"/>
              </a:lnSpc>
            </a:pPr>
            <a:r>
              <a:rPr lang="en-US" sz="1000" b="1" dirty="0"/>
              <a:t>Water-Year Type % of 82-yr Record</a:t>
            </a:r>
            <a:endParaRPr lang="en-US" sz="1000" dirty="0"/>
          </a:p>
          <a:p>
            <a:pPr marL="155133" indent="-155133" fontAlgn="t">
              <a:lnSpc>
                <a:spcPct val="85000"/>
              </a:lnSpc>
              <a:buFont typeface="Arial" panose="020B0604020202020204" pitchFamily="34" charset="0"/>
              <a:buChar char="•"/>
            </a:pPr>
            <a:r>
              <a:rPr lang="en-US" sz="1000" dirty="0"/>
              <a:t>Wet 32%</a:t>
            </a:r>
          </a:p>
          <a:p>
            <a:pPr marL="155133" indent="-155133" fontAlgn="t">
              <a:lnSpc>
                <a:spcPct val="85000"/>
              </a:lnSpc>
              <a:buFont typeface="Arial" panose="020B0604020202020204" pitchFamily="34" charset="0"/>
              <a:buChar char="•"/>
            </a:pPr>
            <a:r>
              <a:rPr lang="en-US" sz="1000" dirty="0"/>
              <a:t>Above-normal 15%</a:t>
            </a:r>
          </a:p>
          <a:p>
            <a:pPr marL="155133" indent="-155133" fontAlgn="t">
              <a:lnSpc>
                <a:spcPct val="85000"/>
              </a:lnSpc>
              <a:buFont typeface="Arial" panose="020B0604020202020204" pitchFamily="34" charset="0"/>
              <a:buChar char="•"/>
            </a:pPr>
            <a:r>
              <a:rPr lang="en-US" sz="1000" dirty="0"/>
              <a:t>Below-normal 17%</a:t>
            </a:r>
          </a:p>
          <a:p>
            <a:pPr marL="155133" indent="-155133" fontAlgn="t">
              <a:lnSpc>
                <a:spcPct val="85000"/>
              </a:lnSpc>
              <a:buFont typeface="Arial" panose="020B0604020202020204" pitchFamily="34" charset="0"/>
              <a:buChar char="•"/>
            </a:pPr>
            <a:r>
              <a:rPr lang="en-US" sz="1000" dirty="0"/>
              <a:t>Dry 22%</a:t>
            </a:r>
          </a:p>
          <a:p>
            <a:pPr marL="155133" indent="-155133" fontAlgn="t">
              <a:lnSpc>
                <a:spcPct val="85000"/>
              </a:lnSpc>
              <a:buFont typeface="Arial" panose="020B0604020202020204" pitchFamily="34" charset="0"/>
              <a:buChar char="•"/>
            </a:pPr>
            <a:r>
              <a:rPr lang="en-US" sz="1000" dirty="0"/>
              <a:t>Critical 15%</a:t>
            </a:r>
          </a:p>
          <a:p>
            <a:pPr marL="166583" indent="-166583">
              <a:lnSpc>
                <a:spcPct val="85000"/>
              </a:lnSpc>
              <a:buFont typeface="Arial" panose="020B0604020202020204" pitchFamily="34" charset="0"/>
              <a:buChar char="•"/>
              <a:tabLst>
                <a:tab pos="1560947" algn="l"/>
              </a:tabLst>
            </a:pPr>
            <a:endParaRPr lang="da-DK" sz="1000"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3</a:t>
            </a:fld>
            <a:endParaRPr lang="en-US" dirty="0">
              <a:solidFill>
                <a:prstClr val="black"/>
              </a:solidFill>
            </a:endParaRPr>
          </a:p>
        </p:txBody>
      </p:sp>
    </p:spTree>
    <p:extLst>
      <p:ext uri="{BB962C8B-B14F-4D97-AF65-F5344CB8AC3E}">
        <p14:creationId xmlns:p14="http://schemas.microsoft.com/office/powerpoint/2010/main" val="149019765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673480" y="3200404"/>
            <a:ext cx="7889136" cy="3420533"/>
          </a:xfrm>
        </p:spPr>
        <p:txBody>
          <a:bodyPr>
            <a:noAutofit/>
          </a:bodyPr>
          <a:lstStyle/>
          <a:p>
            <a:pPr>
              <a:lnSpc>
                <a:spcPct val="85000"/>
              </a:lnSpc>
            </a:pPr>
            <a:r>
              <a:rPr lang="en-US" sz="1000" b="1" u="sng" dirty="0"/>
              <a:t>2014 Water Year Forecast as of March 1, 2014</a:t>
            </a:r>
          </a:p>
          <a:p>
            <a:pPr>
              <a:lnSpc>
                <a:spcPct val="85000"/>
              </a:lnSpc>
            </a:pPr>
            <a:endParaRPr lang="en-US" sz="1000" b="1" u="sng" dirty="0"/>
          </a:p>
          <a:p>
            <a:pPr>
              <a:lnSpc>
                <a:spcPct val="85000"/>
              </a:lnSpc>
            </a:pPr>
            <a:r>
              <a:rPr lang="en-US" sz="1000" b="1" u="sng" dirty="0"/>
              <a:t>Sac River Unimpaired Runoff</a:t>
            </a:r>
          </a:p>
          <a:p>
            <a:pPr marL="166583" indent="-166583">
              <a:lnSpc>
                <a:spcPct val="85000"/>
              </a:lnSpc>
              <a:buFont typeface="Arial" panose="020B0604020202020204" pitchFamily="34" charset="0"/>
              <a:buChar char="•"/>
            </a:pPr>
            <a:r>
              <a:rPr lang="en-US" sz="1000" dirty="0"/>
              <a:t>Mar 1 -- 5.1 million af (90 percentile)  5.9 million af (75 percentile)  6.6 million af (50 percentile)</a:t>
            </a:r>
          </a:p>
          <a:p>
            <a:pPr>
              <a:lnSpc>
                <a:spcPct val="85000"/>
              </a:lnSpc>
            </a:pPr>
            <a:endParaRPr lang="en-US" sz="1000" b="1" u="sng" dirty="0"/>
          </a:p>
          <a:p>
            <a:pPr>
              <a:lnSpc>
                <a:spcPct val="85000"/>
              </a:lnSpc>
            </a:pPr>
            <a:r>
              <a:rPr lang="en-US" sz="1000" b="1" u="sng" dirty="0"/>
              <a:t>Sacramento River Runoff is the sum of unimpaired flow in million acre-feet at:</a:t>
            </a:r>
            <a:r>
              <a:rPr lang="en-US" sz="1000" dirty="0"/>
              <a:t> </a:t>
            </a:r>
          </a:p>
          <a:p>
            <a:pPr marL="166583" indent="-166583">
              <a:lnSpc>
                <a:spcPct val="85000"/>
              </a:lnSpc>
              <a:buFont typeface="Arial" panose="020B0604020202020204" pitchFamily="34" charset="0"/>
              <a:buChar char="•"/>
            </a:pPr>
            <a:r>
              <a:rPr lang="en-US" sz="1000" dirty="0"/>
              <a:t>Sacramento River above Bend Bridge </a:t>
            </a:r>
          </a:p>
          <a:p>
            <a:pPr marL="166583" indent="-166583">
              <a:lnSpc>
                <a:spcPct val="85000"/>
              </a:lnSpc>
              <a:buFont typeface="Arial" panose="020B0604020202020204" pitchFamily="34" charset="0"/>
              <a:buChar char="•"/>
            </a:pPr>
            <a:r>
              <a:rPr lang="en-US" sz="1000" dirty="0"/>
              <a:t>Feather River at Oroville (aka inflow to Lake Oroville) </a:t>
            </a:r>
          </a:p>
          <a:p>
            <a:pPr marL="166583" indent="-166583">
              <a:lnSpc>
                <a:spcPct val="85000"/>
              </a:lnSpc>
              <a:buFont typeface="Arial" panose="020B0604020202020204" pitchFamily="34" charset="0"/>
              <a:buChar char="•"/>
            </a:pPr>
            <a:r>
              <a:rPr lang="en-US" sz="1000" dirty="0"/>
              <a:t>Yuba River near Smartville </a:t>
            </a:r>
          </a:p>
          <a:p>
            <a:pPr marL="166583" indent="-166583">
              <a:lnSpc>
                <a:spcPct val="85000"/>
              </a:lnSpc>
              <a:buFont typeface="Arial" panose="020B0604020202020204" pitchFamily="34" charset="0"/>
              <a:buChar char="•"/>
            </a:pPr>
            <a:r>
              <a:rPr lang="en-US" sz="1000" dirty="0"/>
              <a:t>American River below Folsom Lake </a:t>
            </a:r>
          </a:p>
          <a:p>
            <a:pPr marL="166583" indent="-166583">
              <a:lnSpc>
                <a:spcPct val="85000"/>
              </a:lnSpc>
              <a:buFont typeface="Arial" panose="020B0604020202020204" pitchFamily="34" charset="0"/>
              <a:buChar char="•"/>
            </a:pPr>
            <a:endParaRPr lang="en-US" sz="1000" dirty="0"/>
          </a:p>
          <a:p>
            <a:pPr>
              <a:lnSpc>
                <a:spcPct val="85000"/>
              </a:lnSpc>
            </a:pPr>
            <a:r>
              <a:rPr lang="en-US" sz="1000" dirty="0"/>
              <a:t>Also known as the "Sacramento River Index", this index was previously used to determine year type classifications under SWRCB Decision 1485. Also previously referred to as the "4 River Index" or "4 Basin Index". </a:t>
            </a:r>
          </a:p>
          <a:p>
            <a:pPr>
              <a:lnSpc>
                <a:spcPct val="85000"/>
              </a:lnSpc>
            </a:pPr>
            <a:endParaRPr lang="en-US" sz="1000" dirty="0"/>
          </a:p>
          <a:p>
            <a:pPr>
              <a:lnSpc>
                <a:spcPct val="85000"/>
              </a:lnSpc>
            </a:pPr>
            <a:r>
              <a:rPr lang="en-US" sz="1000" b="1" u="sng" dirty="0"/>
              <a:t>Water Year Runoff through end of last month: </a:t>
            </a:r>
          </a:p>
          <a:p>
            <a:pPr marL="166583" indent="-166583">
              <a:lnSpc>
                <a:spcPct val="85000"/>
              </a:lnSpc>
              <a:buFont typeface="Arial" panose="020B0604020202020204" pitchFamily="34" charset="0"/>
              <a:buChar char="•"/>
            </a:pPr>
            <a:r>
              <a:rPr lang="en-US" sz="1000" dirty="0"/>
              <a:t>2014 (current year) = 2.5 million AF, 30% of average </a:t>
            </a:r>
          </a:p>
          <a:p>
            <a:pPr marL="166583" indent="-166583">
              <a:lnSpc>
                <a:spcPct val="85000"/>
              </a:lnSpc>
              <a:buFont typeface="Arial" panose="020B0604020202020204" pitchFamily="34" charset="0"/>
              <a:buChar char="•"/>
            </a:pPr>
            <a:r>
              <a:rPr lang="en-US" sz="1000" dirty="0"/>
              <a:t>2013 (last year) = 6.8 million AF, 84% of average </a:t>
            </a:r>
          </a:p>
          <a:p>
            <a:pPr>
              <a:lnSpc>
                <a:spcPct val="85000"/>
              </a:lnSpc>
            </a:pPr>
            <a:endParaRPr lang="en-US" sz="1000" dirty="0"/>
          </a:p>
          <a:p>
            <a:pPr>
              <a:lnSpc>
                <a:spcPct val="85000"/>
              </a:lnSpc>
            </a:pPr>
            <a:r>
              <a:rPr lang="en-US" sz="1000" b="1" u="sng" dirty="0"/>
              <a:t>Previous Water Year Total Runoff</a:t>
            </a:r>
            <a:r>
              <a:rPr lang="en-US" sz="1000" dirty="0"/>
              <a:t>: </a:t>
            </a:r>
          </a:p>
          <a:p>
            <a:pPr marL="166583" indent="-166583">
              <a:lnSpc>
                <a:spcPct val="85000"/>
              </a:lnSpc>
              <a:buFont typeface="Arial" panose="020B0604020202020204" pitchFamily="34" charset="0"/>
              <a:buChar char="•"/>
              <a:tabLst>
                <a:tab pos="1560947" algn="l"/>
              </a:tabLst>
            </a:pPr>
            <a:r>
              <a:rPr lang="en-US" sz="1000" dirty="0"/>
              <a:t>2013 </a:t>
            </a:r>
            <a:r>
              <a:rPr lang="da-DK" sz="1000" dirty="0"/>
              <a:t>– </a:t>
            </a:r>
            <a:r>
              <a:rPr lang="en-US" sz="1000" dirty="0"/>
              <a:t>	11.9 million AF (65% of average) </a:t>
            </a:r>
          </a:p>
          <a:p>
            <a:pPr marL="166583" indent="-166583">
              <a:lnSpc>
                <a:spcPct val="85000"/>
              </a:lnSpc>
              <a:buFont typeface="Arial" panose="020B0604020202020204" pitchFamily="34" charset="0"/>
              <a:buChar char="•"/>
              <a:tabLst>
                <a:tab pos="1560947" algn="l"/>
              </a:tabLst>
            </a:pPr>
            <a:r>
              <a:rPr lang="en-US" sz="1000" dirty="0"/>
              <a:t>1977 (Min) </a:t>
            </a:r>
            <a:r>
              <a:rPr lang="da-DK" sz="1000" dirty="0"/>
              <a:t>–</a:t>
            </a:r>
            <a:r>
              <a:rPr lang="en-US" sz="1000" dirty="0"/>
              <a:t> 	  5.1 million AF (28% of average) </a:t>
            </a:r>
          </a:p>
          <a:p>
            <a:pPr marL="166583" indent="-166583">
              <a:lnSpc>
                <a:spcPct val="85000"/>
              </a:lnSpc>
              <a:buFont typeface="Arial" panose="020B0604020202020204" pitchFamily="34" charset="0"/>
              <a:buChar char="•"/>
              <a:tabLst>
                <a:tab pos="1560947" algn="l"/>
              </a:tabLst>
            </a:pPr>
            <a:r>
              <a:rPr lang="en-US" sz="1000" dirty="0"/>
              <a:t>1983 (Max) </a:t>
            </a:r>
            <a:r>
              <a:rPr lang="da-DK" sz="1000" dirty="0"/>
              <a:t>– </a:t>
            </a:r>
            <a:r>
              <a:rPr lang="en-US" sz="1000" dirty="0"/>
              <a:t>	37.7 million AF (206% of average) </a:t>
            </a:r>
          </a:p>
          <a:p>
            <a:pPr marL="166583" indent="-166583">
              <a:lnSpc>
                <a:spcPct val="85000"/>
              </a:lnSpc>
              <a:buFont typeface="Arial" panose="020B0604020202020204" pitchFamily="34" charset="0"/>
              <a:buChar char="•"/>
              <a:tabLst>
                <a:tab pos="1560947" algn="l"/>
              </a:tabLst>
            </a:pPr>
            <a:r>
              <a:rPr lang="en-US" sz="1000" dirty="0"/>
              <a:t>1961-2010 average </a:t>
            </a:r>
            <a:r>
              <a:rPr lang="da-DK" sz="1000" dirty="0"/>
              <a:t>– </a:t>
            </a:r>
            <a:r>
              <a:rPr lang="en-US" sz="1000" dirty="0"/>
              <a:t>	18.3 million af/yr. </a:t>
            </a:r>
          </a:p>
          <a:p>
            <a:pPr marL="166583" indent="-166583">
              <a:lnSpc>
                <a:spcPct val="85000"/>
              </a:lnSpc>
              <a:buFont typeface="Arial" panose="020B0604020202020204" pitchFamily="34" charset="0"/>
              <a:buChar char="•"/>
              <a:tabLst>
                <a:tab pos="1560947" algn="l"/>
              </a:tabLst>
            </a:pPr>
            <a:r>
              <a:rPr lang="da-DK" sz="1000" dirty="0"/>
              <a:t>1906-2013 average – 	17.9 million af/yr.</a:t>
            </a:r>
          </a:p>
          <a:p>
            <a:pPr marL="166583" indent="-166583">
              <a:lnSpc>
                <a:spcPct val="85000"/>
              </a:lnSpc>
              <a:buFont typeface="Arial" panose="020B0604020202020204" pitchFamily="34" charset="0"/>
              <a:buChar char="•"/>
              <a:tabLst>
                <a:tab pos="1560947" algn="l"/>
              </a:tabLst>
            </a:pPr>
            <a:r>
              <a:rPr lang="da-DK" sz="1000" dirty="0"/>
              <a:t>2004-2013 average – 	16.5 million af/yr.</a:t>
            </a:r>
          </a:p>
          <a:p>
            <a:pPr rtl="0" eaLnBrk="1" fontAlgn="t" latinLnBrk="0" hangingPunct="1">
              <a:lnSpc>
                <a:spcPct val="85000"/>
              </a:lnSpc>
            </a:pPr>
            <a:endParaRPr lang="en-US" sz="1000" b="1" dirty="0"/>
          </a:p>
          <a:p>
            <a:pPr rtl="0" eaLnBrk="1" fontAlgn="t" latinLnBrk="0" hangingPunct="1">
              <a:lnSpc>
                <a:spcPct val="85000"/>
              </a:lnSpc>
            </a:pPr>
            <a:r>
              <a:rPr lang="en-US" sz="1000" b="1" dirty="0"/>
              <a:t>Water-Year Type % of 82-yr Record</a:t>
            </a:r>
            <a:endParaRPr lang="en-US" sz="1000" dirty="0"/>
          </a:p>
          <a:p>
            <a:pPr marL="155133" indent="-155133" fontAlgn="t">
              <a:lnSpc>
                <a:spcPct val="85000"/>
              </a:lnSpc>
              <a:buFont typeface="Arial" panose="020B0604020202020204" pitchFamily="34" charset="0"/>
              <a:buChar char="•"/>
            </a:pPr>
            <a:r>
              <a:rPr lang="en-US" sz="1000" dirty="0"/>
              <a:t>Wet 32%</a:t>
            </a:r>
          </a:p>
          <a:p>
            <a:pPr marL="155133" indent="-155133" fontAlgn="t">
              <a:lnSpc>
                <a:spcPct val="85000"/>
              </a:lnSpc>
              <a:buFont typeface="Arial" panose="020B0604020202020204" pitchFamily="34" charset="0"/>
              <a:buChar char="•"/>
            </a:pPr>
            <a:r>
              <a:rPr lang="en-US" sz="1000" dirty="0"/>
              <a:t>Above-normal 15%</a:t>
            </a:r>
          </a:p>
          <a:p>
            <a:pPr marL="155133" indent="-155133" fontAlgn="t">
              <a:lnSpc>
                <a:spcPct val="85000"/>
              </a:lnSpc>
              <a:buFont typeface="Arial" panose="020B0604020202020204" pitchFamily="34" charset="0"/>
              <a:buChar char="•"/>
            </a:pPr>
            <a:r>
              <a:rPr lang="en-US" sz="1000" dirty="0"/>
              <a:t>Below-normal 17%</a:t>
            </a:r>
          </a:p>
          <a:p>
            <a:pPr marL="155133" indent="-155133" fontAlgn="t">
              <a:lnSpc>
                <a:spcPct val="85000"/>
              </a:lnSpc>
              <a:buFont typeface="Arial" panose="020B0604020202020204" pitchFamily="34" charset="0"/>
              <a:buChar char="•"/>
            </a:pPr>
            <a:r>
              <a:rPr lang="en-US" sz="1000" dirty="0"/>
              <a:t>Dry 22%</a:t>
            </a:r>
          </a:p>
          <a:p>
            <a:pPr marL="155133" indent="-155133" fontAlgn="t">
              <a:lnSpc>
                <a:spcPct val="85000"/>
              </a:lnSpc>
              <a:buFont typeface="Arial" panose="020B0604020202020204" pitchFamily="34" charset="0"/>
              <a:buChar char="•"/>
            </a:pPr>
            <a:r>
              <a:rPr lang="en-US" sz="1000" dirty="0"/>
              <a:t>Critical 15%</a:t>
            </a:r>
          </a:p>
          <a:p>
            <a:pPr marL="166583" indent="-166583">
              <a:lnSpc>
                <a:spcPct val="85000"/>
              </a:lnSpc>
              <a:buFont typeface="Arial" panose="020B0604020202020204" pitchFamily="34" charset="0"/>
              <a:buChar char="•"/>
              <a:tabLst>
                <a:tab pos="1560947" algn="l"/>
              </a:tabLst>
            </a:pPr>
            <a:endParaRPr lang="da-DK" sz="1000"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4</a:t>
            </a:fld>
            <a:endParaRPr lang="en-US" dirty="0">
              <a:solidFill>
                <a:prstClr val="black"/>
              </a:solidFill>
            </a:endParaRPr>
          </a:p>
        </p:txBody>
      </p:sp>
    </p:spTree>
    <p:extLst>
      <p:ext uri="{BB962C8B-B14F-4D97-AF65-F5344CB8AC3E}">
        <p14:creationId xmlns:p14="http://schemas.microsoft.com/office/powerpoint/2010/main" val="149019765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u="sng" dirty="0"/>
              <a:t>Comparison</a:t>
            </a:r>
            <a:r>
              <a:rPr lang="en-US" b="1" u="sng" dirty="0" smtClean="0"/>
              <a:t> (MAF)	</a:t>
            </a:r>
            <a:r>
              <a:rPr lang="en-US" b="1" u="sng" dirty="0"/>
              <a:t>Avg</a:t>
            </a:r>
            <a:r>
              <a:rPr lang="en-US" b="1" u="sng" dirty="0" smtClean="0"/>
              <a:t> 	</a:t>
            </a:r>
            <a:r>
              <a:rPr lang="en-US" b="1" u="sng" dirty="0"/>
              <a:t>Min</a:t>
            </a:r>
            <a:r>
              <a:rPr lang="en-US" b="1" u="sng" dirty="0" smtClean="0"/>
              <a:t> 	</a:t>
            </a:r>
            <a:r>
              <a:rPr lang="en-US" b="1" u="sng" dirty="0"/>
              <a:t>Max</a:t>
            </a:r>
            <a:r>
              <a:rPr lang="en-US" b="1" u="sng" dirty="0" smtClean="0"/>
              <a:t> </a:t>
            </a:r>
          </a:p>
          <a:p>
            <a:pPr marL="160938" indent="-160938">
              <a:buFont typeface="Arial" panose="020B0604020202020204" pitchFamily="34" charset="0"/>
              <a:buChar char="•"/>
            </a:pPr>
            <a:r>
              <a:rPr lang="en-US" b="1" dirty="0"/>
              <a:t>1906 - 2015</a:t>
            </a:r>
            <a:r>
              <a:rPr lang="en-US" dirty="0" smtClean="0"/>
              <a:t> 	</a:t>
            </a:r>
            <a:r>
              <a:rPr lang="en-US" dirty="0"/>
              <a:t>17.8</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1922 - 2003</a:t>
            </a:r>
            <a:r>
              <a:rPr lang="en-US" dirty="0" smtClean="0"/>
              <a:t> 	</a:t>
            </a:r>
            <a:r>
              <a:rPr lang="en-US" dirty="0"/>
              <a:t>17.6</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3 - 2015</a:t>
            </a:r>
            <a:r>
              <a:rPr lang="en-US" dirty="0" smtClean="0"/>
              <a:t> 	</a:t>
            </a:r>
            <a:r>
              <a:rPr lang="en-US" dirty="0"/>
              <a:t>15.7</a:t>
            </a:r>
            <a:r>
              <a:rPr lang="en-US" dirty="0" smtClean="0"/>
              <a:t> 	</a:t>
            </a:r>
            <a:r>
              <a:rPr lang="en-US" dirty="0"/>
              <a:t>7.5</a:t>
            </a:r>
            <a:r>
              <a:rPr lang="en-US" dirty="0" smtClean="0"/>
              <a:t> 	</a:t>
            </a:r>
            <a:r>
              <a:rPr lang="en-US" dirty="0"/>
              <a:t>32.1</a:t>
            </a:r>
            <a:r>
              <a:rPr lang="en-US" dirty="0" smtClean="0"/>
              <a:t> </a:t>
            </a:r>
          </a:p>
          <a:p>
            <a:pPr marL="160938" indent="-160938">
              <a:buFont typeface="Arial" panose="020B0604020202020204" pitchFamily="34" charset="0"/>
              <a:buChar char="•"/>
            </a:pPr>
            <a:r>
              <a:rPr lang="en-US" b="1" dirty="0"/>
              <a:t>1922 - 2015</a:t>
            </a:r>
            <a:r>
              <a:rPr lang="en-US" dirty="0" smtClean="0"/>
              <a:t> 	</a:t>
            </a:r>
            <a:r>
              <a:rPr lang="en-US" dirty="0"/>
              <a:t>17.3</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6 - 2015</a:t>
            </a:r>
            <a:r>
              <a:rPr lang="en-US" dirty="0" smtClean="0"/>
              <a:t> 	</a:t>
            </a:r>
            <a:r>
              <a:rPr lang="en-US" dirty="0"/>
              <a:t>14.8</a:t>
            </a:r>
            <a:r>
              <a:rPr lang="en-US" dirty="0" smtClean="0"/>
              <a:t> 	</a:t>
            </a:r>
            <a:r>
              <a:rPr lang="en-US" dirty="0"/>
              <a:t>7.5</a:t>
            </a:r>
            <a:r>
              <a:rPr lang="en-US" dirty="0" smtClean="0"/>
              <a:t> 	</a:t>
            </a:r>
            <a:r>
              <a:rPr lang="en-US" dirty="0"/>
              <a:t>32.1</a:t>
            </a:r>
            <a:r>
              <a:rPr lang="en-US" dirty="0" smtClean="0"/>
              <a:t> </a:t>
            </a:r>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5</a:t>
            </a:fld>
            <a:endParaRPr lang="en-US" dirty="0">
              <a:solidFill>
                <a:prstClr val="black"/>
              </a:solidFill>
            </a:endParaRPr>
          </a:p>
        </p:txBody>
      </p:sp>
    </p:spTree>
    <p:extLst>
      <p:ext uri="{BB962C8B-B14F-4D97-AF65-F5344CB8AC3E}">
        <p14:creationId xmlns:p14="http://schemas.microsoft.com/office/powerpoint/2010/main" val="3744290846"/>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u="sng" dirty="0"/>
              <a:t>Comparison</a:t>
            </a:r>
            <a:r>
              <a:rPr lang="en-US" b="1" u="sng" dirty="0" smtClean="0"/>
              <a:t> (MAF)	</a:t>
            </a:r>
            <a:r>
              <a:rPr lang="en-US" b="1" u="sng" dirty="0"/>
              <a:t>Avg</a:t>
            </a:r>
            <a:r>
              <a:rPr lang="en-US" b="1" u="sng" dirty="0" smtClean="0"/>
              <a:t> 	</a:t>
            </a:r>
            <a:r>
              <a:rPr lang="en-US" b="1" u="sng" dirty="0"/>
              <a:t>Min</a:t>
            </a:r>
            <a:r>
              <a:rPr lang="en-US" b="1" u="sng" dirty="0" smtClean="0"/>
              <a:t> 	</a:t>
            </a:r>
            <a:r>
              <a:rPr lang="en-US" b="1" u="sng" dirty="0"/>
              <a:t>Max</a:t>
            </a:r>
            <a:r>
              <a:rPr lang="en-US" b="1" u="sng" dirty="0" smtClean="0"/>
              <a:t> </a:t>
            </a:r>
          </a:p>
          <a:p>
            <a:pPr marL="160938" indent="-160938">
              <a:buFont typeface="Arial" panose="020B0604020202020204" pitchFamily="34" charset="0"/>
              <a:buChar char="•"/>
            </a:pPr>
            <a:r>
              <a:rPr lang="en-US" b="1" dirty="0"/>
              <a:t>1906 - 2015</a:t>
            </a:r>
            <a:r>
              <a:rPr lang="en-US" dirty="0" smtClean="0"/>
              <a:t> 	</a:t>
            </a:r>
            <a:r>
              <a:rPr lang="en-US" dirty="0"/>
              <a:t>17.8</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1922 - 2003</a:t>
            </a:r>
            <a:r>
              <a:rPr lang="en-US" dirty="0" smtClean="0"/>
              <a:t> 	</a:t>
            </a:r>
            <a:r>
              <a:rPr lang="en-US" dirty="0"/>
              <a:t>17.6</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3 - 2015</a:t>
            </a:r>
            <a:r>
              <a:rPr lang="en-US" dirty="0" smtClean="0"/>
              <a:t> 	</a:t>
            </a:r>
            <a:r>
              <a:rPr lang="en-US" dirty="0"/>
              <a:t>15.7</a:t>
            </a:r>
            <a:r>
              <a:rPr lang="en-US" dirty="0" smtClean="0"/>
              <a:t> 	</a:t>
            </a:r>
            <a:r>
              <a:rPr lang="en-US" dirty="0"/>
              <a:t>7.5</a:t>
            </a:r>
            <a:r>
              <a:rPr lang="en-US" dirty="0" smtClean="0"/>
              <a:t> 	</a:t>
            </a:r>
            <a:r>
              <a:rPr lang="en-US" dirty="0"/>
              <a:t>32.1</a:t>
            </a:r>
            <a:r>
              <a:rPr lang="en-US" dirty="0" smtClean="0"/>
              <a:t> </a:t>
            </a:r>
          </a:p>
          <a:p>
            <a:pPr marL="160938" indent="-160938">
              <a:buFont typeface="Arial" panose="020B0604020202020204" pitchFamily="34" charset="0"/>
              <a:buChar char="•"/>
            </a:pPr>
            <a:r>
              <a:rPr lang="en-US" b="1" dirty="0"/>
              <a:t>1922 - 2015</a:t>
            </a:r>
            <a:r>
              <a:rPr lang="en-US" dirty="0" smtClean="0"/>
              <a:t> 	</a:t>
            </a:r>
            <a:r>
              <a:rPr lang="en-US" dirty="0"/>
              <a:t>17.3</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6 - 2015</a:t>
            </a:r>
            <a:r>
              <a:rPr lang="en-US" dirty="0" smtClean="0"/>
              <a:t> 	</a:t>
            </a:r>
            <a:r>
              <a:rPr lang="en-US" dirty="0"/>
              <a:t>14.8</a:t>
            </a:r>
            <a:r>
              <a:rPr lang="en-US" dirty="0" smtClean="0"/>
              <a:t> 	</a:t>
            </a:r>
            <a:r>
              <a:rPr lang="en-US" dirty="0"/>
              <a:t>7.5</a:t>
            </a:r>
            <a:r>
              <a:rPr lang="en-US" dirty="0" smtClean="0"/>
              <a:t> 	</a:t>
            </a:r>
            <a:r>
              <a:rPr lang="en-US" dirty="0"/>
              <a:t>32.1</a:t>
            </a:r>
            <a:r>
              <a:rPr lang="en-US" dirty="0" smtClean="0"/>
              <a:t> </a:t>
            </a:r>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6</a:t>
            </a:fld>
            <a:endParaRPr lang="en-US" dirty="0">
              <a:solidFill>
                <a:prstClr val="black"/>
              </a:solidFill>
            </a:endParaRPr>
          </a:p>
        </p:txBody>
      </p:sp>
    </p:spTree>
    <p:extLst>
      <p:ext uri="{BB962C8B-B14F-4D97-AF65-F5344CB8AC3E}">
        <p14:creationId xmlns:p14="http://schemas.microsoft.com/office/powerpoint/2010/main" val="37442908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9</a:t>
            </a:fld>
            <a:endParaRPr lang="en-US" dirty="0"/>
          </a:p>
        </p:txBody>
      </p:sp>
    </p:spTree>
    <p:extLst>
      <p:ext uri="{BB962C8B-B14F-4D97-AF65-F5344CB8AC3E}">
        <p14:creationId xmlns:p14="http://schemas.microsoft.com/office/powerpoint/2010/main" val="115556825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u="sng" dirty="0"/>
              <a:t>Comparison</a:t>
            </a:r>
            <a:r>
              <a:rPr lang="en-US" b="1" u="sng" dirty="0" smtClean="0"/>
              <a:t> (MAF)	</a:t>
            </a:r>
            <a:r>
              <a:rPr lang="en-US" b="1" u="sng" dirty="0"/>
              <a:t>Avg</a:t>
            </a:r>
            <a:r>
              <a:rPr lang="en-US" b="1" u="sng" dirty="0" smtClean="0"/>
              <a:t> 	</a:t>
            </a:r>
            <a:r>
              <a:rPr lang="en-US" b="1" u="sng" dirty="0"/>
              <a:t>Min</a:t>
            </a:r>
            <a:r>
              <a:rPr lang="en-US" b="1" u="sng" dirty="0" smtClean="0"/>
              <a:t> 	</a:t>
            </a:r>
            <a:r>
              <a:rPr lang="en-US" b="1" u="sng" dirty="0"/>
              <a:t>Max</a:t>
            </a:r>
            <a:r>
              <a:rPr lang="en-US" b="1" u="sng" dirty="0" smtClean="0"/>
              <a:t> </a:t>
            </a:r>
          </a:p>
          <a:p>
            <a:pPr marL="160938" indent="-160938">
              <a:buFont typeface="Arial" panose="020B0604020202020204" pitchFamily="34" charset="0"/>
              <a:buChar char="•"/>
            </a:pPr>
            <a:r>
              <a:rPr lang="en-US" b="1" dirty="0"/>
              <a:t>1906 - 2015</a:t>
            </a:r>
            <a:r>
              <a:rPr lang="en-US" dirty="0" smtClean="0"/>
              <a:t> 	</a:t>
            </a:r>
            <a:r>
              <a:rPr lang="en-US" dirty="0"/>
              <a:t>17.8</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1922 - 2003</a:t>
            </a:r>
            <a:r>
              <a:rPr lang="en-US" dirty="0" smtClean="0"/>
              <a:t> 	</a:t>
            </a:r>
            <a:r>
              <a:rPr lang="en-US" dirty="0"/>
              <a:t>17.6</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3 - 2015</a:t>
            </a:r>
            <a:r>
              <a:rPr lang="en-US" dirty="0" smtClean="0"/>
              <a:t> 	</a:t>
            </a:r>
            <a:r>
              <a:rPr lang="en-US" dirty="0"/>
              <a:t>15.7</a:t>
            </a:r>
            <a:r>
              <a:rPr lang="en-US" dirty="0" smtClean="0"/>
              <a:t> 	</a:t>
            </a:r>
            <a:r>
              <a:rPr lang="en-US" dirty="0"/>
              <a:t>7.5</a:t>
            </a:r>
            <a:r>
              <a:rPr lang="en-US" dirty="0" smtClean="0"/>
              <a:t> 	</a:t>
            </a:r>
            <a:r>
              <a:rPr lang="en-US" dirty="0"/>
              <a:t>32.1</a:t>
            </a:r>
            <a:r>
              <a:rPr lang="en-US" dirty="0" smtClean="0"/>
              <a:t> </a:t>
            </a:r>
          </a:p>
          <a:p>
            <a:pPr marL="160938" indent="-160938">
              <a:buFont typeface="Arial" panose="020B0604020202020204" pitchFamily="34" charset="0"/>
              <a:buChar char="•"/>
            </a:pPr>
            <a:r>
              <a:rPr lang="en-US" b="1" dirty="0"/>
              <a:t>1922 - 2015</a:t>
            </a:r>
            <a:r>
              <a:rPr lang="en-US" dirty="0" smtClean="0"/>
              <a:t> 	</a:t>
            </a:r>
            <a:r>
              <a:rPr lang="en-US" dirty="0"/>
              <a:t>17.3</a:t>
            </a:r>
            <a:r>
              <a:rPr lang="en-US" dirty="0" smtClean="0"/>
              <a:t> 	</a:t>
            </a:r>
            <a:r>
              <a:rPr lang="en-US" dirty="0"/>
              <a:t>5.1</a:t>
            </a:r>
            <a:r>
              <a:rPr lang="en-US" dirty="0" smtClean="0"/>
              <a:t> 	</a:t>
            </a:r>
            <a:r>
              <a:rPr lang="en-US" dirty="0"/>
              <a:t>37.7</a:t>
            </a:r>
            <a:r>
              <a:rPr lang="en-US" dirty="0" smtClean="0"/>
              <a:t> </a:t>
            </a:r>
          </a:p>
          <a:p>
            <a:pPr marL="160938" indent="-160938">
              <a:buFont typeface="Arial" panose="020B0604020202020204" pitchFamily="34" charset="0"/>
              <a:buChar char="•"/>
            </a:pPr>
            <a:r>
              <a:rPr lang="en-US" b="1" dirty="0"/>
              <a:t>2006 - 2015</a:t>
            </a:r>
            <a:r>
              <a:rPr lang="en-US" dirty="0" smtClean="0"/>
              <a:t> 	</a:t>
            </a:r>
            <a:r>
              <a:rPr lang="en-US" dirty="0"/>
              <a:t>14.8</a:t>
            </a:r>
            <a:r>
              <a:rPr lang="en-US" dirty="0" smtClean="0"/>
              <a:t> 	</a:t>
            </a:r>
            <a:r>
              <a:rPr lang="en-US" dirty="0"/>
              <a:t>7.5</a:t>
            </a:r>
            <a:r>
              <a:rPr lang="en-US" dirty="0" smtClean="0"/>
              <a:t> 	</a:t>
            </a:r>
            <a:r>
              <a:rPr lang="en-US" dirty="0"/>
              <a:t>32.1</a:t>
            </a:r>
            <a:r>
              <a:rPr lang="en-US" dirty="0" smtClean="0"/>
              <a:t> </a:t>
            </a:r>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7</a:t>
            </a:fld>
            <a:endParaRPr lang="en-US" dirty="0">
              <a:solidFill>
                <a:prstClr val="black"/>
              </a:solidFill>
            </a:endParaRPr>
          </a:p>
        </p:txBody>
      </p:sp>
    </p:spTree>
    <p:extLst>
      <p:ext uri="{BB962C8B-B14F-4D97-AF65-F5344CB8AC3E}">
        <p14:creationId xmlns:p14="http://schemas.microsoft.com/office/powerpoint/2010/main" val="374429084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8</a:t>
            </a:fld>
            <a:endParaRPr lang="en-US" dirty="0">
              <a:solidFill>
                <a:prstClr val="black"/>
              </a:solidFill>
            </a:endParaRPr>
          </a:p>
        </p:txBody>
      </p:sp>
    </p:spTree>
    <p:extLst>
      <p:ext uri="{BB962C8B-B14F-4D97-AF65-F5344CB8AC3E}">
        <p14:creationId xmlns:p14="http://schemas.microsoft.com/office/powerpoint/2010/main" val="3998620727"/>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49</a:t>
            </a:fld>
            <a:endParaRPr lang="en-US" dirty="0">
              <a:solidFill>
                <a:prstClr val="black"/>
              </a:solidFill>
            </a:endParaRPr>
          </a:p>
        </p:txBody>
      </p:sp>
    </p:spTree>
    <p:extLst>
      <p:ext uri="{BB962C8B-B14F-4D97-AF65-F5344CB8AC3E}">
        <p14:creationId xmlns:p14="http://schemas.microsoft.com/office/powerpoint/2010/main" val="399862072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50</a:t>
            </a:fld>
            <a:endParaRPr lang="en-US" dirty="0">
              <a:solidFill>
                <a:prstClr val="black"/>
              </a:solidFill>
            </a:endParaRPr>
          </a:p>
        </p:txBody>
      </p:sp>
    </p:spTree>
    <p:extLst>
      <p:ext uri="{BB962C8B-B14F-4D97-AF65-F5344CB8AC3E}">
        <p14:creationId xmlns:p14="http://schemas.microsoft.com/office/powerpoint/2010/main" val="1014738455"/>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sz="1100" b="1" u="sng" dirty="0"/>
              <a:t>CVP &amp; SWP Drought Operations Plan (Apr – Nov 2014)</a:t>
            </a:r>
          </a:p>
          <a:p>
            <a:pPr marL="170762" indent="-170762">
              <a:buFont typeface="Arial" panose="020B0604020202020204" pitchFamily="34" charset="0"/>
              <a:buChar char="•"/>
            </a:pPr>
            <a:r>
              <a:rPr lang="en-US" sz="1100" b="1" u="sng" dirty="0"/>
              <a:t>CVP and SWP Water Supplies for 2014</a:t>
            </a:r>
            <a:r>
              <a:rPr lang="en-US" sz="1100" dirty="0"/>
              <a:t> – Based on conditions in late March, DWR expects to maintain a zero allocation for its 29 water contractors. Long‐time water rights holders along the Feather River (“settlement contractors”) would receive 50 percent of their contract water quantities, which is the least amount of water that can be delivered to them under their contracts with DWR.  </a:t>
            </a:r>
            <a:br>
              <a:rPr lang="en-US" sz="1100" dirty="0"/>
            </a:br>
            <a:r>
              <a:rPr lang="en-US" sz="1100" dirty="0"/>
              <a:t/>
            </a:r>
            <a:br>
              <a:rPr lang="en-US" sz="1100" dirty="0"/>
            </a:br>
            <a:r>
              <a:rPr lang="en-US" sz="1100" dirty="0"/>
              <a:t>Based on conditions in late March, Reclamation, at this time is not changing its earlier announcement that proposed to provide no supplies to CVP agricultural water service contractors, while Federal wildlife refuges and senior water rights holders along the Sacramento and San Joaquin rivers would receive 40 percent of their contract totals.</a:t>
            </a:r>
          </a:p>
          <a:p>
            <a:pPr marL="170762" indent="-170762">
              <a:buFont typeface="Arial" panose="020B0604020202020204" pitchFamily="34" charset="0"/>
              <a:buChar char="•"/>
            </a:pPr>
            <a:r>
              <a:rPr lang="en-US" sz="1100" b="1" u="sng" dirty="0"/>
              <a:t>Reserves for 2015</a:t>
            </a:r>
            <a:r>
              <a:rPr lang="en-US" sz="1100" dirty="0"/>
              <a:t> – Reclamation estimates that current projected cumulative end of September storages of CVP reservoirs (Shasta, Trinity, and Folsom) will range from about 1.4 maf (90 percent hydrology Drought Operations Plan and Operational Forecast 9 April 8, 2014 with barriers) and 1.9 maf (50 percent hydrology without barriers). Reclamation believes these storages are adequate to meet the 2015 water year needs for the CVP. This assumes implementation of the same drought management actions as specified above. Drier conditions could entail further drought management activities.</a:t>
            </a:r>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51</a:t>
            </a:fld>
            <a:endParaRPr lang="en-US" dirty="0">
              <a:solidFill>
                <a:prstClr val="black"/>
              </a:solidFill>
            </a:endParaRPr>
          </a:p>
        </p:txBody>
      </p:sp>
    </p:spTree>
    <p:extLst>
      <p:ext uri="{BB962C8B-B14F-4D97-AF65-F5344CB8AC3E}">
        <p14:creationId xmlns:p14="http://schemas.microsoft.com/office/powerpoint/2010/main" val="1044730048"/>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eaLnBrk="1" fontAlgn="t" latinLnBrk="0" hangingPunct="1"/>
            <a:r>
              <a:rPr lang="en-US" sz="1100" b="1" dirty="0"/>
              <a:t>Northern Intake Transfer Capability (at 50% Exceedance)</a:t>
            </a:r>
            <a:endParaRPr lang="en-US" sz="1100" dirty="0"/>
          </a:p>
          <a:p>
            <a:pPr marL="155133" indent="-155133" fontAlgn="ctr">
              <a:buFont typeface="Arial" panose="020B0604020202020204" pitchFamily="34" charset="0"/>
              <a:buChar char="•"/>
            </a:pPr>
            <a:r>
              <a:rPr lang="en-US" sz="1100" dirty="0"/>
              <a:t>Without 224,000 AF (BDCP No Action Alternative (with Fall X2 in 2025 ELT)</a:t>
            </a:r>
          </a:p>
          <a:p>
            <a:pPr marL="155133" indent="-155133" fontAlgn="ctr">
              <a:buFont typeface="Arial" panose="020B0604020202020204" pitchFamily="34" charset="0"/>
              <a:buChar char="•"/>
            </a:pPr>
            <a:r>
              <a:rPr lang="en-US" sz="1100" dirty="0"/>
              <a:t>With 1,148,000 AF (Cal Water Fix Alt. 4A in 2025 ELT)</a:t>
            </a:r>
          </a:p>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smtClean="0">
                <a:solidFill>
                  <a:prstClr val="black"/>
                </a:solidFill>
              </a:rPr>
              <a:pPr>
                <a:defRPr/>
              </a:pPr>
              <a:t>52</a:t>
            </a:fld>
            <a:endParaRPr lang="en-US" dirty="0">
              <a:solidFill>
                <a:prstClr val="black"/>
              </a:solidFill>
            </a:endParaRPr>
          </a:p>
        </p:txBody>
      </p:sp>
    </p:spTree>
    <p:extLst>
      <p:ext uri="{BB962C8B-B14F-4D97-AF65-F5344CB8AC3E}">
        <p14:creationId xmlns:p14="http://schemas.microsoft.com/office/powerpoint/2010/main" val="155589798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53</a:t>
            </a:fld>
            <a:endParaRPr lang="en-US" dirty="0"/>
          </a:p>
        </p:txBody>
      </p:sp>
    </p:spTree>
    <p:extLst>
      <p:ext uri="{BB962C8B-B14F-4D97-AF65-F5344CB8AC3E}">
        <p14:creationId xmlns:p14="http://schemas.microsoft.com/office/powerpoint/2010/main" val="372747335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Slide Image Placeholder 1"/>
          <p:cNvSpPr>
            <a:spLocks noGrp="1" noRot="1" noChangeAspect="1" noTextEdit="1"/>
          </p:cNvSpPr>
          <p:nvPr>
            <p:ph type="sldImg"/>
          </p:nvPr>
        </p:nvSpPr>
        <p:spPr bwMode="auto">
          <a:noFill/>
          <a:ln>
            <a:solidFill>
              <a:srgbClr val="000000"/>
            </a:solidFill>
            <a:miter lim="800000"/>
            <a:headEnd/>
            <a:tailEnd/>
          </a:ln>
        </p:spPr>
      </p:sp>
      <p:sp>
        <p:nvSpPr>
          <p:cNvPr id="47107" name="Notes Placeholder 2"/>
          <p:cNvSpPr>
            <a:spLocks noGrp="1"/>
          </p:cNvSpPr>
          <p:nvPr>
            <p:ph type="body" idx="1"/>
          </p:nvPr>
        </p:nvSpPr>
        <p:spPr bwMode="auto">
          <a:noFill/>
        </p:spPr>
        <p:txBody>
          <a:bodyPr wrap="square" numCol="1" anchor="t" anchorCtr="0" compatLnSpc="1">
            <a:prstTxWarp prst="textNoShape">
              <a:avLst/>
            </a:prstTxWarp>
          </a:bodyPr>
          <a:lstStyle/>
          <a:p>
            <a:pPr eaLnBrk="1" hangingPunct="1">
              <a:spcBef>
                <a:spcPct val="0"/>
              </a:spcBef>
            </a:pPr>
            <a:endParaRPr lang="en-US" dirty="0" smtClean="0"/>
          </a:p>
        </p:txBody>
      </p:sp>
      <p:sp>
        <p:nvSpPr>
          <p:cNvPr id="46084" name="Slide Number Placeholder 3"/>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fontAlgn="base">
              <a:spcBef>
                <a:spcPct val="0"/>
              </a:spcBef>
              <a:spcAft>
                <a:spcPct val="0"/>
              </a:spcAft>
              <a:defRPr/>
            </a:pPr>
            <a:fld id="{2E1AB240-D58A-4407-9E04-EBD62E42634F}" type="slidenum">
              <a:rPr lang="en-US" smtClean="0">
                <a:solidFill>
                  <a:prstClr val="black"/>
                </a:solidFill>
              </a:rPr>
              <a:pPr fontAlgn="base">
                <a:spcBef>
                  <a:spcPct val="0"/>
                </a:spcBef>
                <a:spcAft>
                  <a:spcPct val="0"/>
                </a:spcAft>
                <a:defRPr/>
              </a:pPr>
              <a:t>54</a:t>
            </a:fld>
            <a:endParaRPr lang="en-US" dirty="0" smtClean="0">
              <a:solidFill>
                <a:prstClr val="black"/>
              </a:solidFill>
            </a:endParaRPr>
          </a:p>
        </p:txBody>
      </p:sp>
    </p:spTree>
    <p:extLst>
      <p:ext uri="{BB962C8B-B14F-4D97-AF65-F5344CB8AC3E}">
        <p14:creationId xmlns:p14="http://schemas.microsoft.com/office/powerpoint/2010/main" val="135438961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7AE2988-BC30-45CA-A967-C2226C709C41}" type="slidenum">
              <a:rPr lang="en-US" smtClean="0">
                <a:solidFill>
                  <a:prstClr val="black"/>
                </a:solidFill>
              </a:rPr>
              <a:pPr/>
              <a:t>55</a:t>
            </a:fld>
            <a:endParaRPr lang="en-US" dirty="0">
              <a:solidFill>
                <a:prstClr val="black"/>
              </a:solidFill>
            </a:endParaRPr>
          </a:p>
        </p:txBody>
      </p:sp>
    </p:spTree>
    <p:extLst>
      <p:ext uri="{BB962C8B-B14F-4D97-AF65-F5344CB8AC3E}">
        <p14:creationId xmlns:p14="http://schemas.microsoft.com/office/powerpoint/2010/main" val="2343111389"/>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0" dirty="0"/>
          </a:p>
        </p:txBody>
      </p:sp>
      <p:sp>
        <p:nvSpPr>
          <p:cNvPr id="4" name="Slide Number Placeholder 3"/>
          <p:cNvSpPr>
            <a:spLocks noGrp="1"/>
          </p:cNvSpPr>
          <p:nvPr>
            <p:ph type="sldNum" sz="quarter" idx="10"/>
          </p:nvPr>
        </p:nvSpPr>
        <p:spPr/>
        <p:txBody>
          <a:bodyPr/>
          <a:lstStyle/>
          <a:p>
            <a:fld id="{A7AE2988-BC30-45CA-A967-C2226C709C41}" type="slidenum">
              <a:rPr lang="en-US" smtClean="0"/>
              <a:pPr/>
              <a:t>56</a:t>
            </a:fld>
            <a:endParaRPr lang="en-US" dirty="0"/>
          </a:p>
        </p:txBody>
      </p:sp>
    </p:spTree>
    <p:extLst>
      <p:ext uri="{BB962C8B-B14F-4D97-AF65-F5344CB8AC3E}">
        <p14:creationId xmlns:p14="http://schemas.microsoft.com/office/powerpoint/2010/main" val="23431113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1</a:t>
            </a:fld>
            <a:endParaRPr lang="en-US" dirty="0">
              <a:solidFill>
                <a:prstClr val="black"/>
              </a:solidFill>
            </a:endParaRPr>
          </a:p>
        </p:txBody>
      </p:sp>
    </p:spTree>
    <p:extLst>
      <p:ext uri="{BB962C8B-B14F-4D97-AF65-F5344CB8AC3E}">
        <p14:creationId xmlns:p14="http://schemas.microsoft.com/office/powerpoint/2010/main" val="4023536846"/>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397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3971"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dirty="0" smtClean="0"/>
          </a:p>
        </p:txBody>
      </p:sp>
      <p:sp>
        <p:nvSpPr>
          <p:cNvPr id="83972" name="Slide Number Placeholder 3"/>
          <p:cNvSpPr>
            <a:spLocks noGrp="1"/>
          </p:cNvSpPr>
          <p:nvPr>
            <p:ph type="sldNum" sz="quarter" idx="5"/>
          </p:nvPr>
        </p:nvSpPr>
        <p:spPr bwMode="auto">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alibri" pitchFamily="34" charset="0"/>
              </a:defRPr>
            </a:lvl1pPr>
            <a:lvl2pPr marL="751316" indent="-288967">
              <a:defRPr>
                <a:solidFill>
                  <a:schemeClr val="tx1"/>
                </a:solidFill>
                <a:latin typeface="Calibri" pitchFamily="34" charset="0"/>
              </a:defRPr>
            </a:lvl2pPr>
            <a:lvl3pPr marL="1155871" indent="-231174">
              <a:defRPr>
                <a:solidFill>
                  <a:schemeClr val="tx1"/>
                </a:solidFill>
                <a:latin typeface="Calibri" pitchFamily="34" charset="0"/>
              </a:defRPr>
            </a:lvl3pPr>
            <a:lvl4pPr marL="1618219" indent="-231174">
              <a:defRPr>
                <a:solidFill>
                  <a:schemeClr val="tx1"/>
                </a:solidFill>
                <a:latin typeface="Calibri" pitchFamily="34" charset="0"/>
              </a:defRPr>
            </a:lvl4pPr>
            <a:lvl5pPr marL="2080566" indent="-231174">
              <a:defRPr>
                <a:solidFill>
                  <a:schemeClr val="tx1"/>
                </a:solidFill>
                <a:latin typeface="Calibri" pitchFamily="34" charset="0"/>
              </a:defRPr>
            </a:lvl5pPr>
            <a:lvl6pPr marL="2542915" indent="-231174" fontAlgn="base">
              <a:spcBef>
                <a:spcPct val="0"/>
              </a:spcBef>
              <a:spcAft>
                <a:spcPct val="0"/>
              </a:spcAft>
              <a:defRPr>
                <a:solidFill>
                  <a:schemeClr val="tx1"/>
                </a:solidFill>
                <a:latin typeface="Calibri" pitchFamily="34" charset="0"/>
              </a:defRPr>
            </a:lvl6pPr>
            <a:lvl7pPr marL="3005263" indent="-231174" fontAlgn="base">
              <a:spcBef>
                <a:spcPct val="0"/>
              </a:spcBef>
              <a:spcAft>
                <a:spcPct val="0"/>
              </a:spcAft>
              <a:defRPr>
                <a:solidFill>
                  <a:schemeClr val="tx1"/>
                </a:solidFill>
                <a:latin typeface="Calibri" pitchFamily="34" charset="0"/>
              </a:defRPr>
            </a:lvl7pPr>
            <a:lvl8pPr marL="3467612" indent="-231174" fontAlgn="base">
              <a:spcBef>
                <a:spcPct val="0"/>
              </a:spcBef>
              <a:spcAft>
                <a:spcPct val="0"/>
              </a:spcAft>
              <a:defRPr>
                <a:solidFill>
                  <a:schemeClr val="tx1"/>
                </a:solidFill>
                <a:latin typeface="Calibri" pitchFamily="34" charset="0"/>
              </a:defRPr>
            </a:lvl8pPr>
            <a:lvl9pPr marL="3929960" indent="-231174" fontAlgn="base">
              <a:spcBef>
                <a:spcPct val="0"/>
              </a:spcBef>
              <a:spcAft>
                <a:spcPct val="0"/>
              </a:spcAft>
              <a:defRPr>
                <a:solidFill>
                  <a:schemeClr val="tx1"/>
                </a:solidFill>
                <a:latin typeface="Calibri" pitchFamily="34" charset="0"/>
              </a:defRPr>
            </a:lvl9pPr>
          </a:lstStyle>
          <a:p>
            <a:pPr>
              <a:defRPr/>
            </a:pPr>
            <a:fld id="{95AB7D08-526B-4AB8-B7A7-6A431065F2AE}" type="slidenum">
              <a:rPr lang="en-US" altLang="en-US" smtClean="0">
                <a:solidFill>
                  <a:srgbClr val="000000"/>
                </a:solidFill>
              </a:rPr>
              <a:pPr>
                <a:defRPr/>
              </a:pPr>
              <a:t>57</a:t>
            </a:fld>
            <a:endParaRPr lang="en-US" altLang="en-US" dirty="0" smtClean="0">
              <a:solidFill>
                <a:srgbClr val="000000"/>
              </a:solidFill>
            </a:endParaRPr>
          </a:p>
        </p:txBody>
      </p:sp>
    </p:spTree>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58</a:t>
            </a:fld>
            <a:endParaRPr lang="en-US" dirty="0">
              <a:solidFill>
                <a:prstClr val="black"/>
              </a:solidFill>
            </a:endParaRPr>
          </a:p>
        </p:txBody>
      </p:sp>
    </p:spTree>
    <p:extLst>
      <p:ext uri="{BB962C8B-B14F-4D97-AF65-F5344CB8AC3E}">
        <p14:creationId xmlns:p14="http://schemas.microsoft.com/office/powerpoint/2010/main" val="4254920633"/>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Slide Image Placeholder 1"/>
          <p:cNvSpPr>
            <a:spLocks noGrp="1" noRot="1" noChangeAspect="1" noTextEdit="1"/>
          </p:cNvSpPr>
          <p:nvPr>
            <p:ph type="sldImg"/>
          </p:nvPr>
        </p:nvSpPr>
        <p:spPr bwMode="auto">
          <a:noFill/>
          <a:ln>
            <a:solidFill>
              <a:srgbClr val="000000"/>
            </a:solidFill>
            <a:miter lim="800000"/>
            <a:headEnd/>
            <a:tailEnd/>
          </a:ln>
        </p:spPr>
      </p:sp>
      <p:sp>
        <p:nvSpPr>
          <p:cNvPr id="47107" name="Notes Placeholder 2"/>
          <p:cNvSpPr>
            <a:spLocks noGrp="1"/>
          </p:cNvSpPr>
          <p:nvPr>
            <p:ph type="body" idx="1"/>
          </p:nvPr>
        </p:nvSpPr>
        <p:spPr bwMode="auto">
          <a:noFill/>
        </p:spPr>
        <p:txBody>
          <a:bodyPr wrap="square" numCol="1" anchor="t" anchorCtr="0" compatLnSpc="1">
            <a:prstTxWarp prst="textNoShape">
              <a:avLst/>
            </a:prstTxWarp>
          </a:bodyPr>
          <a:lstStyle/>
          <a:p>
            <a:pPr>
              <a:spcBef>
                <a:spcPct val="0"/>
              </a:spcBef>
            </a:pPr>
            <a:r>
              <a:rPr lang="en-US" dirty="0"/>
              <a:t>Local Supply costs are from the 2015 IRP Update, in 2015 dollars. </a:t>
            </a:r>
          </a:p>
          <a:p>
            <a:pPr>
              <a:spcBef>
                <a:spcPct val="0"/>
              </a:spcBef>
            </a:pPr>
            <a:endParaRPr lang="en-US" dirty="0"/>
          </a:p>
          <a:p>
            <a:pPr defTabSz="861482">
              <a:spcBef>
                <a:spcPct val="0"/>
              </a:spcBef>
              <a:defRPr/>
            </a:pPr>
            <a:r>
              <a:rPr lang="en-US" dirty="0"/>
              <a:t>The vertical lines in the graph represent the low and high unit costs per resource, and the boxed area represents the 25th and 75th percentile values. Data on the in-region resources was compiled in coordination with Metropolitan member agencies, and is based on identified future projects through the 2015 IRP Update project inventory list, stormwater database (developed through the Southern California Water Committee Stormwater Task Force) and project reports. Unit cost estimates include capital and operations and maintenance costs associated with treatment and distribution of the potential water supply. Additional information is included in Appendix 12 of the 2015 IRP Update.</a:t>
            </a:r>
          </a:p>
          <a:p>
            <a:pPr defTabSz="861482">
              <a:spcBef>
                <a:spcPct val="0"/>
              </a:spcBef>
              <a:defRPr/>
            </a:pPr>
            <a:endParaRPr lang="en-US" dirty="0"/>
          </a:p>
          <a:p>
            <a:pPr defTabSz="861482">
              <a:spcBef>
                <a:spcPct val="0"/>
              </a:spcBef>
              <a:defRPr/>
            </a:pPr>
            <a:r>
              <a:rPr lang="en-US" dirty="0"/>
              <a:t>Future projects were analyzed to provide a reasonable range of sample future project costs for each resource type. The analysis includes projects with the status of feasibility, advanced planning, or full design and online before 2025.  Outliers were not included in this analysis.  Stormwater projects with less than 50 acre-feet of annual yield and recycled water projects with less than 300 acre-feet of annual yield were also not included in this analysis due to an observed resulting deviation from the expected range of values (cost breakpoint of larger unit costs for smaller projects).</a:t>
            </a:r>
          </a:p>
          <a:p>
            <a:pPr>
              <a:spcBef>
                <a:spcPct val="0"/>
              </a:spcBef>
            </a:pPr>
            <a:endParaRPr lang="en-US" dirty="0" smtClean="0"/>
          </a:p>
        </p:txBody>
      </p:sp>
      <p:sp>
        <p:nvSpPr>
          <p:cNvPr id="46084" name="Slide Number Placeholder 3"/>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2E1AB240-D58A-4407-9E04-EBD62E42634F}" type="slidenum">
              <a:rPr lang="en-US" smtClean="0">
                <a:solidFill>
                  <a:prstClr val="black"/>
                </a:solidFill>
              </a:rPr>
              <a:pPr>
                <a:defRPr/>
              </a:pPr>
              <a:t>59</a:t>
            </a:fld>
            <a:endParaRPr lang="en-US" dirty="0" smtClean="0">
              <a:solidFill>
                <a:prstClr val="black"/>
              </a:solidFill>
            </a:endParaRPr>
          </a:p>
        </p:txBody>
      </p:sp>
    </p:spTree>
    <p:extLst>
      <p:ext uri="{BB962C8B-B14F-4D97-AF65-F5344CB8AC3E}">
        <p14:creationId xmlns:p14="http://schemas.microsoft.com/office/powerpoint/2010/main" val="4184899566"/>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Slide Image Placeholder 1"/>
          <p:cNvSpPr>
            <a:spLocks noGrp="1" noRot="1" noChangeAspect="1" noTextEdit="1"/>
          </p:cNvSpPr>
          <p:nvPr>
            <p:ph type="sldImg"/>
          </p:nvPr>
        </p:nvSpPr>
        <p:spPr bwMode="auto">
          <a:noFill/>
          <a:ln>
            <a:solidFill>
              <a:srgbClr val="000000"/>
            </a:solidFill>
            <a:miter lim="800000"/>
            <a:headEnd/>
            <a:tailEnd/>
          </a:ln>
        </p:spPr>
      </p:sp>
      <p:sp>
        <p:nvSpPr>
          <p:cNvPr id="47107" name="Notes Placeholder 2"/>
          <p:cNvSpPr>
            <a:spLocks noGrp="1"/>
          </p:cNvSpPr>
          <p:nvPr>
            <p:ph type="body" idx="1"/>
          </p:nvPr>
        </p:nvSpPr>
        <p:spPr bwMode="auto">
          <a:noFill/>
        </p:spPr>
        <p:txBody>
          <a:bodyPr wrap="square" numCol="1" anchor="t" anchorCtr="0" compatLnSpc="1">
            <a:prstTxWarp prst="textNoShape">
              <a:avLst/>
            </a:prstTxWarp>
          </a:bodyPr>
          <a:lstStyle/>
          <a:p>
            <a:pPr>
              <a:spcBef>
                <a:spcPct val="0"/>
              </a:spcBef>
            </a:pPr>
            <a:r>
              <a:rPr lang="en-US" dirty="0"/>
              <a:t>Local Supply costs are from the 2015 IRP Update, in 2015 dollars. </a:t>
            </a:r>
          </a:p>
          <a:p>
            <a:pPr>
              <a:spcBef>
                <a:spcPct val="0"/>
              </a:spcBef>
            </a:pPr>
            <a:endParaRPr lang="en-US" dirty="0"/>
          </a:p>
          <a:p>
            <a:pPr defTabSz="861482">
              <a:spcBef>
                <a:spcPct val="0"/>
              </a:spcBef>
              <a:defRPr/>
            </a:pPr>
            <a:r>
              <a:rPr lang="en-US" dirty="0"/>
              <a:t>The vertical lines in the graph represent the low and high unit costs per resource, and the boxed area represents the 25th and 75th percentile values. Data on the in-region resources was compiled in coordination with Metropolitan member agencies, and is based on identified future projects through the 2015 IRP Update project inventory list, stormwater database (developed through the Southern California Water Committee Stormwater Task Force) and project reports. Unit cost estimates include capital and operations and maintenance costs associated with treatment and distribution of the potential water supply. Additional information is included in Appendix 12 of the 2015 IRP Update.</a:t>
            </a:r>
          </a:p>
          <a:p>
            <a:pPr defTabSz="861482">
              <a:spcBef>
                <a:spcPct val="0"/>
              </a:spcBef>
              <a:defRPr/>
            </a:pPr>
            <a:endParaRPr lang="en-US" dirty="0"/>
          </a:p>
          <a:p>
            <a:pPr defTabSz="861482">
              <a:spcBef>
                <a:spcPct val="0"/>
              </a:spcBef>
              <a:defRPr/>
            </a:pPr>
            <a:r>
              <a:rPr lang="en-US" dirty="0"/>
              <a:t>Future projects were analyzed to provide a reasonable range of sample future project costs for each resource type. The analysis includes projects with the status of feasibility, advanced planning, or full design and online before 2025.  Outliers were not included in this analysis.  Stormwater projects with less than 50 acre-feet of annual yield and recycled water projects with less than 300 acre-feet of annual yield were also not included in this analysis due to an observed resulting deviation from the expected range of values (cost breakpoint of larger unit costs for smaller projects</a:t>
            </a:r>
            <a:r>
              <a:rPr lang="en-US" dirty="0" smtClean="0"/>
              <a:t>).</a:t>
            </a:r>
          </a:p>
          <a:p>
            <a:pPr defTabSz="861482">
              <a:spcBef>
                <a:spcPct val="0"/>
              </a:spcBef>
              <a:defRPr/>
            </a:pPr>
            <a:endParaRPr lang="en-US" dirty="0" smtClean="0"/>
          </a:p>
          <a:p>
            <a:pPr defTabSz="861482">
              <a:spcBef>
                <a:spcPct val="0"/>
              </a:spcBef>
              <a:defRPr/>
            </a:pPr>
            <a:r>
              <a:rPr lang="en-US" dirty="0" smtClean="0"/>
              <a:t>MWD Tier 1 Treated with CA Water Fix per email from RJ 4/15/16 at 1242 pm</a:t>
            </a:r>
            <a:endParaRPr lang="en-US" dirty="0"/>
          </a:p>
          <a:p>
            <a:pPr>
              <a:spcBef>
                <a:spcPct val="0"/>
              </a:spcBef>
            </a:pPr>
            <a:endParaRPr lang="en-US" dirty="0" smtClean="0"/>
          </a:p>
        </p:txBody>
      </p:sp>
      <p:sp>
        <p:nvSpPr>
          <p:cNvPr id="46084" name="Slide Number Placeholder 3"/>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2E1AB240-D58A-4407-9E04-EBD62E42634F}" type="slidenum">
              <a:rPr lang="en-US" smtClean="0">
                <a:solidFill>
                  <a:prstClr val="black"/>
                </a:solidFill>
              </a:rPr>
              <a:pPr>
                <a:defRPr/>
              </a:pPr>
              <a:t>60</a:t>
            </a:fld>
            <a:endParaRPr lang="en-US" dirty="0" smtClean="0">
              <a:solidFill>
                <a:prstClr val="black"/>
              </a:solidFill>
            </a:endParaRPr>
          </a:p>
        </p:txBody>
      </p:sp>
    </p:spTree>
    <p:extLst>
      <p:ext uri="{BB962C8B-B14F-4D97-AF65-F5344CB8AC3E}">
        <p14:creationId xmlns:p14="http://schemas.microsoft.com/office/powerpoint/2010/main" val="418489956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142038" y="457200"/>
            <a:ext cx="2540000" cy="1905000"/>
          </a:xfrm>
        </p:spPr>
      </p:sp>
      <p:sp>
        <p:nvSpPr>
          <p:cNvPr id="3" name="Notes Placeholder 2"/>
          <p:cNvSpPr>
            <a:spLocks noGrp="1"/>
          </p:cNvSpPr>
          <p:nvPr>
            <p:ph type="body" idx="1"/>
          </p:nvPr>
        </p:nvSpPr>
        <p:spPr>
          <a:xfrm>
            <a:off x="923609" y="685801"/>
            <a:ext cx="7388860" cy="5798821"/>
          </a:xfrm>
        </p:spPr>
        <p:txBody>
          <a:bodyPr>
            <a:normAutofit fontScale="85000" lnSpcReduction="20000"/>
          </a:bodyPr>
          <a:lstStyle/>
          <a:p>
            <a:r>
              <a:rPr lang="en-US" b="1" dirty="0"/>
              <a:t>California Water Fix Impacts on Integrated Resource Plan &amp; Financial Analysis</a:t>
            </a:r>
          </a:p>
          <a:p>
            <a:r>
              <a:rPr lang="en-US" b="1" dirty="0"/>
              <a:t>Special Committee on Bay-Delta October 27, 2015</a:t>
            </a:r>
          </a:p>
          <a:p>
            <a:r>
              <a:rPr lang="en-US" b="1" dirty="0" smtClean="0"/>
              <a:t>Information from Arnout Van den Berg 10/20/2015</a:t>
            </a:r>
            <a:endParaRPr lang="en-US" b="1" dirty="0"/>
          </a:p>
          <a:p>
            <a:r>
              <a:rPr lang="en-US" dirty="0"/>
              <a:t>based on Internal Draft dated 7-14-15 - high case + O&amp;M from BDCP Report dated Oct 2013</a:t>
            </a:r>
          </a:p>
          <a:p>
            <a:r>
              <a:rPr lang="en-US" dirty="0"/>
              <a:t>Financing: 40yr, 6.135%</a:t>
            </a:r>
          </a:p>
          <a:p>
            <a:pPr>
              <a:tabLst>
                <a:tab pos="3118900" algn="r"/>
                <a:tab pos="4820119" algn="r"/>
              </a:tabLst>
            </a:pPr>
            <a:r>
              <a:rPr lang="en-US" b="1" u="sng" dirty="0"/>
              <a:t>MWD Share --&gt; 	25% 	30%</a:t>
            </a:r>
          </a:p>
          <a:p>
            <a:pPr>
              <a:tabLst>
                <a:tab pos="3118900" algn="r"/>
                <a:tab pos="4820119" algn="r"/>
              </a:tabLst>
            </a:pPr>
            <a:r>
              <a:rPr lang="en-US" b="1" dirty="0"/>
              <a:t>	</a:t>
            </a:r>
            <a:r>
              <a:rPr lang="en-US" b="1" u="sng" dirty="0"/>
              <a:t>Low 	High</a:t>
            </a:r>
          </a:p>
          <a:p>
            <a:pPr>
              <a:tabLst>
                <a:tab pos="3118900" algn="r"/>
                <a:tab pos="4820119" algn="r"/>
              </a:tabLst>
            </a:pPr>
            <a:r>
              <a:rPr lang="en-US" dirty="0"/>
              <a:t>MWD Share 	249 	299 2015 M$ per year</a:t>
            </a:r>
          </a:p>
          <a:p>
            <a:pPr>
              <a:tabLst>
                <a:tab pos="3118900" algn="r"/>
                <a:tab pos="4820119" algn="r"/>
              </a:tabLst>
            </a:pPr>
            <a:r>
              <a:rPr lang="en-US" dirty="0"/>
              <a:t>Rate Impact @1.75MAF 	142 	171 2015 $/AF</a:t>
            </a:r>
          </a:p>
          <a:p>
            <a:pPr>
              <a:tabLst>
                <a:tab pos="3118900" algn="r"/>
                <a:tab pos="4820119" algn="r"/>
              </a:tabLst>
            </a:pPr>
            <a:r>
              <a:rPr lang="en-US" dirty="0"/>
              <a:t>Rate Impact @2.0MAF 	125 	150 2015 $/AF</a:t>
            </a:r>
          </a:p>
          <a:p>
            <a:pPr>
              <a:tabLst>
                <a:tab pos="3118900" algn="r"/>
                <a:tab pos="4820119" algn="r"/>
              </a:tabLst>
            </a:pPr>
            <a:r>
              <a:rPr lang="en-US" dirty="0"/>
              <a:t>Yield (avg) 	378 	378 TAF</a:t>
            </a:r>
          </a:p>
          <a:p>
            <a:pPr>
              <a:tabLst>
                <a:tab pos="3118900" algn="r"/>
                <a:tab pos="4820119" algn="r"/>
              </a:tabLst>
            </a:pPr>
            <a:r>
              <a:rPr lang="en-US" dirty="0"/>
              <a:t>Unit Cost 	660 	792 2015 $/AF</a:t>
            </a:r>
          </a:p>
          <a:p>
            <a:pPr>
              <a:tabLst>
                <a:tab pos="3118900" algn="r"/>
                <a:tab pos="4820119" algn="r"/>
              </a:tabLst>
            </a:pPr>
            <a:r>
              <a:rPr lang="en-US" dirty="0"/>
              <a:t>Unit Cost + SWP power and </a:t>
            </a:r>
            <a:r>
              <a:rPr lang="en-US" dirty="0" smtClean="0"/>
              <a:t>treatment </a:t>
            </a:r>
            <a:r>
              <a:rPr lang="en-US" dirty="0"/>
              <a:t>	891 	1,023 2015 $/AF</a:t>
            </a:r>
          </a:p>
          <a:p>
            <a:pPr>
              <a:tabLst>
                <a:tab pos="3118900" algn="r"/>
                <a:tab pos="4820119" algn="r"/>
              </a:tabLst>
            </a:pPr>
            <a:r>
              <a:rPr lang="en-US" dirty="0"/>
              <a:t>2015 T1 Treated Rate w/ BDCP @1.75MAF 	1,084 	1,113 2015 $/AF</a:t>
            </a:r>
          </a:p>
          <a:p>
            <a:pPr>
              <a:tabLst>
                <a:tab pos="3118900" algn="r"/>
                <a:tab pos="4820119" algn="r"/>
              </a:tabLst>
            </a:pPr>
            <a:r>
              <a:rPr lang="en-US" dirty="0"/>
              <a:t>Rate Impact 	16% 	20%</a:t>
            </a:r>
          </a:p>
          <a:p>
            <a:pPr>
              <a:tabLst>
                <a:tab pos="3118900" algn="r"/>
                <a:tab pos="4820119" algn="r"/>
              </a:tabLst>
            </a:pPr>
            <a:r>
              <a:rPr lang="en-US" dirty="0"/>
              <a:t>Annual Rate Impact over 10 yrs 	1.6% 	2.0%</a:t>
            </a:r>
          </a:p>
          <a:p>
            <a:pPr>
              <a:tabLst>
                <a:tab pos="3118900" algn="r"/>
                <a:tab pos="4820119" algn="r"/>
              </a:tabLst>
            </a:pPr>
            <a:r>
              <a:rPr lang="en-US" dirty="0"/>
              <a:t>Retail Rate Impact 50% MWD, 1.75MAF, 20 HUF 	$ 3 	$ 4 per month</a:t>
            </a:r>
          </a:p>
          <a:p>
            <a:pPr>
              <a:tabLst>
                <a:tab pos="3118900" algn="r"/>
                <a:tab pos="4820119" algn="r"/>
              </a:tabLst>
            </a:pPr>
            <a:r>
              <a:rPr lang="en-US" dirty="0"/>
              <a:t>		Up to $5 per month</a:t>
            </a:r>
          </a:p>
          <a:p>
            <a:pPr>
              <a:tabLst>
                <a:tab pos="3118900" algn="r"/>
                <a:tab pos="4820119" algn="r"/>
              </a:tabLst>
            </a:pPr>
            <a:r>
              <a:rPr lang="en-US" dirty="0"/>
              <a:t>Overall Rate Increase w/ WaterFix	3 to 5% per year</a:t>
            </a:r>
          </a:p>
          <a:p>
            <a:pPr>
              <a:tabLst>
                <a:tab pos="3118900" algn="r"/>
                <a:tab pos="4820119" algn="r"/>
              </a:tabLst>
            </a:pPr>
            <a:endParaRPr lang="en-US" b="1" dirty="0"/>
          </a:p>
          <a:p>
            <a:pPr>
              <a:tabLst>
                <a:tab pos="3118900" algn="r"/>
                <a:tab pos="4820119" algn="r"/>
              </a:tabLst>
            </a:pPr>
            <a:r>
              <a:rPr lang="en-US" b="1" dirty="0"/>
              <a:t>Alternatives</a:t>
            </a:r>
          </a:p>
          <a:p>
            <a:pPr>
              <a:tabLst>
                <a:tab pos="3118900" algn="r"/>
                <a:tab pos="4820119" algn="r"/>
              </a:tabLst>
            </a:pPr>
            <a:r>
              <a:rPr lang="en-US" b="1" u="sng" dirty="0"/>
              <a:t>Recycling Focus 	Low 	High</a:t>
            </a:r>
          </a:p>
          <a:p>
            <a:pPr>
              <a:tabLst>
                <a:tab pos="3118900" algn="r"/>
                <a:tab pos="4820119" algn="r"/>
              </a:tabLst>
            </a:pPr>
            <a:r>
              <a:rPr lang="en-US" dirty="0"/>
              <a:t>Unit Cost $ 	1,700 	$ 2,375 2015 $/AF</a:t>
            </a:r>
          </a:p>
          <a:p>
            <a:pPr>
              <a:tabLst>
                <a:tab pos="3118900" algn="r"/>
                <a:tab pos="4820119" algn="r"/>
              </a:tabLst>
            </a:pPr>
            <a:r>
              <a:rPr lang="en-US" dirty="0"/>
              <a:t>Yield 	378 	378 TAF</a:t>
            </a:r>
          </a:p>
          <a:p>
            <a:pPr>
              <a:tabLst>
                <a:tab pos="3118900" algn="r"/>
                <a:tab pos="4820119" algn="r"/>
              </a:tabLst>
            </a:pPr>
            <a:r>
              <a:rPr lang="en-US" dirty="0"/>
              <a:t>Rate Impact 	37% 	54%</a:t>
            </a:r>
          </a:p>
          <a:p>
            <a:pPr>
              <a:tabLst>
                <a:tab pos="3118900" algn="r"/>
                <a:tab pos="4820119" algn="r"/>
              </a:tabLst>
            </a:pPr>
            <a:r>
              <a:rPr lang="en-US" dirty="0"/>
              <a:t>Annual Rate Impact over 10 yrs 	3.7% 	5.4%</a:t>
            </a:r>
          </a:p>
          <a:p>
            <a:pPr>
              <a:tabLst>
                <a:tab pos="3118900" algn="r"/>
                <a:tab pos="4820119" algn="r"/>
              </a:tabLst>
            </a:pPr>
            <a:r>
              <a:rPr lang="en-US" dirty="0"/>
              <a:t>Retail Rate Impact 50% MWD, 1.75MAF, 20 HUF 	$ 7 	$ 11 per month</a:t>
            </a:r>
          </a:p>
          <a:p>
            <a:pPr>
              <a:tabLst>
                <a:tab pos="3118900" algn="r"/>
                <a:tab pos="4820119" algn="r"/>
              </a:tabLst>
            </a:pPr>
            <a:r>
              <a:rPr lang="en-US" b="1" u="sng" dirty="0"/>
              <a:t>Desalination Focus</a:t>
            </a:r>
          </a:p>
          <a:p>
            <a:pPr>
              <a:tabLst>
                <a:tab pos="3118900" algn="r"/>
                <a:tab pos="4820119" algn="r"/>
              </a:tabLst>
            </a:pPr>
            <a:r>
              <a:rPr lang="en-US" dirty="0"/>
              <a:t>Unit Cost $ 2,367 2015 $/AF</a:t>
            </a:r>
          </a:p>
          <a:p>
            <a:pPr>
              <a:tabLst>
                <a:tab pos="3118900" algn="r"/>
                <a:tab pos="4820119" algn="r"/>
              </a:tabLst>
            </a:pPr>
            <a:r>
              <a:rPr lang="en-US" dirty="0"/>
              <a:t>Yield 	378 TAF</a:t>
            </a:r>
          </a:p>
          <a:p>
            <a:pPr>
              <a:tabLst>
                <a:tab pos="3118900" algn="r"/>
                <a:tab pos="4820119" algn="r"/>
              </a:tabLst>
            </a:pPr>
            <a:r>
              <a:rPr lang="en-US" dirty="0"/>
              <a:t>Rate Impact 	53%</a:t>
            </a:r>
          </a:p>
          <a:p>
            <a:pPr>
              <a:tabLst>
                <a:tab pos="3118900" algn="r"/>
                <a:tab pos="4820119" algn="r"/>
              </a:tabLst>
            </a:pPr>
            <a:r>
              <a:rPr lang="en-US" dirty="0"/>
              <a:t>Annual Rate Impact over 10 yrs 	5.3%</a:t>
            </a:r>
          </a:p>
          <a:p>
            <a:pPr>
              <a:tabLst>
                <a:tab pos="3118900" algn="r"/>
                <a:tab pos="4820119" algn="r"/>
              </a:tabLst>
            </a:pPr>
            <a:r>
              <a:rPr lang="en-US" dirty="0"/>
              <a:t>Retail Rate Impact 50% MWD, 1.75MAF, 20 HUF 	$ 11 per month</a:t>
            </a:r>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1</a:t>
            </a:fld>
            <a:endParaRPr lang="en-US" dirty="0">
              <a:solidFill>
                <a:prstClr val="black"/>
              </a:solidFill>
            </a:endParaRPr>
          </a:p>
        </p:txBody>
      </p:sp>
    </p:spTree>
    <p:extLst>
      <p:ext uri="{BB962C8B-B14F-4D97-AF65-F5344CB8AC3E}">
        <p14:creationId xmlns:p14="http://schemas.microsoft.com/office/powerpoint/2010/main" val="1973019745"/>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27043" y="3329940"/>
            <a:ext cx="8381999" cy="3154680"/>
          </a:xfrm>
        </p:spPr>
        <p:txBody>
          <a:bodyPr>
            <a:normAutofit/>
          </a:bodyPr>
          <a:lstStyle/>
          <a:p>
            <a:pPr marL="170122" indent="-170122">
              <a:buFont typeface="Arial" panose="020B0604020202020204" pitchFamily="34" charset="0"/>
              <a:buChar char="•"/>
            </a:pPr>
            <a:r>
              <a:rPr lang="en-US" dirty="0" smtClean="0"/>
              <a:t>Edward C Little: Unit</a:t>
            </a:r>
            <a:r>
              <a:rPr lang="en-US" baseline="0" dirty="0" smtClean="0"/>
              <a:t> cost from LRP FY13/14 reconciliation = $1,739/AF with grants (Kira A)</a:t>
            </a:r>
          </a:p>
          <a:p>
            <a:pPr marL="170122" indent="-170122">
              <a:buFont typeface="Arial" panose="020B0604020202020204" pitchFamily="34" charset="0"/>
              <a:buChar char="•"/>
            </a:pPr>
            <a:r>
              <a:rPr lang="en-US" baseline="0" dirty="0" smtClean="0"/>
              <a:t>GWRS: 2009-2010 cost summary (65,950 AF per year) overall project gross cost = $887/AF (from website); includes adding back in OCSD capital contribution and outside grants; Kira received updated numbers (FY2014-15) from OCWD, which shows a higher annual cost, but also a higher production (76,563 AF per year) for an overall lower unit cost (roughly calculates to ~$810/AF)</a:t>
            </a:r>
          </a:p>
          <a:p>
            <a:pPr marL="170122" indent="-170122">
              <a:buFont typeface="Arial" panose="020B0604020202020204" pitchFamily="34" charset="0"/>
              <a:buChar char="•"/>
            </a:pPr>
            <a:r>
              <a:rPr lang="en-US" dirty="0" smtClean="0"/>
              <a:t>LRP</a:t>
            </a:r>
            <a:r>
              <a:rPr lang="en-US" baseline="0" dirty="0" smtClean="0"/>
              <a:t>: Weighted average (based on production) unit cost for 2014 (from the FY13-14 reconciliation) = $2,240/AF; does not include outliers</a:t>
            </a:r>
          </a:p>
          <a:p>
            <a:pPr marL="170122" indent="-170122">
              <a:buFont typeface="Arial" panose="020B0604020202020204" pitchFamily="34" charset="0"/>
              <a:buChar char="•"/>
            </a:pPr>
            <a:r>
              <a:rPr lang="en-US" baseline="0" dirty="0" smtClean="0"/>
              <a:t>If only analyze projects that started operation in the last 10 years, the weighted average unit cost = $3,623/AF due to the ramp up (low initial production) (Kira A)</a:t>
            </a:r>
          </a:p>
          <a:p>
            <a:pPr marL="170122" indent="-170122" defTabSz="907316">
              <a:buFont typeface="Arial" panose="020B0604020202020204" pitchFamily="34" charset="0"/>
              <a:buChar char="•"/>
              <a:defRPr/>
            </a:pPr>
            <a:r>
              <a:rPr lang="en-US" dirty="0" smtClean="0"/>
              <a:t>Pure</a:t>
            </a:r>
            <a:r>
              <a:rPr lang="en-US" baseline="0" dirty="0" smtClean="0"/>
              <a:t> Water Project: </a:t>
            </a:r>
            <a:r>
              <a:rPr lang="de-DE" dirty="0">
                <a:cs typeface="Arial" charset="0"/>
              </a:rPr>
              <a:t>Unit costs in 2011 dollars and before grants or netting out avoided costs (from the June 14, 2012, SDCWA Board presentation); higher number may include a $275 incentive.  Note from Warren T: t</a:t>
            </a:r>
            <a:r>
              <a:rPr lang="en-US" dirty="0"/>
              <a:t>he folks from The City of San Diego objected to how the SDCWA was portraying the City of SD RWS project costs.  The City of San Diego Water Purification Demonstration Project Report Final Draft (March 2013) listed a unit cost of $2,000/AF (AWP facility, pipeline system, source control, public outreach), which includes LRP credits of $275/AF and 20% grant funding of capital costs (page 112) and based on 15MGD (16,800 AF per year)</a:t>
            </a:r>
            <a:endParaRPr lang="de-DE" dirty="0">
              <a:cs typeface="Arial" charset="0"/>
            </a:endParaRPr>
          </a:p>
          <a:p>
            <a:pPr marL="170122" indent="-170122">
              <a:buFont typeface="Arial" panose="020B0604020202020204" pitchFamily="34" charset="0"/>
              <a:buChar char="•"/>
            </a:pPr>
            <a:endParaRPr lang="en-US" dirty="0" smtClean="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2</a:t>
            </a:fld>
            <a:endParaRPr lang="en-US" dirty="0">
              <a:solidFill>
                <a:prstClr val="black"/>
              </a:solidFill>
            </a:endParaRPr>
          </a:p>
        </p:txBody>
      </p:sp>
    </p:spTree>
    <p:extLst>
      <p:ext uri="{BB962C8B-B14F-4D97-AF65-F5344CB8AC3E}">
        <p14:creationId xmlns:p14="http://schemas.microsoft.com/office/powerpoint/2010/main" val="4125475987"/>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0122" indent="-170122">
              <a:buFont typeface="Arial" panose="020B0604020202020204" pitchFamily="34" charset="0"/>
              <a:buChar char="•"/>
            </a:pPr>
            <a:r>
              <a:rPr lang="en-US" dirty="0" smtClean="0"/>
              <a:t>Carlsbad: From presentation given at</a:t>
            </a:r>
            <a:r>
              <a:rPr lang="en-US" baseline="0" dirty="0" smtClean="0"/>
              <a:t> a June 9, 2015, Board meeting on SDCWA’s budget.  Water purchase price Poseidon Water Purchase Agreement = $2,367/AF (2016 current estimate).  Production yield = 48,000 AF per year.  [Warren T]</a:t>
            </a:r>
          </a:p>
          <a:p>
            <a:pPr marL="170122" indent="-170122">
              <a:buFont typeface="Arial" panose="020B0604020202020204" pitchFamily="34" charset="0"/>
              <a:buChar char="•"/>
            </a:pPr>
            <a:r>
              <a:rPr lang="en-US" dirty="0" smtClean="0"/>
              <a:t>Groundwater Recovery: </a:t>
            </a:r>
            <a:r>
              <a:rPr lang="en-US" baseline="0" dirty="0" smtClean="0"/>
              <a:t>Weighted average (based on production) unit cost for 2014 (from the FY13-14 reconciliation) = $1,157/AF; does not include outliers.  Includes projects that are over 20 years in production.  If only analyze projects that started operation in the last 10 years, the weighted average unit cost = $1,336/AF.  Future desalter (new LRP application) much more expensive  [Kira A]</a:t>
            </a:r>
          </a:p>
          <a:p>
            <a:pPr marL="170122" indent="-170122">
              <a:buFont typeface="Arial" panose="020B0604020202020204" pitchFamily="34" charset="0"/>
              <a:buChar char="•"/>
            </a:pPr>
            <a:r>
              <a:rPr lang="en-US" dirty="0" smtClean="0"/>
              <a:t>Potential for groundwater recovery: Largest future project</a:t>
            </a:r>
            <a:r>
              <a:rPr lang="en-US" baseline="0" dirty="0" smtClean="0"/>
              <a:t> identified in the IRP project inventory list is 24,000 AF per year (Tujunga Well Treatment)</a:t>
            </a:r>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3</a:t>
            </a:fld>
            <a:endParaRPr lang="en-US" dirty="0">
              <a:solidFill>
                <a:prstClr val="black"/>
              </a:solidFill>
            </a:endParaRPr>
          </a:p>
        </p:txBody>
      </p:sp>
    </p:spTree>
    <p:extLst>
      <p:ext uri="{BB962C8B-B14F-4D97-AF65-F5344CB8AC3E}">
        <p14:creationId xmlns:p14="http://schemas.microsoft.com/office/powerpoint/2010/main" val="412547598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5438" y="146050"/>
            <a:ext cx="3505200" cy="2628900"/>
          </a:xfrm>
        </p:spPr>
      </p:sp>
      <p:sp>
        <p:nvSpPr>
          <p:cNvPr id="3" name="Notes Placeholder 2"/>
          <p:cNvSpPr>
            <a:spLocks noGrp="1"/>
          </p:cNvSpPr>
          <p:nvPr>
            <p:ph type="body" idx="1"/>
          </p:nvPr>
        </p:nvSpPr>
        <p:spPr>
          <a:xfrm>
            <a:off x="586428" y="2921002"/>
            <a:ext cx="8063233" cy="3870326"/>
          </a:xfrm>
        </p:spPr>
        <p:txBody>
          <a:bodyPr>
            <a:noAutofit/>
          </a:bodyPr>
          <a:lstStyle/>
          <a:p>
            <a:pPr>
              <a:lnSpc>
                <a:spcPct val="80000"/>
              </a:lnSpc>
              <a:spcBef>
                <a:spcPts val="0"/>
              </a:spcBef>
              <a:spcAft>
                <a:spcPts val="0"/>
              </a:spcAft>
            </a:pPr>
            <a:r>
              <a:rPr lang="en-US" sz="900" b="1" dirty="0"/>
              <a:t>Metropolitan’s SWP Supplies			Supplies	Blending</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Existing	1,2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BDCP Preferred Alt.	1.2 – 1,4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Avg Yr)	875,000 AFY	Sometimes</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Below Normal)	~675,000 AFY	Rarely</a:t>
            </a:r>
          </a:p>
          <a:p>
            <a:pPr>
              <a:lnSpc>
                <a:spcPct val="80000"/>
              </a:lnSpc>
              <a:spcBef>
                <a:spcPts val="0"/>
              </a:spcBef>
              <a:spcAft>
                <a:spcPts val="0"/>
              </a:spcAft>
              <a:tabLst>
                <a:tab pos="4049451" algn="r"/>
                <a:tab pos="5247432" algn="r"/>
              </a:tabLst>
            </a:pPr>
            <a:r>
              <a:rPr lang="en-US" sz="900" b="1" u="sng" dirty="0"/>
              <a:t>Blending Target Requirements</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50% SWP Allocation to meet blend targets	950,000 AFY</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35% SWP Table A to cover Exclusive Zones	665,000 AFY</a:t>
            </a:r>
          </a:p>
          <a:p>
            <a:pPr>
              <a:lnSpc>
                <a:spcPct val="80000"/>
              </a:lnSpc>
              <a:spcBef>
                <a:spcPts val="0"/>
              </a:spcBef>
              <a:spcAft>
                <a:spcPts val="0"/>
              </a:spcAft>
              <a:tabLst>
                <a:tab pos="4049451" algn="r"/>
                <a:tab pos="5247432" algn="r"/>
              </a:tabLst>
            </a:pPr>
            <a:r>
              <a:rPr lang="en-US" sz="900" b="1" u="sng" dirty="0"/>
              <a:t>ASSUMPTIONS</a:t>
            </a:r>
          </a:p>
          <a:p>
            <a:pPr marL="107912" indent="-107912">
              <a:lnSpc>
                <a:spcPct val="80000"/>
              </a:lnSpc>
              <a:spcBef>
                <a:spcPts val="0"/>
              </a:spcBef>
              <a:spcAft>
                <a:spcPts val="0"/>
              </a:spcAft>
              <a:tabLst>
                <a:tab pos="4049451" algn="r"/>
                <a:tab pos="5247432" algn="r"/>
              </a:tabLst>
            </a:pPr>
            <a:r>
              <a:rPr lang="en-US" sz="900" dirty="0"/>
              <a:t>•	BDCP no fix scenario = 3.5 maf/yr SWP/CVP; MWD is 1/4 or 850,000 af/year ON AVERAGE - LONG-TERM!!!!!</a:t>
            </a:r>
          </a:p>
          <a:p>
            <a:pPr marL="107912" indent="-107912">
              <a:lnSpc>
                <a:spcPct val="80000"/>
              </a:lnSpc>
              <a:spcBef>
                <a:spcPts val="0"/>
              </a:spcBef>
              <a:spcAft>
                <a:spcPts val="0"/>
              </a:spcAft>
            </a:pPr>
            <a:r>
              <a:rPr lang="en-US" sz="900" dirty="0"/>
              <a:t>•	850,000 AF to MWD represents 44.5% of SWP Table A (i.e. this is the new long-term baseline)</a:t>
            </a:r>
          </a:p>
          <a:p>
            <a:pPr marL="107912" indent="-107912">
              <a:lnSpc>
                <a:spcPct val="80000"/>
              </a:lnSpc>
              <a:spcBef>
                <a:spcPts val="0"/>
              </a:spcBef>
              <a:spcAft>
                <a:spcPts val="0"/>
              </a:spcAft>
            </a:pPr>
            <a:r>
              <a:rPr lang="en-US" sz="900" dirty="0"/>
              <a:t>•	No SWP banking and suface water accounts to use for blending (i.e. only for reliability)</a:t>
            </a:r>
          </a:p>
          <a:p>
            <a:pPr marL="107912" indent="-107912">
              <a:lnSpc>
                <a:spcPct val="80000"/>
              </a:lnSpc>
              <a:spcBef>
                <a:spcPts val="0"/>
              </a:spcBef>
              <a:spcAft>
                <a:spcPts val="0"/>
              </a:spcAft>
            </a:pPr>
            <a:r>
              <a:rPr lang="en-US" sz="900" dirty="0"/>
              <a:t>•	Reliability is number 1 priority; Blending and meeting TDS targets is a secondary priority</a:t>
            </a:r>
          </a:p>
          <a:p>
            <a:pPr marL="107912" indent="-107912">
              <a:lnSpc>
                <a:spcPct val="80000"/>
              </a:lnSpc>
              <a:spcBef>
                <a:spcPts val="0"/>
              </a:spcBef>
              <a:spcAft>
                <a:spcPts val="0"/>
              </a:spcAft>
            </a:pPr>
            <a:r>
              <a:rPr lang="en-US" sz="900" dirty="0"/>
              <a:t>•	MWD needs a 50% SWP allocation needed to meet blend targets; or 1.9 maf x 50% = 950,000 AF</a:t>
            </a:r>
          </a:p>
          <a:p>
            <a:pPr marL="107912" indent="-107912">
              <a:lnSpc>
                <a:spcPct val="80000"/>
              </a:lnSpc>
              <a:spcBef>
                <a:spcPts val="0"/>
              </a:spcBef>
              <a:spcAft>
                <a:spcPts val="0"/>
              </a:spcAft>
            </a:pPr>
            <a:r>
              <a:rPr lang="en-US" sz="900" dirty="0"/>
              <a:t>•	MWD needs about 35% to cover exclusives, then we can blend (or 35% x 1.9 maf = 665,000 AF/yr)</a:t>
            </a:r>
          </a:p>
          <a:p>
            <a:pPr marL="107912" indent="-107912">
              <a:lnSpc>
                <a:spcPct val="80000"/>
              </a:lnSpc>
              <a:spcBef>
                <a:spcPts val="0"/>
              </a:spcBef>
              <a:spcAft>
                <a:spcPts val="0"/>
              </a:spcAft>
            </a:pPr>
            <a:r>
              <a:rPr lang="en-US" sz="900" dirty="0"/>
              <a:t>•	MWD needs 16% allocations (or 300,000 AF) to meet blending goals</a:t>
            </a:r>
          </a:p>
          <a:p>
            <a:pPr marL="107912" indent="-107912">
              <a:lnSpc>
                <a:spcPct val="80000"/>
              </a:lnSpc>
              <a:spcBef>
                <a:spcPts val="0"/>
              </a:spcBef>
              <a:spcAft>
                <a:spcPts val="0"/>
              </a:spcAft>
            </a:pPr>
            <a:r>
              <a:rPr lang="en-US" sz="900" dirty="0"/>
              <a:t>•	SWP minimum to consider starting to blend = 37% allocation or 707,000 AF</a:t>
            </a:r>
          </a:p>
          <a:p>
            <a:pPr marL="107912" indent="-107912">
              <a:lnSpc>
                <a:spcPct val="80000"/>
              </a:lnSpc>
              <a:spcBef>
                <a:spcPts val="0"/>
              </a:spcBef>
              <a:spcAft>
                <a:spcPts val="0"/>
              </a:spcAft>
            </a:pPr>
            <a:r>
              <a:rPr lang="en-US" sz="900" dirty="0"/>
              <a:t>•	Runoff indexes -- Critical, Dry, Below Normal, Above Normal, Wet</a:t>
            </a:r>
          </a:p>
          <a:p>
            <a:pPr marL="107912" indent="-107912">
              <a:lnSpc>
                <a:spcPct val="80000"/>
              </a:lnSpc>
              <a:spcBef>
                <a:spcPts val="0"/>
              </a:spcBef>
              <a:spcAft>
                <a:spcPts val="0"/>
              </a:spcAft>
              <a:tabLst>
                <a:tab pos="4049451" algn="r"/>
                <a:tab pos="5247432" algn="r"/>
              </a:tabLst>
            </a:pPr>
            <a:r>
              <a:rPr lang="en-US" sz="900" dirty="0"/>
              <a:t>•	Runoff indexes = Critical-16%, Dry-16%, BN-16%, AN-15%, Wet-35% (based on historical Sac 4-River Runoff Index)</a:t>
            </a:r>
          </a:p>
          <a:p>
            <a:pPr>
              <a:lnSpc>
                <a:spcPct val="80000"/>
              </a:lnSpc>
              <a:spcBef>
                <a:spcPts val="0"/>
              </a:spcBef>
              <a:spcAft>
                <a:spcPts val="0"/>
              </a:spcAft>
              <a:tabLst>
                <a:tab pos="4049451" algn="r"/>
                <a:tab pos="5247432" algn="r"/>
              </a:tabLst>
            </a:pPr>
            <a:r>
              <a:rPr lang="en-US" sz="900" b="1" u="sng" dirty="0"/>
              <a:t>THEREFORE</a:t>
            </a:r>
          </a:p>
          <a:p>
            <a:pPr marL="107912" indent="-107912">
              <a:lnSpc>
                <a:spcPct val="80000"/>
              </a:lnSpc>
              <a:spcBef>
                <a:spcPts val="0"/>
              </a:spcBef>
              <a:spcAft>
                <a:spcPts val="0"/>
              </a:spcAft>
              <a:tabLst>
                <a:tab pos="4049451" algn="r"/>
                <a:tab pos="5247432" algn="r"/>
              </a:tabLst>
            </a:pPr>
            <a:r>
              <a:rPr lang="en-US" sz="900" dirty="0"/>
              <a:t>•	Unless runoff is above average, you cannot meet blending needs.</a:t>
            </a:r>
          </a:p>
          <a:p>
            <a:pPr>
              <a:lnSpc>
                <a:spcPct val="80000"/>
              </a:lnSpc>
              <a:spcBef>
                <a:spcPts val="0"/>
              </a:spcBef>
              <a:spcAft>
                <a:spcPts val="0"/>
              </a:spcAft>
              <a:tabLst>
                <a:tab pos="4049451" algn="r"/>
                <a:tab pos="5247432" algn="r"/>
              </a:tabLst>
            </a:pPr>
            <a:r>
              <a:rPr lang="en-US" sz="900" b="1" u="sng" dirty="0"/>
              <a:t>DEVELOP CHARTS &amp; MEMBER AGENCY PERCENTAGE MATRICES</a:t>
            </a:r>
          </a:p>
          <a:p>
            <a:pPr marL="107912" indent="-107912">
              <a:lnSpc>
                <a:spcPct val="80000"/>
              </a:lnSpc>
              <a:spcBef>
                <a:spcPts val="0"/>
              </a:spcBef>
              <a:spcAft>
                <a:spcPts val="0"/>
              </a:spcAft>
              <a:tabLst>
                <a:tab pos="4049451" algn="r"/>
                <a:tab pos="5247432" algn="r"/>
              </a:tabLst>
            </a:pPr>
            <a:r>
              <a:rPr lang="en-US" sz="900" dirty="0"/>
              <a:t>•	Scenario 1:  Existing SWP/CVP Supplies (4.7 MAF/4 = 1.2 MAF on average) -- Blending goals met, show CRA area, SWP area, blending area  </a:t>
            </a:r>
          </a:p>
          <a:p>
            <a:pPr marL="107912" indent="-107912">
              <a:lnSpc>
                <a:spcPct val="80000"/>
              </a:lnSpc>
              <a:spcBef>
                <a:spcPts val="0"/>
              </a:spcBef>
              <a:spcAft>
                <a:spcPts val="0"/>
              </a:spcAft>
              <a:tabLst>
                <a:tab pos="4049451" algn="r"/>
                <a:tab pos="5247432" algn="r"/>
              </a:tabLst>
            </a:pPr>
            <a:r>
              <a:rPr lang="en-US" sz="900" dirty="0"/>
              <a:t>•	Scenario 2:  BDCP No Fix with Avg Yr runoff (3.5 MAF/4 = 850 TAF or 1.7 maf minus 50%) -- 100% of the time you will not need meet blending goals (i.e. only partial blending allowed in a smaller portion of MWD service area)</a:t>
            </a:r>
          </a:p>
          <a:p>
            <a:pPr marL="107912" indent="-107912">
              <a:lnSpc>
                <a:spcPct val="80000"/>
              </a:lnSpc>
              <a:spcBef>
                <a:spcPts val="0"/>
              </a:spcBef>
              <a:spcAft>
                <a:spcPts val="0"/>
              </a:spcAft>
              <a:tabLst>
                <a:tab pos="4049451" algn="r"/>
                <a:tab pos="5247432" algn="r"/>
              </a:tabLst>
            </a:pPr>
            <a:r>
              <a:rPr lang="en-US" sz="900" dirty="0"/>
              <a:t>•	Scenario3:  BDCP No Fix with Below Normal Yr runoff (665 TAF or 1.7) -- 22% of time you cannot do any blending [(850,000-665,000)/850,000 = 22%; assumes linear relationship with runoff index]</a:t>
            </a:r>
          </a:p>
          <a:p>
            <a:pPr>
              <a:lnSpc>
                <a:spcPct val="80000"/>
              </a:lnSpc>
              <a:spcBef>
                <a:spcPts val="0"/>
              </a:spcBef>
              <a:spcAft>
                <a:spcPts val="0"/>
              </a:spcAft>
              <a:tabLst>
                <a:tab pos="4049451" algn="r"/>
                <a:tab pos="5247432" algn="r"/>
              </a:tabLst>
            </a:pPr>
            <a:r>
              <a:rPr lang="en-US" sz="900" b="1" u="sng" dirty="0"/>
              <a:t>MWD Water Quality Treatment Plants</a:t>
            </a:r>
          </a:p>
          <a:p>
            <a:pPr>
              <a:lnSpc>
                <a:spcPct val="80000"/>
              </a:lnSpc>
              <a:spcBef>
                <a:spcPts val="0"/>
              </a:spcBef>
              <a:spcAft>
                <a:spcPts val="0"/>
              </a:spcAft>
              <a:tabLst>
                <a:tab pos="4049451" algn="r"/>
                <a:tab pos="5247432" algn="r"/>
              </a:tabLst>
            </a:pPr>
            <a:r>
              <a:rPr lang="en-US" sz="900" u="sng" dirty="0"/>
              <a:t>Normal operating conditions (Nov 04-Oct 13) (Average)	SWP	CRA</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Jensen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Weymouth	41%	59%</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Diem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Mills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Skinn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endParaRPr lang="en-US" sz="900"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64</a:t>
            </a:fld>
            <a:endParaRPr lang="en-US" dirty="0">
              <a:solidFill>
                <a:prstClr val="black"/>
              </a:solidFill>
            </a:endParaRPr>
          </a:p>
        </p:txBody>
      </p:sp>
    </p:spTree>
    <p:extLst>
      <p:ext uri="{BB962C8B-B14F-4D97-AF65-F5344CB8AC3E}">
        <p14:creationId xmlns:p14="http://schemas.microsoft.com/office/powerpoint/2010/main" val="2556955895"/>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3597" lvl="1" indent="-226799">
              <a:spcBef>
                <a:spcPts val="0"/>
              </a:spcBef>
              <a:buFont typeface="Arial" panose="020B0604020202020204" pitchFamily="34" charset="0"/>
              <a:buChar char="•"/>
            </a:pPr>
            <a:r>
              <a:rPr lang="en-US" sz="1000" dirty="0"/>
              <a:t>We have good estimates of the cost and the increased water supply benefits of the of the California Water Fix</a:t>
            </a:r>
          </a:p>
          <a:p>
            <a:pPr marL="907193" lvl="2" indent="-226799">
              <a:spcBef>
                <a:spcPts val="0"/>
              </a:spcBef>
              <a:buFont typeface="Arial" panose="020B0604020202020204" pitchFamily="34" charset="0"/>
              <a:buChar char="•"/>
            </a:pPr>
            <a:r>
              <a:rPr lang="en-US" sz="1000" dirty="0"/>
              <a:t>$X Billion and Y acre-feet, approximately $X/acre-foot</a:t>
            </a:r>
          </a:p>
          <a:p>
            <a:pPr marL="453597" lvl="1" indent="-226799">
              <a:spcBef>
                <a:spcPts val="0"/>
              </a:spcBef>
              <a:buFont typeface="Arial" panose="020B0604020202020204" pitchFamily="34" charset="0"/>
              <a:buChar char="•"/>
            </a:pPr>
            <a:r>
              <a:rPr lang="en-US" sz="1000" dirty="0"/>
              <a:t>$X/acre-foot is significantly cheaper than shortages or other alternatives</a:t>
            </a:r>
          </a:p>
          <a:p>
            <a:pPr marL="907193" lvl="2" indent="-226799">
              <a:spcBef>
                <a:spcPts val="0"/>
              </a:spcBef>
              <a:buFont typeface="Arial" panose="020B0604020202020204" pitchFamily="34" charset="0"/>
              <a:buChar char="•"/>
            </a:pPr>
            <a:r>
              <a:rPr lang="en-US" sz="1000" dirty="0"/>
              <a:t>These come in between $Z and $Z per acre-foot</a:t>
            </a:r>
          </a:p>
          <a:p>
            <a:pPr marL="453597" lvl="1" indent="-226799">
              <a:spcBef>
                <a:spcPts val="0"/>
              </a:spcBef>
              <a:buFont typeface="Arial" panose="020B0604020202020204" pitchFamily="34" charset="0"/>
              <a:buChar char="•"/>
            </a:pPr>
            <a:r>
              <a:rPr lang="en-US" sz="1000" dirty="0"/>
              <a:t>Because the California Water Fix is cheaper, MWD rate impacts will be less than the alternatives and households will spend less for a reliable water supply</a:t>
            </a:r>
          </a:p>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5</a:t>
            </a:fld>
            <a:endParaRPr lang="en-US" dirty="0">
              <a:solidFill>
                <a:prstClr val="black"/>
              </a:solidFill>
            </a:endParaRPr>
          </a:p>
        </p:txBody>
      </p:sp>
    </p:spTree>
    <p:extLst>
      <p:ext uri="{BB962C8B-B14F-4D97-AF65-F5344CB8AC3E}">
        <p14:creationId xmlns:p14="http://schemas.microsoft.com/office/powerpoint/2010/main" val="4027582545"/>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66</a:t>
            </a:fld>
            <a:endParaRPr lang="en-US" dirty="0"/>
          </a:p>
        </p:txBody>
      </p:sp>
    </p:spTree>
    <p:extLst>
      <p:ext uri="{BB962C8B-B14F-4D97-AF65-F5344CB8AC3E}">
        <p14:creationId xmlns:p14="http://schemas.microsoft.com/office/powerpoint/2010/main" val="4024449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2</a:t>
            </a:fld>
            <a:endParaRPr lang="en-US" dirty="0">
              <a:solidFill>
                <a:prstClr val="black"/>
              </a:solidFill>
            </a:endParaRPr>
          </a:p>
        </p:txBody>
      </p:sp>
      <p:sp>
        <p:nvSpPr>
          <p:cNvPr id="5" name="Notes Placeholder 4"/>
          <p:cNvSpPr>
            <a:spLocks noGrp="1"/>
          </p:cNvSpPr>
          <p:nvPr>
            <p:ph type="body" sz="quarter" idx="11"/>
          </p:nvPr>
        </p:nvSpPr>
        <p:spPr/>
        <p:txBody>
          <a:bodyPr>
            <a:normAutofit/>
          </a:bodyPr>
          <a:lstStyle/>
          <a:p>
            <a:endParaRPr lang="en-US" dirty="0"/>
          </a:p>
        </p:txBody>
      </p:sp>
    </p:spTree>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7</a:t>
            </a:fld>
            <a:endParaRPr lang="en-US" dirty="0">
              <a:solidFill>
                <a:prstClr val="black"/>
              </a:solidFill>
            </a:endParaRPr>
          </a:p>
        </p:txBody>
      </p:sp>
      <p:sp>
        <p:nvSpPr>
          <p:cNvPr id="5" name="Notes Placeholder 2"/>
          <p:cNvSpPr>
            <a:spLocks noGrp="1"/>
          </p:cNvSpPr>
          <p:nvPr>
            <p:ph type="body" idx="3"/>
          </p:nvPr>
        </p:nvSpPr>
        <p:spPr>
          <a:xfrm>
            <a:off x="350840" y="3329940"/>
            <a:ext cx="8534397" cy="3154680"/>
          </a:xfrm>
        </p:spPr>
        <p:txBody>
          <a:bodyPr>
            <a:noAutofit/>
          </a:bodyPr>
          <a:lstStyle/>
          <a:p>
            <a:pPr>
              <a:lnSpc>
                <a:spcPct val="85000"/>
              </a:lnSpc>
              <a:spcBef>
                <a:spcPts val="0"/>
              </a:spcBef>
            </a:pPr>
            <a:r>
              <a:rPr lang="en-US" sz="1000" dirty="0"/>
              <a:t>California EcoRestore is an initiative to help coordinate and advance at least 30,000 acres of critical habitat restoration in the Sacramento – San Joaquin Delta over the next four years. Driven by world-class science and guided by adaptive management, California EcoRestore will aggressively pursue habitat restoration projects with clearly defined goals, measurable objectives, and financial resources to help ensure success.</a:t>
            </a:r>
          </a:p>
          <a:p>
            <a:pPr>
              <a:lnSpc>
                <a:spcPct val="85000"/>
              </a:lnSpc>
              <a:spcBef>
                <a:spcPts val="0"/>
              </a:spcBef>
            </a:pPr>
            <a:r>
              <a:rPr lang="en-US" sz="1000" dirty="0"/>
              <a:t>A broad range of habitat restoration projects will be pursued, including projects to address aquatic, sub-tidal, tidal, riparian, flood plain, and upland ecosystem needs.</a:t>
            </a:r>
          </a:p>
          <a:p>
            <a:pPr>
              <a:lnSpc>
                <a:spcPct val="85000"/>
              </a:lnSpc>
              <a:spcBef>
                <a:spcPts val="0"/>
              </a:spcBef>
            </a:pPr>
            <a:r>
              <a:rPr lang="en-US" sz="1000" dirty="0"/>
              <a:t>California EcoRestore’s initial goal is to advance (i.e. complete or break ground on) 30,000 acres of Delta habitat restoration:</a:t>
            </a:r>
          </a:p>
          <a:p>
            <a:pPr>
              <a:lnSpc>
                <a:spcPct val="85000"/>
              </a:lnSpc>
              <a:spcBef>
                <a:spcPts val="0"/>
              </a:spcBef>
            </a:pPr>
            <a:r>
              <a:rPr lang="en-US" sz="1000" dirty="0"/>
              <a:t>25,000 acres associated with existing mandates for habitat restoration, pursuant to federal biological opinions. These projects will be funded exclusively by the state and federal water contractors that benefit from the State Water Project and the Central Valley Project systems.</a:t>
            </a:r>
          </a:p>
          <a:p>
            <a:pPr>
              <a:lnSpc>
                <a:spcPct val="85000"/>
              </a:lnSpc>
              <a:spcBef>
                <a:spcPts val="0"/>
              </a:spcBef>
            </a:pPr>
            <a:r>
              <a:rPr lang="en-US" sz="1000" dirty="0"/>
              <a:t>5,000 acres of habitat enhancements. Proposition 1 grants to local governments, non-profit organizations, and other entities will support these habitat enhancements throughout the Delta. Funding will come primarily from the Delta Conservancy, the California Department of Fish and Wildlife, and the California Department of Water Resources.</a:t>
            </a:r>
          </a:p>
          <a:p>
            <a:pPr>
              <a:lnSpc>
                <a:spcPct val="85000"/>
              </a:lnSpc>
              <a:spcBef>
                <a:spcPts val="0"/>
              </a:spcBef>
            </a:pPr>
            <a:r>
              <a:rPr lang="en-US" sz="1000" dirty="0"/>
              <a:t>California EcoRestore is unassociated with any habitat restoration that may be required as part of the construction and operation of new Delta water conveyance (</a:t>
            </a:r>
            <a:r>
              <a:rPr lang="en-US" sz="1000" dirty="0">
                <a:hlinkClick r:id="rId3"/>
              </a:rPr>
              <a:t>California WaterFix</a:t>
            </a:r>
            <a:r>
              <a:rPr lang="en-US" sz="1000" dirty="0"/>
              <a:t>).</a:t>
            </a:r>
          </a:p>
          <a:p>
            <a:pPr>
              <a:lnSpc>
                <a:spcPct val="85000"/>
              </a:lnSpc>
              <a:spcBef>
                <a:spcPts val="0"/>
              </a:spcBef>
            </a:pPr>
            <a:endParaRPr lang="en-US" sz="1000" dirty="0"/>
          </a:p>
          <a:p>
            <a:pPr>
              <a:lnSpc>
                <a:spcPct val="85000"/>
              </a:lnSpc>
              <a:spcBef>
                <a:spcPts val="0"/>
              </a:spcBef>
            </a:pPr>
            <a:r>
              <a:rPr lang="en-US" sz="1000" b="1" dirty="0"/>
              <a:t>California EcoRestore Funding</a:t>
            </a:r>
          </a:p>
          <a:p>
            <a:pPr>
              <a:lnSpc>
                <a:spcPct val="85000"/>
              </a:lnSpc>
              <a:spcBef>
                <a:spcPts val="0"/>
              </a:spcBef>
            </a:pPr>
            <a:r>
              <a:rPr lang="en-US" sz="1000" dirty="0"/>
              <a:t>Costs for California EcoRestore are expected to reach at least $300 million in the first four years. Much of these costs will be borne by the state and federal public water agencies currently required to mitigate the ecological impacts of the State Water Project and the Central Valley Project in the Delta.</a:t>
            </a:r>
          </a:p>
          <a:p>
            <a:pPr>
              <a:lnSpc>
                <a:spcPct val="85000"/>
              </a:lnSpc>
              <a:spcBef>
                <a:spcPts val="0"/>
              </a:spcBef>
            </a:pPr>
            <a:r>
              <a:rPr lang="en-US" sz="1000" dirty="0"/>
              <a:t>Funding for habitat enhancements unassociated with mitigation will come primarily from Propositions 1 and 1E, the AB 32 Greenhouse Gas Reduction Fund, and local, federal, and private investment.</a:t>
            </a:r>
          </a:p>
          <a:p>
            <a:pPr>
              <a:lnSpc>
                <a:spcPct val="85000"/>
              </a:lnSpc>
              <a:spcBef>
                <a:spcPts val="0"/>
              </a:spcBef>
            </a:pPr>
            <a:r>
              <a:rPr lang="en-US" sz="1000" dirty="0"/>
              <a:t>More information on California EcoRestore is available through the links below:</a:t>
            </a:r>
          </a:p>
          <a:p>
            <a:pPr>
              <a:lnSpc>
                <a:spcPct val="85000"/>
              </a:lnSpc>
              <a:spcBef>
                <a:spcPts val="0"/>
              </a:spcBef>
            </a:pPr>
            <a:r>
              <a:rPr lang="en-US" sz="1000" dirty="0">
                <a:hlinkClick r:id="rId4"/>
              </a:rPr>
              <a:t>EcoRestore Fact Sheet</a:t>
            </a:r>
            <a:r>
              <a:rPr lang="en-US" sz="1000" dirty="0"/>
              <a:t>  </a:t>
            </a:r>
            <a:r>
              <a:rPr lang="en-US" sz="1000" dirty="0">
                <a:hlinkClick r:id="rId5"/>
              </a:rPr>
              <a:t>http://resources.ca.gov/ecorestore/</a:t>
            </a:r>
            <a:r>
              <a:rPr lang="en-US" sz="1000" dirty="0"/>
              <a:t> </a:t>
            </a:r>
          </a:p>
          <a:p>
            <a:pPr>
              <a:lnSpc>
                <a:spcPct val="85000"/>
              </a:lnSpc>
              <a:spcBef>
                <a:spcPts val="0"/>
              </a:spcBef>
            </a:pPr>
            <a:endParaRPr lang="en-US" sz="1000" dirty="0"/>
          </a:p>
        </p:txBody>
      </p:sp>
    </p:spTree>
    <p:extLst>
      <p:ext uri="{BB962C8B-B14F-4D97-AF65-F5344CB8AC3E}">
        <p14:creationId xmlns:p14="http://schemas.microsoft.com/office/powerpoint/2010/main" val="336824150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68</a:t>
            </a:fld>
            <a:endParaRPr lang="en-US" dirty="0">
              <a:solidFill>
                <a:prstClr val="black"/>
              </a:solidFill>
            </a:endParaRPr>
          </a:p>
        </p:txBody>
      </p:sp>
      <p:sp>
        <p:nvSpPr>
          <p:cNvPr id="5" name="Notes Placeholder 2"/>
          <p:cNvSpPr>
            <a:spLocks noGrp="1"/>
          </p:cNvSpPr>
          <p:nvPr>
            <p:ph type="body" idx="3"/>
          </p:nvPr>
        </p:nvSpPr>
        <p:spPr>
          <a:xfrm>
            <a:off x="350840" y="3329940"/>
            <a:ext cx="8534397" cy="3154680"/>
          </a:xfrm>
        </p:spPr>
        <p:txBody>
          <a:bodyPr>
            <a:noAutofit/>
          </a:bodyPr>
          <a:lstStyle/>
          <a:p>
            <a:pPr>
              <a:lnSpc>
                <a:spcPct val="85000"/>
              </a:lnSpc>
              <a:spcBef>
                <a:spcPts val="0"/>
              </a:spcBef>
            </a:pPr>
            <a:r>
              <a:rPr lang="en-US" sz="1000" dirty="0"/>
              <a:t>California EcoRestore is an initiative to help coordinate and advance at least 30,000 acres of critical habitat restoration in the Sacramento – San Joaquin Delta over the next four years. Driven by world-class science and guided by adaptive management, California EcoRestore will aggressively pursue habitat restoration projects with clearly defined goals, measurable objectives, and financial resources to help ensure success.</a:t>
            </a:r>
          </a:p>
          <a:p>
            <a:pPr>
              <a:lnSpc>
                <a:spcPct val="85000"/>
              </a:lnSpc>
              <a:spcBef>
                <a:spcPts val="0"/>
              </a:spcBef>
            </a:pPr>
            <a:r>
              <a:rPr lang="en-US" sz="1000" dirty="0"/>
              <a:t>A broad range of habitat restoration projects will be pursued, including projects to address aquatic, sub-tidal, tidal, riparian, flood plain, and upland ecosystem needs.</a:t>
            </a:r>
          </a:p>
          <a:p>
            <a:pPr>
              <a:lnSpc>
                <a:spcPct val="85000"/>
              </a:lnSpc>
              <a:spcBef>
                <a:spcPts val="0"/>
              </a:spcBef>
            </a:pPr>
            <a:r>
              <a:rPr lang="en-US" sz="1000" dirty="0"/>
              <a:t>California EcoRestore’s initial goal is to advance (i.e. complete or break ground on) 30,000 acres of Delta habitat restoration:</a:t>
            </a:r>
          </a:p>
          <a:p>
            <a:pPr>
              <a:lnSpc>
                <a:spcPct val="85000"/>
              </a:lnSpc>
              <a:spcBef>
                <a:spcPts val="0"/>
              </a:spcBef>
            </a:pPr>
            <a:r>
              <a:rPr lang="en-US" sz="1000" dirty="0"/>
              <a:t>25,000 acres associated with existing mandates for habitat restoration, pursuant to federal biological opinions. These projects will be funded exclusively by the state and federal water contractors that benefit from the State Water Project and the Central Valley Project systems.</a:t>
            </a:r>
          </a:p>
          <a:p>
            <a:pPr>
              <a:lnSpc>
                <a:spcPct val="85000"/>
              </a:lnSpc>
              <a:spcBef>
                <a:spcPts val="0"/>
              </a:spcBef>
            </a:pPr>
            <a:r>
              <a:rPr lang="en-US" sz="1000" dirty="0"/>
              <a:t>5,000 acres of habitat enhancements. Proposition 1 grants to local governments, non-profit organizations, and other entities will support these habitat enhancements throughout the Delta. Funding will come primarily from the Delta Conservancy, the California Department of Fish and Wildlife, and the California Department of Water Resources.</a:t>
            </a:r>
          </a:p>
          <a:p>
            <a:pPr>
              <a:lnSpc>
                <a:spcPct val="85000"/>
              </a:lnSpc>
              <a:spcBef>
                <a:spcPts val="0"/>
              </a:spcBef>
            </a:pPr>
            <a:r>
              <a:rPr lang="en-US" sz="1000" dirty="0"/>
              <a:t>California EcoRestore is unassociated with any habitat restoration that may be required as part of the construction and operation of new Delta water conveyance (</a:t>
            </a:r>
            <a:r>
              <a:rPr lang="en-US" sz="1000" dirty="0">
                <a:hlinkClick r:id="rId3"/>
              </a:rPr>
              <a:t>California WaterFix</a:t>
            </a:r>
            <a:r>
              <a:rPr lang="en-US" sz="1000" dirty="0"/>
              <a:t>).</a:t>
            </a:r>
          </a:p>
          <a:p>
            <a:pPr>
              <a:lnSpc>
                <a:spcPct val="85000"/>
              </a:lnSpc>
              <a:spcBef>
                <a:spcPts val="0"/>
              </a:spcBef>
            </a:pPr>
            <a:endParaRPr lang="en-US" sz="1000" dirty="0"/>
          </a:p>
          <a:p>
            <a:pPr>
              <a:lnSpc>
                <a:spcPct val="85000"/>
              </a:lnSpc>
              <a:spcBef>
                <a:spcPts val="0"/>
              </a:spcBef>
            </a:pPr>
            <a:r>
              <a:rPr lang="en-US" sz="1000" b="1" dirty="0"/>
              <a:t>California EcoRestore Funding</a:t>
            </a:r>
          </a:p>
          <a:p>
            <a:pPr>
              <a:lnSpc>
                <a:spcPct val="85000"/>
              </a:lnSpc>
              <a:spcBef>
                <a:spcPts val="0"/>
              </a:spcBef>
            </a:pPr>
            <a:r>
              <a:rPr lang="en-US" sz="1000" dirty="0"/>
              <a:t>Costs for California EcoRestore are expected to reach at least $300 million in the first four years. Much of these costs will be borne by the state and federal public water agencies currently required to mitigate the ecological impacts of the State Water Project and the Central Valley Project in the Delta.</a:t>
            </a:r>
          </a:p>
          <a:p>
            <a:pPr>
              <a:lnSpc>
                <a:spcPct val="85000"/>
              </a:lnSpc>
              <a:spcBef>
                <a:spcPts val="0"/>
              </a:spcBef>
            </a:pPr>
            <a:r>
              <a:rPr lang="en-US" sz="1000" dirty="0"/>
              <a:t>Funding for habitat enhancements unassociated with mitigation will come primarily from Propositions 1 and 1E, the AB 32 Greenhouse Gas Reduction Fund, and local, federal, and private investment.</a:t>
            </a:r>
          </a:p>
          <a:p>
            <a:pPr>
              <a:lnSpc>
                <a:spcPct val="85000"/>
              </a:lnSpc>
              <a:spcBef>
                <a:spcPts val="0"/>
              </a:spcBef>
            </a:pPr>
            <a:r>
              <a:rPr lang="en-US" sz="1000" dirty="0"/>
              <a:t>More information on California EcoRestore is available through the links below:</a:t>
            </a:r>
          </a:p>
          <a:p>
            <a:pPr>
              <a:lnSpc>
                <a:spcPct val="85000"/>
              </a:lnSpc>
              <a:spcBef>
                <a:spcPts val="0"/>
              </a:spcBef>
            </a:pPr>
            <a:r>
              <a:rPr lang="en-US" sz="1000" dirty="0">
                <a:hlinkClick r:id="rId4"/>
              </a:rPr>
              <a:t>EcoRestore Fact Sheet</a:t>
            </a:r>
            <a:r>
              <a:rPr lang="en-US" sz="1000" dirty="0"/>
              <a:t>  </a:t>
            </a:r>
            <a:r>
              <a:rPr lang="en-US" sz="1000" dirty="0">
                <a:hlinkClick r:id="rId5"/>
              </a:rPr>
              <a:t>http://resources.ca.gov/ecorestore/</a:t>
            </a:r>
            <a:r>
              <a:rPr lang="en-US" sz="1000" dirty="0"/>
              <a:t> </a:t>
            </a:r>
          </a:p>
          <a:p>
            <a:pPr>
              <a:lnSpc>
                <a:spcPct val="85000"/>
              </a:lnSpc>
              <a:spcBef>
                <a:spcPts val="0"/>
              </a:spcBef>
            </a:pPr>
            <a:endParaRPr lang="en-US" sz="1000" dirty="0"/>
          </a:p>
        </p:txBody>
      </p:sp>
    </p:spTree>
    <p:extLst>
      <p:ext uri="{BB962C8B-B14F-4D97-AF65-F5344CB8AC3E}">
        <p14:creationId xmlns:p14="http://schemas.microsoft.com/office/powerpoint/2010/main" val="3368241507"/>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69</a:t>
            </a:fld>
            <a:endParaRPr lang="en-US" dirty="0"/>
          </a:p>
        </p:txBody>
      </p:sp>
    </p:spTree>
    <p:extLst>
      <p:ext uri="{BB962C8B-B14F-4D97-AF65-F5344CB8AC3E}">
        <p14:creationId xmlns:p14="http://schemas.microsoft.com/office/powerpoint/2010/main" val="794758050"/>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55000" lnSpcReduction="20000"/>
          </a:bodyPr>
          <a:lstStyle/>
          <a:p>
            <a:r>
              <a:rPr lang="en-US" dirty="0" smtClean="0"/>
              <a:t>Recent levee failures resulting from Hurricane Katrina have increased the awareness of the risk of catastrophic failure of California’s Sacramento-San Joaquin Delta (Delta) levee system leading to the potential loss of the Delta as a drinking water supply for major population centers in the San Francisco Bay area and Southern California. The Department of Water Resources (DWR) has testified that a Delta levee system failure might not fully recover from a hypothetical 6.5 Richter scale earthquake near the western Delta. This is a relatively remote, but high consequence event, leading simultaneously to 50 levee breaches and the flooding of 20 Delta islands. The range of risks will ultimately be an output of the Delta Risk Management Strategy. In February 2006, the Board directed and staff has responded with a Delta emergency preparedness and response plan to avert the catastrophic loss of Delta water supplies resulting from this type of severe emergency. This plan minimizes water supply impacts with the most cost-effective means of prevention and response.</a:t>
            </a:r>
          </a:p>
          <a:p>
            <a:r>
              <a:rPr lang="en-US" dirty="0" smtClean="0"/>
              <a:t>Both pre-event and post-event strategies described below, require the dilution of saltwater trapped in Delta islands by diverting additional Sacramento River flows to re-establish a freshwater pool in the central Delta.</a:t>
            </a:r>
          </a:p>
          <a:p>
            <a:r>
              <a:rPr lang="en-US" dirty="0" smtClean="0"/>
              <a:t>Pre-event Strategy</a:t>
            </a:r>
          </a:p>
          <a:p>
            <a:r>
              <a:rPr lang="en-US" dirty="0" smtClean="0"/>
              <a:t>A pre-event strategy would involve advance construction of levee and river flow barriers to block salt water from entering the south Delta in a major emergency, while isolating saltwater in the central Delta where it can be flushed seaward by the freshwater pool. A pre-event approach could be developed in about three years at costs from $330 million to $485 million, allowing exports to be resumed around two months after the emergency event.</a:t>
            </a:r>
          </a:p>
          <a:p>
            <a:r>
              <a:rPr lang="en-US" dirty="0" smtClean="0"/>
              <a:t>Post-event Strategy</a:t>
            </a:r>
          </a:p>
          <a:p>
            <a:r>
              <a:rPr lang="en-US" dirty="0" smtClean="0"/>
              <a:t>The preferred post-event strategy allows saltwater to enter the entire Delta followed by the creation of an emergency freshwater pathway through existing channels from the central Delta to the export pumps. Feasibility cost estimates for this strategy are about $50 million to pre-position materials and equipment in advance of an emergency, so that pathway development can be substantially unconstrained by other emergency work in the Delta. Costs could increase to a total of approximately $200 million, if and when an emergency takes place and depending on the scale of the actual emergency event. By considering a variety of response priorities, it was concluded that water exports could be operational and reasonably functional in about six months  under this strategy. Although somewhat longer than the pre-event strategies, it is still considered an acceptable time frame.</a:t>
            </a:r>
          </a:p>
          <a:p>
            <a:r>
              <a:rPr lang="en-US" dirty="0" smtClean="0"/>
              <a:t>The time to resume exports is highly sensitive to levee breach lengths, which influence levee repair times and response priorities. For smaller breaches, critical life and property needs may be able to proceed ahead of the emergency freshwater pathway development, while still developing the pathway in the above time frame. For much larger and less likely breaches, the pathway would have to be developed in parallel with other emergency response needs in the Delta to be operational in the six-month period, and would be critically dependent on the availability and use of stockpiled materials. It should be noted that this plan responds to an extreme emergency, but can be adapted in scale to smaller events.</a:t>
            </a:r>
          </a:p>
          <a:p>
            <a:r>
              <a:rPr lang="en-US" dirty="0" smtClean="0"/>
              <a:t>DWR is working with Metropolitan and the State Water Contractors (SWC) to integrate these water supply protections into an interim report to the Emergency Operations Plan for the Delta over the next two months. This will more fully define the pre-positioning of stockpiles, improved emergency contracting capabilities and response mechanisms for a severe levee failure emergency. These plans do not constitute a reliable long-term water conveyance strategy in the Delta, which will be developed through the comprehensive planning of the Delta Vision Process and the Bay-Delta Conservation Plan.</a:t>
            </a:r>
          </a:p>
          <a:p>
            <a:r>
              <a:rPr lang="en-US" dirty="0" smtClean="0"/>
              <a:t>Propositions 1E and 84 both contain funds which could be used for the purposes outlined in this board letter.</a:t>
            </a:r>
          </a:p>
          <a:p>
            <a:r>
              <a:rPr lang="en-US" dirty="0" smtClean="0"/>
              <a:t>Some costs may not be covered by Propositions 1E and 84 funds and may be attributed to the State Water Project.</a:t>
            </a:r>
          </a:p>
          <a:p>
            <a:r>
              <a:rPr lang="en-US" dirty="0" smtClean="0"/>
              <a:t>In that event, Metropolitan would be responsible for its share of those costs.</a:t>
            </a:r>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70</a:t>
            </a:fld>
            <a:endParaRPr lang="en-US" dirty="0">
              <a:solidFill>
                <a:prstClr val="black"/>
              </a:solidFill>
            </a:endParaRPr>
          </a:p>
        </p:txBody>
      </p:sp>
    </p:spTree>
    <p:extLst>
      <p:ext uri="{BB962C8B-B14F-4D97-AF65-F5344CB8AC3E}">
        <p14:creationId xmlns:p14="http://schemas.microsoft.com/office/powerpoint/2010/main" val="1506762168"/>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85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3" name="Slide Number Placeholder 3"/>
          <p:cNvSpPr>
            <a:spLocks noGrp="1"/>
          </p:cNvSpPr>
          <p:nvPr>
            <p:ph type="sldNum" sz="quarter" idx="5"/>
          </p:nvPr>
        </p:nvSpPr>
        <p:spPr/>
        <p:txBody>
          <a:bodyPr/>
          <a:lstStyle/>
          <a:p>
            <a:pPr defTabSz="891746">
              <a:defRPr/>
            </a:pPr>
            <a:fld id="{B3A953D2-D30F-409C-923D-6FEB485F5DBB}" type="slidenum">
              <a:rPr lang="en-US" smtClean="0">
                <a:solidFill>
                  <a:prstClr val="black"/>
                </a:solidFill>
              </a:rPr>
              <a:pPr defTabSz="891746">
                <a:defRPr/>
              </a:pPr>
              <a:t>71</a:t>
            </a:fld>
            <a:endParaRPr lang="en-US" dirty="0" smtClean="0">
              <a:solidFill>
                <a:prstClr val="black"/>
              </a:solidFill>
            </a:endParaRPr>
          </a:p>
        </p:txBody>
      </p:sp>
      <p:sp>
        <p:nvSpPr>
          <p:cNvPr id="78852" name="Notes Placeholder 2"/>
          <p:cNvSpPr>
            <a:spLocks noGrp="1"/>
          </p:cNvSpPr>
          <p:nvPr>
            <p:ph type="body" idx="3"/>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a:spcBef>
                <a:spcPct val="0"/>
              </a:spcBef>
            </a:pPr>
            <a:endParaRPr lang="en-US" b="1" dirty="0" smtClean="0">
              <a:latin typeface="Arial" pitchFamily="34" charset="0"/>
            </a:endParaRPr>
          </a:p>
        </p:txBody>
      </p:sp>
    </p:spTree>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55000" lnSpcReduction="20000"/>
          </a:bodyPr>
          <a:lstStyle/>
          <a:p>
            <a:r>
              <a:rPr lang="en-US" dirty="0" smtClean="0"/>
              <a:t>Recent levee failures resulting from Hurricane Katrina have increased the awareness of the risk of catastrophic failure of California’s Sacramento-San Joaquin Delta (Delta) levee system leading to the potential loss of the Delta as a drinking water supply for major population centers in the San Francisco Bay area and Southern California. The Department of Water Resources (DWR) has testified that a Delta levee system failure might not fully recover from a hypothetical 6.5 Richter scale earthquake near the western Delta. This is a relatively remote, but high consequence event, leading simultaneously to 50 levee breaches and the flooding of 20 Delta islands. The range of risks will ultimately be an output of the Delta Risk Management Strategy. In February 2006, the Board directed and staff has responded with a Delta emergency preparedness and response plan to avert the catastrophic loss of Delta water supplies resulting from this type of severe emergency. This plan minimizes water supply impacts with the most cost-effective means of prevention and response.</a:t>
            </a:r>
          </a:p>
          <a:p>
            <a:r>
              <a:rPr lang="en-US" dirty="0" smtClean="0"/>
              <a:t>Both pre-event and post-event strategies described below, require the dilution of saltwater trapped in Delta islands by diverting additional Sacramento River flows to re-establish a freshwater pool in the central Delta.</a:t>
            </a:r>
          </a:p>
          <a:p>
            <a:r>
              <a:rPr lang="en-US" dirty="0" smtClean="0"/>
              <a:t>Pre-event Strategy</a:t>
            </a:r>
          </a:p>
          <a:p>
            <a:r>
              <a:rPr lang="en-US" dirty="0" smtClean="0"/>
              <a:t>A pre-event strategy would involve advance construction of levee and river flow barriers to block salt water from entering the south Delta in a major emergency, while isolating saltwater in the central Delta where it can be flushed seaward by the freshwater pool. A pre-event approach could be developed in about three years at costs from $330 million to $485 million, allowing exports to be resumed around two months after the emergency event.</a:t>
            </a:r>
          </a:p>
          <a:p>
            <a:r>
              <a:rPr lang="en-US" dirty="0" smtClean="0"/>
              <a:t>Post-event Strategy</a:t>
            </a:r>
          </a:p>
          <a:p>
            <a:r>
              <a:rPr lang="en-US" dirty="0" smtClean="0"/>
              <a:t>The preferred post-event strategy allows saltwater to enter the entire Delta followed by the creation of an emergency freshwater pathway through existing channels from the central Delta to the export pumps. Feasibility cost estimates for this strategy are about $50 million to pre-position materials and equipment in advance of an emergency, so that pathway development can be substantially unconstrained by other emergency work in the Delta. Costs could increase to a total of approximately $200 million, if and when an emergency takes place and depending on the scale of the actual emergency event. By considering a variety of response priorities, it was concluded that water exports could be operational and reasonably functional in about six months  under this strategy. Although somewhat longer than the pre-event strategies, it is still considered an acceptable time frame.</a:t>
            </a:r>
          </a:p>
          <a:p>
            <a:r>
              <a:rPr lang="en-US" dirty="0" smtClean="0"/>
              <a:t>The time to resume exports is highly sensitive to levee breach lengths, which influence levee repair times and response priorities. For smaller breaches, critical life and property needs may be able to proceed ahead of the emergency freshwater pathway development, while still developing the pathway in the above time frame. For much larger and less likely breaches, the pathway would have to be developed in parallel with other emergency response needs in the Delta to be operational in the six-month period, and would be critically dependent on the availability and use of stockpiled materials. It should be noted that this plan responds to an extreme emergency, but can be adapted in scale to smaller events.</a:t>
            </a:r>
          </a:p>
          <a:p>
            <a:r>
              <a:rPr lang="en-US" dirty="0" smtClean="0"/>
              <a:t>DWR is working with Metropolitan and the State Water Contractors (SWC) to integrate these water supply protections into an interim report to the Emergency Operations Plan for the Delta over the next two months. This will more fully define the pre-positioning of stockpiles, improved emergency contracting capabilities and response mechanisms for a severe levee failure emergency. These plans do not constitute a reliable long-term water conveyance strategy in the Delta, which will be developed through the comprehensive planning of the Delta Vision Process and the Bay-Delta Conservation Plan.</a:t>
            </a:r>
          </a:p>
          <a:p>
            <a:r>
              <a:rPr lang="en-US" dirty="0" smtClean="0"/>
              <a:t>Propositions 1E and 84 both contain funds which could be used for the purposes outlined in this board letter.</a:t>
            </a:r>
          </a:p>
          <a:p>
            <a:r>
              <a:rPr lang="en-US" dirty="0" smtClean="0"/>
              <a:t>Some costs may not be covered by Propositions 1E and 84 funds and may be attributed to the State Water Project.</a:t>
            </a:r>
          </a:p>
          <a:p>
            <a:r>
              <a:rPr lang="en-US" dirty="0" smtClean="0"/>
              <a:t>In that event, Metropolitan would be responsible for its share of those costs.</a:t>
            </a:r>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74</a:t>
            </a:fld>
            <a:endParaRPr lang="en-US" dirty="0">
              <a:solidFill>
                <a:prstClr val="black"/>
              </a:solidFill>
            </a:endParaRPr>
          </a:p>
        </p:txBody>
      </p:sp>
    </p:spTree>
    <p:extLst>
      <p:ext uri="{BB962C8B-B14F-4D97-AF65-F5344CB8AC3E}">
        <p14:creationId xmlns:p14="http://schemas.microsoft.com/office/powerpoint/2010/main" val="1506762168"/>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75</a:t>
            </a:fld>
            <a:endParaRPr lang="en-US" dirty="0"/>
          </a:p>
        </p:txBody>
      </p:sp>
    </p:spTree>
    <p:extLst>
      <p:ext uri="{BB962C8B-B14F-4D97-AF65-F5344CB8AC3E}">
        <p14:creationId xmlns:p14="http://schemas.microsoft.com/office/powerpoint/2010/main" val="1294225489"/>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76</a:t>
            </a:fld>
            <a:endParaRPr lang="en-US" dirty="0">
              <a:solidFill>
                <a:prstClr val="black"/>
              </a:solidFill>
            </a:endParaRPr>
          </a:p>
        </p:txBody>
      </p:sp>
      <p:sp>
        <p:nvSpPr>
          <p:cNvPr id="5" name="Notes Placeholder 4"/>
          <p:cNvSpPr>
            <a:spLocks noGrp="1"/>
          </p:cNvSpPr>
          <p:nvPr>
            <p:ph type="body" sz="quarter" idx="11"/>
          </p:nvPr>
        </p:nvSpPr>
        <p:spPr/>
        <p:txBody>
          <a:bodyPr>
            <a:normAutofit/>
          </a:bodyPr>
          <a:lstStyle/>
          <a:p>
            <a:endParaRPr lang="en-US" dirty="0"/>
          </a:p>
        </p:txBody>
      </p:sp>
    </p:spTree>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77</a:t>
            </a:fld>
            <a:endParaRPr lang="en-US" dirty="0">
              <a:solidFill>
                <a:prstClr val="black"/>
              </a:solidFill>
            </a:endParaRPr>
          </a:p>
        </p:txBody>
      </p:sp>
    </p:spTree>
    <p:extLst>
      <p:ext uri="{BB962C8B-B14F-4D97-AF65-F5344CB8AC3E}">
        <p14:creationId xmlns:p14="http://schemas.microsoft.com/office/powerpoint/2010/main" val="2560240332"/>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78</a:t>
            </a:fld>
            <a:endParaRPr lang="en-US" dirty="0">
              <a:solidFill>
                <a:prstClr val="black"/>
              </a:solidFill>
            </a:endParaRPr>
          </a:p>
        </p:txBody>
      </p:sp>
      <p:sp>
        <p:nvSpPr>
          <p:cNvPr id="5" name="Notes Placeholder 4"/>
          <p:cNvSpPr>
            <a:spLocks noGrp="1"/>
          </p:cNvSpPr>
          <p:nvPr>
            <p:ph type="body" sz="quarter" idx="11"/>
          </p:nvPr>
        </p:nvSpPr>
        <p:spPr/>
        <p:txBody>
          <a:bodyPr/>
          <a:lstStyle/>
          <a:p>
            <a:endParaRPr lang="en-US" dirty="0"/>
          </a:p>
        </p:txBody>
      </p:sp>
    </p:spTree>
    <p:extLst>
      <p:ext uri="{BB962C8B-B14F-4D97-AF65-F5344CB8AC3E}">
        <p14:creationId xmlns:p14="http://schemas.microsoft.com/office/powerpoint/2010/main" val="21277079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13</a:t>
            </a:fld>
            <a:endParaRPr lang="en-US" dirty="0">
              <a:solidFill>
                <a:prstClr val="black"/>
              </a:solidFill>
            </a:endParaRPr>
          </a:p>
        </p:txBody>
      </p:sp>
    </p:spTree>
    <p:extLst>
      <p:ext uri="{BB962C8B-B14F-4D97-AF65-F5344CB8AC3E}">
        <p14:creationId xmlns:p14="http://schemas.microsoft.com/office/powerpoint/2010/main" val="2560240332"/>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79</a:t>
            </a:fld>
            <a:endParaRPr lang="en-US" dirty="0">
              <a:solidFill>
                <a:prstClr val="black"/>
              </a:solidFill>
            </a:endParaRPr>
          </a:p>
        </p:txBody>
      </p:sp>
    </p:spTree>
    <p:extLst>
      <p:ext uri="{BB962C8B-B14F-4D97-AF65-F5344CB8AC3E}">
        <p14:creationId xmlns:p14="http://schemas.microsoft.com/office/powerpoint/2010/main" val="622006278"/>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80</a:t>
            </a:fld>
            <a:endParaRPr lang="en-US" dirty="0"/>
          </a:p>
        </p:txBody>
      </p:sp>
    </p:spTree>
    <p:extLst>
      <p:ext uri="{BB962C8B-B14F-4D97-AF65-F5344CB8AC3E}">
        <p14:creationId xmlns:p14="http://schemas.microsoft.com/office/powerpoint/2010/main" val="3390886472"/>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8371" name="Notes Placeholder 2"/>
          <p:cNvSpPr>
            <a:spLocks noGrp="1"/>
          </p:cNvSpPr>
          <p:nvPr>
            <p:ph type="body" idx="1"/>
          </p:nvPr>
        </p:nvSpPr>
        <p:spPr bwMode="auto">
          <a:xfrm>
            <a:off x="481050" y="3329940"/>
            <a:ext cx="8273981" cy="3154680"/>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a:tabLst>
                <a:tab pos="1914730" algn="ctr"/>
                <a:tab pos="3876860" algn="ctr"/>
                <a:tab pos="5122224" algn="ctr"/>
              </a:tabLst>
            </a:pPr>
            <a:r>
              <a:rPr lang="en-US" sz="1000" dirty="0"/>
              <a:t> </a:t>
            </a:r>
          </a:p>
          <a:p>
            <a:pPr>
              <a:tabLst>
                <a:tab pos="1914730" algn="ctr"/>
                <a:tab pos="3876860" algn="ctr"/>
                <a:tab pos="5224209" algn="ctr"/>
              </a:tabLst>
            </a:pPr>
            <a:r>
              <a:rPr lang="en-US" sz="1000" b="1" dirty="0"/>
              <a:t>Recirculated Draft EIR/S Water Quality Modeling Results</a:t>
            </a:r>
            <a:endParaRPr lang="en-US" sz="1000" dirty="0"/>
          </a:p>
          <a:p>
            <a:pPr>
              <a:tabLst>
                <a:tab pos="1914730" algn="ctr"/>
                <a:tab pos="3876860" algn="ctr"/>
                <a:tab pos="5224209" algn="ctr"/>
              </a:tabLst>
            </a:pPr>
            <a:r>
              <a:rPr lang="en-US" sz="1000" b="1" dirty="0"/>
              <a:t>Average Salinity at Banks PP for Alternative 4A</a:t>
            </a:r>
            <a:endParaRPr lang="en-US" sz="1000" dirty="0"/>
          </a:p>
          <a:p>
            <a:pPr>
              <a:tabLst>
                <a:tab pos="1914730" algn="ctr"/>
                <a:tab pos="3876860" algn="ctr"/>
                <a:tab pos="5224209" algn="ctr"/>
              </a:tabLst>
            </a:pPr>
            <a:r>
              <a:rPr lang="en-US" sz="1000" dirty="0"/>
              <a:t> </a:t>
            </a:r>
          </a:p>
          <a:p>
            <a:pPr>
              <a:tabLst>
                <a:tab pos="1914730" algn="ctr"/>
                <a:tab pos="3876860" algn="ctr"/>
                <a:tab pos="5224209" algn="ctr"/>
              </a:tabLst>
            </a:pPr>
            <a:r>
              <a:rPr lang="en-US" sz="1000" dirty="0"/>
              <a:t>	</a:t>
            </a:r>
            <a:r>
              <a:rPr lang="en-US" sz="1000" b="1" u="sng" dirty="0"/>
              <a:t>Existing Conditions (EC, µmhos/cm)	Alternative 4A    (EC, µmhos/cm)	% Improvement</a:t>
            </a:r>
          </a:p>
          <a:p>
            <a:pPr marL="155133" indent="-155133">
              <a:buFont typeface="Arial" panose="020B0604020202020204" pitchFamily="34" charset="0"/>
              <a:buChar char="•"/>
              <a:tabLst>
                <a:tab pos="1914730" algn="ctr"/>
                <a:tab pos="3876860" algn="ctr"/>
                <a:tab pos="5224209" algn="ctr"/>
              </a:tabLst>
            </a:pPr>
            <a:r>
              <a:rPr lang="en-US" sz="1000" dirty="0"/>
              <a:t>All Water years	530	388	27%</a:t>
            </a:r>
          </a:p>
          <a:p>
            <a:pPr marL="155133" indent="-155133">
              <a:buFont typeface="Arial" panose="020B0604020202020204" pitchFamily="34" charset="0"/>
              <a:buChar char="•"/>
              <a:tabLst>
                <a:tab pos="1914730" algn="ctr"/>
                <a:tab pos="3876860" algn="ctr"/>
                <a:tab pos="5224209" algn="ctr"/>
              </a:tabLst>
            </a:pPr>
            <a:r>
              <a:rPr lang="en-US" sz="1000" dirty="0"/>
              <a:t>Drought conditions	646	491	24%</a:t>
            </a:r>
          </a:p>
          <a:p>
            <a:pPr>
              <a:spcBef>
                <a:spcPct val="0"/>
              </a:spcBef>
              <a:tabLst>
                <a:tab pos="1914730" algn="ctr"/>
                <a:tab pos="3876860" algn="ctr"/>
                <a:tab pos="5224209" algn="ctr"/>
              </a:tabLst>
            </a:pPr>
            <a:endParaRPr lang="en-US" sz="1000" dirty="0">
              <a:solidFill>
                <a:srgbClr val="FF0000"/>
              </a:solidFill>
              <a:latin typeface="Arial" pitchFamily="34" charset="0"/>
              <a:ea typeface="MS PGothic" pitchFamily="34" charset="-128"/>
            </a:endParaRPr>
          </a:p>
        </p:txBody>
      </p:sp>
      <p:sp>
        <p:nvSpPr>
          <p:cNvPr id="58372" name="Slide Number Placeholder 3"/>
          <p:cNvSpPr txBox="1">
            <a:spLocks noGrp="1"/>
          </p:cNvSpPr>
          <p:nvPr/>
        </p:nvSpPr>
        <p:spPr bwMode="auto">
          <a:xfrm>
            <a:off x="5233478" y="6660494"/>
            <a:ext cx="4002604" cy="349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0398" tIns="45197" rIns="90398" bIns="45197" anchor="b"/>
          <a:lstStyle>
            <a:lvl1pPr defTabSz="960438" eaLnBrk="0" hangingPunct="0">
              <a:defRPr>
                <a:solidFill>
                  <a:schemeClr val="tx1"/>
                </a:solidFill>
                <a:latin typeface="Arial" pitchFamily="34" charset="0"/>
                <a:cs typeface="Arial" pitchFamily="34" charset="0"/>
              </a:defRPr>
            </a:lvl1pPr>
            <a:lvl2pPr marL="742950" indent="-285750" defTabSz="960438" eaLnBrk="0" hangingPunct="0">
              <a:defRPr>
                <a:solidFill>
                  <a:schemeClr val="tx1"/>
                </a:solidFill>
                <a:latin typeface="Arial" pitchFamily="34" charset="0"/>
                <a:cs typeface="Arial" pitchFamily="34" charset="0"/>
              </a:defRPr>
            </a:lvl2pPr>
            <a:lvl3pPr marL="1143000" indent="-228600" defTabSz="960438" eaLnBrk="0" hangingPunct="0">
              <a:defRPr>
                <a:solidFill>
                  <a:schemeClr val="tx1"/>
                </a:solidFill>
                <a:latin typeface="Arial" pitchFamily="34" charset="0"/>
                <a:cs typeface="Arial" pitchFamily="34" charset="0"/>
              </a:defRPr>
            </a:lvl3pPr>
            <a:lvl4pPr marL="1600200" indent="-228600" defTabSz="960438" eaLnBrk="0" hangingPunct="0">
              <a:defRPr>
                <a:solidFill>
                  <a:schemeClr val="tx1"/>
                </a:solidFill>
                <a:latin typeface="Arial" pitchFamily="34" charset="0"/>
                <a:cs typeface="Arial" pitchFamily="34" charset="0"/>
              </a:defRPr>
            </a:lvl4pPr>
            <a:lvl5pPr marL="2057400" indent="-228600" defTabSz="960438" eaLnBrk="0" hangingPunct="0">
              <a:defRPr>
                <a:solidFill>
                  <a:schemeClr val="tx1"/>
                </a:solidFill>
                <a:latin typeface="Arial" pitchFamily="34" charset="0"/>
                <a:cs typeface="Arial" pitchFamily="34" charset="0"/>
              </a:defRPr>
            </a:lvl5pPr>
            <a:lvl6pPr marL="2514600" indent="-228600" defTabSz="960438"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60438"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60438"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60438"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D2D47BCF-A000-4C20-AE7F-77FA1287EC0A}" type="slidenum">
              <a:rPr lang="en-US" sz="1100">
                <a:solidFill>
                  <a:srgbClr val="000000"/>
                </a:solidFill>
                <a:latin typeface="Times New Roman" pitchFamily="18" charset="0"/>
              </a:rPr>
              <a:pPr algn="r" eaLnBrk="1" hangingPunct="1"/>
              <a:t>81</a:t>
            </a:fld>
            <a:endParaRPr lang="en-US" sz="1100" dirty="0">
              <a:solidFill>
                <a:srgbClr val="000000"/>
              </a:solidFill>
              <a:latin typeface="Times New Roman" pitchFamily="18" charset="0"/>
            </a:endParaRPr>
          </a:p>
        </p:txBody>
      </p:sp>
    </p:spTree>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8371" name="Notes Placeholder 2"/>
          <p:cNvSpPr>
            <a:spLocks noGrp="1"/>
          </p:cNvSpPr>
          <p:nvPr>
            <p:ph type="body" idx="1"/>
          </p:nvPr>
        </p:nvSpPr>
        <p:spPr bwMode="auto">
          <a:xfrm>
            <a:off x="481050" y="3329940"/>
            <a:ext cx="8273981" cy="3154680"/>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sz="1100" b="1" u="sng" dirty="0"/>
              <a:t>Source:  Appendix B. Supplemental Modeling Results for New Alternatives, Table EC-2.</a:t>
            </a:r>
          </a:p>
          <a:p>
            <a:r>
              <a:rPr lang="en-US" sz="1100" dirty="0"/>
              <a:t> </a:t>
            </a:r>
          </a:p>
          <a:p>
            <a:r>
              <a:rPr lang="en-US" sz="1100" b="1" dirty="0"/>
              <a:t>RDEIR/S Water Quality Modeling Results</a:t>
            </a:r>
            <a:endParaRPr lang="en-US" sz="1100" dirty="0"/>
          </a:p>
          <a:p>
            <a:r>
              <a:rPr lang="en-US" sz="1100" b="1" dirty="0"/>
              <a:t>Average Bromide at Banks PP for Alternative 4A</a:t>
            </a:r>
            <a:endParaRPr lang="en-US" sz="1100" dirty="0"/>
          </a:p>
          <a:p>
            <a:r>
              <a:rPr lang="en-US" sz="1100" dirty="0"/>
              <a:t> </a:t>
            </a:r>
          </a:p>
          <a:p>
            <a:pPr>
              <a:tabLst>
                <a:tab pos="1914730" algn="ctr"/>
                <a:tab pos="3876860" algn="ctr"/>
                <a:tab pos="5224209" algn="ctr"/>
              </a:tabLst>
            </a:pPr>
            <a:r>
              <a:rPr lang="en-US" dirty="0" smtClean="0"/>
              <a:t>	</a:t>
            </a:r>
            <a:r>
              <a:rPr lang="en-US" b="1" u="sng" dirty="0" smtClean="0"/>
              <a:t>Existing </a:t>
            </a:r>
            <a:r>
              <a:rPr lang="en-US" b="1" u="sng" dirty="0"/>
              <a:t>Conditions (</a:t>
            </a:r>
            <a:r>
              <a:rPr lang="en-US" b="1" u="sng" dirty="0" smtClean="0"/>
              <a:t>µg/L)	Alternative </a:t>
            </a:r>
            <a:r>
              <a:rPr lang="en-US" b="1" u="sng" dirty="0"/>
              <a:t>4A    (µg/L</a:t>
            </a:r>
            <a:r>
              <a:rPr lang="en-US" b="1" u="sng" dirty="0" smtClean="0"/>
              <a:t>)	% </a:t>
            </a:r>
            <a:r>
              <a:rPr lang="en-US" b="1" u="sng" dirty="0"/>
              <a:t>Improvement</a:t>
            </a:r>
          </a:p>
          <a:p>
            <a:pPr>
              <a:tabLst>
                <a:tab pos="1914730" algn="ctr"/>
                <a:tab pos="3876860" algn="ctr"/>
                <a:tab pos="5224209" algn="ctr"/>
              </a:tabLst>
            </a:pPr>
            <a:r>
              <a:rPr lang="en-US" dirty="0"/>
              <a:t>All Water </a:t>
            </a:r>
            <a:r>
              <a:rPr lang="en-US" dirty="0" smtClean="0"/>
              <a:t>years	356	224	37</a:t>
            </a:r>
            <a:r>
              <a:rPr lang="en-US" dirty="0"/>
              <a:t>%</a:t>
            </a:r>
          </a:p>
          <a:p>
            <a:pPr>
              <a:tabLst>
                <a:tab pos="1914730" algn="ctr"/>
                <a:tab pos="3876860" algn="ctr"/>
                <a:tab pos="5224209" algn="ctr"/>
              </a:tabLst>
            </a:pPr>
            <a:r>
              <a:rPr lang="en-US" dirty="0"/>
              <a:t>Drought </a:t>
            </a:r>
            <a:r>
              <a:rPr lang="en-US" dirty="0" smtClean="0"/>
              <a:t>conditions	469	319	32</a:t>
            </a:r>
            <a:r>
              <a:rPr lang="en-US" dirty="0"/>
              <a:t>%</a:t>
            </a:r>
          </a:p>
          <a:p>
            <a:r>
              <a:rPr lang="en-US" sz="1100" dirty="0"/>
              <a:t> </a:t>
            </a:r>
          </a:p>
          <a:p>
            <a:r>
              <a:rPr lang="en-US" sz="1100" dirty="0"/>
              <a:t>Source: Appendix B. Supplemental Modeling Results for New Alternatives, Table Br-2.</a:t>
            </a:r>
          </a:p>
          <a:p>
            <a:r>
              <a:rPr lang="en-US" sz="1100" dirty="0"/>
              <a:t> </a:t>
            </a:r>
          </a:p>
          <a:p>
            <a:r>
              <a:rPr lang="en-US" sz="1100" b="1" u="sng" dirty="0"/>
              <a:t>Notes:</a:t>
            </a:r>
          </a:p>
          <a:p>
            <a:pPr lvl="0"/>
            <a:r>
              <a:rPr lang="en-US" sz="1100" dirty="0"/>
              <a:t>The data in these tables are summarized modeling results from the water quality modeling studies conducted to evaluate water quality effects of the BDCP/California Water Fix. The average concentrations are modeling results and are not actual conditions. Focus on the percent reduction as more informative.</a:t>
            </a:r>
          </a:p>
          <a:p>
            <a:pPr lvl="0"/>
            <a:endParaRPr lang="en-US" sz="1100" dirty="0"/>
          </a:p>
          <a:p>
            <a:pPr marL="155133" indent="-155133">
              <a:buFont typeface="Arial" panose="020B0604020202020204" pitchFamily="34" charset="0"/>
              <a:buChar char="•"/>
            </a:pPr>
            <a:r>
              <a:rPr lang="en-US" sz="1100" dirty="0"/>
              <a:t>Sacramento River at Greene’s Landing 0.018 mg/L average annual historical sampled data</a:t>
            </a:r>
          </a:p>
          <a:p>
            <a:pPr marL="155133" indent="-155133">
              <a:buFont typeface="Arial" panose="020B0604020202020204" pitchFamily="34" charset="0"/>
              <a:buChar char="•"/>
            </a:pPr>
            <a:r>
              <a:rPr lang="en-US" sz="1100" dirty="0"/>
              <a:t>Bromide at the Banks Pumping Plant has averaged 0.230 mg/L in recent years (1990-2006). -- http://www.waterboards.ca.gov/rwqcb5/water_issues/drinking_water_policy/salinity_conceptual_model/pgs13_27.pdf</a:t>
            </a:r>
          </a:p>
          <a:p>
            <a:pPr>
              <a:spcBef>
                <a:spcPct val="0"/>
              </a:spcBef>
            </a:pPr>
            <a:endParaRPr lang="en-US" dirty="0" smtClean="0">
              <a:solidFill>
                <a:srgbClr val="FF0000"/>
              </a:solidFill>
              <a:ea typeface="MS PGothic" pitchFamily="34" charset="-128"/>
            </a:endParaRPr>
          </a:p>
          <a:p>
            <a:pPr>
              <a:spcBef>
                <a:spcPct val="0"/>
              </a:spcBef>
            </a:pPr>
            <a:endParaRPr lang="en-US" dirty="0" smtClean="0">
              <a:solidFill>
                <a:srgbClr val="FF0000"/>
              </a:solidFill>
              <a:ea typeface="MS PGothic" pitchFamily="34" charset="-128"/>
            </a:endParaRPr>
          </a:p>
          <a:p>
            <a:pPr>
              <a:spcBef>
                <a:spcPct val="0"/>
              </a:spcBef>
            </a:pPr>
            <a:endParaRPr lang="en-US" dirty="0" smtClean="0">
              <a:solidFill>
                <a:srgbClr val="FF0000"/>
              </a:solidFill>
              <a:latin typeface="Arial" pitchFamily="34" charset="0"/>
              <a:ea typeface="MS PGothic" pitchFamily="34" charset="-128"/>
            </a:endParaRPr>
          </a:p>
        </p:txBody>
      </p:sp>
      <p:sp>
        <p:nvSpPr>
          <p:cNvPr id="58372" name="Slide Number Placeholder 3"/>
          <p:cNvSpPr txBox="1">
            <a:spLocks noGrp="1"/>
          </p:cNvSpPr>
          <p:nvPr/>
        </p:nvSpPr>
        <p:spPr bwMode="auto">
          <a:xfrm>
            <a:off x="5233478" y="6660494"/>
            <a:ext cx="4002604" cy="349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0398" tIns="45197" rIns="90398" bIns="45197" anchor="b"/>
          <a:lstStyle>
            <a:lvl1pPr defTabSz="960438" eaLnBrk="0" hangingPunct="0">
              <a:defRPr>
                <a:solidFill>
                  <a:schemeClr val="tx1"/>
                </a:solidFill>
                <a:latin typeface="Arial" pitchFamily="34" charset="0"/>
                <a:cs typeface="Arial" pitchFamily="34" charset="0"/>
              </a:defRPr>
            </a:lvl1pPr>
            <a:lvl2pPr marL="742950" indent="-285750" defTabSz="960438" eaLnBrk="0" hangingPunct="0">
              <a:defRPr>
                <a:solidFill>
                  <a:schemeClr val="tx1"/>
                </a:solidFill>
                <a:latin typeface="Arial" pitchFamily="34" charset="0"/>
                <a:cs typeface="Arial" pitchFamily="34" charset="0"/>
              </a:defRPr>
            </a:lvl2pPr>
            <a:lvl3pPr marL="1143000" indent="-228600" defTabSz="960438" eaLnBrk="0" hangingPunct="0">
              <a:defRPr>
                <a:solidFill>
                  <a:schemeClr val="tx1"/>
                </a:solidFill>
                <a:latin typeface="Arial" pitchFamily="34" charset="0"/>
                <a:cs typeface="Arial" pitchFamily="34" charset="0"/>
              </a:defRPr>
            </a:lvl3pPr>
            <a:lvl4pPr marL="1600200" indent="-228600" defTabSz="960438" eaLnBrk="0" hangingPunct="0">
              <a:defRPr>
                <a:solidFill>
                  <a:schemeClr val="tx1"/>
                </a:solidFill>
                <a:latin typeface="Arial" pitchFamily="34" charset="0"/>
                <a:cs typeface="Arial" pitchFamily="34" charset="0"/>
              </a:defRPr>
            </a:lvl4pPr>
            <a:lvl5pPr marL="2057400" indent="-228600" defTabSz="960438" eaLnBrk="0" hangingPunct="0">
              <a:defRPr>
                <a:solidFill>
                  <a:schemeClr val="tx1"/>
                </a:solidFill>
                <a:latin typeface="Arial" pitchFamily="34" charset="0"/>
                <a:cs typeface="Arial" pitchFamily="34" charset="0"/>
              </a:defRPr>
            </a:lvl5pPr>
            <a:lvl6pPr marL="2514600" indent="-228600" defTabSz="960438"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60438"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60438"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60438"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D2D47BCF-A000-4C20-AE7F-77FA1287EC0A}" type="slidenum">
              <a:rPr lang="en-US" sz="1100">
                <a:solidFill>
                  <a:srgbClr val="000000"/>
                </a:solidFill>
                <a:latin typeface="Times New Roman" pitchFamily="18" charset="0"/>
              </a:rPr>
              <a:pPr algn="r" eaLnBrk="1" hangingPunct="1"/>
              <a:t>82</a:t>
            </a:fld>
            <a:endParaRPr lang="en-US" sz="1100" dirty="0">
              <a:solidFill>
                <a:srgbClr val="000000"/>
              </a:solidFill>
              <a:latin typeface="Times New Roman" pitchFamily="18" charset="0"/>
            </a:endParaRPr>
          </a:p>
        </p:txBody>
      </p:sp>
    </p:spTree>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5438" y="146050"/>
            <a:ext cx="3505200" cy="2628900"/>
          </a:xfrm>
        </p:spPr>
      </p:sp>
      <p:sp>
        <p:nvSpPr>
          <p:cNvPr id="3" name="Notes Placeholder 2"/>
          <p:cNvSpPr>
            <a:spLocks noGrp="1"/>
          </p:cNvSpPr>
          <p:nvPr>
            <p:ph type="body" idx="1"/>
          </p:nvPr>
        </p:nvSpPr>
        <p:spPr>
          <a:xfrm>
            <a:off x="586428" y="2921002"/>
            <a:ext cx="8063233" cy="3870326"/>
          </a:xfrm>
        </p:spPr>
        <p:txBody>
          <a:bodyPr>
            <a:noAutofit/>
          </a:bodyPr>
          <a:lstStyle/>
          <a:p>
            <a:pPr>
              <a:lnSpc>
                <a:spcPct val="80000"/>
              </a:lnSpc>
              <a:spcBef>
                <a:spcPts val="0"/>
              </a:spcBef>
              <a:spcAft>
                <a:spcPts val="0"/>
              </a:spcAft>
            </a:pPr>
            <a:r>
              <a:rPr lang="en-US" sz="900" b="1" dirty="0"/>
              <a:t>Metropolitan’s SWP Supplies			Supplies	Blending</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Existing	1,2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BDCP Preferred Alt.	1.2 – 1,400,000 AFY	Met</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Avg Yr)	875,000 AFY	Sometimes</a:t>
            </a:r>
          </a:p>
          <a:p>
            <a:pPr marL="163982" indent="-163982">
              <a:lnSpc>
                <a:spcPct val="80000"/>
              </a:lnSpc>
              <a:spcBef>
                <a:spcPts val="0"/>
              </a:spcBef>
              <a:spcAft>
                <a:spcPts val="0"/>
              </a:spcAft>
              <a:buFont typeface="Arial" panose="020B0604020202020204" pitchFamily="34" charset="0"/>
              <a:buChar char="•"/>
              <a:tabLst>
                <a:tab pos="3716930" algn="r"/>
                <a:tab pos="4315163" algn="ctr"/>
              </a:tabLst>
            </a:pPr>
            <a:r>
              <a:rPr lang="en-US" sz="900" dirty="0"/>
              <a:t>Delta No Fix (Below Normal)	~675,000 AFY	Rarely</a:t>
            </a:r>
          </a:p>
          <a:p>
            <a:pPr>
              <a:lnSpc>
                <a:spcPct val="80000"/>
              </a:lnSpc>
              <a:spcBef>
                <a:spcPts val="0"/>
              </a:spcBef>
              <a:spcAft>
                <a:spcPts val="0"/>
              </a:spcAft>
              <a:tabLst>
                <a:tab pos="4049451" algn="r"/>
                <a:tab pos="5247432" algn="r"/>
              </a:tabLst>
            </a:pPr>
            <a:r>
              <a:rPr lang="en-US" sz="900" b="1" u="sng" dirty="0"/>
              <a:t>Blending Target Requirements</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50% SWP Allocation to meet blend targets	950,000 AFY</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35% SWP Table A to cover Exclusive Zones	665,000 AFY</a:t>
            </a:r>
          </a:p>
          <a:p>
            <a:pPr>
              <a:lnSpc>
                <a:spcPct val="80000"/>
              </a:lnSpc>
              <a:spcBef>
                <a:spcPts val="0"/>
              </a:spcBef>
              <a:spcAft>
                <a:spcPts val="0"/>
              </a:spcAft>
              <a:tabLst>
                <a:tab pos="4049451" algn="r"/>
                <a:tab pos="5247432" algn="r"/>
              </a:tabLst>
            </a:pPr>
            <a:r>
              <a:rPr lang="en-US" sz="900" b="1" u="sng" dirty="0"/>
              <a:t>ASSUMPTIONS</a:t>
            </a:r>
          </a:p>
          <a:p>
            <a:pPr marL="107912" indent="-107912">
              <a:lnSpc>
                <a:spcPct val="80000"/>
              </a:lnSpc>
              <a:spcBef>
                <a:spcPts val="0"/>
              </a:spcBef>
              <a:spcAft>
                <a:spcPts val="0"/>
              </a:spcAft>
              <a:tabLst>
                <a:tab pos="4049451" algn="r"/>
                <a:tab pos="5247432" algn="r"/>
              </a:tabLst>
            </a:pPr>
            <a:r>
              <a:rPr lang="en-US" sz="900" dirty="0"/>
              <a:t>•	BDCP no fix scenario = 3.5 maf/yr SWP/CVP; MWD is 1/4 or 850,000 af/year ON AVERAGE - LONG-TERM!!!!!</a:t>
            </a:r>
          </a:p>
          <a:p>
            <a:pPr marL="107912" indent="-107912">
              <a:lnSpc>
                <a:spcPct val="80000"/>
              </a:lnSpc>
              <a:spcBef>
                <a:spcPts val="0"/>
              </a:spcBef>
              <a:spcAft>
                <a:spcPts val="0"/>
              </a:spcAft>
            </a:pPr>
            <a:r>
              <a:rPr lang="en-US" sz="900" dirty="0"/>
              <a:t>•	850,000 AF to MWD represents 44.5% of SWP Table A (i.e. this is the new long-term baseline)</a:t>
            </a:r>
          </a:p>
          <a:p>
            <a:pPr marL="107912" indent="-107912">
              <a:lnSpc>
                <a:spcPct val="80000"/>
              </a:lnSpc>
              <a:spcBef>
                <a:spcPts val="0"/>
              </a:spcBef>
              <a:spcAft>
                <a:spcPts val="0"/>
              </a:spcAft>
            </a:pPr>
            <a:r>
              <a:rPr lang="en-US" sz="900" dirty="0"/>
              <a:t>•	No SWP banking and suface water accounts to use for blending (i.e. only for reliability)</a:t>
            </a:r>
          </a:p>
          <a:p>
            <a:pPr marL="107912" indent="-107912">
              <a:lnSpc>
                <a:spcPct val="80000"/>
              </a:lnSpc>
              <a:spcBef>
                <a:spcPts val="0"/>
              </a:spcBef>
              <a:spcAft>
                <a:spcPts val="0"/>
              </a:spcAft>
            </a:pPr>
            <a:r>
              <a:rPr lang="en-US" sz="900" dirty="0"/>
              <a:t>•	Reliability is number 1 priority; Blending and meeting TDS targets is a secondary priority</a:t>
            </a:r>
          </a:p>
          <a:p>
            <a:pPr marL="107912" indent="-107912">
              <a:lnSpc>
                <a:spcPct val="80000"/>
              </a:lnSpc>
              <a:spcBef>
                <a:spcPts val="0"/>
              </a:spcBef>
              <a:spcAft>
                <a:spcPts val="0"/>
              </a:spcAft>
            </a:pPr>
            <a:r>
              <a:rPr lang="en-US" sz="900" dirty="0"/>
              <a:t>•	MWD needs a 50% SWP allocation needed to meet blend targets; or 1.9 maf x 50% = 950,000 AF</a:t>
            </a:r>
          </a:p>
          <a:p>
            <a:pPr marL="107912" indent="-107912">
              <a:lnSpc>
                <a:spcPct val="80000"/>
              </a:lnSpc>
              <a:spcBef>
                <a:spcPts val="0"/>
              </a:spcBef>
              <a:spcAft>
                <a:spcPts val="0"/>
              </a:spcAft>
            </a:pPr>
            <a:r>
              <a:rPr lang="en-US" sz="900" dirty="0"/>
              <a:t>•	MWD needs about 35% to cover exclusives, then we can blend (or 35% x 1.9 maf = 665,000 AF/yr)</a:t>
            </a:r>
          </a:p>
          <a:p>
            <a:pPr marL="107912" indent="-107912">
              <a:lnSpc>
                <a:spcPct val="80000"/>
              </a:lnSpc>
              <a:spcBef>
                <a:spcPts val="0"/>
              </a:spcBef>
              <a:spcAft>
                <a:spcPts val="0"/>
              </a:spcAft>
            </a:pPr>
            <a:r>
              <a:rPr lang="en-US" sz="900" dirty="0"/>
              <a:t>•	MWD needs 16% allocations (or 300,000 AF) to meet blending goals</a:t>
            </a:r>
          </a:p>
          <a:p>
            <a:pPr marL="107912" indent="-107912">
              <a:lnSpc>
                <a:spcPct val="80000"/>
              </a:lnSpc>
              <a:spcBef>
                <a:spcPts val="0"/>
              </a:spcBef>
              <a:spcAft>
                <a:spcPts val="0"/>
              </a:spcAft>
            </a:pPr>
            <a:r>
              <a:rPr lang="en-US" sz="900" dirty="0"/>
              <a:t>•	SWP minimum to consider starting to blend = 37% allocation or 707,000 AF</a:t>
            </a:r>
          </a:p>
          <a:p>
            <a:pPr marL="107912" indent="-107912">
              <a:lnSpc>
                <a:spcPct val="80000"/>
              </a:lnSpc>
              <a:spcBef>
                <a:spcPts val="0"/>
              </a:spcBef>
              <a:spcAft>
                <a:spcPts val="0"/>
              </a:spcAft>
            </a:pPr>
            <a:r>
              <a:rPr lang="en-US" sz="900" dirty="0"/>
              <a:t>•	Runoff indexes -- Critical, Dry, Below Normal, Above Normal, Wet</a:t>
            </a:r>
          </a:p>
          <a:p>
            <a:pPr marL="107912" indent="-107912">
              <a:lnSpc>
                <a:spcPct val="80000"/>
              </a:lnSpc>
              <a:spcBef>
                <a:spcPts val="0"/>
              </a:spcBef>
              <a:spcAft>
                <a:spcPts val="0"/>
              </a:spcAft>
              <a:tabLst>
                <a:tab pos="4049451" algn="r"/>
                <a:tab pos="5247432" algn="r"/>
              </a:tabLst>
            </a:pPr>
            <a:r>
              <a:rPr lang="en-US" sz="900" dirty="0"/>
              <a:t>•	Runoff indexes = Critical-16%, Dry-16%, BN-16%, AN-15%, Wet-35% (based on historical Sac 4-River Runoff Index)</a:t>
            </a:r>
          </a:p>
          <a:p>
            <a:pPr>
              <a:lnSpc>
                <a:spcPct val="80000"/>
              </a:lnSpc>
              <a:spcBef>
                <a:spcPts val="0"/>
              </a:spcBef>
              <a:spcAft>
                <a:spcPts val="0"/>
              </a:spcAft>
              <a:tabLst>
                <a:tab pos="4049451" algn="r"/>
                <a:tab pos="5247432" algn="r"/>
              </a:tabLst>
            </a:pPr>
            <a:r>
              <a:rPr lang="en-US" sz="900" b="1" u="sng" dirty="0"/>
              <a:t>THEREFORE</a:t>
            </a:r>
          </a:p>
          <a:p>
            <a:pPr marL="107912" indent="-107912">
              <a:lnSpc>
                <a:spcPct val="80000"/>
              </a:lnSpc>
              <a:spcBef>
                <a:spcPts val="0"/>
              </a:spcBef>
              <a:spcAft>
                <a:spcPts val="0"/>
              </a:spcAft>
              <a:tabLst>
                <a:tab pos="4049451" algn="r"/>
                <a:tab pos="5247432" algn="r"/>
              </a:tabLst>
            </a:pPr>
            <a:r>
              <a:rPr lang="en-US" sz="900" dirty="0"/>
              <a:t>•	Unless runoff is above average, you cannot meet blending needs.</a:t>
            </a:r>
          </a:p>
          <a:p>
            <a:pPr>
              <a:lnSpc>
                <a:spcPct val="80000"/>
              </a:lnSpc>
              <a:spcBef>
                <a:spcPts val="0"/>
              </a:spcBef>
              <a:spcAft>
                <a:spcPts val="0"/>
              </a:spcAft>
              <a:tabLst>
                <a:tab pos="4049451" algn="r"/>
                <a:tab pos="5247432" algn="r"/>
              </a:tabLst>
            </a:pPr>
            <a:r>
              <a:rPr lang="en-US" sz="900" b="1" u="sng" dirty="0"/>
              <a:t>DEVELOP CHARTS &amp; MEMBER AGENCY PERCENTAGE MATRICES</a:t>
            </a:r>
          </a:p>
          <a:p>
            <a:pPr marL="107912" indent="-107912">
              <a:lnSpc>
                <a:spcPct val="80000"/>
              </a:lnSpc>
              <a:spcBef>
                <a:spcPts val="0"/>
              </a:spcBef>
              <a:spcAft>
                <a:spcPts val="0"/>
              </a:spcAft>
              <a:tabLst>
                <a:tab pos="4049451" algn="r"/>
                <a:tab pos="5247432" algn="r"/>
              </a:tabLst>
            </a:pPr>
            <a:r>
              <a:rPr lang="en-US" sz="900" dirty="0"/>
              <a:t>•	Scenario 1:  Existing SWP/CVP Supplies (4.7 MAF/4 = 1.2 MAF on average) -- Blending goals met, show CRA area, SWP area, blending area  </a:t>
            </a:r>
          </a:p>
          <a:p>
            <a:pPr marL="107912" indent="-107912">
              <a:lnSpc>
                <a:spcPct val="80000"/>
              </a:lnSpc>
              <a:spcBef>
                <a:spcPts val="0"/>
              </a:spcBef>
              <a:spcAft>
                <a:spcPts val="0"/>
              </a:spcAft>
              <a:tabLst>
                <a:tab pos="4049451" algn="r"/>
                <a:tab pos="5247432" algn="r"/>
              </a:tabLst>
            </a:pPr>
            <a:r>
              <a:rPr lang="en-US" sz="900" dirty="0"/>
              <a:t>•	Scenario 2:  BDCP No Fix with Avg Yr runoff (3.5 MAF/4 = 850 TAF or 1.7 maf minus 50%) -- 100% of the time you will not need meet blending goals (i.e. only partial blending allowed in a smaller portion of MWD service area)</a:t>
            </a:r>
          </a:p>
          <a:p>
            <a:pPr marL="107912" indent="-107912">
              <a:lnSpc>
                <a:spcPct val="80000"/>
              </a:lnSpc>
              <a:spcBef>
                <a:spcPts val="0"/>
              </a:spcBef>
              <a:spcAft>
                <a:spcPts val="0"/>
              </a:spcAft>
              <a:tabLst>
                <a:tab pos="4049451" algn="r"/>
                <a:tab pos="5247432" algn="r"/>
              </a:tabLst>
            </a:pPr>
            <a:r>
              <a:rPr lang="en-US" sz="900" dirty="0"/>
              <a:t>•	Scenario3:  BDCP No Fix with Below Normal Yr runoff (665 TAF or 1.7) -- 22% of time you cannot do any blending [(850,000-665,000)/850,000 = 22%; assumes linear relationship with runoff index]</a:t>
            </a:r>
          </a:p>
          <a:p>
            <a:pPr>
              <a:lnSpc>
                <a:spcPct val="80000"/>
              </a:lnSpc>
              <a:spcBef>
                <a:spcPts val="0"/>
              </a:spcBef>
              <a:spcAft>
                <a:spcPts val="0"/>
              </a:spcAft>
              <a:tabLst>
                <a:tab pos="4049451" algn="r"/>
                <a:tab pos="5247432" algn="r"/>
              </a:tabLst>
            </a:pPr>
            <a:r>
              <a:rPr lang="en-US" sz="900" b="1" u="sng" dirty="0"/>
              <a:t>MWD Water Quality Treatment Plants</a:t>
            </a:r>
          </a:p>
          <a:p>
            <a:pPr>
              <a:lnSpc>
                <a:spcPct val="80000"/>
              </a:lnSpc>
              <a:spcBef>
                <a:spcPts val="0"/>
              </a:spcBef>
              <a:spcAft>
                <a:spcPts val="0"/>
              </a:spcAft>
              <a:tabLst>
                <a:tab pos="4049451" algn="r"/>
                <a:tab pos="5247432" algn="r"/>
              </a:tabLst>
            </a:pPr>
            <a:r>
              <a:rPr lang="en-US" sz="900" u="sng" dirty="0"/>
              <a:t>Normal operating conditions (Nov 04-Oct 13) (Average)	SWP	CRA</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Jensen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Weymouth	41%	59%</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Diem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Mills	100%	0%</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r>
              <a:rPr lang="en-US" sz="900" dirty="0"/>
              <a:t>Skinner	39%	61%</a:t>
            </a:r>
          </a:p>
          <a:p>
            <a:pPr marL="163982" indent="-163982">
              <a:lnSpc>
                <a:spcPct val="80000"/>
              </a:lnSpc>
              <a:spcBef>
                <a:spcPts val="0"/>
              </a:spcBef>
              <a:spcAft>
                <a:spcPts val="0"/>
              </a:spcAft>
              <a:buFont typeface="Arial" panose="020B0604020202020204" pitchFamily="34" charset="0"/>
              <a:buChar char="•"/>
              <a:tabLst>
                <a:tab pos="4049451" algn="r"/>
                <a:tab pos="5247432" algn="r"/>
              </a:tabLst>
            </a:pPr>
            <a:endParaRPr lang="en-US" sz="900"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solidFill>
                  <a:prstClr val="black"/>
                </a:solidFill>
              </a:rPr>
              <a:pPr>
                <a:defRPr/>
              </a:pPr>
              <a:t>83</a:t>
            </a:fld>
            <a:endParaRPr lang="en-US" dirty="0">
              <a:solidFill>
                <a:prstClr val="black"/>
              </a:solidFill>
            </a:endParaRPr>
          </a:p>
        </p:txBody>
      </p:sp>
    </p:spTree>
    <p:extLst>
      <p:ext uri="{BB962C8B-B14F-4D97-AF65-F5344CB8AC3E}">
        <p14:creationId xmlns:p14="http://schemas.microsoft.com/office/powerpoint/2010/main" val="2556955895"/>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513126" y="3330255"/>
            <a:ext cx="8209841" cy="3153766"/>
          </a:xfrm>
        </p:spPr>
        <p:txBody>
          <a:bodyPr>
            <a:noAutofit/>
          </a:bodyPr>
          <a:lstStyle/>
          <a:p>
            <a:pPr eaLnBrk="1" fontAlgn="ctr" hangingPunct="1">
              <a:lnSpc>
                <a:spcPct val="90000"/>
              </a:lnSpc>
              <a:spcBef>
                <a:spcPts val="0"/>
              </a:spcBef>
              <a:spcAft>
                <a:spcPts val="274"/>
              </a:spcAft>
            </a:pPr>
            <a:r>
              <a:rPr lang="en-US" sz="1000" b="1" u="sng" dirty="0"/>
              <a:t>Supply			Salt (TDS mg/l)		Salt (Lbs / acre ft)</a:t>
            </a:r>
            <a:endParaRPr lang="en-US" sz="1000" u="sng" dirty="0"/>
          </a:p>
          <a:p>
            <a:pPr eaLnBrk="1" fontAlgn="ctr" hangingPunct="1">
              <a:lnSpc>
                <a:spcPct val="90000"/>
              </a:lnSpc>
              <a:spcBef>
                <a:spcPts val="0"/>
              </a:spcBef>
              <a:spcAft>
                <a:spcPts val="274"/>
              </a:spcAft>
            </a:pPr>
            <a:r>
              <a:rPr lang="en-US" sz="1000" b="1" dirty="0"/>
              <a:t>Colorado River		</a:t>
            </a:r>
            <a:r>
              <a:rPr lang="en-US" sz="1000" dirty="0"/>
              <a:t>~ 500 to 700 mg/l		1,360 to 1,900 lbs/af</a:t>
            </a:r>
          </a:p>
          <a:p>
            <a:pPr eaLnBrk="1" fontAlgn="ctr" hangingPunct="1">
              <a:lnSpc>
                <a:spcPct val="90000"/>
              </a:lnSpc>
              <a:spcBef>
                <a:spcPts val="0"/>
              </a:spcBef>
              <a:spcAft>
                <a:spcPts val="274"/>
              </a:spcAft>
            </a:pPr>
            <a:r>
              <a:rPr lang="en-US" sz="1000" b="1" dirty="0"/>
              <a:t>Bay Delta (</a:t>
            </a:r>
            <a:r>
              <a:rPr lang="en-US" sz="1000" b="1" i="1" dirty="0"/>
              <a:t>current</a:t>
            </a:r>
            <a:r>
              <a:rPr lang="en-US" sz="1000" b="1" dirty="0"/>
              <a:t>)	</a:t>
            </a:r>
            <a:r>
              <a:rPr lang="en-US" sz="1000" dirty="0"/>
              <a:t>~ 300 mg/l			700 lbs/af</a:t>
            </a:r>
          </a:p>
          <a:p>
            <a:pPr eaLnBrk="1" fontAlgn="ctr" hangingPunct="1">
              <a:lnSpc>
                <a:spcPct val="90000"/>
              </a:lnSpc>
              <a:spcBef>
                <a:spcPts val="0"/>
              </a:spcBef>
              <a:spcAft>
                <a:spcPts val="274"/>
              </a:spcAft>
            </a:pPr>
            <a:r>
              <a:rPr lang="en-US" sz="1000" b="1" dirty="0"/>
              <a:t>Bay Delta (</a:t>
            </a:r>
            <a:r>
              <a:rPr lang="en-US" sz="1000" b="1" i="1" dirty="0"/>
              <a:t>new conveyance</a:t>
            </a:r>
            <a:r>
              <a:rPr lang="en-US" sz="1000" b="1" dirty="0"/>
              <a:t>)	</a:t>
            </a:r>
            <a:r>
              <a:rPr lang="en-US" sz="1000" dirty="0"/>
              <a:t>~ 200 mg/l			470 lbs/af</a:t>
            </a:r>
          </a:p>
          <a:p>
            <a:pPr>
              <a:lnSpc>
                <a:spcPct val="90000"/>
              </a:lnSpc>
              <a:spcBef>
                <a:spcPts val="0"/>
              </a:spcBef>
              <a:spcAft>
                <a:spcPts val="274"/>
              </a:spcAft>
            </a:pPr>
            <a:endParaRPr lang="en-US" sz="1000" b="1" dirty="0"/>
          </a:p>
          <a:p>
            <a:pPr>
              <a:lnSpc>
                <a:spcPct val="90000"/>
              </a:lnSpc>
              <a:spcBef>
                <a:spcPts val="0"/>
              </a:spcBef>
              <a:spcAft>
                <a:spcPts val="274"/>
              </a:spcAft>
            </a:pPr>
            <a:r>
              <a:rPr lang="en-US" sz="1000" b="1" u="sng" dirty="0"/>
              <a:t>Objectives</a:t>
            </a:r>
          </a:p>
          <a:p>
            <a:pPr marL="162380" indent="-162380">
              <a:lnSpc>
                <a:spcPct val="90000"/>
              </a:lnSpc>
              <a:spcBef>
                <a:spcPts val="0"/>
              </a:spcBef>
              <a:spcAft>
                <a:spcPts val="274"/>
              </a:spcAft>
              <a:buFont typeface="Arial" pitchFamily="34" charset="0"/>
              <a:buChar char="•"/>
            </a:pPr>
            <a:r>
              <a:rPr lang="en-US" sz="1000" dirty="0"/>
              <a:t>Improve export quality to meet Public Health standards &amp; reduce treatment costs</a:t>
            </a:r>
          </a:p>
          <a:p>
            <a:pPr marL="162380" indent="-162380">
              <a:lnSpc>
                <a:spcPct val="90000"/>
              </a:lnSpc>
              <a:spcBef>
                <a:spcPts val="0"/>
              </a:spcBef>
              <a:spcAft>
                <a:spcPts val="274"/>
              </a:spcAft>
              <a:buFont typeface="Arial" pitchFamily="34" charset="0"/>
              <a:buChar char="•"/>
            </a:pPr>
            <a:r>
              <a:rPr lang="en-US" sz="1000" dirty="0"/>
              <a:t>Support actions to minimize salinity imports </a:t>
            </a:r>
          </a:p>
          <a:p>
            <a:pPr marL="162380" indent="-162380">
              <a:lnSpc>
                <a:spcPct val="90000"/>
              </a:lnSpc>
              <a:spcBef>
                <a:spcPts val="0"/>
              </a:spcBef>
              <a:spcAft>
                <a:spcPts val="274"/>
              </a:spcAft>
              <a:buFont typeface="Arial" pitchFamily="34" charset="0"/>
              <a:buChar char="•"/>
            </a:pPr>
            <a:r>
              <a:rPr lang="en-US" sz="1000" dirty="0"/>
              <a:t>Meet 500 mg/l blending goal</a:t>
            </a:r>
          </a:p>
          <a:p>
            <a:pPr marL="162380" indent="-162380">
              <a:lnSpc>
                <a:spcPct val="90000"/>
              </a:lnSpc>
              <a:spcBef>
                <a:spcPts val="0"/>
              </a:spcBef>
              <a:spcAft>
                <a:spcPts val="274"/>
              </a:spcAft>
              <a:buFont typeface="Arial" pitchFamily="34" charset="0"/>
              <a:buChar char="•"/>
            </a:pPr>
            <a:r>
              <a:rPr lang="en-US" sz="1000" dirty="0"/>
              <a:t>Some Basin Plans have low TDS objectives that could restrict extended recharge of high salinity Colorado River water *</a:t>
            </a:r>
          </a:p>
          <a:p>
            <a:pPr>
              <a:lnSpc>
                <a:spcPct val="90000"/>
              </a:lnSpc>
              <a:spcBef>
                <a:spcPts val="0"/>
              </a:spcBef>
              <a:spcAft>
                <a:spcPts val="274"/>
              </a:spcAft>
            </a:pPr>
            <a:endParaRPr lang="en-US" sz="1000" b="1" dirty="0"/>
          </a:p>
          <a:p>
            <a:pPr>
              <a:lnSpc>
                <a:spcPct val="90000"/>
              </a:lnSpc>
              <a:spcBef>
                <a:spcPts val="0"/>
              </a:spcBef>
              <a:spcAft>
                <a:spcPts val="274"/>
              </a:spcAft>
            </a:pPr>
            <a:r>
              <a:rPr lang="en-US" sz="1000" b="1" u="sng" dirty="0"/>
              <a:t>Salinity Management Policy (Board Policy March 1999)</a:t>
            </a:r>
          </a:p>
          <a:p>
            <a:pPr marL="156876" indent="-156876">
              <a:lnSpc>
                <a:spcPct val="90000"/>
              </a:lnSpc>
              <a:spcBef>
                <a:spcPts val="0"/>
              </a:spcBef>
              <a:spcAft>
                <a:spcPts val="274"/>
              </a:spcAft>
              <a:buFont typeface="Arial" pitchFamily="34" charset="0"/>
              <a:buChar char="•"/>
            </a:pPr>
            <a:r>
              <a:rPr lang="en-US" sz="1000" dirty="0"/>
              <a:t>Protect imported quality and seek salinity reductions </a:t>
            </a:r>
          </a:p>
          <a:p>
            <a:pPr marL="156876" indent="-156876">
              <a:lnSpc>
                <a:spcPct val="90000"/>
              </a:lnSpc>
              <a:spcBef>
                <a:spcPts val="0"/>
              </a:spcBef>
              <a:spcAft>
                <a:spcPts val="274"/>
              </a:spcAft>
              <a:buFont typeface="Arial" pitchFamily="34" charset="0"/>
              <a:buChar char="•"/>
            </a:pPr>
            <a:r>
              <a:rPr lang="en-US" sz="1000" dirty="0"/>
              <a:t>Establish total dissolved solids objective of &lt; 500 (mg/L)</a:t>
            </a:r>
          </a:p>
          <a:p>
            <a:pPr marL="156876" indent="-156876">
              <a:lnSpc>
                <a:spcPct val="90000"/>
              </a:lnSpc>
              <a:spcBef>
                <a:spcPts val="0"/>
              </a:spcBef>
              <a:spcAft>
                <a:spcPts val="274"/>
              </a:spcAft>
              <a:buFont typeface="Arial" pitchFamily="34" charset="0"/>
              <a:buChar char="•"/>
            </a:pPr>
            <a:r>
              <a:rPr lang="en-US" sz="1000" dirty="0"/>
              <a:t>Optimize the long-term use of Colorado River water in conjunction with State Water Project supplies</a:t>
            </a:r>
          </a:p>
          <a:p>
            <a:pPr marL="156876" indent="-156876">
              <a:lnSpc>
                <a:spcPct val="90000"/>
              </a:lnSpc>
              <a:spcBef>
                <a:spcPts val="0"/>
              </a:spcBef>
              <a:spcAft>
                <a:spcPts val="274"/>
              </a:spcAft>
              <a:buFont typeface="Arial" pitchFamily="34" charset="0"/>
              <a:buChar char="•"/>
            </a:pPr>
            <a:r>
              <a:rPr lang="en-US" sz="1000" dirty="0"/>
              <a:t>Make the Salinity Management Action Plan the primary strategy to carry out this policy</a:t>
            </a:r>
          </a:p>
          <a:p>
            <a:pPr marL="156876" indent="-156876">
              <a:lnSpc>
                <a:spcPct val="90000"/>
              </a:lnSpc>
              <a:spcBef>
                <a:spcPts val="0"/>
              </a:spcBef>
              <a:spcAft>
                <a:spcPts val="274"/>
              </a:spcAft>
              <a:buFont typeface="Arial" pitchFamily="34" charset="0"/>
              <a:buChar char="•"/>
            </a:pPr>
            <a:r>
              <a:rPr lang="en-US" sz="1000" dirty="0"/>
              <a:t>Support actions to minimize salinity imports to enhance groundwater and recycled water programs</a:t>
            </a:r>
          </a:p>
          <a:p>
            <a:pPr marL="156876" indent="-156876">
              <a:lnSpc>
                <a:spcPct val="90000"/>
              </a:lnSpc>
              <a:spcBef>
                <a:spcPts val="0"/>
              </a:spcBef>
              <a:spcAft>
                <a:spcPts val="274"/>
              </a:spcAft>
              <a:buFont typeface="Arial" pitchFamily="34" charset="0"/>
              <a:buChar char="•"/>
            </a:pPr>
            <a:r>
              <a:rPr lang="en-US" sz="1000" dirty="0"/>
              <a:t>Regional Board Basin Plans have TDS water quality objectives for groundwater.  Raymond and Main San Gabriel Basins objectives are at 450 mg/L TDS, the eastern portions of San Fernando Basin range from 400 to 600 mg/L.  Some parts of Chino Basin have TDS objectives in the 200-300 mg/L range.  Central Basin is higher at 700 mg/L.  Orange Co Basin is 580 mg/L.</a:t>
            </a:r>
          </a:p>
          <a:p>
            <a:pPr marL="156876" indent="-156876">
              <a:lnSpc>
                <a:spcPct val="90000"/>
              </a:lnSpc>
              <a:spcBef>
                <a:spcPts val="0"/>
              </a:spcBef>
              <a:spcAft>
                <a:spcPts val="274"/>
              </a:spcAft>
              <a:buFont typeface="Arial" pitchFamily="34" charset="0"/>
              <a:buChar char="•"/>
            </a:pPr>
            <a:endParaRPr lang="en-US" sz="1000" dirty="0"/>
          </a:p>
        </p:txBody>
      </p:sp>
      <p:sp>
        <p:nvSpPr>
          <p:cNvPr id="4" name="Slide Number Placeholder 3"/>
          <p:cNvSpPr>
            <a:spLocks noGrp="1"/>
          </p:cNvSpPr>
          <p:nvPr>
            <p:ph type="sldNum" sz="quarter" idx="10"/>
          </p:nvPr>
        </p:nvSpPr>
        <p:spPr/>
        <p:txBody>
          <a:bodyPr/>
          <a:lstStyle/>
          <a:p>
            <a:fld id="{18714D65-6DD0-4203-9E04-D039ADCDB3D0}" type="slidenum">
              <a:rPr lang="en-US" smtClean="0">
                <a:solidFill>
                  <a:prstClr val="black"/>
                </a:solidFill>
              </a:rPr>
              <a:pPr/>
              <a:t>84</a:t>
            </a:fld>
            <a:endParaRPr lang="en-US" dirty="0">
              <a:solidFill>
                <a:prstClr val="black"/>
              </a:solidFill>
            </a:endParaRPr>
          </a:p>
        </p:txBody>
      </p:sp>
    </p:spTree>
    <p:extLst>
      <p:ext uri="{BB962C8B-B14F-4D97-AF65-F5344CB8AC3E}">
        <p14:creationId xmlns:p14="http://schemas.microsoft.com/office/powerpoint/2010/main" val="3687800676"/>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85</a:t>
            </a:fld>
            <a:endParaRPr lang="en-US" dirty="0"/>
          </a:p>
        </p:txBody>
      </p:sp>
    </p:spTree>
    <p:extLst>
      <p:ext uri="{BB962C8B-B14F-4D97-AF65-F5344CB8AC3E}">
        <p14:creationId xmlns:p14="http://schemas.microsoft.com/office/powerpoint/2010/main" val="3390886472"/>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Rectangle 7"/>
          <p:cNvSpPr txBox="1">
            <a:spLocks noGrp="1" noChangeArrowheads="1"/>
          </p:cNvSpPr>
          <p:nvPr/>
        </p:nvSpPr>
        <p:spPr bwMode="auto">
          <a:xfrm>
            <a:off x="5233479" y="6662018"/>
            <a:ext cx="4002605" cy="3483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699">
                <a:solidFill>
                  <a:srgbClr val="000000"/>
                </a:solidFill>
                <a:miter lim="800000"/>
                <a:headEnd type="none" w="sm" len="sm"/>
                <a:tailEnd type="none" w="sm" len="sm"/>
              </a14:hiddenLine>
            </a:ext>
          </a:extLst>
        </p:spPr>
        <p:txBody>
          <a:bodyPr lIns="99695" tIns="49852" rIns="99695" bIns="49852" anchor="b"/>
          <a:lstStyle>
            <a:lvl1pPr defTabSz="990600" eaLnBrk="0" hangingPunct="0">
              <a:defRPr>
                <a:solidFill>
                  <a:schemeClr val="tx1"/>
                </a:solidFill>
                <a:latin typeface="Arial" pitchFamily="34" charset="0"/>
                <a:cs typeface="Arial" pitchFamily="34" charset="0"/>
              </a:defRPr>
            </a:lvl1pPr>
            <a:lvl2pPr marL="742950" indent="-285750" defTabSz="990600" eaLnBrk="0" hangingPunct="0">
              <a:defRPr>
                <a:solidFill>
                  <a:schemeClr val="tx1"/>
                </a:solidFill>
                <a:latin typeface="Arial" pitchFamily="34" charset="0"/>
                <a:cs typeface="Arial" pitchFamily="34" charset="0"/>
              </a:defRPr>
            </a:lvl2pPr>
            <a:lvl3pPr marL="1143000" indent="-228600" defTabSz="990600" eaLnBrk="0" hangingPunct="0">
              <a:defRPr>
                <a:solidFill>
                  <a:schemeClr val="tx1"/>
                </a:solidFill>
                <a:latin typeface="Arial" pitchFamily="34" charset="0"/>
                <a:cs typeface="Arial" pitchFamily="34" charset="0"/>
              </a:defRPr>
            </a:lvl3pPr>
            <a:lvl4pPr marL="1600200" indent="-228600" defTabSz="990600" eaLnBrk="0" hangingPunct="0">
              <a:defRPr>
                <a:solidFill>
                  <a:schemeClr val="tx1"/>
                </a:solidFill>
                <a:latin typeface="Arial" pitchFamily="34" charset="0"/>
                <a:cs typeface="Arial" pitchFamily="34" charset="0"/>
              </a:defRPr>
            </a:lvl4pPr>
            <a:lvl5pPr marL="2057400" indent="-228600" defTabSz="990600" eaLnBrk="0" hangingPunct="0">
              <a:defRPr>
                <a:solidFill>
                  <a:schemeClr val="tx1"/>
                </a:solidFill>
                <a:latin typeface="Arial" pitchFamily="34" charset="0"/>
                <a:cs typeface="Arial" pitchFamily="34" charset="0"/>
              </a:defRPr>
            </a:lvl5pPr>
            <a:lvl6pPr marL="2514600" indent="-228600" defTabSz="990600" eaLnBrk="0" fontAlgn="base" hangingPunct="0">
              <a:spcBef>
                <a:spcPct val="0"/>
              </a:spcBef>
              <a:spcAft>
                <a:spcPct val="0"/>
              </a:spcAft>
              <a:defRPr>
                <a:solidFill>
                  <a:schemeClr val="tx1"/>
                </a:solidFill>
                <a:latin typeface="Arial" pitchFamily="34" charset="0"/>
                <a:cs typeface="Arial" pitchFamily="34" charset="0"/>
              </a:defRPr>
            </a:lvl6pPr>
            <a:lvl7pPr marL="2971800" indent="-228600" defTabSz="990600" eaLnBrk="0" fontAlgn="base" hangingPunct="0">
              <a:spcBef>
                <a:spcPct val="0"/>
              </a:spcBef>
              <a:spcAft>
                <a:spcPct val="0"/>
              </a:spcAft>
              <a:defRPr>
                <a:solidFill>
                  <a:schemeClr val="tx1"/>
                </a:solidFill>
                <a:latin typeface="Arial" pitchFamily="34" charset="0"/>
                <a:cs typeface="Arial" pitchFamily="34" charset="0"/>
              </a:defRPr>
            </a:lvl7pPr>
            <a:lvl8pPr marL="3429000" indent="-228600" defTabSz="990600" eaLnBrk="0" fontAlgn="base" hangingPunct="0">
              <a:spcBef>
                <a:spcPct val="0"/>
              </a:spcBef>
              <a:spcAft>
                <a:spcPct val="0"/>
              </a:spcAft>
              <a:defRPr>
                <a:solidFill>
                  <a:schemeClr val="tx1"/>
                </a:solidFill>
                <a:latin typeface="Arial" pitchFamily="34" charset="0"/>
                <a:cs typeface="Arial" pitchFamily="34" charset="0"/>
              </a:defRPr>
            </a:lvl8pPr>
            <a:lvl9pPr marL="3886200" indent="-228600" defTabSz="990600" eaLnBrk="0" fontAlgn="base" hangingPunct="0">
              <a:spcBef>
                <a:spcPct val="0"/>
              </a:spcBef>
              <a:spcAft>
                <a:spcPct val="0"/>
              </a:spcAft>
              <a:defRPr>
                <a:solidFill>
                  <a:schemeClr val="tx1"/>
                </a:solidFill>
                <a:latin typeface="Arial" pitchFamily="34" charset="0"/>
                <a:cs typeface="Arial" pitchFamily="34" charset="0"/>
              </a:defRPr>
            </a:lvl9pPr>
          </a:lstStyle>
          <a:p>
            <a:pPr algn="r" eaLnBrk="1" hangingPunct="1"/>
            <a:fld id="{461AEDBC-C12C-492D-A317-287515B6EB90}" type="slidenum">
              <a:rPr lang="en-US" sz="1200">
                <a:solidFill>
                  <a:prstClr val="black"/>
                </a:solidFill>
                <a:latin typeface="Times New Roman" pitchFamily="18" charset="0"/>
              </a:rPr>
              <a:pPr algn="r" eaLnBrk="1" hangingPunct="1"/>
              <a:t>86</a:t>
            </a:fld>
            <a:endParaRPr lang="en-US" sz="1200" dirty="0">
              <a:solidFill>
                <a:prstClr val="black"/>
              </a:solidFill>
              <a:latin typeface="Times New Roman" pitchFamily="18" charset="0"/>
            </a:endParaRPr>
          </a:p>
        </p:txBody>
      </p:sp>
      <p:sp>
        <p:nvSpPr>
          <p:cNvPr id="87043" name="Rectangle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7044" name="Rectangle 3"/>
          <p:cNvSpPr>
            <a:spLocks noGrp="1" noChangeArrowheads="1"/>
          </p:cNvSpPr>
          <p:nvPr>
            <p:ph type="body" idx="1"/>
          </p:nvPr>
        </p:nvSpPr>
        <p:spPr bwMode="auto">
          <a:xfrm>
            <a:off x="1204707" y="3330251"/>
            <a:ext cx="6726272" cy="315376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a:bodyPr>
          <a:lstStyle/>
          <a:p>
            <a:endParaRPr lang="en-US" dirty="0"/>
          </a:p>
          <a:p>
            <a:endParaRPr lang="en-US" dirty="0" smtClean="0"/>
          </a:p>
          <a:p>
            <a:endParaRPr lang="en-US" sz="3000" dirty="0"/>
          </a:p>
        </p:txBody>
      </p:sp>
    </p:spTree>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88</a:t>
            </a:fld>
            <a:endParaRPr lang="en-US" dirty="0">
              <a:solidFill>
                <a:prstClr val="black"/>
              </a:solidFill>
            </a:endParaRPr>
          </a:p>
        </p:txBody>
      </p:sp>
    </p:spTree>
    <p:extLst>
      <p:ext uri="{BB962C8B-B14F-4D97-AF65-F5344CB8AC3E}">
        <p14:creationId xmlns:p14="http://schemas.microsoft.com/office/powerpoint/2010/main" val="3150738072"/>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827370">
              <a:defRPr/>
            </a:pPr>
            <a:r>
              <a:rPr lang="en-US" dirty="0" smtClean="0"/>
              <a:t>Other </a:t>
            </a:r>
            <a:r>
              <a:rPr lang="en-US" sz="1100" dirty="0">
                <a:latin typeface="+mj-lt"/>
              </a:rPr>
              <a:t>tunnels: </a:t>
            </a:r>
            <a:r>
              <a:rPr lang="en-US" sz="1100" spc="-135"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cs typeface="Arial" charset="0"/>
              </a:rPr>
              <a:t>51 ft. – </a:t>
            </a:r>
            <a:r>
              <a:rPr lang="en-US" sz="1100" dirty="0">
                <a:latin typeface="+mj-lt"/>
              </a:rPr>
              <a:t>Shanghai, China Yangtze River </a:t>
            </a:r>
            <a:r>
              <a:rPr lang="en-US" sz="1100" dirty="0"/>
              <a:t>highway tunnel; 2 bores</a:t>
            </a:r>
            <a:endParaRPr lang="en-US" dirty="0"/>
          </a:p>
          <a:p>
            <a:endParaRPr lang="en-US" dirty="0" smtClean="0"/>
          </a:p>
          <a:p>
            <a:r>
              <a:rPr lang="en-US" dirty="0" smtClean="0"/>
              <a:t>Chicago tunnels</a:t>
            </a:r>
            <a:r>
              <a:rPr lang="en-US" baseline="0" dirty="0" smtClean="0"/>
              <a:t> address combined sewer and runoff overflow from being dumped (and polluting) Lake Michigan.  EPA rule requires they hold the water and run it through their treatment plant.  The 109 miles of 30 foot tunnels and smaller tunnels are used as a storage reservoir until it can be treated. </a:t>
            </a:r>
            <a:r>
              <a:rPr lang="en-US" u="sng" baseline="0" dirty="0" smtClean="0">
                <a:solidFill>
                  <a:srgbClr val="FF0000"/>
                </a:solidFill>
              </a:rPr>
              <a:t>Robbins Company had 18 TBMs out of the 30 TBMs in Chicago</a:t>
            </a:r>
            <a:r>
              <a:rPr lang="en-US" baseline="0" dirty="0" smtClean="0"/>
              <a:t>.  Chicago soil is all limestone </a:t>
            </a:r>
          </a:p>
          <a:p>
            <a:endParaRPr lang="en-US" baseline="0" dirty="0" smtClean="0"/>
          </a:p>
          <a:p>
            <a:r>
              <a:rPr lang="en-US" baseline="0" dirty="0" smtClean="0"/>
              <a:t>Cleveland tunnels 1997 to 2008</a:t>
            </a:r>
          </a:p>
          <a:p>
            <a:endParaRPr lang="en-US" dirty="0" smtClean="0"/>
          </a:p>
          <a:p>
            <a:r>
              <a:rPr lang="en-US" dirty="0" smtClean="0"/>
              <a:t>Alp Transit Tunnels – 2 bores;</a:t>
            </a:r>
            <a:r>
              <a:rPr lang="en-US" baseline="0" dirty="0" smtClean="0"/>
              <a:t> 30 ft diameter; 56 miles long; High speed rail; 5 TBMs</a:t>
            </a:r>
            <a:endParaRPr lang="en-US" dirty="0" smtClean="0"/>
          </a:p>
          <a:p>
            <a:endParaRPr lang="en-US" dirty="0"/>
          </a:p>
        </p:txBody>
      </p:sp>
      <p:sp>
        <p:nvSpPr>
          <p:cNvPr id="4" name="Slide Number Placeholder 3"/>
          <p:cNvSpPr>
            <a:spLocks noGrp="1"/>
          </p:cNvSpPr>
          <p:nvPr>
            <p:ph type="sldNum" sz="quarter" idx="10"/>
          </p:nvPr>
        </p:nvSpPr>
        <p:spPr/>
        <p:txBody>
          <a:bodyPr/>
          <a:lstStyle/>
          <a:p>
            <a:pPr>
              <a:defRPr/>
            </a:pPr>
            <a:fld id="{0F8A1D48-E87F-4F21-9D75-747A9013154F}" type="slidenum">
              <a:rPr lang="en-US" smtClean="0">
                <a:solidFill>
                  <a:prstClr val="black"/>
                </a:solidFill>
              </a:rPr>
              <a:pPr>
                <a:defRPr/>
              </a:pPr>
              <a:t>89</a:t>
            </a:fld>
            <a:endParaRPr lang="en-US" dirty="0">
              <a:solidFill>
                <a:prstClr val="black"/>
              </a:solidFill>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4</a:t>
            </a:fld>
            <a:endParaRPr lang="en-US" dirty="0">
              <a:solidFill>
                <a:prstClr val="black"/>
              </a:solidFill>
            </a:endParaRPr>
          </a:p>
        </p:txBody>
      </p:sp>
      <p:sp>
        <p:nvSpPr>
          <p:cNvPr id="5" name="Notes Placeholder 4"/>
          <p:cNvSpPr>
            <a:spLocks noGrp="1"/>
          </p:cNvSpPr>
          <p:nvPr>
            <p:ph type="body" sz="quarter" idx="11"/>
          </p:nvPr>
        </p:nvSpPr>
        <p:spPr/>
        <p:txBody>
          <a:bodyPr>
            <a:normAutofit fontScale="77500" lnSpcReduction="20000"/>
          </a:bodyPr>
          <a:lstStyle/>
          <a:p>
            <a:pPr marL="176444" indent="-176444">
              <a:spcAft>
                <a:spcPts val="617"/>
              </a:spcAft>
              <a:buFont typeface="Arial" panose="020B0604020202020204" pitchFamily="34" charset="0"/>
              <a:buChar char="•"/>
            </a:pPr>
            <a:r>
              <a:rPr lang="en-US" sz="1100" b="1" u="sng" dirty="0"/>
              <a:t>4.9 maf/yr</a:t>
            </a:r>
            <a:r>
              <a:rPr lang="en-US" sz="1100" b="1" dirty="0"/>
              <a:t>  </a:t>
            </a:r>
            <a:r>
              <a:rPr lang="en-US" sz="1100" dirty="0"/>
              <a:t>– Current Supplies (2015)	</a:t>
            </a:r>
          </a:p>
          <a:p>
            <a:pPr marL="176444" indent="-176444">
              <a:spcAft>
                <a:spcPts val="617"/>
              </a:spcAft>
              <a:buFont typeface="Arial" panose="020B0604020202020204" pitchFamily="34" charset="0"/>
              <a:buChar char="•"/>
            </a:pPr>
            <a:r>
              <a:rPr lang="en-US" b="1" u="sng" dirty="0"/>
              <a:t>4.7 </a:t>
            </a:r>
            <a:r>
              <a:rPr lang="en-US" b="1" u="sng" dirty="0" smtClean="0"/>
              <a:t>maf/yr</a:t>
            </a:r>
            <a:r>
              <a:rPr lang="en-US" b="1" dirty="0" smtClean="0"/>
              <a:t> </a:t>
            </a:r>
            <a:r>
              <a:rPr lang="en-US" dirty="0"/>
              <a:t>– Existing Regulations (No Action Alternative) represents no new conveyance and no new/additional restrictions </a:t>
            </a:r>
          </a:p>
          <a:p>
            <a:pPr marL="176444" indent="-176444">
              <a:spcAft>
                <a:spcPts val="617"/>
              </a:spcAft>
              <a:buFont typeface="Arial" panose="020B0604020202020204" pitchFamily="34" charset="0"/>
              <a:buChar char="•"/>
            </a:pPr>
            <a:r>
              <a:rPr lang="en-US" b="1" u="sng" dirty="0"/>
              <a:t>3.5 </a:t>
            </a:r>
            <a:r>
              <a:rPr lang="en-US" b="1" u="sng" dirty="0" smtClean="0"/>
              <a:t>maf/yr</a:t>
            </a:r>
            <a:r>
              <a:rPr lang="en-US" b="1" dirty="0" smtClean="0"/>
              <a:t> </a:t>
            </a:r>
            <a:r>
              <a:rPr lang="en-US" dirty="0"/>
              <a:t>– BDCP Proposed Regulations without Northern Intake represents the Existing Conditions High Outflow (ECHO) scenario without conveyance.  Published in Chapter 9 (9.3.4.1.7 -- Practicability of the BDCP Proposed Action Relative to the Existing Conveyance High-Outflow and Low-Outflow Scenarios, pg. 9-45, 9-199, 9-207, 9-216, 9-224, 9-243, 9-250, and elsewhere).  Also analyzed by Dr. </a:t>
            </a:r>
            <a:r>
              <a:rPr lang="en-US" dirty="0" smtClean="0"/>
              <a:t>Sunding, Appendix 9a.</a:t>
            </a:r>
            <a:endParaRPr lang="en-US" dirty="0"/>
          </a:p>
          <a:p>
            <a:pPr marL="176444" indent="-176444" defTabSz="941031">
              <a:spcAft>
                <a:spcPts val="617"/>
              </a:spcAft>
              <a:buFont typeface="Arial" panose="020B0604020202020204" pitchFamily="34" charset="0"/>
              <a:buChar char="•"/>
              <a:defRPr/>
            </a:pPr>
            <a:r>
              <a:rPr lang="en-US" b="1" u="sng" dirty="0"/>
              <a:t>1.5 </a:t>
            </a:r>
            <a:r>
              <a:rPr lang="en-US" b="1" u="sng" dirty="0" smtClean="0"/>
              <a:t>maf/yr</a:t>
            </a:r>
            <a:r>
              <a:rPr lang="en-US" b="1" dirty="0" smtClean="0"/>
              <a:t> </a:t>
            </a:r>
            <a:r>
              <a:rPr lang="en-US" dirty="0"/>
              <a:t>– Earthquake Scenario; Published in BDCP Chapter 9 -- the “mean water supplies following an earthquake in the Existing Conveyance High-Outflow Scenario are 1.0 MAF.”  MWD is using a range from 1.0 to 1.5 </a:t>
            </a:r>
            <a:r>
              <a:rPr lang="en-US" dirty="0" smtClean="0"/>
              <a:t>maf</a:t>
            </a:r>
            <a:endParaRPr lang="en-US" sz="1100" dirty="0"/>
          </a:p>
          <a:p>
            <a:pPr marL="176444" indent="-176444">
              <a:spcAft>
                <a:spcPts val="617"/>
              </a:spcAft>
              <a:buFont typeface="Arial" panose="020B0604020202020204" pitchFamily="34" charset="0"/>
              <a:buChar char="•"/>
            </a:pPr>
            <a:r>
              <a:rPr lang="en-US" sz="1100" b="1" u="sng" dirty="0"/>
              <a:t>4.7 – 5.3 maf/yr</a:t>
            </a:r>
            <a:r>
              <a:rPr lang="en-US" sz="1100" b="1" dirty="0"/>
              <a:t>  </a:t>
            </a:r>
            <a:r>
              <a:rPr lang="en-US" sz="1100" dirty="0"/>
              <a:t>– NEW BDCP / Cal Water Fix Preferred Alternative (evaluated in Draft EIR/S as Alternative 4A H3-H4 at early long-term 2025)</a:t>
            </a:r>
          </a:p>
          <a:p>
            <a:pPr marL="176444" indent="-176444">
              <a:spcAft>
                <a:spcPts val="617"/>
              </a:spcAft>
              <a:buFont typeface="Arial" panose="020B0604020202020204" pitchFamily="34" charset="0"/>
              <a:buChar char="•"/>
            </a:pPr>
            <a:r>
              <a:rPr lang="en-US" sz="1100" b="1" u="sng" dirty="0"/>
              <a:t>4.7 – 5.6 maf/yr</a:t>
            </a:r>
            <a:r>
              <a:rPr lang="en-US" sz="1100" b="1" dirty="0"/>
              <a:t>  </a:t>
            </a:r>
            <a:r>
              <a:rPr lang="en-US" sz="1100" dirty="0"/>
              <a:t>– PREVIOUS BDCP Preferred Alternative (evaluated in Draft EIR/S as Alternative 4 H1-H4 at early long-term 2025)</a:t>
            </a:r>
          </a:p>
          <a:p>
            <a:pPr marL="176444" indent="-176444">
              <a:spcAft>
                <a:spcPts val="617"/>
              </a:spcAft>
              <a:buFont typeface="Arial" panose="020B0604020202020204" pitchFamily="34" charset="0"/>
              <a:buChar char="•"/>
            </a:pPr>
            <a:endParaRPr lang="en-US" sz="1100" dirty="0"/>
          </a:p>
          <a:p>
            <a:r>
              <a:rPr lang="en-US" sz="1100" dirty="0"/>
              <a:t>MWD Table A = 1,911,500 af/yr. (45.81%)</a:t>
            </a:r>
          </a:p>
          <a:p>
            <a:r>
              <a:rPr lang="en-US" sz="1100" dirty="0"/>
              <a:t>SWP Table A = 4,172,786 af/yr</a:t>
            </a:r>
          </a:p>
          <a:p>
            <a:r>
              <a:rPr lang="en-US" sz="1100" dirty="0"/>
              <a:t>SWP/CVP Split: Assume (55% SWP / 45% CVP)</a:t>
            </a:r>
          </a:p>
          <a:p>
            <a:pPr defTabSz="907193">
              <a:defRPr/>
            </a:pPr>
            <a:r>
              <a:rPr lang="en-US" sz="1100" dirty="0"/>
              <a:t>SWP/CVP Average Annual Yield Improvement:  Low range (4.7 maf – 3.5 maf = 1.2 maf), High Range (5.3 maf – 3.5 maf = 1.8 maf)</a:t>
            </a:r>
          </a:p>
          <a:p>
            <a:r>
              <a:rPr lang="en-US" sz="1100" dirty="0"/>
              <a:t>No Action = 3,500,000 af (SWP/CVP); 1,925,000 af SWP; 882,000 af MWD</a:t>
            </a:r>
          </a:p>
          <a:p>
            <a:pPr defTabSz="907193">
              <a:defRPr/>
            </a:pPr>
            <a:r>
              <a:rPr lang="en-US" sz="1100" dirty="0"/>
              <a:t>Cal Water Fix (Lower Yield) = 4,700,000 af (SWP/CVP); 2,585,000 af SWP; 1,184,000 af MWD</a:t>
            </a:r>
          </a:p>
          <a:p>
            <a:pPr defTabSz="907193">
              <a:defRPr/>
            </a:pPr>
            <a:r>
              <a:rPr lang="en-US" sz="1100" dirty="0"/>
              <a:t>Cal Water Fix (Higher Yield) = 5,300,000 af (SWP/CVP); 3,452,000 af SWP; 1,581,000 af MWD</a:t>
            </a:r>
          </a:p>
          <a:p>
            <a:pPr marL="176444" indent="-176444">
              <a:spcAft>
                <a:spcPts val="617"/>
              </a:spcAft>
              <a:buFont typeface="Arial" panose="020B0604020202020204" pitchFamily="34" charset="0"/>
              <a:buChar char="•"/>
            </a:pPr>
            <a:endParaRPr lang="en-US" sz="1100" dirty="0"/>
          </a:p>
          <a:p>
            <a:pPr>
              <a:spcAft>
                <a:spcPts val="1235"/>
              </a:spcAft>
            </a:pPr>
            <a:endParaRPr lang="en-US" sz="1100" dirty="0"/>
          </a:p>
          <a:p>
            <a:pPr>
              <a:spcAft>
                <a:spcPts val="1235"/>
              </a:spcAft>
            </a:pPr>
            <a:endParaRPr lang="en-US" sz="1100" dirty="0"/>
          </a:p>
        </p:txBody>
      </p:sp>
    </p:spTree>
    <p:extLst>
      <p:ext uri="{BB962C8B-B14F-4D97-AF65-F5344CB8AC3E}">
        <p14:creationId xmlns:p14="http://schemas.microsoft.com/office/powerpoint/2010/main" val="1036198102"/>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827370">
              <a:defRPr/>
            </a:pPr>
            <a:r>
              <a:rPr lang="en-US" dirty="0" smtClean="0"/>
              <a:t>Other </a:t>
            </a:r>
            <a:r>
              <a:rPr lang="en-US" sz="1100" dirty="0">
                <a:latin typeface="+mj-lt"/>
              </a:rPr>
              <a:t>tunnels: </a:t>
            </a:r>
            <a:r>
              <a:rPr lang="en-US" sz="1100" spc="-135"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cs typeface="Arial" charset="0"/>
              </a:rPr>
              <a:t>51 ft. – </a:t>
            </a:r>
            <a:r>
              <a:rPr lang="en-US" sz="1100" dirty="0">
                <a:latin typeface="+mj-lt"/>
              </a:rPr>
              <a:t>Shanghai, China Yangtze River </a:t>
            </a:r>
            <a:r>
              <a:rPr lang="en-US" sz="1100" dirty="0"/>
              <a:t>highway tunnel; 2 bores</a:t>
            </a:r>
            <a:endParaRPr lang="en-US" dirty="0"/>
          </a:p>
          <a:p>
            <a:endParaRPr lang="en-US" dirty="0" smtClean="0"/>
          </a:p>
          <a:p>
            <a:r>
              <a:rPr lang="en-US" dirty="0" smtClean="0"/>
              <a:t>Chicago tunnels</a:t>
            </a:r>
            <a:r>
              <a:rPr lang="en-US" baseline="0" dirty="0" smtClean="0"/>
              <a:t> address combined sewer and runoff overflow from being dumped (and polluting) Lake Michigan.  EPA rule requires they hold the water and run it through their treatment plant.  The 109 miles of 30 foot tunnels and smaller tunnels are used as a storage reservoir until it can be treated. </a:t>
            </a:r>
            <a:r>
              <a:rPr lang="en-US" u="sng" baseline="0" dirty="0" smtClean="0">
                <a:solidFill>
                  <a:srgbClr val="FF0000"/>
                </a:solidFill>
              </a:rPr>
              <a:t>Robbins Company had 18 TBMs out of the 30 TBMs in Chicago</a:t>
            </a:r>
            <a:r>
              <a:rPr lang="en-US" baseline="0" dirty="0" smtClean="0"/>
              <a:t>.  Chicago soil is all limestone </a:t>
            </a:r>
          </a:p>
          <a:p>
            <a:endParaRPr lang="en-US" baseline="0" dirty="0" smtClean="0"/>
          </a:p>
          <a:p>
            <a:r>
              <a:rPr lang="en-US" baseline="0" dirty="0" smtClean="0"/>
              <a:t>Cleveland tunnels 1997 to 2008</a:t>
            </a:r>
          </a:p>
          <a:p>
            <a:endParaRPr lang="en-US" dirty="0" smtClean="0"/>
          </a:p>
          <a:p>
            <a:r>
              <a:rPr lang="en-US" dirty="0" smtClean="0"/>
              <a:t>Alp Transit Tunnels – 2 bores;</a:t>
            </a:r>
            <a:r>
              <a:rPr lang="en-US" baseline="0" dirty="0" smtClean="0"/>
              <a:t> 30 ft diameter; 56 miles long; High speed rail; 5 TBMs</a:t>
            </a:r>
            <a:endParaRPr lang="en-US" dirty="0" smtClean="0"/>
          </a:p>
          <a:p>
            <a:endParaRPr lang="en-US" dirty="0"/>
          </a:p>
        </p:txBody>
      </p:sp>
      <p:sp>
        <p:nvSpPr>
          <p:cNvPr id="4" name="Slide Number Placeholder 3"/>
          <p:cNvSpPr>
            <a:spLocks noGrp="1"/>
          </p:cNvSpPr>
          <p:nvPr>
            <p:ph type="sldNum" sz="quarter" idx="10"/>
          </p:nvPr>
        </p:nvSpPr>
        <p:spPr/>
        <p:txBody>
          <a:bodyPr/>
          <a:lstStyle/>
          <a:p>
            <a:pPr>
              <a:defRPr/>
            </a:pPr>
            <a:fld id="{0F8A1D48-E87F-4F21-9D75-747A9013154F}" type="slidenum">
              <a:rPr lang="en-US" smtClean="0">
                <a:solidFill>
                  <a:prstClr val="black"/>
                </a:solidFill>
              </a:rPr>
              <a:pPr>
                <a:defRPr/>
              </a:pPr>
              <a:t>90</a:t>
            </a:fld>
            <a:endParaRPr lang="en-US" dirty="0">
              <a:solidFill>
                <a:prstClr val="black"/>
              </a:solidFill>
            </a:endParaRPr>
          </a:p>
        </p:txBody>
      </p:sp>
    </p:spTree>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7025" y="525463"/>
            <a:ext cx="3502025" cy="2627312"/>
          </a:xfrm>
        </p:spPr>
      </p:sp>
      <p:sp>
        <p:nvSpPr>
          <p:cNvPr id="3" name="Notes Placeholder 2"/>
          <p:cNvSpPr>
            <a:spLocks noGrp="1"/>
          </p:cNvSpPr>
          <p:nvPr>
            <p:ph type="body" idx="1"/>
          </p:nvPr>
        </p:nvSpPr>
        <p:spPr>
          <a:xfrm>
            <a:off x="439824" y="3330249"/>
            <a:ext cx="8356445" cy="3153766"/>
          </a:xfrm>
        </p:spPr>
        <p:txBody>
          <a:bodyPr>
            <a:normAutofit fontScale="92500" lnSpcReduction="20000"/>
          </a:bodyPr>
          <a:lstStyle/>
          <a:p>
            <a:r>
              <a:rPr lang="en-US" sz="1100" dirty="0"/>
              <a:t>Metropolitan’s Diamond Valley Reservoir/Inland Feeder project is primarily an emergency storage facility but also provides drought and water quality benefits.  The population of Metropolitan’s service area was 18 million people when water started flowing into Diamond Valley Lake in 1999.</a:t>
            </a:r>
          </a:p>
          <a:p>
            <a:endParaRPr lang="en-US" sz="1100" dirty="0"/>
          </a:p>
          <a:p>
            <a:pPr defTabSz="903407" eaLnBrk="1" hangingPunct="1">
              <a:defRPr/>
            </a:pPr>
            <a:r>
              <a:rPr lang="en-US" sz="1100" dirty="0"/>
              <a:t>East Bay Municipal Utilities District Freeport Project is primarily a water supply reliability project for Alameda and Contra Costa Counties with supplemental CVP supplies.</a:t>
            </a:r>
          </a:p>
          <a:p>
            <a:endParaRPr lang="en-US" sz="1100" dirty="0"/>
          </a:p>
          <a:p>
            <a:r>
              <a:rPr lang="en-US" sz="1100" dirty="0"/>
              <a:t>SDCWA Emergency Storage Project is being built to enhance reliability of the water supply of San Diego in the event of seismic disruption.</a:t>
            </a:r>
          </a:p>
          <a:p>
            <a:endParaRPr lang="en-US" sz="1100" dirty="0"/>
          </a:p>
          <a:p>
            <a:pPr defTabSz="903407" eaLnBrk="1" hangingPunct="1">
              <a:defRPr/>
            </a:pPr>
            <a:r>
              <a:rPr lang="en-US" sz="1100" dirty="0"/>
              <a:t>Bay Delta Conservation Plan Conveyance Facility</a:t>
            </a:r>
          </a:p>
          <a:p>
            <a:pPr defTabSz="903407" eaLnBrk="1" hangingPunct="1">
              <a:defRPr/>
            </a:pPr>
            <a:endParaRPr lang="en-US" sz="1100" dirty="0"/>
          </a:p>
          <a:p>
            <a:pPr defTabSz="903407" eaLnBrk="1" hangingPunct="1">
              <a:defRPr/>
            </a:pPr>
            <a:r>
              <a:rPr lang="en-US" sz="1100" dirty="0"/>
              <a:t>Contra Costa Water District’s Los Vaqueros Project is a reservoir to improve water quality and provide emergency storage ( currently the Phase 2 expansion to 160,000 acre-feet is under construction) </a:t>
            </a:r>
          </a:p>
          <a:p>
            <a:r>
              <a:rPr lang="en-US" sz="1100" dirty="0"/>
              <a:t>SWP Coastal Aqueduct and Central Coast Water Authority Project, which consist of SWP conveyance and treatment facilities for San Luis Obispo and Santa Barbara Counties.</a:t>
            </a:r>
          </a:p>
          <a:p>
            <a:endParaRPr lang="en-US" sz="1100" dirty="0"/>
          </a:p>
          <a:p>
            <a:r>
              <a:rPr lang="en-US" sz="1100" dirty="0"/>
              <a:t>San Francisco Public Utilities Commission’s Hetch Hetchy Project is being repaired to protect against future seismic events, current building codes and drinking water regulations </a:t>
            </a:r>
          </a:p>
          <a:p>
            <a:endParaRPr lang="en-US" sz="1100" dirty="0"/>
          </a:p>
          <a:p>
            <a:r>
              <a:rPr lang="en-US" sz="1100" dirty="0"/>
              <a:t> </a:t>
            </a:r>
          </a:p>
        </p:txBody>
      </p:sp>
      <p:sp>
        <p:nvSpPr>
          <p:cNvPr id="4" name="Slide Number Placeholder 3"/>
          <p:cNvSpPr>
            <a:spLocks noGrp="1"/>
          </p:cNvSpPr>
          <p:nvPr>
            <p:ph type="sldNum" sz="quarter" idx="10"/>
          </p:nvPr>
        </p:nvSpPr>
        <p:spPr/>
        <p:txBody>
          <a:bodyPr/>
          <a:lstStyle/>
          <a:p>
            <a:fld id="{9C14AF15-ED01-1546-BA74-6518DAD840A8}" type="slidenum">
              <a:rPr lang="en-US" smtClean="0">
                <a:solidFill>
                  <a:prstClr val="black"/>
                </a:solidFill>
              </a:rPr>
              <a:pPr/>
              <a:t>91</a:t>
            </a:fld>
            <a:endParaRPr lang="en-US" dirty="0">
              <a:solidFill>
                <a:prstClr val="black"/>
              </a:solidFill>
            </a:endParaRPr>
          </a:p>
        </p:txBody>
      </p:sp>
    </p:spTree>
    <p:extLst>
      <p:ext uri="{BB962C8B-B14F-4D97-AF65-F5344CB8AC3E}">
        <p14:creationId xmlns:p14="http://schemas.microsoft.com/office/powerpoint/2010/main" val="1121417150"/>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dirty="0" smtClean="0"/>
          </a:p>
        </p:txBody>
      </p:sp>
      <p:sp>
        <p:nvSpPr>
          <p:cNvPr id="4" name="Slide Number Placeholder 3"/>
          <p:cNvSpPr>
            <a:spLocks noGrp="1"/>
          </p:cNvSpPr>
          <p:nvPr>
            <p:ph type="sldNum" sz="quarter" idx="5"/>
          </p:nvPr>
        </p:nvSpPr>
        <p:spPr/>
        <p:txBody>
          <a:bodyPr/>
          <a:lstStyle/>
          <a:p>
            <a:pPr>
              <a:defRPr/>
            </a:pPr>
            <a:fld id="{E3441BD0-2BE2-4DEF-802B-948D16E02A59}" type="slidenum">
              <a:rPr lang="en-US" smtClean="0"/>
              <a:pPr>
                <a:defRPr/>
              </a:pPr>
              <a:t>92</a:t>
            </a:fld>
            <a:endParaRPr lang="en-US" dirty="0"/>
          </a:p>
        </p:txBody>
      </p:sp>
    </p:spTree>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93</a:t>
            </a:fld>
            <a:endParaRPr lang="en-US" dirty="0"/>
          </a:p>
        </p:txBody>
      </p:sp>
    </p:spTree>
    <p:extLst>
      <p:ext uri="{BB962C8B-B14F-4D97-AF65-F5344CB8AC3E}">
        <p14:creationId xmlns:p14="http://schemas.microsoft.com/office/powerpoint/2010/main" val="1879071122"/>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925D2BFC-A9ED-4B2A-B13F-7DD42E4D7E5B}" type="slidenum">
              <a:rPr lang="en-US" smtClean="0">
                <a:solidFill>
                  <a:prstClr val="black"/>
                </a:solidFill>
              </a:rPr>
              <a:pPr>
                <a:defRPr/>
              </a:pPr>
              <a:t>94</a:t>
            </a:fld>
            <a:endParaRPr lang="en-US" dirty="0">
              <a:solidFill>
                <a:prstClr val="black"/>
              </a:solidFill>
            </a:endParaRPr>
          </a:p>
        </p:txBody>
      </p:sp>
    </p:spTree>
    <p:extLst>
      <p:ext uri="{BB962C8B-B14F-4D97-AF65-F5344CB8AC3E}">
        <p14:creationId xmlns:p14="http://schemas.microsoft.com/office/powerpoint/2010/main" val="813611997"/>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3B334C-01A1-4DE1-9CB9-921D71920D5C}" type="slidenum">
              <a:rPr lang="en-US" smtClean="0"/>
              <a:pPr>
                <a:defRPr/>
              </a:pPr>
              <a:t>95</a:t>
            </a:fld>
            <a:endParaRPr lang="en-US" dirty="0"/>
          </a:p>
        </p:txBody>
      </p:sp>
    </p:spTree>
    <p:extLst>
      <p:ext uri="{BB962C8B-B14F-4D97-AF65-F5344CB8AC3E}">
        <p14:creationId xmlns:p14="http://schemas.microsoft.com/office/powerpoint/2010/main" val="2787531343"/>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fld id="{33F57FB7-A35F-4B35-BCE0-EA635445EA90}" type="slidenum">
              <a:rPr lang="en-US" smtClean="0"/>
              <a:t>96</a:t>
            </a:fld>
            <a:endParaRPr lang="en-US" dirty="0"/>
          </a:p>
        </p:txBody>
      </p:sp>
      <p:sp>
        <p:nvSpPr>
          <p:cNvPr id="5" name="Notes Placeholder 4"/>
          <p:cNvSpPr>
            <a:spLocks noGrp="1"/>
          </p:cNvSpPr>
          <p:nvPr>
            <p:ph type="body" sz="quarter" idx="11"/>
          </p:nvPr>
        </p:nvSpPr>
        <p:spPr/>
        <p:txBody>
          <a:bodyPr/>
          <a:lstStyle/>
          <a:p>
            <a:pPr defTabSz="910851" eaLnBrk="1" fontAlgn="auto" hangingPunct="1">
              <a:spcBef>
                <a:spcPts val="0"/>
              </a:spcBef>
              <a:spcAft>
                <a:spcPts val="0"/>
              </a:spcAft>
              <a:defRPr/>
            </a:pPr>
            <a:r>
              <a:rPr lang="en-US" dirty="0"/>
              <a:t>The first methodology would require DWR maintain two sets of SWP accounting to determine Table A allocations with and without the conveyance facility (Project).  Several challenges exist that increase the complexity of this method.  For example, should separate SWP reservoir storage conditions be tracked for the with and without Project conditions?  How would one consider future changes in regulatory criteria absent the Project? </a:t>
            </a:r>
            <a:endParaRPr lang="en-US" dirty="0" smtClean="0"/>
          </a:p>
          <a:p>
            <a:endParaRPr lang="en-US" dirty="0"/>
          </a:p>
        </p:txBody>
      </p:sp>
    </p:spTree>
    <p:extLst>
      <p:ext uri="{BB962C8B-B14F-4D97-AF65-F5344CB8AC3E}">
        <p14:creationId xmlns:p14="http://schemas.microsoft.com/office/powerpoint/2010/main" val="640991634"/>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68650" y="457200"/>
            <a:ext cx="2744788" cy="2057400"/>
          </a:xfrm>
        </p:spPr>
      </p:sp>
      <p:sp>
        <p:nvSpPr>
          <p:cNvPr id="4" name="Slide Number Placeholder 3"/>
          <p:cNvSpPr>
            <a:spLocks noGrp="1"/>
          </p:cNvSpPr>
          <p:nvPr>
            <p:ph type="sldNum" sz="quarter" idx="10"/>
          </p:nvPr>
        </p:nvSpPr>
        <p:spPr/>
        <p:txBody>
          <a:bodyPr/>
          <a:lstStyle/>
          <a:p>
            <a:fld id="{33F57FB7-A35F-4B35-BCE0-EA635445EA90}" type="slidenum">
              <a:rPr lang="en-US" smtClean="0"/>
              <a:t>97</a:t>
            </a:fld>
            <a:endParaRPr lang="en-US" dirty="0"/>
          </a:p>
        </p:txBody>
      </p:sp>
      <p:sp>
        <p:nvSpPr>
          <p:cNvPr id="5" name="Notes Placeholder 4"/>
          <p:cNvSpPr>
            <a:spLocks noGrp="1"/>
          </p:cNvSpPr>
          <p:nvPr>
            <p:ph type="body" sz="quarter" idx="11"/>
          </p:nvPr>
        </p:nvSpPr>
        <p:spPr>
          <a:xfrm>
            <a:off x="655641" y="2590800"/>
            <a:ext cx="7656831" cy="3893821"/>
          </a:xfrm>
        </p:spPr>
        <p:txBody>
          <a:bodyPr/>
          <a:lstStyle/>
          <a:p>
            <a:pPr>
              <a:lnSpc>
                <a:spcPct val="80000"/>
              </a:lnSpc>
              <a:defRPr/>
            </a:pPr>
            <a:r>
              <a:rPr lang="en-US" b="1" dirty="0"/>
              <a:t>Level of Participation Alternative (2D) </a:t>
            </a:r>
            <a:r>
              <a:rPr lang="en-US" dirty="0"/>
              <a:t>- The second methodology would use a fixed formula that would be negotiated and established at the onset of conveyance operation.  Challenges with this method include the fact that a fixed formula, even based on year type, would not fully capture the variation shown in the model results.</a:t>
            </a:r>
          </a:p>
          <a:p>
            <a:pPr>
              <a:lnSpc>
                <a:spcPct val="80000"/>
              </a:lnSpc>
              <a:defRPr/>
            </a:pPr>
            <a:endParaRPr lang="en-US" dirty="0"/>
          </a:p>
          <a:p>
            <a:pPr>
              <a:lnSpc>
                <a:spcPct val="80000"/>
              </a:lnSpc>
            </a:pPr>
            <a:r>
              <a:rPr lang="en-US" dirty="0"/>
              <a:t>Alternative 2D is a two-part approach to BDCP Cost allocation that allows SWP contractors to  “opt-in” to the level of participation that they desire and also provides individual SWP contractors with the management tools that allow them to develop their own Integrated Water Management Programs in a way that optimizes water supply benefits and results in affordable costs.  Alternative 2D includes two parts:</a:t>
            </a:r>
          </a:p>
          <a:p>
            <a:pPr marL="170785" indent="-170785">
              <a:lnSpc>
                <a:spcPct val="80000"/>
              </a:lnSpc>
              <a:buFont typeface="Arial" panose="020B0604020202020204" pitchFamily="34" charset="0"/>
              <a:buChar char="•"/>
            </a:pPr>
            <a:r>
              <a:rPr lang="en-US" dirty="0"/>
              <a:t>Allocation of participation in BDCP on a subscription basis for SWP contractors with individual contractors able to request as much or as little of available BDCP capacity as needed;</a:t>
            </a:r>
          </a:p>
          <a:p>
            <a:pPr marL="170785" indent="-170785">
              <a:lnSpc>
                <a:spcPct val="80000"/>
              </a:lnSpc>
              <a:buFont typeface="Arial" panose="020B0604020202020204" pitchFamily="34" charset="0"/>
              <a:buChar char="•"/>
            </a:pPr>
            <a:r>
              <a:rPr lang="en-US" dirty="0"/>
              <a:t>A Water Management framework that allow for the flexible use of all allocated water supply</a:t>
            </a:r>
          </a:p>
          <a:p>
            <a:pPr>
              <a:lnSpc>
                <a:spcPct val="80000"/>
              </a:lnSpc>
              <a:defRPr/>
            </a:pPr>
            <a:endParaRPr lang="en-US" dirty="0"/>
          </a:p>
          <a:p>
            <a:pPr>
              <a:lnSpc>
                <a:spcPct val="80000"/>
              </a:lnSpc>
            </a:pPr>
            <a:endParaRPr lang="en-US" dirty="0"/>
          </a:p>
          <a:p>
            <a:pPr>
              <a:lnSpc>
                <a:spcPct val="80000"/>
              </a:lnSpc>
            </a:pPr>
            <a:r>
              <a:rPr lang="en-US" b="1" dirty="0"/>
              <a:t>Contract Amendments </a:t>
            </a:r>
            <a:r>
              <a:rPr lang="en-US" dirty="0"/>
              <a:t>– The operational differences between participants and non-participants would likely require contract amendments for both parties clearly stating what each party is obligated to pay and what benefits they may receive.  </a:t>
            </a:r>
          </a:p>
          <a:p>
            <a:pPr>
              <a:lnSpc>
                <a:spcPct val="80000"/>
              </a:lnSpc>
            </a:pPr>
            <a:endParaRPr lang="en-US" b="1" dirty="0"/>
          </a:p>
          <a:p>
            <a:pPr>
              <a:lnSpc>
                <a:spcPct val="80000"/>
              </a:lnSpc>
            </a:pPr>
            <a:r>
              <a:rPr lang="en-US" b="1" dirty="0"/>
              <a:t>Article 21 and Transfers – </a:t>
            </a:r>
            <a:r>
              <a:rPr lang="en-US" dirty="0"/>
              <a:t>The conveyance facility may impact how much Article 21 water is available, how much conveyance capacity would be available to facilitate water transfers and if carriage water losses need to be calculated for transferred water.  In the case that more water is available due to the facility, decisions are needed regarding how non-participants have access to that water and what fees they may need to pay.</a:t>
            </a:r>
          </a:p>
          <a:p>
            <a:pPr>
              <a:lnSpc>
                <a:spcPct val="80000"/>
              </a:lnSpc>
            </a:pPr>
            <a:endParaRPr lang="en-US" b="1" dirty="0"/>
          </a:p>
          <a:p>
            <a:pPr>
              <a:lnSpc>
                <a:spcPct val="80000"/>
              </a:lnSpc>
            </a:pPr>
            <a:r>
              <a:rPr lang="en-US" b="1" dirty="0"/>
              <a:t>Through-Delta Conveyance Capability – </a:t>
            </a:r>
            <a:r>
              <a:rPr lang="en-US" dirty="0"/>
              <a:t>Though the participants would continue to rely, partially, on the Delta channels for conveyance, participants would rely mainly on the new conveyance facility and may not want the obligation of paying to maintain and/or improve the ability of the SWP to convey water through the Delta.</a:t>
            </a:r>
          </a:p>
          <a:p>
            <a:pPr>
              <a:lnSpc>
                <a:spcPct val="80000"/>
              </a:lnSpc>
            </a:pPr>
            <a:endParaRPr lang="en-US" dirty="0"/>
          </a:p>
          <a:p>
            <a:pPr>
              <a:lnSpc>
                <a:spcPct val="80000"/>
              </a:lnSpc>
            </a:pPr>
            <a:endParaRPr lang="en-US" dirty="0"/>
          </a:p>
        </p:txBody>
      </p:sp>
    </p:spTree>
    <p:extLst>
      <p:ext uri="{BB962C8B-B14F-4D97-AF65-F5344CB8AC3E}">
        <p14:creationId xmlns:p14="http://schemas.microsoft.com/office/powerpoint/2010/main" val="2601906291"/>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3F57FB7-A35F-4B35-BCE0-EA635445EA90}" type="slidenum">
              <a:rPr lang="en-US" smtClean="0"/>
              <a:t>98</a:t>
            </a:fld>
            <a:endParaRPr lang="en-US" dirty="0"/>
          </a:p>
        </p:txBody>
      </p:sp>
    </p:spTree>
    <p:extLst>
      <p:ext uri="{BB962C8B-B14F-4D97-AF65-F5344CB8AC3E}">
        <p14:creationId xmlns:p14="http://schemas.microsoft.com/office/powerpoint/2010/main" val="2025283676"/>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71825" y="496888"/>
            <a:ext cx="2740025" cy="2055812"/>
          </a:xfrm>
        </p:spPr>
      </p:sp>
      <p:sp>
        <p:nvSpPr>
          <p:cNvPr id="4" name="Slide Number Placeholder 3"/>
          <p:cNvSpPr>
            <a:spLocks noGrp="1"/>
          </p:cNvSpPr>
          <p:nvPr>
            <p:ph type="sldNum" sz="quarter" idx="10"/>
          </p:nvPr>
        </p:nvSpPr>
        <p:spPr/>
        <p:txBody>
          <a:bodyPr/>
          <a:lstStyle/>
          <a:p>
            <a:fld id="{33F57FB7-A35F-4B35-BCE0-EA635445EA90}" type="slidenum">
              <a:rPr lang="en-US" smtClean="0"/>
              <a:t>99</a:t>
            </a:fld>
            <a:endParaRPr lang="en-US" dirty="0"/>
          </a:p>
        </p:txBody>
      </p:sp>
      <p:sp>
        <p:nvSpPr>
          <p:cNvPr id="5" name="Notes Placeholder 2"/>
          <p:cNvSpPr>
            <a:spLocks noGrp="1"/>
          </p:cNvSpPr>
          <p:nvPr>
            <p:ph type="body" idx="3"/>
          </p:nvPr>
        </p:nvSpPr>
        <p:spPr>
          <a:xfrm>
            <a:off x="274640" y="2735582"/>
            <a:ext cx="8686797" cy="4046220"/>
          </a:xfrm>
        </p:spPr>
        <p:txBody>
          <a:bodyPr/>
          <a:lstStyle/>
          <a:p>
            <a:pPr>
              <a:lnSpc>
                <a:spcPct val="85000"/>
              </a:lnSpc>
            </a:pPr>
            <a:r>
              <a:rPr lang="en-US" sz="900" dirty="0"/>
              <a:t>SWP Table A = 4,172,786 af/yr.; </a:t>
            </a:r>
          </a:p>
          <a:p>
            <a:pPr>
              <a:lnSpc>
                <a:spcPct val="85000"/>
              </a:lnSpc>
            </a:pPr>
            <a:r>
              <a:rPr lang="en-US" sz="900" dirty="0"/>
              <a:t>SWP High Outflow Scenario – No BDCP = 1,870,000 af/yr.; With BDCP = 2,600,000 af/yr. [SWP/CVP deliveries = 4.705 maf/yr.]</a:t>
            </a:r>
          </a:p>
          <a:p>
            <a:pPr>
              <a:lnSpc>
                <a:spcPct val="85000"/>
              </a:lnSpc>
            </a:pPr>
            <a:r>
              <a:rPr lang="en-US" sz="900" dirty="0"/>
              <a:t>SWP Low Outflow Scenario –  No BDCP = ________ af/yr.; With BDCP = 3,320,000 af/yr. [SWP/CVP deliveries = 5.591 maf/yr.]</a:t>
            </a:r>
          </a:p>
          <a:p>
            <a:pPr defTabSz="910851" eaLnBrk="1" fontAlgn="auto" hangingPunct="1">
              <a:lnSpc>
                <a:spcPct val="85000"/>
              </a:lnSpc>
              <a:spcBef>
                <a:spcPts val="0"/>
              </a:spcBef>
              <a:spcAft>
                <a:spcPts val="0"/>
              </a:spcAft>
              <a:defRPr/>
            </a:pPr>
            <a:endParaRPr lang="en-US" sz="900" dirty="0"/>
          </a:p>
          <a:p>
            <a:pPr defTabSz="910851" eaLnBrk="1" fontAlgn="auto" hangingPunct="1">
              <a:lnSpc>
                <a:spcPct val="85000"/>
              </a:lnSpc>
              <a:spcBef>
                <a:spcPts val="0"/>
              </a:spcBef>
              <a:spcAft>
                <a:spcPts val="0"/>
              </a:spcAft>
              <a:defRPr/>
            </a:pPr>
            <a:r>
              <a:rPr lang="en-US" sz="900" dirty="0"/>
              <a:t>MWD Table A = 1,911,500 af/yr. (45.81%)</a:t>
            </a:r>
          </a:p>
          <a:p>
            <a:pPr>
              <a:lnSpc>
                <a:spcPct val="85000"/>
              </a:lnSpc>
            </a:pPr>
            <a:r>
              <a:rPr lang="en-US" sz="900" dirty="0"/>
              <a:t>MWD High Outflow Scenario – With BDCP = 1.08 maf/yr. (Table A = 1.01 maf; Art. 21 = 0.03 maf; Art. 56 = 0.04 maf)</a:t>
            </a:r>
          </a:p>
          <a:p>
            <a:pPr>
              <a:lnSpc>
                <a:spcPct val="85000"/>
              </a:lnSpc>
            </a:pPr>
            <a:r>
              <a:rPr lang="en-US" sz="900" dirty="0"/>
              <a:t>MWD Low Outflow Scenario – With BDCP = 1.40 maf/yr. (Table A = 1.29 maf; Art. 21 = 0.03 maf; Art. 56 = 0.08 maf)</a:t>
            </a:r>
          </a:p>
          <a:p>
            <a:pPr>
              <a:lnSpc>
                <a:spcPct val="85000"/>
              </a:lnSpc>
            </a:pPr>
            <a:r>
              <a:rPr lang="en-US" sz="900" dirty="0"/>
              <a:t>MWD High Outflow Scenario – w/out  BDCP = 0.81 maf/yr. (Table A = 0.80 maf; Art. 21 = 0.00 maf; Art. 56 = 0.01 maf)</a:t>
            </a:r>
          </a:p>
          <a:p>
            <a:pPr>
              <a:lnSpc>
                <a:spcPct val="85000"/>
              </a:lnSpc>
            </a:pPr>
            <a:r>
              <a:rPr lang="en-US" sz="900" dirty="0"/>
              <a:t>MWD Low Outflow Scenario –  w/out BDCP = 0.97 maf/yr. (Table A = 0.94 maf; Art. 21 = 0.00 maf; Art. 56 = 0.02 maf)</a:t>
            </a:r>
          </a:p>
          <a:p>
            <a:pPr defTabSz="910851" eaLnBrk="1" fontAlgn="auto" hangingPunct="1">
              <a:lnSpc>
                <a:spcPct val="85000"/>
              </a:lnSpc>
              <a:spcBef>
                <a:spcPts val="0"/>
              </a:spcBef>
              <a:spcAft>
                <a:spcPts val="0"/>
              </a:spcAft>
              <a:tabLst>
                <a:tab pos="1535481" algn="ctr"/>
                <a:tab pos="2620279" algn="ctr"/>
                <a:tab pos="4103576" algn="ctr"/>
                <a:tab pos="5465109" algn="ctr"/>
                <a:tab pos="6836130" algn="ctr"/>
              </a:tabLst>
              <a:defRPr/>
            </a:pPr>
            <a:r>
              <a:rPr lang="en-US" sz="900" dirty="0"/>
              <a:t>MWD HOS Incremental – (1.40 maf – 0.97 maf) = 0.43 maf/yr.</a:t>
            </a:r>
          </a:p>
          <a:p>
            <a:pPr>
              <a:lnSpc>
                <a:spcPct val="85000"/>
              </a:lnSpc>
              <a:tabLst>
                <a:tab pos="1535481" algn="ctr"/>
                <a:tab pos="2620279" algn="ctr"/>
                <a:tab pos="4103576" algn="ctr"/>
                <a:tab pos="5465109" algn="ctr"/>
                <a:tab pos="6836130" algn="ctr"/>
              </a:tabLst>
              <a:defRPr/>
            </a:pPr>
            <a:r>
              <a:rPr lang="en-US" sz="900" dirty="0"/>
              <a:t>MWD LOS Incremental – (1.08 maf – 0.80 maf) = 0.28 maf/yr.</a:t>
            </a:r>
          </a:p>
          <a:p>
            <a:pPr defTabSz="910851" eaLnBrk="1" fontAlgn="auto" hangingPunct="1">
              <a:lnSpc>
                <a:spcPct val="85000"/>
              </a:lnSpc>
              <a:spcBef>
                <a:spcPts val="0"/>
              </a:spcBef>
              <a:spcAft>
                <a:spcPts val="0"/>
              </a:spcAft>
              <a:tabLst>
                <a:tab pos="1535481" algn="ctr"/>
                <a:tab pos="2620279" algn="ctr"/>
                <a:tab pos="4103576" algn="ctr"/>
                <a:tab pos="5465109" algn="ctr"/>
                <a:tab pos="6836130" algn="ctr"/>
              </a:tabLst>
              <a:defRPr/>
            </a:pPr>
            <a:endParaRPr lang="en-US" sz="900" u="sng" dirty="0"/>
          </a:p>
          <a:p>
            <a:pPr defTabSz="910851" eaLnBrk="1" fontAlgn="auto" hangingPunct="1">
              <a:lnSpc>
                <a:spcPct val="85000"/>
              </a:lnSpc>
              <a:spcBef>
                <a:spcPts val="0"/>
              </a:spcBef>
              <a:spcAft>
                <a:spcPts val="0"/>
              </a:spcAft>
              <a:tabLst>
                <a:tab pos="1535481" algn="ctr"/>
                <a:tab pos="2620279" algn="ctr"/>
                <a:tab pos="4103576" algn="ctr"/>
                <a:tab pos="5465109" algn="ctr"/>
                <a:tab pos="6836130" algn="ctr"/>
              </a:tabLst>
              <a:defRPr/>
            </a:pPr>
            <a:r>
              <a:rPr lang="en-US" sz="900" u="sng" dirty="0"/>
              <a:t>CALSIM (1922-2002)	Table A	Table ‘A’ Avg. Deliveries 	Article 21 Avg. Deliveries	 Table ‘A’ Incremental	Article 21 Incremental</a:t>
            </a:r>
          </a:p>
          <a:p>
            <a:pPr marL="626211" lvl="1" indent="-170785">
              <a:lnSpc>
                <a:spcPct val="85000"/>
              </a:lnSpc>
              <a:buFont typeface="Arial" panose="020B0604020202020204" pitchFamily="34" charset="0"/>
              <a:buChar char="•"/>
              <a:tabLst>
                <a:tab pos="1535481" algn="ctr"/>
                <a:tab pos="2620279" algn="ctr"/>
                <a:tab pos="4103576" algn="ctr"/>
                <a:tab pos="5465109" algn="ctr"/>
                <a:tab pos="6836130" algn="ctr"/>
              </a:tabLst>
            </a:pPr>
            <a:r>
              <a:rPr lang="en-US" sz="900" dirty="0"/>
              <a:t>SWP	100%	2,096,700 af/yr.	25,600 af/yr.	_______ af/yr.	_______ af/yr.</a:t>
            </a:r>
          </a:p>
          <a:p>
            <a:pPr marL="626211" lvl="1" indent="-170785" defTabSz="910851" eaLnBrk="1" fontAlgn="auto" hangingPunct="1">
              <a:lnSpc>
                <a:spcPct val="85000"/>
              </a:lnSpc>
              <a:spcBef>
                <a:spcPts val="0"/>
              </a:spcBef>
              <a:spcAft>
                <a:spcPts val="0"/>
              </a:spcAft>
              <a:buFont typeface="Arial" panose="020B0604020202020204" pitchFamily="34" charset="0"/>
              <a:buChar char="•"/>
              <a:tabLst>
                <a:tab pos="1535481" algn="ctr"/>
                <a:tab pos="2620279" algn="ctr"/>
                <a:tab pos="4103576" algn="ctr"/>
                <a:tab pos="5465109" algn="ctr"/>
                <a:tab pos="6836130" algn="ctr"/>
              </a:tabLst>
              <a:defRPr/>
            </a:pPr>
            <a:r>
              <a:rPr lang="en-US" sz="900" dirty="0"/>
              <a:t>MWD (100%)	45.8%	960,500 af/yr.	5,400 af/yr.	431,000 af/yr.	67,000 af/yr.</a:t>
            </a:r>
          </a:p>
          <a:p>
            <a:pPr marL="626211" lvl="1" indent="-170785" defTabSz="910851" eaLnBrk="1" fontAlgn="auto" hangingPunct="1">
              <a:lnSpc>
                <a:spcPct val="85000"/>
              </a:lnSpc>
              <a:spcBef>
                <a:spcPts val="0"/>
              </a:spcBef>
              <a:spcAft>
                <a:spcPts val="0"/>
              </a:spcAft>
              <a:buFont typeface="Arial" panose="020B0604020202020204" pitchFamily="34" charset="0"/>
              <a:buChar char="•"/>
              <a:tabLst>
                <a:tab pos="1535481" algn="ctr"/>
                <a:tab pos="2620279" algn="ctr"/>
                <a:tab pos="4103576" algn="ctr"/>
                <a:tab pos="5465109" algn="ctr"/>
                <a:tab pos="6836130" algn="ctr"/>
              </a:tabLst>
              <a:defRPr/>
            </a:pPr>
            <a:r>
              <a:rPr lang="en-US" sz="900" dirty="0"/>
              <a:t>MWD (110%)	50.4%	960,500 af/yr.	5,400 af/yr.	474,000 af/yr.	74,000 af/yr.</a:t>
            </a:r>
          </a:p>
          <a:p>
            <a:pPr fontAlgn="base">
              <a:lnSpc>
                <a:spcPct val="85000"/>
              </a:lnSpc>
              <a:spcBef>
                <a:spcPct val="0"/>
              </a:spcBef>
              <a:spcAft>
                <a:spcPct val="0"/>
              </a:spcAft>
            </a:pPr>
            <a:r>
              <a:rPr lang="de-DE" sz="900" dirty="0">
                <a:cs typeface="Arial" charset="0"/>
              </a:rPr>
              <a:t>MWD‘s Long-Term Budget Forecasts assumed 50% SWP allocation to MWD (equivalent to a 110% BDCP participation level)</a:t>
            </a:r>
          </a:p>
          <a:p>
            <a:pPr lvl="0" fontAlgn="base">
              <a:lnSpc>
                <a:spcPct val="85000"/>
              </a:lnSpc>
              <a:spcBef>
                <a:spcPct val="0"/>
              </a:spcBef>
              <a:spcAft>
                <a:spcPct val="0"/>
              </a:spcAft>
            </a:pPr>
            <a:endParaRPr lang="en-US" altLang="en-US" sz="900" dirty="0"/>
          </a:p>
          <a:p>
            <a:pPr lvl="0" fontAlgn="base">
              <a:lnSpc>
                <a:spcPct val="85000"/>
              </a:lnSpc>
              <a:spcBef>
                <a:spcPct val="0"/>
              </a:spcBef>
              <a:spcAft>
                <a:spcPct val="0"/>
              </a:spcAft>
            </a:pPr>
            <a:r>
              <a:rPr lang="en-US" altLang="en-US" sz="900" b="1" u="sng" dirty="0"/>
              <a:t>DWR SWP Delivery Reliability Report table:</a:t>
            </a:r>
          </a:p>
          <a:p>
            <a:pPr lvl="0" fontAlgn="base">
              <a:lnSpc>
                <a:spcPct val="85000"/>
              </a:lnSpc>
              <a:spcBef>
                <a:spcPct val="0"/>
              </a:spcBef>
              <a:spcAft>
                <a:spcPct val="0"/>
              </a:spcAft>
            </a:pPr>
            <a:r>
              <a:rPr lang="en-US" altLang="en-US" sz="900" dirty="0"/>
              <a:t>The dry year supply from SWP is 430 TAF.  Dry year is roughly a 10 percentile.</a:t>
            </a:r>
          </a:p>
          <a:p>
            <a:pPr lvl="0" fontAlgn="base">
              <a:lnSpc>
                <a:spcPct val="85000"/>
              </a:lnSpc>
              <a:spcBef>
                <a:spcPct val="0"/>
              </a:spcBef>
              <a:spcAft>
                <a:spcPct val="0"/>
              </a:spcAft>
            </a:pPr>
            <a:r>
              <a:rPr lang="en-US" altLang="en-US" sz="900" dirty="0"/>
              <a:t>2005 Study – MWD Avg. = 1,418,747 AF/yr (68%); MWD Dry = 430,000 (10 %) </a:t>
            </a:r>
          </a:p>
          <a:p>
            <a:pPr lvl="0" eaLnBrk="0" fontAlgn="base" hangingPunct="0">
              <a:lnSpc>
                <a:spcPct val="85000"/>
              </a:lnSpc>
              <a:spcBef>
                <a:spcPct val="0"/>
              </a:spcBef>
              <a:spcAft>
                <a:spcPct val="0"/>
              </a:spcAft>
            </a:pPr>
            <a:r>
              <a:rPr lang="en-US" altLang="en-US" sz="800" dirty="0">
                <a:latin typeface="Tahoma" pitchFamily="34" charset="0"/>
                <a:ea typeface="Times New Roman" pitchFamily="18" charset="0"/>
                <a:cs typeface="Tahoma" pitchFamily="34" charset="0"/>
              </a:rPr>
              <a:t>____________________________________________</a:t>
            </a:r>
            <a:br>
              <a:rPr lang="en-US" altLang="en-US" sz="800" dirty="0">
                <a:latin typeface="Tahoma" pitchFamily="34" charset="0"/>
                <a:ea typeface="Times New Roman" pitchFamily="18" charset="0"/>
                <a:cs typeface="Tahoma" pitchFamily="34" charset="0"/>
              </a:rPr>
            </a:br>
            <a:r>
              <a:rPr lang="en-US" altLang="en-US" sz="800" b="1" dirty="0">
                <a:latin typeface="Tahoma" pitchFamily="34" charset="0"/>
                <a:ea typeface="Times New Roman" pitchFamily="18" charset="0"/>
                <a:cs typeface="Tahoma" pitchFamily="34" charset="0"/>
              </a:rPr>
              <a:t>From:</a:t>
            </a:r>
            <a:r>
              <a:rPr lang="en-US" altLang="en-US" sz="800" dirty="0">
                <a:latin typeface="Tahoma" pitchFamily="34" charset="0"/>
                <a:ea typeface="Times New Roman" pitchFamily="18" charset="0"/>
                <a:cs typeface="Tahoma" pitchFamily="34" charset="0"/>
              </a:rPr>
              <a:t> Chan,Grace L </a:t>
            </a:r>
            <a:br>
              <a:rPr lang="en-US" altLang="en-US" sz="800" dirty="0">
                <a:latin typeface="Tahoma" pitchFamily="34" charset="0"/>
                <a:ea typeface="Times New Roman" pitchFamily="18" charset="0"/>
                <a:cs typeface="Tahoma" pitchFamily="34" charset="0"/>
              </a:rPr>
            </a:br>
            <a:r>
              <a:rPr lang="en-US" altLang="en-US" sz="800" b="1" dirty="0">
                <a:latin typeface="Tahoma" pitchFamily="34" charset="0"/>
                <a:ea typeface="Times New Roman" pitchFamily="18" charset="0"/>
                <a:cs typeface="Tahoma" pitchFamily="34" charset="0"/>
              </a:rPr>
              <a:t>Sent:</a:t>
            </a:r>
            <a:r>
              <a:rPr lang="en-US" altLang="en-US" sz="800" dirty="0">
                <a:latin typeface="Tahoma" pitchFamily="34" charset="0"/>
                <a:ea typeface="Times New Roman" pitchFamily="18" charset="0"/>
                <a:cs typeface="Tahoma" pitchFamily="34" charset="0"/>
              </a:rPr>
              <a:t> Wednesday, April 30, 2014 5:16 PM</a:t>
            </a:r>
            <a:br>
              <a:rPr lang="en-US" altLang="en-US" sz="800" dirty="0">
                <a:latin typeface="Tahoma" pitchFamily="34" charset="0"/>
                <a:ea typeface="Times New Roman" pitchFamily="18" charset="0"/>
                <a:cs typeface="Tahoma" pitchFamily="34" charset="0"/>
              </a:rPr>
            </a:br>
            <a:r>
              <a:rPr lang="en-US" altLang="en-US" sz="800" b="1" dirty="0">
                <a:latin typeface="Tahoma" pitchFamily="34" charset="0"/>
                <a:ea typeface="Times New Roman" pitchFamily="18" charset="0"/>
                <a:cs typeface="Tahoma" pitchFamily="34" charset="0"/>
              </a:rPr>
              <a:t>To:</a:t>
            </a:r>
            <a:r>
              <a:rPr lang="en-US" altLang="en-US" sz="800" dirty="0">
                <a:latin typeface="Tahoma" pitchFamily="34" charset="0"/>
                <a:ea typeface="Times New Roman" pitchFamily="18" charset="0"/>
                <a:cs typeface="Tahoma" pitchFamily="34" charset="0"/>
              </a:rPr>
              <a:t> Upadhyay,Devendra N</a:t>
            </a:r>
            <a:br>
              <a:rPr lang="en-US" altLang="en-US" sz="800" dirty="0">
                <a:latin typeface="Tahoma" pitchFamily="34" charset="0"/>
                <a:ea typeface="Times New Roman" pitchFamily="18" charset="0"/>
                <a:cs typeface="Tahoma" pitchFamily="34" charset="0"/>
              </a:rPr>
            </a:br>
            <a:r>
              <a:rPr lang="en-US" altLang="en-US" sz="800" b="1" dirty="0">
                <a:latin typeface="Tahoma" pitchFamily="34" charset="0"/>
                <a:ea typeface="Times New Roman" pitchFamily="18" charset="0"/>
                <a:cs typeface="Tahoma" pitchFamily="34" charset="0"/>
              </a:rPr>
              <a:t>Subject:</a:t>
            </a:r>
            <a:r>
              <a:rPr lang="en-US" altLang="en-US" sz="800" dirty="0">
                <a:latin typeface="Tahoma" pitchFamily="34" charset="0"/>
                <a:ea typeface="Times New Roman" pitchFamily="18" charset="0"/>
                <a:cs typeface="Tahoma" pitchFamily="34" charset="0"/>
              </a:rPr>
              <a:t> SWP minimum delivery from reliability report</a:t>
            </a:r>
            <a:endParaRPr lang="en-US" altLang="en-US" sz="800" dirty="0">
              <a:latin typeface="Arial" pitchFamily="34" charset="0"/>
              <a:cs typeface="Arial" pitchFamily="34" charset="0"/>
            </a:endParaRPr>
          </a:p>
          <a:p>
            <a:pPr lvl="0" eaLnBrk="0" fontAlgn="base" hangingPunct="0">
              <a:lnSpc>
                <a:spcPct val="85000"/>
              </a:lnSpc>
              <a:spcBef>
                <a:spcPct val="0"/>
              </a:spcBef>
              <a:spcAft>
                <a:spcPct val="0"/>
              </a:spcAft>
            </a:pPr>
            <a:r>
              <a:rPr lang="en-US" altLang="en-US" sz="900" dirty="0">
                <a:latin typeface="Calibri" pitchFamily="34" charset="0"/>
                <a:ea typeface="Times New Roman" pitchFamily="18" charset="0"/>
                <a:cs typeface="Calibri" pitchFamily="34" charset="0"/>
              </a:rPr>
              <a:t>Deven, The table below shows the delivery from DWR SWP Delivery Reliability Reports over the years.  The 2010 IRP was based on the draft 2011 report, so the current condition would be a minimum delivery of 9%.  However, when we revert to 2005 reliability profile after Delta improvement the minimum was lowered.  The reasoning is that with higher annual delivery, you may have a lower starting reservoir level when you get into drought and result with a lower minimum delivery.  DWR stated that the 2013 and 2011 study are actually comparable.  DWR’s explanation of higher delivery numbers because all contractors have requested their maximum Table A amount and higher demands mean higher maximum delivery.  However, the minimum delivery also increased and DWR attributed that to model refinements.</a:t>
            </a:r>
            <a:endParaRPr lang="en-US" altLang="en-US" sz="800" dirty="0">
              <a:latin typeface="Arial" pitchFamily="34" charset="0"/>
              <a:cs typeface="Arial" pitchFamily="34" charset="0"/>
            </a:endParaRPr>
          </a:p>
          <a:p>
            <a:pPr lvl="0" eaLnBrk="0" fontAlgn="base" hangingPunct="0">
              <a:lnSpc>
                <a:spcPct val="85000"/>
              </a:lnSpc>
              <a:spcBef>
                <a:spcPct val="0"/>
              </a:spcBef>
              <a:spcAft>
                <a:spcPct val="0"/>
              </a:spcAft>
            </a:pPr>
            <a:r>
              <a:rPr lang="en-US" altLang="en-US" sz="900" dirty="0">
                <a:latin typeface="Calibri" pitchFamily="34" charset="0"/>
                <a:ea typeface="Times New Roman" pitchFamily="18" charset="0"/>
                <a:cs typeface="Calibri" pitchFamily="34" charset="0"/>
              </a:rPr>
              <a:t> </a:t>
            </a:r>
            <a:endParaRPr lang="en-US" altLang="en-US" sz="900" dirty="0">
              <a:latin typeface="Arial" pitchFamily="34" charset="0"/>
              <a:cs typeface="Arial" pitchFamily="34" charset="0"/>
            </a:endParaRPr>
          </a:p>
          <a:p>
            <a:pPr lvl="0" eaLnBrk="0" fontAlgn="base" hangingPunct="0">
              <a:lnSpc>
                <a:spcPct val="85000"/>
              </a:lnSpc>
              <a:spcBef>
                <a:spcPct val="0"/>
              </a:spcBef>
              <a:spcAft>
                <a:spcPct val="0"/>
              </a:spcAft>
            </a:pPr>
            <a:endParaRPr lang="en-US" altLang="en-US" sz="900" dirty="0">
              <a:latin typeface="Arial" pitchFamily="34" charset="0"/>
              <a:cs typeface="Arial" pitchFamily="34" charset="0"/>
            </a:endParaRPr>
          </a:p>
          <a:p>
            <a:pPr marL="175529" lvl="1" indent="-170785" defTabSz="910851" eaLnBrk="1" fontAlgn="auto" hangingPunct="1">
              <a:lnSpc>
                <a:spcPct val="85000"/>
              </a:lnSpc>
              <a:spcBef>
                <a:spcPts val="0"/>
              </a:spcBef>
              <a:spcAft>
                <a:spcPts val="0"/>
              </a:spcAft>
              <a:buFont typeface="Arial" panose="020B0604020202020204" pitchFamily="34" charset="0"/>
              <a:buChar char="•"/>
              <a:tabLst>
                <a:tab pos="1535481" algn="ctr"/>
                <a:tab pos="2620279" algn="ctr"/>
                <a:tab pos="4103576" algn="ctr"/>
                <a:tab pos="5465109" algn="ctr"/>
                <a:tab pos="6836130" algn="ctr"/>
              </a:tabLst>
              <a:defRPr/>
            </a:pPr>
            <a:endParaRPr lang="en-US" sz="900" dirty="0"/>
          </a:p>
          <a:p>
            <a:pPr marL="626211" lvl="1" indent="-170785" defTabSz="910851" eaLnBrk="1" fontAlgn="auto" hangingPunct="1">
              <a:lnSpc>
                <a:spcPct val="85000"/>
              </a:lnSpc>
              <a:spcBef>
                <a:spcPts val="0"/>
              </a:spcBef>
              <a:spcAft>
                <a:spcPts val="0"/>
              </a:spcAft>
              <a:buFont typeface="Arial" panose="020B0604020202020204" pitchFamily="34" charset="0"/>
              <a:buChar char="•"/>
              <a:tabLst>
                <a:tab pos="1535481" algn="ctr"/>
                <a:tab pos="2620279" algn="ctr"/>
                <a:tab pos="4103576" algn="ctr"/>
                <a:tab pos="5465109" algn="ctr"/>
                <a:tab pos="6836130" algn="ctr"/>
              </a:tabLst>
              <a:defRPr/>
            </a:pPr>
            <a:endParaRPr lang="en-US" sz="900" dirty="0"/>
          </a:p>
          <a:p>
            <a:pPr marL="626211" lvl="1" indent="-170785" defTabSz="910851" eaLnBrk="1" fontAlgn="auto" hangingPunct="1">
              <a:lnSpc>
                <a:spcPct val="85000"/>
              </a:lnSpc>
              <a:spcBef>
                <a:spcPts val="0"/>
              </a:spcBef>
              <a:spcAft>
                <a:spcPts val="0"/>
              </a:spcAft>
              <a:buFont typeface="Arial" panose="020B0604020202020204" pitchFamily="34" charset="0"/>
              <a:buChar char="•"/>
              <a:tabLst>
                <a:tab pos="1535481" algn="ctr"/>
                <a:tab pos="2620279" algn="ctr"/>
                <a:tab pos="4103576" algn="ctr"/>
                <a:tab pos="5465109" algn="ctr"/>
                <a:tab pos="6836130" algn="ctr"/>
              </a:tabLst>
              <a:defRPr/>
            </a:pPr>
            <a:endParaRPr lang="en-US" sz="900" dirty="0"/>
          </a:p>
          <a:p>
            <a:pPr marL="626211" lvl="1" indent="-170785" defTabSz="910851" eaLnBrk="1" fontAlgn="auto" hangingPunct="1">
              <a:lnSpc>
                <a:spcPct val="85000"/>
              </a:lnSpc>
              <a:spcBef>
                <a:spcPts val="0"/>
              </a:spcBef>
              <a:spcAft>
                <a:spcPts val="0"/>
              </a:spcAft>
              <a:buFont typeface="Arial" panose="020B0604020202020204" pitchFamily="34" charset="0"/>
              <a:buChar char="•"/>
              <a:defRPr/>
            </a:pPr>
            <a:endParaRPr lang="en-US" sz="900" dirty="0"/>
          </a:p>
          <a:p>
            <a:pPr marL="170785" indent="-170785">
              <a:lnSpc>
                <a:spcPct val="85000"/>
              </a:lnSpc>
              <a:buFont typeface="Arial" panose="020B0604020202020204" pitchFamily="34" charset="0"/>
              <a:buChar char="•"/>
            </a:pPr>
            <a:endParaRPr lang="en-US" sz="900" dirty="0"/>
          </a:p>
        </p:txBody>
      </p:sp>
      <p:graphicFrame>
        <p:nvGraphicFramePr>
          <p:cNvPr id="7" name="Table 6"/>
          <p:cNvGraphicFramePr>
            <a:graphicFrameLocks noGrp="1"/>
          </p:cNvGraphicFramePr>
          <p:nvPr>
            <p:extLst>
              <p:ext uri="{D42A27DB-BD31-4B8C-83A1-F6EECF244321}">
                <p14:modId xmlns:p14="http://schemas.microsoft.com/office/powerpoint/2010/main" val="2483848685"/>
              </p:ext>
            </p:extLst>
          </p:nvPr>
        </p:nvGraphicFramePr>
        <p:xfrm>
          <a:off x="6294441" y="2887982"/>
          <a:ext cx="2286000" cy="1069848"/>
        </p:xfrm>
        <a:graphic>
          <a:graphicData uri="http://schemas.openxmlformats.org/drawingml/2006/table">
            <a:tbl>
              <a:tblPr firstRow="1" firstCol="1" bandRow="1">
                <a:tableStyleId>{5940675A-B579-460E-94D1-54222C63F5DA}</a:tableStyleId>
              </a:tblPr>
              <a:tblGrid>
                <a:gridCol w="678141"/>
                <a:gridCol w="362228"/>
                <a:gridCol w="641072"/>
                <a:gridCol w="604559"/>
              </a:tblGrid>
              <a:tr h="222096">
                <a:tc gridSpan="4">
                  <a:txBody>
                    <a:bodyPr/>
                    <a:lstStyle/>
                    <a:p>
                      <a:pPr marL="0" marR="0" indent="0" algn="ctr" defTabSz="914400" rtl="0" eaLnBrk="1" fontAlgn="auto" latinLnBrk="0" hangingPunct="1">
                        <a:lnSpc>
                          <a:spcPct val="80000"/>
                        </a:lnSpc>
                        <a:spcBef>
                          <a:spcPts val="0"/>
                        </a:spcBef>
                        <a:spcAft>
                          <a:spcPts val="0"/>
                        </a:spcAft>
                        <a:buClrTx/>
                        <a:buSzTx/>
                        <a:buFontTx/>
                        <a:buNone/>
                        <a:tabLst/>
                        <a:defRPr/>
                      </a:pPr>
                      <a:r>
                        <a:rPr lang="en-US" sz="900" dirty="0" smtClean="0">
                          <a:effectLst/>
                        </a:rPr>
                        <a:t>SWP Reliability Report Table </a:t>
                      </a:r>
                      <a:r>
                        <a:rPr lang="en-US" sz="900" dirty="0">
                          <a:effectLst/>
                        </a:rPr>
                        <a:t>A Delivery </a:t>
                      </a:r>
                      <a:endParaRPr lang="en-US" sz="900" dirty="0">
                        <a:effectLst/>
                        <a:latin typeface="+mn-lt"/>
                        <a:ea typeface="Times New Roman"/>
                        <a:cs typeface="Times New Roman"/>
                      </a:endParaRPr>
                    </a:p>
                  </a:txBody>
                  <a:tcPr marL="67608" marR="67608" marT="0" marB="0" anchor="b"/>
                </a:tc>
                <a:tc hMerge="1">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US" sz="900" dirty="0">
                        <a:effectLst/>
                        <a:latin typeface="+mn-lt"/>
                        <a:ea typeface="Times New Roman"/>
                        <a:cs typeface="Times New Roman"/>
                      </a:endParaRPr>
                    </a:p>
                  </a:txBody>
                  <a:tcPr marL="67608" marR="67608" marT="0" marB="0" anchor="b"/>
                </a:tc>
                <a:tc hMerge="1">
                  <a:txBody>
                    <a:bodyPr/>
                    <a:lstStyle/>
                    <a:p>
                      <a:endParaRPr lang="en-US"/>
                    </a:p>
                  </a:txBody>
                  <a:tcPr/>
                </a:tc>
                <a:tc hMerge="1">
                  <a:txBody>
                    <a:bodyPr/>
                    <a:lstStyle/>
                    <a:p>
                      <a:endParaRPr lang="en-US"/>
                    </a:p>
                  </a:txBody>
                  <a:tcPr/>
                </a:tc>
              </a:tr>
              <a:tr h="222096">
                <a:tc gridSpan="4">
                  <a:txBody>
                    <a:bodyPr/>
                    <a:lstStyle/>
                    <a:p>
                      <a:pPr marL="0" marR="0" algn="ctr">
                        <a:lnSpc>
                          <a:spcPct val="80000"/>
                        </a:lnSpc>
                        <a:spcBef>
                          <a:spcPts val="0"/>
                        </a:spcBef>
                        <a:spcAft>
                          <a:spcPts val="0"/>
                        </a:spcAft>
                      </a:pPr>
                      <a:r>
                        <a:rPr lang="en-US" sz="900" dirty="0" smtClean="0">
                          <a:effectLst/>
                        </a:rPr>
                        <a:t>(% of </a:t>
                      </a:r>
                      <a:r>
                        <a:rPr lang="en-US" sz="900" dirty="0">
                          <a:effectLst/>
                        </a:rPr>
                        <a:t>Demand under then existing condition)</a:t>
                      </a:r>
                      <a:endParaRPr lang="en-US" sz="900" dirty="0">
                        <a:effectLst/>
                        <a:latin typeface="+mn-lt"/>
                        <a:ea typeface="Times New Roman"/>
                        <a:cs typeface="Times New Roman"/>
                      </a:endParaRPr>
                    </a:p>
                  </a:txBody>
                  <a:tcPr marL="67608" marR="67608" marT="0" marB="0" anchor="b"/>
                </a:tc>
                <a:tc hMerge="1">
                  <a:txBody>
                    <a:bodyPr/>
                    <a:lstStyle/>
                    <a:p>
                      <a:pPr marL="0" marR="0" algn="ctr">
                        <a:lnSpc>
                          <a:spcPct val="80000"/>
                        </a:lnSpc>
                        <a:spcBef>
                          <a:spcPts val="0"/>
                        </a:spcBef>
                        <a:spcAft>
                          <a:spcPts val="0"/>
                        </a:spcAft>
                      </a:pPr>
                      <a:endParaRPr lang="en-US" sz="900" dirty="0">
                        <a:effectLst/>
                        <a:latin typeface="+mn-lt"/>
                        <a:ea typeface="Times New Roman"/>
                        <a:cs typeface="Times New Roman"/>
                      </a:endParaRPr>
                    </a:p>
                  </a:txBody>
                  <a:tcPr marL="67608" marR="67608" marT="0" marB="0" anchor="b"/>
                </a:tc>
                <a:tc hMerge="1">
                  <a:txBody>
                    <a:bodyPr/>
                    <a:lstStyle/>
                    <a:p>
                      <a:endParaRPr lang="en-US"/>
                    </a:p>
                  </a:txBody>
                  <a:tcPr/>
                </a:tc>
                <a:tc hMerge="1">
                  <a:txBody>
                    <a:bodyPr/>
                    <a:lstStyle/>
                    <a:p>
                      <a:endParaRPr lang="en-US"/>
                    </a:p>
                  </a:txBody>
                  <a:tcPr/>
                </a:tc>
              </a:tr>
              <a:tr h="222096">
                <a:tc>
                  <a:txBody>
                    <a:bodyPr/>
                    <a:lstStyle/>
                    <a:p>
                      <a:pPr marL="0" marR="0" algn="ctr">
                        <a:lnSpc>
                          <a:spcPct val="80000"/>
                        </a:lnSpc>
                        <a:spcBef>
                          <a:spcPts val="0"/>
                        </a:spcBef>
                        <a:spcAft>
                          <a:spcPts val="0"/>
                        </a:spcAft>
                      </a:pPr>
                      <a:r>
                        <a:rPr lang="en-US" sz="900" dirty="0">
                          <a:effectLst/>
                        </a:rPr>
                        <a:t>Report</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smtClean="0">
                          <a:effectLst/>
                        </a:rPr>
                        <a:t>Avg.</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smtClean="0">
                          <a:effectLst/>
                        </a:rPr>
                        <a:t>Min.</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smtClean="0">
                          <a:effectLst/>
                        </a:rPr>
                        <a:t>Max.</a:t>
                      </a:r>
                    </a:p>
                  </a:txBody>
                  <a:tcPr marL="67608" marR="67608" marT="0" marB="0" anchor="b"/>
                </a:tc>
              </a:tr>
              <a:tr h="222096">
                <a:tc>
                  <a:txBody>
                    <a:bodyPr/>
                    <a:lstStyle/>
                    <a:p>
                      <a:pPr marL="0" marR="0">
                        <a:lnSpc>
                          <a:spcPct val="80000"/>
                        </a:lnSpc>
                        <a:spcBef>
                          <a:spcPts val="0"/>
                        </a:spcBef>
                        <a:spcAft>
                          <a:spcPts val="0"/>
                        </a:spcAft>
                      </a:pPr>
                      <a:r>
                        <a:rPr lang="en-US" sz="900" dirty="0">
                          <a:effectLst/>
                        </a:rPr>
                        <a:t>2005 Study</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8%</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4%</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93%</a:t>
                      </a:r>
                      <a:endParaRPr lang="en-US" sz="900" dirty="0">
                        <a:effectLst/>
                        <a:latin typeface="+mn-lt"/>
                        <a:ea typeface="Times New Roman"/>
                        <a:cs typeface="Times New Roman"/>
                      </a:endParaRPr>
                    </a:p>
                  </a:txBody>
                  <a:tcPr marL="67608" marR="67608" marT="0" marB="0" anchor="b"/>
                </a:tc>
              </a:tr>
              <a:tr h="222096">
                <a:tc>
                  <a:txBody>
                    <a:bodyPr/>
                    <a:lstStyle/>
                    <a:p>
                      <a:pPr marL="0" marR="0">
                        <a:lnSpc>
                          <a:spcPct val="80000"/>
                        </a:lnSpc>
                        <a:spcBef>
                          <a:spcPts val="0"/>
                        </a:spcBef>
                        <a:spcAft>
                          <a:spcPts val="0"/>
                        </a:spcAft>
                      </a:pPr>
                      <a:r>
                        <a:rPr lang="en-US" sz="900" dirty="0">
                          <a:effectLst/>
                        </a:rPr>
                        <a:t>2007 Study</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3%</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90%</a:t>
                      </a:r>
                      <a:endParaRPr lang="en-US" sz="900" dirty="0">
                        <a:effectLst/>
                        <a:latin typeface="+mn-lt"/>
                        <a:ea typeface="Times New Roman"/>
                        <a:cs typeface="Times New Roman"/>
                      </a:endParaRPr>
                    </a:p>
                  </a:txBody>
                  <a:tcPr marL="67608" marR="67608" marT="0" marB="0" anchor="b"/>
                </a:tc>
              </a:tr>
              <a:tr h="222096">
                <a:tc>
                  <a:txBody>
                    <a:bodyPr/>
                    <a:lstStyle/>
                    <a:p>
                      <a:pPr marL="0" marR="0">
                        <a:lnSpc>
                          <a:spcPct val="80000"/>
                        </a:lnSpc>
                        <a:spcBef>
                          <a:spcPts val="0"/>
                        </a:spcBef>
                        <a:spcAft>
                          <a:spcPts val="0"/>
                        </a:spcAft>
                      </a:pPr>
                      <a:r>
                        <a:rPr lang="en-US" sz="900" dirty="0">
                          <a:effectLst/>
                        </a:rPr>
                        <a:t>2009 Study</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0%</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7%</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81%</a:t>
                      </a:r>
                      <a:endParaRPr lang="en-US" sz="900" dirty="0">
                        <a:effectLst/>
                        <a:latin typeface="+mn-lt"/>
                        <a:ea typeface="Times New Roman"/>
                        <a:cs typeface="Times New Roman"/>
                      </a:endParaRPr>
                    </a:p>
                  </a:txBody>
                  <a:tcPr marL="67608" marR="67608" marT="0" marB="0" anchor="b"/>
                </a:tc>
              </a:tr>
              <a:tr h="222096">
                <a:tc>
                  <a:txBody>
                    <a:bodyPr/>
                    <a:lstStyle/>
                    <a:p>
                      <a:pPr marL="0" marR="0">
                        <a:lnSpc>
                          <a:spcPct val="80000"/>
                        </a:lnSpc>
                        <a:spcBef>
                          <a:spcPts val="0"/>
                        </a:spcBef>
                        <a:spcAft>
                          <a:spcPts val="0"/>
                        </a:spcAft>
                      </a:pPr>
                      <a:r>
                        <a:rPr lang="en-US" sz="900" dirty="0">
                          <a:effectLst/>
                        </a:rPr>
                        <a:t>2011 Study</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1%</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9%</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82%</a:t>
                      </a:r>
                      <a:endParaRPr lang="en-US" sz="900" dirty="0">
                        <a:effectLst/>
                        <a:latin typeface="+mn-lt"/>
                        <a:ea typeface="Times New Roman"/>
                        <a:cs typeface="Times New Roman"/>
                      </a:endParaRPr>
                    </a:p>
                  </a:txBody>
                  <a:tcPr marL="67608" marR="67608" marT="0" marB="0" anchor="b"/>
                </a:tc>
              </a:tr>
              <a:tr h="222096">
                <a:tc>
                  <a:txBody>
                    <a:bodyPr/>
                    <a:lstStyle/>
                    <a:p>
                      <a:pPr marL="0" marR="0">
                        <a:lnSpc>
                          <a:spcPct val="80000"/>
                        </a:lnSpc>
                        <a:spcBef>
                          <a:spcPts val="0"/>
                        </a:spcBef>
                        <a:spcAft>
                          <a:spcPts val="0"/>
                        </a:spcAft>
                      </a:pPr>
                      <a:r>
                        <a:rPr lang="en-US" sz="900" dirty="0">
                          <a:effectLst/>
                        </a:rPr>
                        <a:t>2013 Study</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62%</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12%</a:t>
                      </a:r>
                      <a:endParaRPr lang="en-US" sz="900" dirty="0">
                        <a:effectLst/>
                        <a:latin typeface="+mn-lt"/>
                        <a:ea typeface="Times New Roman"/>
                        <a:cs typeface="Times New Roman"/>
                      </a:endParaRPr>
                    </a:p>
                  </a:txBody>
                  <a:tcPr marL="67608" marR="67608" marT="0" marB="0" anchor="b"/>
                </a:tc>
                <a:tc>
                  <a:txBody>
                    <a:bodyPr/>
                    <a:lstStyle/>
                    <a:p>
                      <a:pPr marL="0" marR="0" algn="ctr">
                        <a:lnSpc>
                          <a:spcPct val="80000"/>
                        </a:lnSpc>
                        <a:spcBef>
                          <a:spcPts val="0"/>
                        </a:spcBef>
                        <a:spcAft>
                          <a:spcPts val="0"/>
                        </a:spcAft>
                      </a:pPr>
                      <a:r>
                        <a:rPr lang="en-US" sz="900" dirty="0">
                          <a:effectLst/>
                        </a:rPr>
                        <a:t>97%</a:t>
                      </a:r>
                      <a:endParaRPr lang="en-US" sz="900" dirty="0">
                        <a:effectLst/>
                        <a:latin typeface="+mn-lt"/>
                        <a:ea typeface="Times New Roman"/>
                        <a:cs typeface="Times New Roman"/>
                      </a:endParaRPr>
                    </a:p>
                  </a:txBody>
                  <a:tcPr marL="67608" marR="67608" marT="0" marB="0" anchor="b"/>
                </a:tc>
              </a:tr>
            </a:tbl>
          </a:graphicData>
        </a:graphic>
      </p:graphicFrame>
    </p:spTree>
    <p:extLst>
      <p:ext uri="{BB962C8B-B14F-4D97-AF65-F5344CB8AC3E}">
        <p14:creationId xmlns:p14="http://schemas.microsoft.com/office/powerpoint/2010/main" val="20614477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5</a:t>
            </a:fld>
            <a:endParaRPr lang="en-US" dirty="0"/>
          </a:p>
        </p:txBody>
      </p:sp>
    </p:spTree>
    <p:extLst>
      <p:ext uri="{BB962C8B-B14F-4D97-AF65-F5344CB8AC3E}">
        <p14:creationId xmlns:p14="http://schemas.microsoft.com/office/powerpoint/2010/main" val="2618677684"/>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3F57FB7-A35F-4B35-BCE0-EA635445EA90}" type="slidenum">
              <a:rPr lang="en-US" smtClean="0"/>
              <a:t>100</a:t>
            </a:fld>
            <a:endParaRPr lang="en-US" dirty="0"/>
          </a:p>
        </p:txBody>
      </p:sp>
    </p:spTree>
    <p:extLst>
      <p:ext uri="{BB962C8B-B14F-4D97-AF65-F5344CB8AC3E}">
        <p14:creationId xmlns:p14="http://schemas.microsoft.com/office/powerpoint/2010/main" val="3504835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635545" lvl="1" indent="-173330">
              <a:buFont typeface="Arial" panose="020B0604020202020204" pitchFamily="34" charset="0"/>
              <a:buChar char="•"/>
            </a:pPr>
            <a:endParaRPr lang="en-US" b="0" dirty="0"/>
          </a:p>
        </p:txBody>
      </p:sp>
      <p:sp>
        <p:nvSpPr>
          <p:cNvPr id="4" name="Slide Number Placeholder 3"/>
          <p:cNvSpPr>
            <a:spLocks noGrp="1"/>
          </p:cNvSpPr>
          <p:nvPr>
            <p:ph type="sldNum" sz="quarter" idx="10"/>
          </p:nvPr>
        </p:nvSpPr>
        <p:spPr/>
        <p:txBody>
          <a:bodyPr/>
          <a:lstStyle/>
          <a:p>
            <a:pPr>
              <a:defRPr/>
            </a:pPr>
            <a:fld id="{D886DCCB-F97A-424C-AC0A-3E74AF2C7CD1}" type="slidenum">
              <a:rPr lang="de-DE" altLang="en-US" smtClean="0"/>
              <a:pPr>
                <a:defRPr/>
              </a:pPr>
              <a:t>102</a:t>
            </a:fld>
            <a:endParaRPr lang="de-DE" altLang="en-US"/>
          </a:p>
        </p:txBody>
      </p:sp>
    </p:spTree>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fontAlgn="ctr"/>
            <a:r>
              <a:rPr lang="en-US" b="1" u="sng" dirty="0" smtClean="0"/>
              <a:t>Points</a:t>
            </a:r>
          </a:p>
          <a:p>
            <a:pPr marL="170099" indent="-170099" fontAlgn="ctr">
              <a:buFont typeface="Arial" panose="020B0604020202020204" pitchFamily="34" charset="0"/>
              <a:buChar char="•"/>
            </a:pPr>
            <a:r>
              <a:rPr lang="en-US" dirty="0" smtClean="0"/>
              <a:t>These splits are based on water supply delivered</a:t>
            </a:r>
          </a:p>
          <a:p>
            <a:pPr marL="170099" indent="-170099" fontAlgn="ctr">
              <a:buFont typeface="Arial" panose="020B0604020202020204" pitchFamily="34" charset="0"/>
              <a:buChar char="•"/>
            </a:pPr>
            <a:r>
              <a:rPr lang="en-US" dirty="0" smtClean="0"/>
              <a:t>Used as basis for initial</a:t>
            </a:r>
            <a:r>
              <a:rPr lang="en-US" baseline="0" dirty="0" smtClean="0"/>
              <a:t> discussions</a:t>
            </a:r>
            <a:endParaRPr lang="en-US" dirty="0" smtClean="0"/>
          </a:p>
          <a:p>
            <a:pPr marL="170099" indent="-170099" fontAlgn="ctr">
              <a:buFont typeface="Arial" panose="020B0604020202020204" pitchFamily="34" charset="0"/>
              <a:buChar char="•"/>
            </a:pPr>
            <a:endParaRPr lang="en-US" dirty="0" smtClean="0"/>
          </a:p>
          <a:p>
            <a:pPr fontAlgn="ctr"/>
            <a:r>
              <a:rPr lang="en-US" b="1" u="sng" dirty="0" smtClean="0"/>
              <a:t>CVP Deliveries</a:t>
            </a:r>
          </a:p>
          <a:p>
            <a:pPr marL="170099" indent="-170099" fontAlgn="ctr">
              <a:buFont typeface="Arial" panose="020B0604020202020204" pitchFamily="34" charset="0"/>
              <a:buChar char="•"/>
              <a:tabLst>
                <a:tab pos="2386109" algn="r"/>
              </a:tabLst>
            </a:pPr>
            <a:r>
              <a:rPr lang="en-US" dirty="0" smtClean="0"/>
              <a:t>Exchange </a:t>
            </a:r>
            <a:r>
              <a:rPr lang="en-US" dirty="0"/>
              <a:t>CVP </a:t>
            </a:r>
            <a:r>
              <a:rPr lang="en-US" dirty="0" smtClean="0"/>
              <a:t>Contractors	</a:t>
            </a:r>
            <a:r>
              <a:rPr lang="en-US" i="1" dirty="0" smtClean="0"/>
              <a:t>19.0%</a:t>
            </a:r>
            <a:endParaRPr lang="en-US" dirty="0"/>
          </a:p>
          <a:p>
            <a:pPr marL="170099" indent="-170099" fontAlgn="ctr">
              <a:buFont typeface="Arial" panose="020B0604020202020204" pitchFamily="34" charset="0"/>
              <a:buChar char="•"/>
              <a:tabLst>
                <a:tab pos="2386109" algn="r"/>
              </a:tabLst>
            </a:pPr>
            <a:r>
              <a:rPr lang="en-US" dirty="0"/>
              <a:t>South of </a:t>
            </a:r>
            <a:r>
              <a:rPr lang="en-US" dirty="0" smtClean="0"/>
              <a:t>Delta	</a:t>
            </a:r>
            <a:r>
              <a:rPr lang="en-US" i="1" dirty="0" smtClean="0"/>
              <a:t>16.8</a:t>
            </a:r>
            <a:r>
              <a:rPr lang="en-US" i="1" dirty="0"/>
              <a:t>%</a:t>
            </a:r>
            <a:endParaRPr lang="en-US" dirty="0"/>
          </a:p>
          <a:p>
            <a:pPr marL="170099" indent="-170099" fontAlgn="ctr">
              <a:buFont typeface="Arial" panose="020B0604020202020204" pitchFamily="34" charset="0"/>
              <a:buChar char="•"/>
              <a:tabLst>
                <a:tab pos="2386109" algn="r"/>
              </a:tabLst>
            </a:pPr>
            <a:r>
              <a:rPr lang="en-US" u="sng" dirty="0" smtClean="0"/>
              <a:t>Refuge	  </a:t>
            </a:r>
            <a:r>
              <a:rPr lang="en-US" i="1" u="sng" dirty="0" smtClean="0"/>
              <a:t>5.2</a:t>
            </a:r>
            <a:r>
              <a:rPr lang="en-US" i="1" u="sng" dirty="0"/>
              <a:t>%</a:t>
            </a:r>
            <a:endParaRPr lang="en-US" u="sng" dirty="0"/>
          </a:p>
          <a:p>
            <a:pPr marL="170099" indent="-170099" fontAlgn="ctr">
              <a:buFont typeface="Arial" panose="020B0604020202020204" pitchFamily="34" charset="0"/>
              <a:buChar char="•"/>
              <a:tabLst>
                <a:tab pos="2386109" algn="r"/>
              </a:tabLst>
            </a:pPr>
            <a:r>
              <a:rPr lang="en-US" dirty="0" smtClean="0"/>
              <a:t>Total	  </a:t>
            </a:r>
            <a:r>
              <a:rPr lang="en-US" i="1" dirty="0" smtClean="0"/>
              <a:t>40</a:t>
            </a:r>
            <a:r>
              <a:rPr lang="en-US" i="1" dirty="0"/>
              <a:t>%</a:t>
            </a:r>
            <a:endParaRPr lang="en-US" dirty="0"/>
          </a:p>
        </p:txBody>
      </p:sp>
      <p:sp>
        <p:nvSpPr>
          <p:cNvPr id="4" name="Slide Number Placeholder 3"/>
          <p:cNvSpPr>
            <a:spLocks noGrp="1"/>
          </p:cNvSpPr>
          <p:nvPr>
            <p:ph type="sldNum" sz="quarter" idx="10"/>
          </p:nvPr>
        </p:nvSpPr>
        <p:spPr/>
        <p:txBody>
          <a:bodyPr/>
          <a:lstStyle/>
          <a:p>
            <a:fld id="{33F57FB7-A35F-4B35-BCE0-EA635445EA90}" type="slidenum">
              <a:rPr lang="en-US" smtClean="0"/>
              <a:t>103</a:t>
            </a:fld>
            <a:endParaRPr lang="en-US" dirty="0"/>
          </a:p>
        </p:txBody>
      </p:sp>
    </p:spTree>
    <p:extLst>
      <p:ext uri="{BB962C8B-B14F-4D97-AF65-F5344CB8AC3E}">
        <p14:creationId xmlns:p14="http://schemas.microsoft.com/office/powerpoint/2010/main" val="1938207375"/>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04</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0122" indent="-170122">
              <a:buFont typeface="Arial" charset="0"/>
              <a:buChar char="•"/>
            </a:pPr>
            <a:r>
              <a:rPr lang="en-US" i="0" dirty="0" smtClean="0"/>
              <a:t>California Aqueduct Power Cost ($200/AF) and WQ Treatment ($31/AF)</a:t>
            </a:r>
          </a:p>
          <a:p>
            <a:pPr marL="170122" indent="-170122">
              <a:buFont typeface="Arial" charset="0"/>
              <a:buChar char="•"/>
            </a:pPr>
            <a:r>
              <a:rPr lang="en-US" i="0" dirty="0" smtClean="0"/>
              <a:t>1% drop in interest rate</a:t>
            </a:r>
            <a:r>
              <a:rPr lang="en-US" i="0" baseline="0" dirty="0" smtClean="0"/>
              <a:t> = $100 drop in Incremental Cost</a:t>
            </a:r>
            <a:endParaRPr lang="en-US" i="0" dirty="0" smtClean="0"/>
          </a:p>
          <a:p>
            <a:pPr marL="173273" indent="-173273">
              <a:lnSpc>
                <a:spcPct val="85000"/>
              </a:lnSpc>
              <a:buFont typeface="Arial" panose="020B0604020202020204" pitchFamily="34" charset="0"/>
              <a:buChar char="•"/>
            </a:pPr>
            <a:r>
              <a:rPr lang="en-US" dirty="0">
                <a:solidFill>
                  <a:srgbClr val="FFC000"/>
                </a:solidFill>
                <a:cs typeface="Arial" charset="0"/>
              </a:rPr>
              <a:t>MWD 2015 Tier 1 Treated Rate (without Cal Water Fix) = $942/AF </a:t>
            </a:r>
          </a:p>
          <a:p>
            <a:pPr marL="173273" indent="-173273">
              <a:lnSpc>
                <a:spcPct val="85000"/>
              </a:lnSpc>
              <a:buFont typeface="Arial" panose="020B0604020202020204" pitchFamily="34" charset="0"/>
              <a:buChar char="•"/>
            </a:pPr>
            <a:r>
              <a:rPr lang="de-DE" dirty="0">
                <a:solidFill>
                  <a:srgbClr val="FFC000"/>
                </a:solidFill>
                <a:cs typeface="Arial" charset="0"/>
              </a:rPr>
              <a:t>Water supply based on DWR CALSIM modeling of average Table A &amp; incremental Cal Water Fix allocations</a:t>
            </a:r>
          </a:p>
          <a:p>
            <a:pPr marL="173273" indent="-173273">
              <a:lnSpc>
                <a:spcPct val="85000"/>
              </a:lnSpc>
              <a:buFont typeface="Arial" panose="020B0604020202020204" pitchFamily="34" charset="0"/>
              <a:buChar char="•"/>
            </a:pPr>
            <a:r>
              <a:rPr lang="en-US" dirty="0"/>
              <a:t>2015 MWD Tier 1 Treated Rate (without Cal WaterFix) = $942/AF</a:t>
            </a:r>
            <a:r>
              <a:rPr lang="en-US" b="0" dirty="0" smtClean="0"/>
              <a:t> </a:t>
            </a:r>
          </a:p>
          <a:p>
            <a:pPr marL="173273" indent="-173273">
              <a:lnSpc>
                <a:spcPct val="85000"/>
              </a:lnSpc>
              <a:buFont typeface="Arial" panose="020B0604020202020204" pitchFamily="34" charset="0"/>
              <a:buChar char="•"/>
            </a:pPr>
            <a:r>
              <a:rPr lang="en-US" dirty="0"/>
              <a:t>2015 MWD Tier 1 Treated Rate (with Cal WaterFix) = $942/AF Existing + ($300 M/1.75 million AF sales)</a:t>
            </a:r>
            <a:r>
              <a:rPr lang="en-US" b="0" dirty="0" smtClean="0"/>
              <a:t> </a:t>
            </a:r>
            <a:endParaRPr lang="de-DE" dirty="0">
              <a:solidFill>
                <a:srgbClr val="FFC000"/>
              </a:solidFill>
              <a:cs typeface="Arial" charset="0"/>
            </a:endParaRPr>
          </a:p>
          <a:p>
            <a:pPr marL="170122" indent="-170122">
              <a:buFont typeface="Arial" charset="0"/>
              <a:buChar char="•"/>
            </a:pPr>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05</a:t>
            </a:fld>
            <a:endParaRPr lang="en-US" dirty="0"/>
          </a:p>
        </p:txBody>
      </p:sp>
    </p:spTree>
    <p:extLst>
      <p:ext uri="{BB962C8B-B14F-4D97-AF65-F5344CB8AC3E}">
        <p14:creationId xmlns:p14="http://schemas.microsoft.com/office/powerpoint/2010/main" val="2657422758"/>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06</a:t>
            </a:fld>
            <a:endParaRPr lang="en-US" dirty="0"/>
          </a:p>
        </p:txBody>
      </p:sp>
    </p:spTree>
    <p:extLst>
      <p:ext uri="{BB962C8B-B14F-4D97-AF65-F5344CB8AC3E}">
        <p14:creationId xmlns:p14="http://schemas.microsoft.com/office/powerpoint/2010/main" val="1608688750"/>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pPr>
                <a:defRPr/>
              </a:pPr>
              <a:t>110</a:t>
            </a:fld>
            <a:endParaRPr lang="en-US" dirty="0"/>
          </a:p>
        </p:txBody>
      </p:sp>
    </p:spTree>
    <p:extLst>
      <p:ext uri="{BB962C8B-B14F-4D97-AF65-F5344CB8AC3E}">
        <p14:creationId xmlns:p14="http://schemas.microsoft.com/office/powerpoint/2010/main" val="162194707"/>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p:cNvSpPr>
            <a:spLocks noGrp="1" noRot="1" noChangeAspect="1" noTextEdit="1"/>
          </p:cNvSpPr>
          <p:nvPr>
            <p:ph type="sldImg"/>
          </p:nvPr>
        </p:nvSpPr>
        <p:spPr bwMode="auto">
          <a:noFill/>
          <a:ln>
            <a:solidFill>
              <a:srgbClr val="000000"/>
            </a:solidFill>
            <a:miter lim="800000"/>
            <a:headEnd/>
            <a:tailEnd/>
          </a:ln>
        </p:spPr>
      </p:sp>
      <p:sp>
        <p:nvSpPr>
          <p:cNvPr id="4" name="Slide Number Placeholder 3"/>
          <p:cNvSpPr>
            <a:spLocks noGrp="1"/>
          </p:cNvSpPr>
          <p:nvPr>
            <p:ph type="sldNum" sz="quarter" idx="5"/>
          </p:nvPr>
        </p:nvSpPr>
        <p:spPr/>
        <p:txBody>
          <a:bodyPr/>
          <a:lstStyle/>
          <a:p>
            <a:pPr>
              <a:defRPr/>
            </a:pPr>
            <a:fld id="{30A9C096-B3B2-4C88-8C54-DCDEEE682F53}" type="slidenum">
              <a:rPr lang="en-US" smtClean="0">
                <a:solidFill>
                  <a:prstClr val="black"/>
                </a:solidFill>
              </a:rPr>
              <a:pPr>
                <a:defRPr/>
              </a:pPr>
              <a:t>112</a:t>
            </a:fld>
            <a:endParaRPr lang="en-US" dirty="0">
              <a:solidFill>
                <a:prstClr val="black"/>
              </a:solidFill>
            </a:endParaRPr>
          </a:p>
        </p:txBody>
      </p:sp>
      <p:sp>
        <p:nvSpPr>
          <p:cNvPr id="2" name="Notes Placeholder 1"/>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2469508869"/>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13</a:t>
            </a:fld>
            <a:endParaRPr lang="en-US" dirty="0">
              <a:solidFill>
                <a:prstClr val="black"/>
              </a:solidFill>
            </a:endParaRPr>
          </a:p>
        </p:txBody>
      </p:sp>
      <p:sp>
        <p:nvSpPr>
          <p:cNvPr id="5" name="Notes Placeholder 4"/>
          <p:cNvSpPr>
            <a:spLocks noGrp="1"/>
          </p:cNvSpPr>
          <p:nvPr>
            <p:ph type="body" sz="quarter" idx="11"/>
          </p:nvPr>
        </p:nvSpPr>
        <p:spPr/>
        <p:txBody>
          <a:bodyPr/>
          <a:lstStyle/>
          <a:p>
            <a:r>
              <a:rPr lang="en-US" dirty="0" smtClean="0"/>
              <a:t>If we did have a modern fish friendly intake system then</a:t>
            </a:r>
            <a:r>
              <a:rPr lang="en-US" baseline="0" dirty="0" smtClean="0"/>
              <a:t> …</a:t>
            </a:r>
            <a:endParaRPr lang="en-US" dirty="0"/>
          </a:p>
        </p:txBody>
      </p:sp>
    </p:spTree>
    <p:extLst>
      <p:ext uri="{BB962C8B-B14F-4D97-AF65-F5344CB8AC3E}">
        <p14:creationId xmlns:p14="http://schemas.microsoft.com/office/powerpoint/2010/main" val="1059628443"/>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321050" y="533400"/>
            <a:ext cx="2593975" cy="1944688"/>
          </a:xfrm>
        </p:spPr>
      </p:sp>
      <p:sp>
        <p:nvSpPr>
          <p:cNvPr id="3" name="Notes Placeholder 2"/>
          <p:cNvSpPr>
            <a:spLocks noGrp="1"/>
          </p:cNvSpPr>
          <p:nvPr>
            <p:ph type="body" idx="1"/>
          </p:nvPr>
        </p:nvSpPr>
        <p:spPr>
          <a:xfrm>
            <a:off x="274639" y="2514599"/>
            <a:ext cx="8763000" cy="3970020"/>
          </a:xfrm>
        </p:spPr>
        <p:txBody>
          <a:bodyPr>
            <a:noAutofit/>
          </a:bodyPr>
          <a:lstStyle/>
          <a:p>
            <a:pPr marL="170785" indent="-170785">
              <a:lnSpc>
                <a:spcPct val="85000"/>
              </a:lnSpc>
              <a:spcBef>
                <a:spcPts val="0"/>
              </a:spcBef>
              <a:buFont typeface="Arial" panose="020B0604020202020204" pitchFamily="34" charset="0"/>
              <a:buChar char="•"/>
            </a:pPr>
            <a:r>
              <a:rPr lang="en-US" sz="900" dirty="0"/>
              <a:t>The following two bar charts will illustrate the magnitude of outflows to exports and the amount of excess flow in the system</a:t>
            </a:r>
          </a:p>
          <a:p>
            <a:pPr marL="170785" indent="-170785">
              <a:lnSpc>
                <a:spcPct val="85000"/>
              </a:lnSpc>
              <a:spcBef>
                <a:spcPts val="0"/>
              </a:spcBef>
              <a:buFont typeface="Arial" panose="020B0604020202020204" pitchFamily="34" charset="0"/>
              <a:buChar char="•"/>
            </a:pPr>
            <a:r>
              <a:rPr lang="en-US" sz="900" dirty="0"/>
              <a:t>The blue line represents Sacramento River flow, not total inflow which includes the San Joaquin River and Eastside streams</a:t>
            </a:r>
          </a:p>
          <a:p>
            <a:pPr marL="170785" indent="-170785" defTabSz="910851">
              <a:lnSpc>
                <a:spcPct val="85000"/>
              </a:lnSpc>
              <a:spcBef>
                <a:spcPts val="0"/>
              </a:spcBef>
              <a:buFont typeface="Arial" panose="020B0604020202020204" pitchFamily="34" charset="0"/>
              <a:buChar char="•"/>
              <a:defRPr/>
            </a:pPr>
            <a:r>
              <a:rPr lang="en-US" sz="900" dirty="0"/>
              <a:t>The yellow dot represent actual delta smelt salvage:  Jan 21 – 1 smelt caught at CVP Tracy; Feb 18 – 1 smelt caught at SWP Banks; Feb 22 – 1 smelt caught at CVP Tracy</a:t>
            </a:r>
          </a:p>
          <a:p>
            <a:pPr marL="170785" indent="-170785" defTabSz="910851">
              <a:lnSpc>
                <a:spcPct val="85000"/>
              </a:lnSpc>
              <a:spcBef>
                <a:spcPts val="0"/>
              </a:spcBef>
              <a:buFont typeface="Arial" panose="020B0604020202020204" pitchFamily="34" charset="0"/>
              <a:buChar char="•"/>
              <a:defRPr/>
            </a:pPr>
            <a:r>
              <a:rPr lang="en-US" sz="900" dirty="0"/>
              <a:t>Actual salvage x 4 = recorded salvage (Why?  Only monitor 15 min/hr)</a:t>
            </a:r>
          </a:p>
          <a:p>
            <a:pPr marL="170785" indent="-170785">
              <a:lnSpc>
                <a:spcPct val="85000"/>
              </a:lnSpc>
              <a:spcBef>
                <a:spcPts val="0"/>
              </a:spcBef>
              <a:buFont typeface="Arial" panose="020B0604020202020204" pitchFamily="34" charset="0"/>
              <a:buChar char="•"/>
            </a:pPr>
            <a:r>
              <a:rPr lang="en-US" sz="900" dirty="0"/>
              <a:t>Delta outflow standard -- 6,000 cfs thru Jan; 11,000 cfs starting Feb</a:t>
            </a:r>
          </a:p>
          <a:p>
            <a:pPr marL="170785" indent="-170785">
              <a:lnSpc>
                <a:spcPct val="85000"/>
              </a:lnSpc>
              <a:spcBef>
                <a:spcPts val="0"/>
              </a:spcBef>
              <a:buFont typeface="Arial" panose="020B0604020202020204" pitchFamily="34" charset="0"/>
              <a:buChar char="•"/>
            </a:pPr>
            <a:r>
              <a:rPr lang="en-US" sz="900" dirty="0"/>
              <a:t>CVP was pumping about the same as the SWP</a:t>
            </a:r>
          </a:p>
          <a:p>
            <a:pPr>
              <a:lnSpc>
                <a:spcPct val="85000"/>
              </a:lnSpc>
              <a:spcBef>
                <a:spcPts val="0"/>
              </a:spcBef>
            </a:pPr>
            <a:r>
              <a:rPr lang="en-US" sz="900" b="1" u="sng" dirty="0"/>
              <a:t>Storm #1 (Jan. 17 – Feb. 6; 21 days)</a:t>
            </a:r>
          </a:p>
          <a:p>
            <a:pPr marL="170762" indent="-170762">
              <a:lnSpc>
                <a:spcPct val="85000"/>
              </a:lnSpc>
              <a:spcBef>
                <a:spcPts val="0"/>
              </a:spcBef>
              <a:buFont typeface="Arial" panose="020B0604020202020204" pitchFamily="34" charset="0"/>
              <a:buChar char="•"/>
            </a:pPr>
            <a:r>
              <a:rPr lang="en-US" sz="900" dirty="0"/>
              <a:t>1,622,000 acre-ft. – Delta Outflow</a:t>
            </a:r>
          </a:p>
          <a:p>
            <a:pPr marL="170762" indent="-170762">
              <a:lnSpc>
                <a:spcPct val="85000"/>
              </a:lnSpc>
              <a:spcBef>
                <a:spcPts val="0"/>
              </a:spcBef>
              <a:buFont typeface="Arial" panose="020B0604020202020204" pitchFamily="34" charset="0"/>
              <a:buChar char="•"/>
            </a:pPr>
            <a:r>
              <a:rPr lang="en-US" sz="900" dirty="0"/>
              <a:t>78,000 acre-ft. – SWP (4.8%)</a:t>
            </a:r>
          </a:p>
          <a:p>
            <a:pPr marL="170762" indent="-170762">
              <a:lnSpc>
                <a:spcPct val="85000"/>
              </a:lnSpc>
              <a:spcBef>
                <a:spcPts val="0"/>
              </a:spcBef>
              <a:buFont typeface="Arial" panose="020B0604020202020204" pitchFamily="34" charset="0"/>
              <a:buChar char="•"/>
            </a:pPr>
            <a:r>
              <a:rPr lang="en-US" sz="900" dirty="0"/>
              <a:t>91,000 acre-ft. – CVP (5.6%)</a:t>
            </a:r>
          </a:p>
          <a:p>
            <a:pPr marL="170785" indent="-170785">
              <a:lnSpc>
                <a:spcPct val="85000"/>
              </a:lnSpc>
              <a:spcBef>
                <a:spcPts val="0"/>
              </a:spcBef>
              <a:buFont typeface="Arial" panose="020B0604020202020204" pitchFamily="34" charset="0"/>
              <a:buChar char="•"/>
            </a:pPr>
            <a:r>
              <a:rPr lang="en-US" sz="900" dirty="0"/>
              <a:t>Restrictions during winter storms resulted in 180,000 – 200,000 acre-ft lost to State Project, “January flows topped 50,000 cubic feet per second and peaked again in mid-February above 42,000 cubic feet per second. But rather than pumping as much water as possible under the biological opinions, pumping levels were ratcheted down for an entire month between mid-January and mid-February.</a:t>
            </a:r>
          </a:p>
          <a:p>
            <a:pPr marL="170785" indent="-170785">
              <a:lnSpc>
                <a:spcPct val="85000"/>
              </a:lnSpc>
              <a:spcBef>
                <a:spcPts val="0"/>
              </a:spcBef>
              <a:buFont typeface="Arial" panose="020B0604020202020204" pitchFamily="34" charset="0"/>
              <a:buChar char="•"/>
            </a:pPr>
            <a:r>
              <a:rPr lang="en-US" sz="900" dirty="0"/>
              <a:t>Delta smelt take threshold for 2016 = 14 actual fish salvaged or 56 expanded based on the 15 min/hr monitoring (the lowest ever)</a:t>
            </a:r>
          </a:p>
          <a:p>
            <a:pPr marL="170785" indent="-170785">
              <a:lnSpc>
                <a:spcPct val="85000"/>
              </a:lnSpc>
              <a:spcBef>
                <a:spcPts val="0"/>
              </a:spcBef>
              <a:buFont typeface="Arial" panose="020B0604020202020204" pitchFamily="34" charset="0"/>
              <a:buChar char="•"/>
            </a:pPr>
            <a:r>
              <a:rPr lang="en-US" sz="900" dirty="0"/>
              <a:t>Delta smelt caught = 3 fish or 12 expanded (20% of incidental take limit)</a:t>
            </a:r>
          </a:p>
          <a:p>
            <a:pPr marL="170785" indent="-170785">
              <a:lnSpc>
                <a:spcPct val="85000"/>
              </a:lnSpc>
              <a:spcBef>
                <a:spcPts val="0"/>
              </a:spcBef>
              <a:buFont typeface="Arial" panose="020B0604020202020204" pitchFamily="34" charset="0"/>
              <a:buChar char="•"/>
            </a:pPr>
            <a:r>
              <a:rPr lang="en-US" sz="900" dirty="0"/>
              <a:t>Currently, the incidental take level for all listed species is very low.  For adult Delta smelt we are at approximately 20% of the ITL.  For winter run we are approximately 1% of the ITL.  For unclipped steelhead we are approximately 2.6% of the ITL.  The incidental take level is the take by the Projects anticipated by the fish agencies for operations conducted pursuant to the reasonable and prudent alternatives.  Currents numbers are well below what the agencies anticipated would be taken, and therefore provide room for experimentation.</a:t>
            </a:r>
          </a:p>
          <a:p>
            <a:pPr marL="170785" indent="-170785">
              <a:lnSpc>
                <a:spcPct val="85000"/>
              </a:lnSpc>
              <a:spcBef>
                <a:spcPts val="0"/>
              </a:spcBef>
              <a:buFont typeface="Arial" panose="020B0604020202020204" pitchFamily="34" charset="0"/>
              <a:buChar char="•"/>
            </a:pPr>
            <a:r>
              <a:rPr lang="en-US" sz="900" dirty="0"/>
              <a:t>“Any level of salvage observed at either (pumping) facility will be of concern,” the Delta Smelt Working Group said </a:t>
            </a:r>
            <a:r>
              <a:rPr lang="en-US" sz="900" dirty="0">
                <a:hlinkClick r:id="rId3"/>
              </a:rPr>
              <a:t>in its weekly report.</a:t>
            </a:r>
            <a:r>
              <a:rPr lang="en-US" sz="900" dirty="0"/>
              <a:t> (Jan. 11)</a:t>
            </a:r>
          </a:p>
          <a:p>
            <a:pPr marL="170785" indent="-170785">
              <a:lnSpc>
                <a:spcPct val="85000"/>
              </a:lnSpc>
              <a:spcBef>
                <a:spcPts val="0"/>
              </a:spcBef>
              <a:buFont typeface="Arial" panose="020B0604020202020204" pitchFamily="34" charset="0"/>
              <a:buChar char="•"/>
            </a:pPr>
            <a:r>
              <a:rPr lang="en-US" sz="900" dirty="0"/>
              <a:t>Jan. 11 -- Though neither the hard turbidity trigger (12NTU at PPT, HOL and VCU), nor the hard salvage trigger (3 days of salvage of Delta Smelt) has been met, the DWR turbidity transect survey and FWS early warning survey indicate that fish movement has occurred, and entrainment protection actions consistent with the intent of Action 1 are needed to protect pre-spawning Delta Smelt adults.</a:t>
            </a:r>
          </a:p>
          <a:p>
            <a:pPr>
              <a:lnSpc>
                <a:spcPct val="85000"/>
              </a:lnSpc>
              <a:spcBef>
                <a:spcPts val="0"/>
              </a:spcBef>
            </a:pPr>
            <a:r>
              <a:rPr lang="en-US" sz="900" b="1" u="sng" dirty="0"/>
              <a:t>Delta fish monitoring</a:t>
            </a:r>
          </a:p>
          <a:p>
            <a:pPr marL="170785" indent="-170785">
              <a:lnSpc>
                <a:spcPct val="85000"/>
              </a:lnSpc>
              <a:spcBef>
                <a:spcPts val="0"/>
              </a:spcBef>
              <a:buFont typeface="Arial" panose="020B0604020202020204" pitchFamily="34" charset="0"/>
              <a:buChar char="•"/>
            </a:pPr>
            <a:r>
              <a:rPr lang="en-US" sz="900" dirty="0"/>
              <a:t>CDFW has released the 2015 FMWT indices:</a:t>
            </a:r>
          </a:p>
          <a:p>
            <a:pPr marL="170785" indent="-170785">
              <a:lnSpc>
                <a:spcPct val="85000"/>
              </a:lnSpc>
              <a:spcBef>
                <a:spcPts val="0"/>
              </a:spcBef>
              <a:buFont typeface="Arial" panose="020B0604020202020204" pitchFamily="34" charset="0"/>
              <a:buChar char="•"/>
            </a:pPr>
            <a:r>
              <a:rPr lang="en-US" sz="900" dirty="0"/>
              <a:t>The 2015 Delta Smelt annual FMWT index is 7.</a:t>
            </a:r>
          </a:p>
          <a:p>
            <a:pPr marL="170785" indent="-170785">
              <a:lnSpc>
                <a:spcPct val="85000"/>
              </a:lnSpc>
              <a:spcBef>
                <a:spcPts val="0"/>
              </a:spcBef>
              <a:buFont typeface="Arial" panose="020B0604020202020204" pitchFamily="34" charset="0"/>
              <a:buChar char="•"/>
            </a:pPr>
            <a:r>
              <a:rPr lang="en-US" sz="900" dirty="0"/>
              <a:t>The 2015 Longfin Smelt annual FMWT index is 4.</a:t>
            </a:r>
          </a:p>
          <a:p>
            <a:pPr marL="170785" indent="-170785">
              <a:lnSpc>
                <a:spcPct val="85000"/>
              </a:lnSpc>
              <a:spcBef>
                <a:spcPts val="0"/>
              </a:spcBef>
              <a:buFont typeface="Arial" panose="020B0604020202020204" pitchFamily="34" charset="0"/>
              <a:buChar char="•"/>
            </a:pPr>
            <a:r>
              <a:rPr lang="en-US" sz="900" dirty="0"/>
              <a:t>Both indices are the lowest on record (i.e. since 1967).</a:t>
            </a:r>
          </a:p>
          <a:p>
            <a:pPr>
              <a:lnSpc>
                <a:spcPct val="85000"/>
              </a:lnSpc>
              <a:spcBef>
                <a:spcPts val="0"/>
              </a:spcBef>
            </a:pPr>
            <a:r>
              <a:rPr lang="en-US" sz="900" u="sng" dirty="0"/>
              <a:t>The take home: </a:t>
            </a:r>
            <a:r>
              <a:rPr lang="en-US" sz="900" b="1" u="sng" dirty="0"/>
              <a:t>Incidental take is set at 1,017 and 1,554 natural and hatchery produced juveniles, respectively</a:t>
            </a:r>
            <a:r>
              <a:rPr lang="en-US" sz="900" b="1" dirty="0"/>
              <a:t>. </a:t>
            </a:r>
            <a:endParaRPr lang="en-US" sz="900" dirty="0"/>
          </a:p>
          <a:p>
            <a:pPr>
              <a:lnSpc>
                <a:spcPct val="85000"/>
              </a:lnSpc>
              <a:spcBef>
                <a:spcPts val="0"/>
              </a:spcBef>
            </a:pPr>
            <a:r>
              <a:rPr lang="en-US" sz="900" b="1" dirty="0"/>
              <a:t> </a:t>
            </a:r>
            <a:r>
              <a:rPr lang="en-US" sz="900" dirty="0"/>
              <a:t>The BiOp calls for take to be set at 2% of the Juvenile Production Estimate (JPE), but in practice has been set at 1% of JPE with a 50% allowance to account for run-type misidentification due to use of the length-at-date criteria. New this year is a genetic determination program to eliminate the uncertainty of run-type identification.  This year’s take is 1% of JPE (no more 50% allowance) of the Juvenile Production Estimate for naturally produced fish and 1% of hatchery produced fish. This take is lower numerically than the past two years (2013: 23,928 natural, 309 hatchery; 2014: 2,490 natural, 1,885 hatchery).  However, past year’s actual take has been only 1-10% of the ITL. Therefore, barring unforeseen conditions I would not expect the winter-run ITL to be met/exceeded this year.  NMFS estimates a JPE of </a:t>
            </a:r>
            <a:r>
              <a:rPr lang="en-US" sz="900" b="1" dirty="0"/>
              <a:t>101,716 natural-origin juvenile winter-run entering the Delta during water year 2016 </a:t>
            </a:r>
            <a:r>
              <a:rPr lang="en-US" sz="900" dirty="0"/>
              <a:t>(enclosure 3). Based upon CDFW historical monitoring data at Knights Landing rotary screw traps, winter-run juveniles are expected to emigrate into the Delta from November 2015 to April 2016. In early February 2016, approximately </a:t>
            </a:r>
            <a:r>
              <a:rPr lang="en-US" sz="900" b="1" dirty="0"/>
              <a:t>420,000 winter-run juveniles propagated at LSNFH will also be released </a:t>
            </a:r>
            <a:r>
              <a:rPr lang="en-US" sz="900" dirty="0"/>
              <a:t>into the upper Sacramento River near Redding.</a:t>
            </a:r>
          </a:p>
          <a:p>
            <a:pPr>
              <a:lnSpc>
                <a:spcPct val="85000"/>
              </a:lnSpc>
            </a:pPr>
            <a:endParaRPr lang="en-US" sz="900" dirty="0"/>
          </a:p>
        </p:txBody>
      </p:sp>
      <p:sp>
        <p:nvSpPr>
          <p:cNvPr id="4" name="Slide Number Placeholder 3"/>
          <p:cNvSpPr>
            <a:spLocks noGrp="1"/>
          </p:cNvSpPr>
          <p:nvPr>
            <p:ph type="sldNum" sz="quarter" idx="10"/>
          </p:nvPr>
        </p:nvSpPr>
        <p:spPr/>
        <p:txBody>
          <a:bodyPr/>
          <a:lstStyle/>
          <a:p>
            <a:pPr>
              <a:defRPr/>
            </a:pPr>
            <a:fld id="{42932867-9086-450E-905A-1B2D7F14E7FB}" type="slidenum">
              <a:rPr lang="en-US" smtClean="0">
                <a:solidFill>
                  <a:prstClr val="black"/>
                </a:solidFill>
              </a:rPr>
              <a:pPr>
                <a:defRPr/>
              </a:pPr>
              <a:t>114</a:t>
            </a:fld>
            <a:endParaRPr lang="en-US" dirty="0">
              <a:solidFill>
                <a:prstClr val="black"/>
              </a:solidFill>
            </a:endParaRPr>
          </a:p>
        </p:txBody>
      </p:sp>
    </p:spTree>
    <p:extLst>
      <p:ext uri="{BB962C8B-B14F-4D97-AF65-F5344CB8AC3E}">
        <p14:creationId xmlns:p14="http://schemas.microsoft.com/office/powerpoint/2010/main" val="399065471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00.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1001.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2.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3.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4.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5.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6.xml"/></Relationships>
</file>

<file path=ppt/slideLayouts/_rels/slideLayout1007.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8.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0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6.xml"/></Relationships>
</file>

<file path=ppt/slideLayouts/_rels/slideLayout1011.xml.rels><?xml version="1.0" encoding="UTF-8" standalone="yes"?>
<Relationships xmlns="http://schemas.openxmlformats.org/package/2006/relationships"><Relationship Id="rId1" Type="http://schemas.openxmlformats.org/officeDocument/2006/relationships/slideMaster" Target="../slideMasters/slideMaster56.xml"/></Relationships>
</file>

<file path=ppt/slideLayouts/_rels/slideLayout10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6.xml"/></Relationships>
</file>

<file path=ppt/slideLayouts/_rels/slideLayout10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6.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1020.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57.xml"/></Relationships>
</file>

<file path=ppt/slideLayouts/_rels/slideLayout1021.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2.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3.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7.xml"/></Relationships>
</file>

<file path=ppt/slideLayouts/_rels/slideLayout102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7.xml"/></Relationships>
</file>

<file path=ppt/slideLayouts/_rels/slideLayout1026.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7.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8.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29.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30.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1.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57.xml"/></Relationships>
</file>

<file path=ppt/slideLayouts/_rels/slideLayout1032.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57.xml"/><Relationship Id="rId5" Type="http://schemas.microsoft.com/office/2007/relationships/hdphoto" Target="../media/hdphoto1.wdp"/><Relationship Id="rId4" Type="http://schemas.openxmlformats.org/officeDocument/2006/relationships/image" Target="../media/image6.png"/></Relationships>
</file>

<file path=ppt/slideLayouts/_rels/slideLayout1033.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4.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5.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6.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7.xml.rels><?xml version="1.0" encoding="UTF-8" standalone="yes"?>
<Relationships xmlns="http://schemas.openxmlformats.org/package/2006/relationships"><Relationship Id="rId1" Type="http://schemas.openxmlformats.org/officeDocument/2006/relationships/slideMaster" Target="../slideMasters/slideMaster57.xml"/></Relationships>
</file>

<file path=ppt/slideLayouts/_rels/slideLayout103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7.xml"/></Relationships>
</file>

<file path=ppt/slideLayouts/_rels/slideLayout1039.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40.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1.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2.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3.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8.xml"/></Relationships>
</file>

<file path=ppt/slideLayouts/_rels/slideLayout1045.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6.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4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8.xml"/></Relationships>
</file>

<file path=ppt/slideLayouts/_rels/slideLayout104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8.xml"/></Relationships>
</file>

<file path=ppt/slideLayouts/_rels/slideLayout1049.xml.rels><?xml version="1.0" encoding="UTF-8" standalone="yes"?>
<Relationships xmlns="http://schemas.openxmlformats.org/package/2006/relationships"><Relationship Id="rId1" Type="http://schemas.openxmlformats.org/officeDocument/2006/relationships/slideMaster" Target="../slideMasters/slideMaster58.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5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8.xml"/></Relationships>
</file>

<file path=ppt/slideLayouts/_rels/slideLayout1051.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2.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3.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55.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9.xml"/></Relationships>
</file>

<file path=ppt/slideLayouts/_rels/slideLayout1057.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8.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5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6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9.xml"/></Relationships>
</file>

<file path=ppt/slideLayouts/_rels/slideLayout1061.xml.rels><?xml version="1.0" encoding="UTF-8" standalone="yes"?>
<Relationships xmlns="http://schemas.openxmlformats.org/package/2006/relationships"><Relationship Id="rId1" Type="http://schemas.openxmlformats.org/officeDocument/2006/relationships/slideMaster" Target="../slideMasters/slideMaster59.xml"/></Relationships>
</file>

<file path=ppt/slideLayouts/_rels/slideLayout106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9.xml"/></Relationships>
</file>

<file path=ppt/slideLayouts/_rels/slideLayout106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6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9.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70.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1.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2.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74.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60.xml"/></Relationships>
</file>

<file path=ppt/slideLayouts/_rels/slideLayout1076.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7.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7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7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0.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6.xml"/></Relationships>
</file>

<file path=ppt/slideLayouts/_rels/slideLayout1080.xml.rels><?xml version="1.0" encoding="UTF-8" standalone="yes"?>
<Relationships xmlns="http://schemas.openxmlformats.org/package/2006/relationships"><Relationship Id="rId1" Type="http://schemas.openxmlformats.org/officeDocument/2006/relationships/slideMaster" Target="../slideMasters/slideMaster60.xml"/></Relationships>
</file>

<file path=ppt/slideLayouts/_rels/slideLayout108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0.xml"/></Relationships>
</file>

<file path=ppt/slideLayouts/_rels/slideLayout108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0.xml"/></Relationships>
</file>

<file path=ppt/slideLayouts/_rels/slideLayout1089.xml.rels><?xml version="1.0" encoding="UTF-8" standalone="yes"?>
<Relationships xmlns="http://schemas.openxmlformats.org/package/2006/relationships"><Relationship Id="rId1" Type="http://schemas.openxmlformats.org/officeDocument/2006/relationships/slideMaster" Target="../slideMasters/slideMaster61.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90.xml.rels><?xml version="1.0" encoding="UTF-8" standalone="yes"?>
<Relationships xmlns="http://schemas.openxmlformats.org/package/2006/relationships"><Relationship Id="rId1" Type="http://schemas.openxmlformats.org/officeDocument/2006/relationships/slideMaster" Target="../slideMasters/slideMaster61.xml"/></Relationships>
</file>

<file path=ppt/slideLayouts/_rels/slideLayout1091.xml.rels><?xml version="1.0" encoding="UTF-8" standalone="yes"?>
<Relationships xmlns="http://schemas.openxmlformats.org/package/2006/relationships"><Relationship Id="rId1" Type="http://schemas.openxmlformats.org/officeDocument/2006/relationships/slideMaster" Target="../slideMasters/slideMaster61.xml"/></Relationships>
</file>

<file path=ppt/slideLayouts/_rels/slideLayout1092.xml.rels><?xml version="1.0" encoding="UTF-8" standalone="yes"?>
<Relationships xmlns="http://schemas.openxmlformats.org/package/2006/relationships"><Relationship Id="rId1" Type="http://schemas.openxmlformats.org/officeDocument/2006/relationships/slideMaster" Target="../slideMasters/slideMaster61.xml"/></Relationships>
</file>

<file path=ppt/slideLayouts/_rels/slideLayout109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61.xml"/></Relationships>
</file>

<file path=ppt/slideLayouts/_rels/slideLayout109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1.xml"/></Relationships>
</file>

<file path=ppt/slideLayouts/_rels/slideLayout1095.xml.rels><?xml version="1.0" encoding="UTF-8" standalone="yes"?>
<Relationships xmlns="http://schemas.openxmlformats.org/package/2006/relationships"><Relationship Id="rId1" Type="http://schemas.openxmlformats.org/officeDocument/2006/relationships/slideMaster" Target="../slideMasters/slideMaster61.xml"/></Relationships>
</file>

<file path=ppt/slideLayouts/_rels/slideLayout109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6.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6.png"/></Relationships>
</file>

<file path=ppt/slideLayouts/_rels/slideLayout13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7.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7.xml"/></Relationships>
</file>

<file path=ppt/slideLayouts/_rels/slideLayout13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3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5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15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5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9.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9.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7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9.xml"/></Relationships>
</file>

<file path=ppt/slideLayouts/_rels/slideLayout1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0.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8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0.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0.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19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1.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20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8.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1.xml"/></Relationships>
</file>

<file path=ppt/slideLayouts/_rels/slideLayout209.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1.xml"/><Relationship Id="rId5" Type="http://schemas.microsoft.com/office/2007/relationships/hdphoto" Target="../media/hdphoto1.wdp"/><Relationship Id="rId4" Type="http://schemas.openxmlformats.org/officeDocument/2006/relationships/image" Target="../media/image6.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1.xml"/></Relationships>
</file>

<file path=ppt/slideLayouts/_rels/slideLayout21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2.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2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28.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2.xml"/></Relationships>
</file>

<file path=ppt/slideLayouts/_rels/slideLayout229.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2.xml"/><Relationship Id="rId5" Type="http://schemas.microsoft.com/office/2007/relationships/hdphoto" Target="../media/hdphoto1.wdp"/><Relationship Id="rId4" Type="http://schemas.openxmlformats.org/officeDocument/2006/relationships/image" Target="../media/image6.png"/></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23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2.xml"/></Relationships>
</file>

<file path=ppt/slideLayouts/_rels/slideLayout23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3.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1" Type="http://schemas.openxmlformats.org/officeDocument/2006/relationships/slideMaster" Target="../slideMasters/slideMaster2.xml"/><Relationship Id="rId5" Type="http://schemas.openxmlformats.org/officeDocument/2006/relationships/image" Target="../media/image5.gif"/><Relationship Id="rId4" Type="http://schemas.microsoft.com/office/2007/relationships/hdphoto" Target="../media/hdphoto1.wdp"/></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24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49.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3.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2.xml"/></Relationships>
</file>

<file path=ppt/slideLayouts/_rels/slideLayout250.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3.xml"/><Relationship Id="rId5" Type="http://schemas.microsoft.com/office/2007/relationships/hdphoto" Target="../media/hdphoto1.wdp"/><Relationship Id="rId4" Type="http://schemas.openxmlformats.org/officeDocument/2006/relationships/image" Target="../media/image6.png"/></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5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3.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4.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6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6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4.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4.xml"/></Relationships>
</file>

<file path=ppt/slideLayouts/_rels/slideLayout27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4.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6.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7.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8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9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6.xml"/></Relationships>
</file>

<file path=ppt/slideLayouts/_rels/slideLayout29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9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9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7.xml"/></Relationships>
</file>

<file path=ppt/slideLayouts/_rels/slideLayout295.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96.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9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7.xml"/></Relationships>
</file>

<file path=ppt/slideLayouts/_rels/slideLayout298.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99.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0.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1.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7.xml"/></Relationships>
</file>

<file path=ppt/slideLayouts/_rels/slideLayout303.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7.xml"/><Relationship Id="rId5" Type="http://schemas.microsoft.com/office/2007/relationships/hdphoto" Target="../media/hdphoto1.wdp"/><Relationship Id="rId4" Type="http://schemas.openxmlformats.org/officeDocument/2006/relationships/image" Target="../media/image6.png"/></Relationships>
</file>

<file path=ppt/slideLayouts/_rels/slideLayout304.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7.xml"/></Relationships>
</file>

<file path=ppt/slideLayouts/_rels/slideLayout306.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7.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8.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09.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0.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31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8.xml"/></Relationships>
</file>

<file path=ppt/slideLayouts/_rels/slideLayout312.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3.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8.xml"/></Relationships>
</file>

<file path=ppt/slideLayouts/_rels/slideLayout315.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6.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7.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8.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19.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18.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0.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18.xml"/><Relationship Id="rId5" Type="http://schemas.microsoft.com/office/2007/relationships/hdphoto" Target="../media/hdphoto1.wdp"/><Relationship Id="rId4" Type="http://schemas.openxmlformats.org/officeDocument/2006/relationships/image" Target="../media/image6.png"/></Relationships>
</file>

<file path=ppt/slideLayouts/_rels/slideLayout321.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8.xml"/></Relationships>
</file>

<file path=ppt/slideLayouts/_rels/slideLayout323.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4.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5.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6.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7.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328.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29.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9.xml"/></Relationships>
</file>

<file path=ppt/slideLayouts/_rels/slideLayout331.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32.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3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9.xml"/></Relationships>
</file>

<file path=ppt/slideLayouts/_rels/slideLayout334.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35.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33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9.xml"/></Relationships>
</file>

<file path=ppt/slideLayouts/_rels/slideLayout33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9.xml"/></Relationships>
</file>

<file path=ppt/slideLayouts/_rels/slideLayout33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0.xml"/></Relationships>
</file>

<file path=ppt/slideLayouts/_rels/slideLayout339.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0.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1.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0.xml"/></Relationships>
</file>

<file path=ppt/slideLayouts/_rels/slideLayout34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0.xml"/></Relationships>
</file>

<file path=ppt/slideLayouts/_rels/slideLayout344.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5.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6.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7.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8.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49.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20.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0.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20.xml"/><Relationship Id="rId5" Type="http://schemas.microsoft.com/office/2007/relationships/hdphoto" Target="../media/hdphoto1.wdp"/><Relationship Id="rId4" Type="http://schemas.openxmlformats.org/officeDocument/2006/relationships/image" Target="../media/image6.png"/></Relationships>
</file>

<file path=ppt/slideLayouts/_rels/slideLayout351.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2.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35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0.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1.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6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6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1.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1.xml"/></Relationships>
</file>

<file path=ppt/slideLayouts/_rels/slideLayout37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1.xml"/></Relationships>
</file>

<file path=ppt/slideLayouts/_rels/slideLayout37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2.xml"/></Relationships>
</file>

<file path=ppt/slideLayouts/_rels/slideLayout37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8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2.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8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2.xml"/></Relationships>
</file>

<file path=ppt/slideLayouts/_rels/slideLayout38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2.xml"/></Relationships>
</file>

<file path=ppt/slideLayouts/_rels/slideLayout38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2.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8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2.xml"/></Relationships>
</file>

<file path=ppt/slideLayouts/_rels/slideLayout38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2.xml"/></Relationships>
</file>

<file path=ppt/slideLayouts/_rels/slideLayout38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2.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0.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3.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3.xml"/></Relationships>
</file>

<file path=ppt/slideLayouts/_rels/slideLayout394.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5.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6.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7.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98.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23.xml"/></Relationships>
</file>

<file path=ppt/slideLayouts/_rels/slideLayout399.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23.xml"/><Relationship Id="rId5" Type="http://schemas.microsoft.com/office/2007/relationships/hdphoto" Target="../media/hdphoto1.wdp"/><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3.xml"/></Relationships>
</file>

<file path=ppt/slideLayouts/_rels/slideLayout402.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3.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4.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5.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6.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407.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08.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4.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4.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4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4.xml"/></Relationships>
</file>

<file path=ppt/slideLayouts/_rels/slideLayout4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4.xml"/></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26.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5.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3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5.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43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5.xml"/></Relationships>
</file>

<file path=ppt/slideLayouts/_rels/slideLayout43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3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3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44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4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4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4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5.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4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0.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51.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5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5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6.xml"/></Relationships>
</file>

<file path=ppt/slideLayouts/_rels/slideLayout454.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45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6.xml"/></Relationships>
</file>

<file path=ppt/slideLayouts/_rels/slideLayout45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5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5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5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6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6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6.xml"/></Relationships>
</file>

<file path=ppt/slideLayouts/_rels/slideLayout46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7.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7.xml"/></Relationships>
</file>

<file path=ppt/slideLayouts/_rels/slideLayout46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7.xml"/></Relationships>
</file>

<file path=ppt/slideLayouts/_rels/slideLayout469.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470.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1.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2.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4.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27.xml"/></Relationships>
</file>

<file path=ppt/slideLayouts/_rels/slideLayout475.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27.xml"/><Relationship Id="rId5" Type="http://schemas.microsoft.com/office/2007/relationships/hdphoto" Target="../media/hdphoto1.wdp"/><Relationship Id="rId4" Type="http://schemas.openxmlformats.org/officeDocument/2006/relationships/image" Target="../media/image6.png"/></Relationships>
</file>

<file path=ppt/slideLayouts/_rels/slideLayout476.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79.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480.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81.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82.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48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7.xml"/></Relationships>
</file>

<file path=ppt/slideLayouts/_rels/slideLayout48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8.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89.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0.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1.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2.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99.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500.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50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9.xml"/></Relationships>
</file>

<file path=ppt/slideLayouts/_rels/slideLayout502.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503.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50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0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9.xml"/></Relationships>
</file>

<file path=ppt/slideLayouts/_rels/slideLayout506.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50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9.xml"/></Relationships>
</file>

<file path=ppt/slideLayouts/_rels/slideLayout50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0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9.xml"/></Relationships>
</file>

<file path=ppt/slideLayouts/_rels/slideLayout51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30.xml"/></Relationships>
</file>

<file path=ppt/slideLayouts/_rels/slideLayout516.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17.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18.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0.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0.xml"/></Relationships>
</file>

<file path=ppt/slideLayouts/_rels/slideLayout521.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2.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3.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4.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5.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6.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30.xml"/></Relationships>
</file>

<file path=ppt/slideLayouts/_rels/slideLayout527.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30.xml"/><Relationship Id="rId5" Type="http://schemas.microsoft.com/office/2007/relationships/hdphoto" Target="../media/hdphoto1.wdp"/><Relationship Id="rId4" Type="http://schemas.openxmlformats.org/officeDocument/2006/relationships/image" Target="../media/image6.png"/></Relationships>
</file>

<file path=ppt/slideLayouts/_rels/slideLayout528.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29.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30.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1.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2.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3.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4.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53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0.xml"/></Relationships>
</file>

<file path=ppt/slideLayouts/_rels/slideLayout536.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37.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38.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39.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40.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4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1.xml"/></Relationships>
</file>

<file path=ppt/slideLayouts/_rels/slideLayout542.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43.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4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4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1.xml"/></Relationships>
</file>

<file path=ppt/slideLayouts/_rels/slideLayout546.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54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1.xml"/></Relationships>
</file>

<file path=ppt/slideLayouts/_rels/slideLayout54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4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5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1.xml"/></Relationships>
</file>

<file path=ppt/slideLayouts/_rels/slideLayout555.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56.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57.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58.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59.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6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2.xml"/></Relationships>
</file>

<file path=ppt/slideLayouts/_rels/slideLayout561.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62.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6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6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2.xml"/></Relationships>
</file>

<file path=ppt/slideLayouts/_rels/slideLayout565.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56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2.xml"/></Relationships>
</file>

<file path=ppt/slideLayouts/_rels/slideLayout5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6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6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7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7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2.xml"/></Relationships>
</file>

<file path=ppt/slideLayouts/_rels/slideLayout57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33.xml"/></Relationships>
</file>

<file path=ppt/slideLayouts/_rels/slideLayout575.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76.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77.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7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3.xml"/></Relationships>
</file>

<file path=ppt/slideLayouts/_rels/slideLayout57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3.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80.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1.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2.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3.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4.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5.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33.xml"/></Relationships>
</file>

<file path=ppt/slideLayouts/_rels/slideLayout586.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33.xml"/><Relationship Id="rId5" Type="http://schemas.microsoft.com/office/2007/relationships/hdphoto" Target="../media/hdphoto1.wdp"/><Relationship Id="rId4" Type="http://schemas.openxmlformats.org/officeDocument/2006/relationships/image" Target="../media/image6.png"/></Relationships>
</file>

<file path=ppt/slideLayouts/_rels/slideLayout587.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8.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89.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590.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91.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92.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93.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59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3.xml"/></Relationships>
</file>

<file path=ppt/slideLayouts/_rels/slideLayout59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34.xml"/></Relationships>
</file>

<file path=ppt/slideLayouts/_rels/slideLayout596.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597.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598.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59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4.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60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4.xml"/></Relationships>
</file>

<file path=ppt/slideLayouts/_rels/slideLayout601.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2.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3.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4.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5.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6.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34.xml"/></Relationships>
</file>

<file path=ppt/slideLayouts/_rels/slideLayout607.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34.xml"/><Relationship Id="rId5" Type="http://schemas.microsoft.com/office/2007/relationships/hdphoto" Target="../media/hdphoto1.wdp"/><Relationship Id="rId4" Type="http://schemas.openxmlformats.org/officeDocument/2006/relationships/image" Target="../media/image6.png"/></Relationships>
</file>

<file path=ppt/slideLayouts/_rels/slideLayout608.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09.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xml"/></Relationships>
</file>

<file path=ppt/slideLayouts/_rels/slideLayout610.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1.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2.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3.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4.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6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4.xml"/></Relationships>
</file>

<file path=ppt/slideLayouts/_rels/slideLayout616.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17.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18.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19.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0.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5.xml"/></Relationships>
</file>

<file path=ppt/slideLayouts/_rels/slideLayout622.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23.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2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5.xml"/></Relationships>
</file>

<file path=ppt/slideLayouts/_rels/slideLayout626.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62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5.xml"/></Relationships>
</file>

<file path=ppt/slideLayouts/_rels/slideLayout62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2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5.xml"/></Relationships>
</file>

<file path=ppt/slideLayouts/_rels/slideLayout635.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36.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37.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38.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39.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6.xml"/></Relationships>
</file>

<file path=ppt/slideLayouts/_rels/slideLayout641.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42.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4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4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6.xml"/></Relationships>
</file>

<file path=ppt/slideLayouts/_rels/slideLayout645.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64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6.xml"/></Relationships>
</file>

<file path=ppt/slideLayouts/_rels/slideLayout64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4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4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65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5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5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5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6.xml"/></Relationships>
</file>

<file path=ppt/slideLayouts/_rels/slideLayout654.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55.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56.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57.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58.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5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7.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660.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61.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6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6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7.xml"/></Relationships>
</file>

<file path=ppt/slideLayouts/_rels/slideLayout664.xml.rels><?xml version="1.0" encoding="UTF-8" standalone="yes"?>
<Relationships xmlns="http://schemas.openxmlformats.org/package/2006/relationships"><Relationship Id="rId1" Type="http://schemas.openxmlformats.org/officeDocument/2006/relationships/slideMaster" Target="../slideMasters/slideMaster37.xml"/></Relationships>
</file>

<file path=ppt/slideLayouts/_rels/slideLayout66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7.xml"/></Relationships>
</file>

<file path=ppt/slideLayouts/_rels/slideLayout66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6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6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7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7.xml"/></Relationships>
</file>

<file path=ppt/slideLayouts/_rels/slideLayout673.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74.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75.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76.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77.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7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8.xml"/></Relationships>
</file>

<file path=ppt/slideLayouts/_rels/slideLayout679.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0.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8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8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8.xml"/></Relationships>
</file>

<file path=ppt/slideLayouts/_rels/slideLayout683.xml.rels><?xml version="1.0" encoding="UTF-8" standalone="yes"?>
<Relationships xmlns="http://schemas.openxmlformats.org/package/2006/relationships"><Relationship Id="rId1" Type="http://schemas.openxmlformats.org/officeDocument/2006/relationships/slideMaster" Target="../slideMasters/slideMaster38.xml"/></Relationships>
</file>

<file path=ppt/slideLayouts/_rels/slideLayout68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8.xml"/></Relationships>
</file>

<file path=ppt/slideLayouts/_rels/slideLayout68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8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8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8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8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9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8.xml"/></Relationships>
</file>

<file path=ppt/slideLayouts/_rels/slideLayout692.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3.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4.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5.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6.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9.xml"/></Relationships>
</file>

<file path=ppt/slideLayouts/_rels/slideLayout698.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699.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0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9.xml"/></Relationships>
</file>

<file path=ppt/slideLayouts/_rels/slideLayout702.xml.rels><?xml version="1.0" encoding="UTF-8" standalone="yes"?>
<Relationships xmlns="http://schemas.openxmlformats.org/package/2006/relationships"><Relationship Id="rId1" Type="http://schemas.openxmlformats.org/officeDocument/2006/relationships/slideMaster" Target="../slideMasters/slideMaster39.xml"/></Relationships>
</file>

<file path=ppt/slideLayouts/_rels/slideLayout70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9.xml"/></Relationships>
</file>

<file path=ppt/slideLayouts/_rels/slideLayout70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0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9.xml"/></Relationships>
</file>

<file path=ppt/slideLayouts/_rels/slideLayout711.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2.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3.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4.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5.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0.xml"/></Relationships>
</file>

<file path=ppt/slideLayouts/_rels/slideLayout717.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8.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1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4.xml"/></Relationships>
</file>

<file path=ppt/slideLayouts/_rels/slideLayout7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0.xml"/></Relationships>
</file>

<file path=ppt/slideLayouts/_rels/slideLayout721.xml.rels><?xml version="1.0" encoding="UTF-8" standalone="yes"?>
<Relationships xmlns="http://schemas.openxmlformats.org/package/2006/relationships"><Relationship Id="rId1" Type="http://schemas.openxmlformats.org/officeDocument/2006/relationships/slideMaster" Target="../slideMasters/slideMaster40.xml"/></Relationships>
</file>

<file path=ppt/slideLayouts/_rels/slideLayout72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0.xml"/></Relationships>
</file>

<file path=ppt/slideLayouts/_rels/slideLayout72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2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0.xml"/></Relationships>
</file>

<file path=ppt/slideLayouts/_rels/slideLayout73.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4.xml"/><Relationship Id="rId5" Type="http://schemas.microsoft.com/office/2007/relationships/hdphoto" Target="../media/hdphoto1.wdp"/><Relationship Id="rId4" Type="http://schemas.openxmlformats.org/officeDocument/2006/relationships/image" Target="../media/image6.png"/></Relationships>
</file>

<file path=ppt/slideLayouts/_rels/slideLayout730.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1.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2.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3.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4.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1.xml"/></Relationships>
</file>

<file path=ppt/slideLayouts/_rels/slideLayout736.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7.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3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3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1.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40.xml.rels><?xml version="1.0" encoding="UTF-8" standalone="yes"?>
<Relationships xmlns="http://schemas.openxmlformats.org/package/2006/relationships"><Relationship Id="rId1" Type="http://schemas.openxmlformats.org/officeDocument/2006/relationships/slideMaster" Target="../slideMasters/slideMaster41.xml"/></Relationships>
</file>

<file path=ppt/slideLayouts/_rels/slideLayout74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1.xml"/></Relationships>
</file>

<file path=ppt/slideLayouts/_rels/slideLayout74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1.xml"/></Relationships>
</file>

<file path=ppt/slideLayouts/_rels/slideLayout749.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50.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1.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2.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3.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2.xml"/></Relationships>
</file>

<file path=ppt/slideLayouts/_rels/slideLayout755.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6.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5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5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2.xml"/></Relationships>
</file>

<file path=ppt/slideLayouts/_rels/slideLayout759.xml.rels><?xml version="1.0" encoding="UTF-8" standalone="yes"?>
<Relationships xmlns="http://schemas.openxmlformats.org/package/2006/relationships"><Relationship Id="rId1" Type="http://schemas.openxmlformats.org/officeDocument/2006/relationships/slideMaster" Target="../slideMasters/slideMaster4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6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2.xml"/></Relationships>
</file>

<file path=ppt/slideLayouts/_rels/slideLayout76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2.xml"/></Relationships>
</file>

<file path=ppt/slideLayouts/_rels/slideLayout76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3.xml"/></Relationships>
</file>

<file path=ppt/slideLayouts/_rels/slideLayout769.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70.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3.xml"/></Relationships>
</file>

<file path=ppt/slideLayouts/_rels/slideLayout772.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3.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4.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5.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6.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43.xml"/></Relationships>
</file>

<file path=ppt/slideLayouts/_rels/slideLayout777.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43.xml"/><Relationship Id="rId5" Type="http://schemas.microsoft.com/office/2007/relationships/hdphoto" Target="../media/hdphoto1.wdp"/><Relationship Id="rId4" Type="http://schemas.openxmlformats.org/officeDocument/2006/relationships/image" Target="../media/image6.png"/></Relationships>
</file>

<file path=ppt/slideLayouts/_rels/slideLayout778.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7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80.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81.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82.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83.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84.xml.rels><?xml version="1.0" encoding="UTF-8" standalone="yes"?>
<Relationships xmlns="http://schemas.openxmlformats.org/package/2006/relationships"><Relationship Id="rId1" Type="http://schemas.openxmlformats.org/officeDocument/2006/relationships/slideMaster" Target="../slideMasters/slideMaster43.xml"/></Relationships>
</file>

<file path=ppt/slideLayouts/_rels/slideLayout78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4.xml"/></Relationships>
</file>

<file path=ppt/slideLayouts/_rels/slideLayout786.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87.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8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4.xml"/></Relationships>
</file>

<file path=ppt/slideLayouts/_rels/slideLayout789.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90.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1.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2.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3.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44.xml"/></Relationships>
</file>

<file path=ppt/slideLayouts/_rels/slideLayout794.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44.xml"/><Relationship Id="rId5" Type="http://schemas.microsoft.com/office/2007/relationships/hdphoto" Target="../media/hdphoto1.wdp"/><Relationship Id="rId4" Type="http://schemas.openxmlformats.org/officeDocument/2006/relationships/image" Target="../media/image6.png"/></Relationships>
</file>

<file path=ppt/slideLayouts/_rels/slideLayout795.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4.xml"/></Relationships>
</file>

<file path=ppt/slideLayouts/_rels/slideLayout797.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8.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799.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00.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801.xml.rels><?xml version="1.0" encoding="UTF-8" standalone="yes"?>
<Relationships xmlns="http://schemas.openxmlformats.org/package/2006/relationships"><Relationship Id="rId1" Type="http://schemas.openxmlformats.org/officeDocument/2006/relationships/slideMaster" Target="../slideMasters/slideMaster44.xml"/></Relationships>
</file>

<file path=ppt/slideLayouts/_rels/slideLayout802.xml.rels><?xml version="1.0" encoding="UTF-8" standalone="yes"?>
<Relationships xmlns="http://schemas.openxmlformats.org/package/2006/relationships"><Relationship Id="rId1" Type="http://schemas.openxmlformats.org/officeDocument/2006/relationships/slideMaster" Target="../slideMasters/slideMaster45.xml"/></Relationships>
</file>

<file path=ppt/slideLayouts/_rels/slideLayout803.xml.rels><?xml version="1.0" encoding="UTF-8" standalone="yes"?>
<Relationships xmlns="http://schemas.openxmlformats.org/package/2006/relationships"><Relationship Id="rId1" Type="http://schemas.openxmlformats.org/officeDocument/2006/relationships/slideMaster" Target="../slideMasters/slideMaster45.xml"/></Relationships>
</file>

<file path=ppt/slideLayouts/_rels/slideLayout804.xml.rels><?xml version="1.0" encoding="UTF-8" standalone="yes"?>
<Relationships xmlns="http://schemas.openxmlformats.org/package/2006/relationships"><Relationship Id="rId1" Type="http://schemas.openxmlformats.org/officeDocument/2006/relationships/slideMaster" Target="../slideMasters/slideMaster45.xml"/></Relationships>
</file>

<file path=ppt/slideLayouts/_rels/slideLayout80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6.xml"/></Relationships>
</file>

<file path=ppt/slideLayouts/_rels/slideLayout806.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07.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08.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09.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xml"/></Relationships>
</file>

<file path=ppt/slideLayouts/_rels/slideLayout810.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1.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2.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3.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4.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5.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6.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7.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8.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19.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5.xml"/></Relationships>
</file>

<file path=ppt/slideLayouts/_rels/slideLayout820.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1.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2.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3.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4.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5.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6.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7.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8.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6.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6.xml"/></Relationships>
</file>

<file path=ppt/slideLayouts/_rels/slideLayout83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6.xml"/></Relationships>
</file>

<file path=ppt/slideLayouts/_rels/slideLayout832.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33.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6.xml"/></Relationships>
</file>

<file path=ppt/slideLayouts/_rels/slideLayout835.xml.rels><?xml version="1.0" encoding="UTF-8" standalone="yes"?>
<Relationships xmlns="http://schemas.openxmlformats.org/package/2006/relationships"><Relationship Id="rId1" Type="http://schemas.openxmlformats.org/officeDocument/2006/relationships/slideMaster" Target="../slideMasters/slideMaster46.xml"/></Relationships>
</file>

<file path=ppt/slideLayouts/_rels/slideLayout83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7.xml"/></Relationships>
</file>

<file path=ppt/slideLayouts/_rels/slideLayout837.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3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7.xml"/></Relationships>
</file>

<file path=ppt/slideLayouts/_rels/slideLayout839.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0.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1.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2.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3.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4.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5.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6.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7.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8.xml.rels><?xml version="1.0" encoding="UTF-8" standalone="yes"?>
<Relationships xmlns="http://schemas.openxmlformats.org/package/2006/relationships"><Relationship Id="rId1" Type="http://schemas.openxmlformats.org/officeDocument/2006/relationships/slideMaster" Target="../slideMasters/slideMaster47.xml"/></Relationships>
</file>

<file path=ppt/slideLayouts/_rels/slideLayout849.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0.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1.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2.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3.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8.xml"/></Relationships>
</file>

<file path=ppt/slideLayouts/_rels/slideLayout855.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6.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5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5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8.xml"/></Relationships>
</file>

<file path=ppt/slideLayouts/_rels/slideLayout859.xml.rels><?xml version="1.0" encoding="UTF-8" standalone="yes"?>
<Relationships xmlns="http://schemas.openxmlformats.org/package/2006/relationships"><Relationship Id="rId1" Type="http://schemas.openxmlformats.org/officeDocument/2006/relationships/slideMaster" Target="../slideMasters/slideMaster48.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86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8.xml"/></Relationships>
</file>

<file path=ppt/slideLayouts/_rels/slideLayout86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8.xml"/></Relationships>
</file>

<file path=ppt/slideLayouts/_rels/slideLayout86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9.xml"/></Relationships>
</file>

<file path=ppt/slideLayouts/_rels/slideLayout869.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870.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1.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9.xml"/></Relationships>
</file>

<file path=ppt/slideLayouts/_rels/slideLayout87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9.xml"/></Relationships>
</file>

<file path=ppt/slideLayouts/_rels/slideLayout874.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5.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6.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7.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8.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79.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49.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0.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49.xml"/><Relationship Id="rId5" Type="http://schemas.microsoft.com/office/2007/relationships/hdphoto" Target="../media/hdphoto1.wdp"/><Relationship Id="rId4" Type="http://schemas.openxmlformats.org/officeDocument/2006/relationships/image" Target="../media/image6.png"/></Relationships>
</file>

<file path=ppt/slideLayouts/_rels/slideLayout881.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2.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3.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4.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5.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6.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7.xml.rels><?xml version="1.0" encoding="UTF-8" standalone="yes"?>
<Relationships xmlns="http://schemas.openxmlformats.org/package/2006/relationships"><Relationship Id="rId1" Type="http://schemas.openxmlformats.org/officeDocument/2006/relationships/slideMaster" Target="../slideMasters/slideMaster49.xml"/></Relationships>
</file>

<file path=ppt/slideLayouts/_rels/slideLayout88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9.xml"/></Relationships>
</file>

<file path=ppt/slideLayouts/_rels/slideLayout889.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50.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90.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1.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2.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0.xml"/></Relationships>
</file>

<file path=ppt/slideLayouts/_rels/slideLayout89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0.xml"/></Relationships>
</file>

<file path=ppt/slideLayouts/_rels/slideLayout895.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6.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7.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8.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899.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00.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50.xml"/></Relationships>
</file>

<file path=ppt/slideLayouts/_rels/slideLayout901.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50.xml"/><Relationship Id="rId5" Type="http://schemas.microsoft.com/office/2007/relationships/hdphoto" Target="../media/hdphoto1.wdp"/><Relationship Id="rId4" Type="http://schemas.openxmlformats.org/officeDocument/2006/relationships/image" Target="../media/image6.png"/></Relationships>
</file>

<file path=ppt/slideLayouts/_rels/slideLayout902.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3.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4.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5.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6.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7.xml.rels><?xml version="1.0" encoding="UTF-8" standalone="yes"?>
<Relationships xmlns="http://schemas.openxmlformats.org/package/2006/relationships"><Relationship Id="rId1" Type="http://schemas.openxmlformats.org/officeDocument/2006/relationships/slideMaster" Target="../slideMasters/slideMaster50.xml"/></Relationships>
</file>

<file path=ppt/slideLayouts/_rels/slideLayout90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0.xml"/></Relationships>
</file>

<file path=ppt/slideLayouts/_rels/slideLayout909.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10.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1.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2.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3.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1.xml"/></Relationships>
</file>

<file path=ppt/slideLayouts/_rels/slideLayout915.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6.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1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1.xml"/></Relationships>
</file>

<file path=ppt/slideLayouts/_rels/slideLayout919.xml.rels><?xml version="1.0" encoding="UTF-8" standalone="yes"?>
<Relationships xmlns="http://schemas.openxmlformats.org/package/2006/relationships"><Relationship Id="rId1" Type="http://schemas.openxmlformats.org/officeDocument/2006/relationships/slideMaster" Target="../slideMasters/slideMaster51.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1.xml"/></Relationships>
</file>

<file path=ppt/slideLayouts/_rels/slideLayout92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1.xml"/></Relationships>
</file>

<file path=ppt/slideLayouts/_rels/slideLayout928.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29.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5.xml"/></Relationships>
</file>

<file path=ppt/slideLayouts/_rels/slideLayout930.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1.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2.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2.xml"/></Relationships>
</file>

<file path=ppt/slideLayouts/_rels/slideLayout934.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5.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3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2.xml"/></Relationships>
</file>

<file path=ppt/slideLayouts/_rels/slideLayout938.xml.rels><?xml version="1.0" encoding="UTF-8" standalone="yes"?>
<Relationships xmlns="http://schemas.openxmlformats.org/package/2006/relationships"><Relationship Id="rId1" Type="http://schemas.openxmlformats.org/officeDocument/2006/relationships/slideMaster" Target="../slideMasters/slideMaster52.xml"/></Relationships>
</file>

<file path=ppt/slideLayouts/_rels/slideLayout93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2.xml"/></Relationships>
</file>

<file path=ppt/slideLayouts/_rels/slideLayout94.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5.xml"/><Relationship Id="rId5" Type="http://schemas.microsoft.com/office/2007/relationships/hdphoto" Target="../media/hdphoto1.wdp"/><Relationship Id="rId4" Type="http://schemas.openxmlformats.org/officeDocument/2006/relationships/image" Target="../media/image6.png"/></Relationships>
</file>

<file path=ppt/slideLayouts/_rels/slideLayout94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2.xml"/></Relationships>
</file>

<file path=ppt/slideLayouts/_rels/slideLayout947.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48.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49.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50.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1.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3.xml"/></Relationships>
</file>

<file path=ppt/slideLayouts/_rels/slideLayout953.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4.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5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3.xml"/></Relationships>
</file>

<file path=ppt/slideLayouts/_rels/slideLayout957.xml.rels><?xml version="1.0" encoding="UTF-8" standalone="yes"?>
<Relationships xmlns="http://schemas.openxmlformats.org/package/2006/relationships"><Relationship Id="rId1" Type="http://schemas.openxmlformats.org/officeDocument/2006/relationships/slideMaster" Target="../slideMasters/slideMaster53.xml"/></Relationships>
</file>

<file path=ppt/slideLayouts/_rels/slideLayout95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3.xml"/></Relationships>
</file>

<file path=ppt/slideLayouts/_rels/slideLayout95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6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3.xml"/></Relationships>
</file>

<file path=ppt/slideLayouts/_rels/slideLayout96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54.xml"/></Relationships>
</file>

<file path=ppt/slideLayouts/_rels/slideLayout966.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67.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68.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6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4.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7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4.xml"/></Relationships>
</file>

<file path=ppt/slideLayouts/_rels/slideLayout971.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2.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3.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4.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5.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6.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54.xml"/></Relationships>
</file>

<file path=ppt/slideLayouts/_rels/slideLayout977.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54.xml"/><Relationship Id="rId5" Type="http://schemas.microsoft.com/office/2007/relationships/hdphoto" Target="../media/hdphoto1.wdp"/><Relationship Id="rId4" Type="http://schemas.openxmlformats.org/officeDocument/2006/relationships/image" Target="../media/image6.png"/></Relationships>
</file>

<file path=ppt/slideLayouts/_rels/slideLayout978.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79.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80.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81.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82.xml.rels><?xml version="1.0" encoding="UTF-8" standalone="yes"?>
<Relationships xmlns="http://schemas.openxmlformats.org/package/2006/relationships"><Relationship Id="rId1" Type="http://schemas.openxmlformats.org/officeDocument/2006/relationships/slideMaster" Target="../slideMasters/slideMaster54.xml"/></Relationships>
</file>

<file path=ppt/slideLayouts/_rels/slideLayout98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4.xml"/></Relationships>
</file>

<file path=ppt/slideLayouts/_rels/slideLayout98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55.xml"/></Relationships>
</file>

<file path=ppt/slideLayouts/_rels/slideLayout985.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86.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8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5.xml"/></Relationships>
</file>

<file path=ppt/slideLayouts/_rels/slideLayout988.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89.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90.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1.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Master" Target="../slideMasters/slideMaster55.xml"/></Relationships>
</file>

<file path=ppt/slideLayouts/_rels/slideLayout993.xml.rels><?xml version="1.0" encoding="UTF-8" standalone="yes"?>
<Relationships xmlns="http://schemas.openxmlformats.org/package/2006/relationships"><Relationship Id="rId3" Type="http://schemas.openxmlformats.org/officeDocument/2006/relationships/hyperlink" Target="http://www.google.com/url?sa=i&amp;rct=j&amp;q=State+Water+Project&amp;source=images&amp;cd=&amp;cad=rja&amp;docid=njuaGa0qskEaSM&amp;tbnid=uOx2iMKXxbLIQM:&amp;ved=0CAUQjRw&amp;url=http://www.tunneltalk.com/California-water-Jul12-Governor-Brown-supports-mega-conveyance-tunnels-project-under-the-Delta.php&amp;ei=w_UDUofaNYO4yQHn04HQDA&amp;bvm=bv.50500085,d.cGE&amp;psig=AFQjCNGIQCYox48g7ejJ5w39x8QRUqEzFA&amp;ust=1376077547533329" TargetMode="External"/><Relationship Id="rId2" Type="http://schemas.openxmlformats.org/officeDocument/2006/relationships/image" Target="../media/image5.gif"/><Relationship Id="rId1" Type="http://schemas.openxmlformats.org/officeDocument/2006/relationships/slideMaster" Target="../slideMasters/slideMaster55.xml"/><Relationship Id="rId5" Type="http://schemas.microsoft.com/office/2007/relationships/hdphoto" Target="../media/hdphoto1.wdp"/><Relationship Id="rId4" Type="http://schemas.openxmlformats.org/officeDocument/2006/relationships/image" Target="../media/image6.png"/></Relationships>
</file>

<file path=ppt/slideLayouts/_rels/slideLayout99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55.xml"/></Relationships>
</file>

<file path=ppt/slideLayouts/_rels/slideLayout995.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6.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7.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8.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_rels/slideLayout999.xml.rels><?xml version="1.0" encoding="UTF-8" standalone="yes"?>
<Relationships xmlns="http://schemas.openxmlformats.org/package/2006/relationships"><Relationship Id="rId1" Type="http://schemas.openxmlformats.org/officeDocument/2006/relationships/slideMaster" Target="../slideMasters/slideMaster55.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cSld>
  <p:clrMapOvr>
    <a:masterClrMapping/>
  </p:clrMapOvr>
  <p:transition spd="slow">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cSld>
  <p:clrMapOvr>
    <a:masterClrMapping/>
  </p:clrMapOvr>
  <p:transition spd="slow">
    <p:fade/>
  </p:transition>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1691005719"/>
      </p:ext>
    </p:extLst>
  </p:cSld>
  <p:clrMapOvr>
    <a:masterClrMapping/>
  </p:clrMapOvr>
  <p:transition>
    <p:fade/>
  </p:transition>
  <p:timing>
    <p:tnLst>
      <p:par>
        <p:cTn id="1" dur="indefinite" restart="never" nodeType="tmRoot"/>
      </p:par>
    </p:tnLst>
  </p:timing>
  <p:hf hdr="0" ftr="0" dt="0"/>
</p:sldLayout>
</file>

<file path=ppt/slideLayouts/slideLayout1000.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570741527"/>
      </p:ext>
    </p:extLst>
  </p:cSld>
  <p:clrMapOvr>
    <a:masterClrMapping/>
  </p:clrMapOvr>
  <p:transition spd="slow">
    <p:fade/>
  </p:transition>
  <p:timing>
    <p:tnLst>
      <p:par>
        <p:cTn id="1" dur="indefinite" restart="never" nodeType="tmRoot"/>
      </p:par>
    </p:tnLst>
  </p:timing>
</p:sldLayout>
</file>

<file path=ppt/slideLayouts/slideLayout100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120657621"/>
      </p:ext>
    </p:extLst>
  </p:cSld>
  <p:clrMapOvr>
    <a:masterClrMapping/>
  </p:clrMapOvr>
  <p:transition>
    <p:fade/>
  </p:transition>
  <p:timing>
    <p:tnLst>
      <p:par>
        <p:cTn id="1" dur="indefinite" restart="never" nodeType="tmRoot"/>
      </p:par>
    </p:tnLst>
  </p:timing>
</p:sldLayout>
</file>

<file path=ppt/slideLayouts/slideLayout100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2230206056"/>
      </p:ext>
    </p:extLst>
  </p:cSld>
  <p:clrMapOvr>
    <a:masterClrMapping/>
  </p:clrMapOvr>
  <p:transition>
    <p:fade/>
  </p:transition>
  <p:timing>
    <p:tnLst>
      <p:par>
        <p:cTn id="1" dur="indefinite" restart="never" nodeType="tmRoot"/>
      </p:par>
    </p:tnLst>
  </p:timing>
</p:sldLayout>
</file>

<file path=ppt/slideLayouts/slideLayout100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63936992"/>
      </p:ext>
    </p:extLst>
  </p:cSld>
  <p:clrMapOvr>
    <a:masterClrMapping/>
  </p:clrMapOvr>
  <p:transition>
    <p:fade/>
  </p:transition>
  <p:timing>
    <p:tnLst>
      <p:par>
        <p:cTn id="1" dur="indefinite" restart="never" nodeType="tmRoot"/>
      </p:par>
    </p:tnLst>
  </p:timing>
  <p:hf hdr="0" ftr="0" dt="0"/>
</p:sldLayout>
</file>

<file path=ppt/slideLayouts/slideLayout100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890347593"/>
      </p:ext>
    </p:extLst>
  </p:cSld>
  <p:clrMapOvr>
    <a:masterClrMapping/>
  </p:clrMapOvr>
  <p:transition>
    <p:fade/>
  </p:transition>
  <p:timing>
    <p:tnLst>
      <p:par>
        <p:cTn id="1" dur="indefinite" restart="never" nodeType="tmRoot"/>
      </p:par>
    </p:tnLst>
  </p:timing>
</p:sldLayout>
</file>

<file path=ppt/slideLayouts/slideLayout100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26239603"/>
      </p:ext>
    </p:extLst>
  </p:cSld>
  <p:clrMapOvr>
    <a:masterClrMapping/>
  </p:clrMapOvr>
  <p:transition>
    <p:fade/>
  </p:transition>
  <p:timing>
    <p:tnLst>
      <p:par>
        <p:cTn id="1" dur="indefinite" restart="never" nodeType="tmRoot"/>
      </p:par>
    </p:tnLst>
  </p:timing>
</p:sldLayout>
</file>

<file path=ppt/slideLayouts/slideLayout100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124236668"/>
      </p:ext>
    </p:extLst>
  </p:cSld>
  <p:clrMapOvr>
    <a:masterClrMapping/>
  </p:clrMapOvr>
  <p:transition>
    <p:fade/>
  </p:transition>
  <p:timing>
    <p:tnLst>
      <p:par>
        <p:cTn id="1" dur="indefinite" restart="never" nodeType="tmRoot"/>
      </p:par>
    </p:tnLst>
  </p:timing>
</p:sldLayout>
</file>

<file path=ppt/slideLayouts/slideLayout100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591434927"/>
      </p:ext>
    </p:extLst>
  </p:cSld>
  <p:clrMapOvr>
    <a:masterClrMapping/>
  </p:clrMapOvr>
  <p:transition>
    <p:fade/>
  </p:transition>
  <p:timing>
    <p:tnLst>
      <p:par>
        <p:cTn id="1" dur="indefinite" restart="never" nodeType="tmRoot"/>
      </p:par>
    </p:tnLst>
  </p:timing>
</p:sldLayout>
</file>

<file path=ppt/slideLayouts/slideLayout100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818687900"/>
      </p:ext>
    </p:extLst>
  </p:cSld>
  <p:clrMapOvr>
    <a:masterClrMapping/>
  </p:clrMapOvr>
  <p:transition>
    <p:fade/>
  </p:transition>
  <p:timing>
    <p:tnLst>
      <p:par>
        <p:cTn id="1" dur="indefinite" restart="never" nodeType="tmRoot"/>
      </p:par>
    </p:tnLst>
  </p:timing>
</p:sldLayout>
</file>

<file path=ppt/slideLayouts/slideLayout1009.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216237224"/>
      </p:ext>
    </p:extLst>
  </p:cSld>
  <p:clrMapOvr>
    <a:masterClrMapping/>
  </p:clrMapOvr>
  <p:transition spd="slow">
    <p:fade/>
  </p:transition>
  <p:timing>
    <p:tnLst>
      <p:par>
        <p:cTn id="1" dur="indefinite" restart="never" nodeType="tmRoot"/>
      </p:par>
    </p:tnLst>
  </p:timing>
  <p:hf hdr="0" ftr="0" dt="0"/>
</p:sldLayout>
</file>

<file path=ppt/slideLayouts/slideLayout101.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24175039"/>
      </p:ext>
    </p:extLst>
  </p:cSld>
  <p:clrMapOvr>
    <a:masterClrMapping/>
  </p:clrMapOvr>
  <p:transition>
    <p:fade/>
  </p:transition>
</p:sldLayout>
</file>

<file path=ppt/slideLayouts/slideLayout1010.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742936597"/>
      </p:ext>
    </p:extLst>
  </p:cSld>
  <p:clrMapOvr>
    <a:masterClrMapping/>
  </p:clrMapOvr>
  <p:transition>
    <p:fade/>
  </p:transition>
  <p:timing>
    <p:tnLst>
      <p:par>
        <p:cTn id="1" dur="indefinite" restart="never" nodeType="tmRoot"/>
      </p:par>
    </p:tnLst>
  </p:timing>
</p:sldLayout>
</file>

<file path=ppt/slideLayouts/slideLayout1011.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2424328884"/>
      </p:ext>
    </p:extLst>
  </p:cSld>
  <p:clrMapOvr>
    <a:masterClrMapping/>
  </p:clrMapOvr>
  <p:transition>
    <p:fade/>
  </p:transition>
  <p:timing>
    <p:tnLst>
      <p:par>
        <p:cTn id="1" dur="indefinite" restart="never" nodeType="tmRoot"/>
      </p:par>
    </p:tnLst>
  </p:timing>
  <p:hf hdr="0" ftr="0" dt="0"/>
</p:sldLayout>
</file>

<file path=ppt/slideLayouts/slideLayout101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48813765"/>
      </p:ext>
    </p:extLst>
  </p:cSld>
  <p:clrMapOvr>
    <a:masterClrMapping/>
  </p:clrMapOvr>
  <p:transition>
    <p:fade/>
  </p:transition>
  <p:timing>
    <p:tnLst>
      <p:par>
        <p:cTn id="1" dur="indefinite" restart="never" nodeType="tmRoot"/>
      </p:par>
    </p:tnLst>
  </p:timing>
</p:sldLayout>
</file>

<file path=ppt/slideLayouts/slideLayout101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066748144"/>
      </p:ext>
    </p:extLst>
  </p:cSld>
  <p:clrMapOvr>
    <a:masterClrMapping/>
  </p:clrMapOvr>
  <p:transition spd="slow">
    <p:fade/>
  </p:transition>
  <p:timing>
    <p:tnLst>
      <p:par>
        <p:cTn id="1" dur="indefinite" restart="never" nodeType="tmRoot"/>
      </p:par>
    </p:tnLst>
  </p:timing>
</p:sldLayout>
</file>

<file path=ppt/slideLayouts/slideLayout1014.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37977167"/>
      </p:ext>
    </p:extLst>
  </p:cSld>
  <p:clrMapOvr>
    <a:masterClrMapping/>
  </p:clrMapOvr>
  <p:transition spd="slow">
    <p:fade/>
  </p:transition>
  <p:timing>
    <p:tnLst>
      <p:par>
        <p:cTn id="1" dur="indefinite" restart="never" nodeType="tmRoot"/>
      </p:par>
    </p:tnLst>
  </p:timing>
</p:sldLayout>
</file>

<file path=ppt/slideLayouts/slideLayout1015.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74061828"/>
      </p:ext>
    </p:extLst>
  </p:cSld>
  <p:clrMapOvr>
    <a:masterClrMapping/>
  </p:clrMapOvr>
  <p:transition spd="slow">
    <p:fade/>
  </p:transition>
  <p:timing>
    <p:tnLst>
      <p:par>
        <p:cTn id="1" dur="indefinite" restart="never" nodeType="tmRoot"/>
      </p:par>
    </p:tnLst>
  </p:timing>
</p:sldLayout>
</file>

<file path=ppt/slideLayouts/slideLayout1016.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92355319"/>
      </p:ext>
    </p:extLst>
  </p:cSld>
  <p:clrMapOvr>
    <a:masterClrMapping/>
  </p:clrMapOvr>
  <p:transition spd="slow">
    <p:fade/>
  </p:transition>
  <p:timing>
    <p:tnLst>
      <p:par>
        <p:cTn id="1" dur="indefinite" restart="never" nodeType="tmRoot"/>
      </p:par>
    </p:tnLst>
  </p:timing>
</p:sldLayout>
</file>

<file path=ppt/slideLayouts/slideLayout1017.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62459887"/>
      </p:ext>
    </p:extLst>
  </p:cSld>
  <p:clrMapOvr>
    <a:masterClrMapping/>
  </p:clrMapOvr>
  <p:transition spd="slow">
    <p:fade/>
  </p:transition>
  <p:timing>
    <p:tnLst>
      <p:par>
        <p:cTn id="1" dur="indefinite" restart="never" nodeType="tmRoot"/>
      </p:par>
    </p:tnLst>
  </p:timing>
</p:sldLayout>
</file>

<file path=ppt/slideLayouts/slideLayout1018.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94951305"/>
      </p:ext>
    </p:extLst>
  </p:cSld>
  <p:clrMapOvr>
    <a:masterClrMapping/>
  </p:clrMapOvr>
  <p:transition spd="slow">
    <p:fade/>
  </p:transition>
  <p:timing>
    <p:tnLst>
      <p:par>
        <p:cTn id="1" dur="indefinite" restart="never" nodeType="tmRoot"/>
      </p:par>
    </p:tnLst>
  </p:timing>
</p:sldLayout>
</file>

<file path=ppt/slideLayouts/slideLayout1019.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572279"/>
      </p:ext>
    </p:extLst>
  </p:cSld>
  <p:clrMapOvr>
    <a:masterClrMapping/>
  </p:clrMapOvr>
  <p:transition spd="slow">
    <p:fade/>
  </p:transition>
  <p:timing>
    <p:tnLst>
      <p:par>
        <p:cTn id="1" dur="indefinite" restart="never" nodeType="tmRoot"/>
      </p:par>
    </p:tnLst>
  </p:timing>
</p:sldLayout>
</file>

<file path=ppt/slideLayouts/slideLayout102.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623674483"/>
      </p:ext>
    </p:extLst>
  </p:cSld>
  <p:clrMapOvr>
    <a:masterClrMapping/>
  </p:clrMapOvr>
  <p:transition>
    <p:fade/>
  </p:transition>
</p:sldLayout>
</file>

<file path=ppt/slideLayouts/slideLayout102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848154538"/>
      </p:ext>
    </p:extLst>
  </p:cSld>
  <p:clrMapOvr>
    <a:masterClrMapping/>
  </p:clrMapOvr>
  <p:transition spd="slow">
    <p:fade/>
  </p:transition>
</p:sldLayout>
</file>

<file path=ppt/slideLayouts/slideLayout1021.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500818491"/>
      </p:ext>
    </p:extLst>
  </p:cSld>
  <p:clrMapOvr>
    <a:masterClrMapping/>
  </p:clrMapOvr>
  <p:transition spd="slow">
    <p:fade/>
  </p:transition>
</p:sldLayout>
</file>

<file path=ppt/slideLayouts/slideLayout1022.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694318646"/>
      </p:ext>
    </p:extLst>
  </p:cSld>
  <p:clrMapOvr>
    <a:masterClrMapping/>
  </p:clrMapOvr>
  <p:transition spd="slow">
    <p:fade/>
  </p:transition>
  <p:timing>
    <p:tnLst>
      <p:par>
        <p:cTn id="1" dur="indefinite" restart="never" nodeType="tmRoot"/>
      </p:par>
    </p:tnLst>
  </p:timing>
</p:sldLayout>
</file>

<file path=ppt/slideLayouts/slideLayout1023.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264881922"/>
      </p:ext>
    </p:extLst>
  </p:cSld>
  <p:clrMapOvr>
    <a:masterClrMapping/>
  </p:clrMapOvr>
  <p:transition spd="slow">
    <p:fade/>
  </p:transition>
</p:sldLayout>
</file>

<file path=ppt/slideLayouts/slideLayout1024.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740602491"/>
      </p:ext>
    </p:extLst>
  </p:cSld>
  <p:clrMapOvr>
    <a:masterClrMapping/>
  </p:clrMapOvr>
  <p:transition spd="slow">
    <p:fade/>
  </p:transition>
  <p:timing>
    <p:tnLst>
      <p:par>
        <p:cTn id="1" dur="indefinite" restart="never" nodeType="tmRoot"/>
      </p:par>
    </p:tnLst>
  </p:timing>
  <p:hf hdr="0" ftr="0" dt="0"/>
</p:sldLayout>
</file>

<file path=ppt/slideLayouts/slideLayout102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17776458"/>
      </p:ext>
    </p:extLst>
  </p:cSld>
  <p:clrMapOvr>
    <a:masterClrMapping/>
  </p:clrMapOvr>
  <p:transition spd="slow">
    <p:fade/>
  </p:transition>
  <p:timing>
    <p:tnLst>
      <p:par>
        <p:cTn id="1" dur="indefinite" restart="never" nodeType="tmRoot"/>
      </p:par>
    </p:tnLst>
  </p:timing>
</p:sldLayout>
</file>

<file path=ppt/slideLayouts/slideLayout10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970294553"/>
      </p:ext>
    </p:extLst>
  </p:cSld>
  <p:clrMapOvr>
    <a:masterClrMapping/>
  </p:clrMapOvr>
  <p:transition spd="slow">
    <p:fade/>
  </p:transition>
  <p:timing>
    <p:tnLst>
      <p:par>
        <p:cTn id="1" dur="indefinite" restart="never" nodeType="tmRoot"/>
      </p:par>
    </p:tnLst>
  </p:timing>
</p:sldLayout>
</file>

<file path=ppt/slideLayouts/slideLayout10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487829477"/>
      </p:ext>
    </p:extLst>
  </p:cSld>
  <p:clrMapOvr>
    <a:masterClrMapping/>
  </p:clrMapOvr>
  <p:transition spd="slow">
    <p:fade/>
  </p:transition>
</p:sldLayout>
</file>

<file path=ppt/slideLayouts/slideLayout102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88766458"/>
      </p:ext>
    </p:extLst>
  </p:cSld>
  <p:clrMapOvr>
    <a:masterClrMapping/>
  </p:clrMapOvr>
  <p:transition spd="slow">
    <p:fade/>
  </p:transition>
</p:sldLayout>
</file>

<file path=ppt/slideLayouts/slideLayout10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648446687"/>
      </p:ext>
    </p:extLst>
  </p:cSld>
  <p:clrMapOvr>
    <a:masterClrMapping/>
  </p:clrMapOvr>
  <p:transition spd="slow">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358851079"/>
      </p:ext>
    </p:extLst>
  </p:cSld>
  <p:clrMapOvr>
    <a:masterClrMapping/>
  </p:clrMapOvr>
  <p:transition>
    <p:fade/>
  </p:transition>
  <p:timing>
    <p:tnLst>
      <p:par>
        <p:cTn id="1" dur="indefinite" restart="never" nodeType="tmRoot"/>
      </p:par>
    </p:tnLst>
  </p:timing>
</p:sldLayout>
</file>

<file path=ppt/slideLayouts/slideLayout1030.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488243846"/>
      </p:ext>
    </p:extLst>
  </p:cSld>
  <p:clrMapOvr>
    <a:masterClrMapping/>
  </p:clrMapOvr>
  <p:transition spd="slow">
    <p:fade/>
  </p:transition>
  <p:timing>
    <p:tnLst>
      <p:par>
        <p:cTn id="1" dur="indefinite" restart="never" nodeType="tmRoot"/>
      </p:par>
    </p:tnLst>
  </p:timing>
</p:sldLayout>
</file>

<file path=ppt/slideLayouts/slideLayout1031.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492909194"/>
      </p:ext>
    </p:extLst>
  </p:cSld>
  <p:clrMapOvr>
    <a:masterClrMapping/>
  </p:clrMapOvr>
  <p:transition spd="slow">
    <p:fade/>
  </p:transition>
  <p:timing>
    <p:tnLst>
      <p:par>
        <p:cTn id="1" dur="indefinite" restart="never" nodeType="tmRoot"/>
      </p:par>
    </p:tnLst>
  </p:timing>
</p:sldLayout>
</file>

<file path=ppt/slideLayouts/slideLayout1032.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19773699"/>
      </p:ext>
    </p:extLst>
  </p:cSld>
  <p:clrMapOvr>
    <a:masterClrMapping/>
  </p:clrMapOvr>
  <p:transition spd="slow">
    <p:fade/>
  </p:transition>
  <p:timing>
    <p:tnLst>
      <p:par>
        <p:cTn id="1" dur="indefinite" restart="never" nodeType="tmRoot"/>
      </p:par>
    </p:tnLst>
  </p:timing>
</p:sldLayout>
</file>

<file path=ppt/slideLayouts/slideLayout1033.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899163189"/>
      </p:ext>
    </p:extLst>
  </p:cSld>
  <p:clrMapOvr>
    <a:masterClrMapping/>
  </p:clrMapOvr>
  <p:transition spd="slow">
    <p:fade/>
  </p:transition>
</p:sldLayout>
</file>

<file path=ppt/slideLayouts/slideLayout1034.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053506594"/>
      </p:ext>
    </p:extLst>
  </p:cSld>
  <p:clrMapOvr>
    <a:masterClrMapping/>
  </p:clrMapOvr>
  <p:transition spd="slow">
    <p:fade/>
  </p:transition>
</p:sldLayout>
</file>

<file path=ppt/slideLayouts/slideLayout1035.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964951186"/>
      </p:ext>
    </p:extLst>
  </p:cSld>
  <p:clrMapOvr>
    <a:masterClrMapping/>
  </p:clrMapOvr>
  <p:transition spd="slow">
    <p:fade/>
  </p:transition>
</p:sldLayout>
</file>

<file path=ppt/slideLayouts/slideLayout1036.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386745912"/>
      </p:ext>
    </p:extLst>
  </p:cSld>
  <p:clrMapOvr>
    <a:masterClrMapping/>
  </p:clrMapOvr>
  <p:transition spd="slow">
    <p:fade/>
  </p:transition>
</p:sldLayout>
</file>

<file path=ppt/slideLayouts/slideLayout1037.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947329307"/>
      </p:ext>
    </p:extLst>
  </p:cSld>
  <p:clrMapOvr>
    <a:masterClrMapping/>
  </p:clrMapOvr>
  <p:transition spd="slow">
    <p:fade/>
  </p:transition>
  <p:timing>
    <p:tnLst>
      <p:par>
        <p:cTn id="1" dur="indefinite" restart="never" nodeType="tmRoot"/>
      </p:par>
    </p:tnLst>
  </p:timing>
</p:sldLayout>
</file>

<file path=ppt/slideLayouts/slideLayout103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403974484"/>
      </p:ext>
    </p:extLst>
  </p:cSld>
  <p:clrMapOvr>
    <a:masterClrMapping/>
  </p:clrMapOvr>
  <p:transition>
    <p:fade/>
  </p:transition>
</p:sldLayout>
</file>

<file path=ppt/slideLayouts/slideLayout10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870441116"/>
      </p:ext>
    </p:extLst>
  </p:cSld>
  <p:clrMapOvr>
    <a:masterClrMapping/>
  </p:clrMapOvr>
  <p:transition>
    <p:fade/>
  </p:transition>
  <p:timing>
    <p:tnLst>
      <p:par>
        <p:cTn id="1" dur="indefinite" restart="never" nodeType="tmRoot"/>
      </p:par>
    </p:tnLst>
  </p:timing>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1985150285"/>
      </p:ext>
    </p:extLst>
  </p:cSld>
  <p:clrMapOvr>
    <a:masterClrMapping/>
  </p:clrMapOvr>
  <p:transition>
    <p:fade/>
  </p:transition>
  <p:timing>
    <p:tnLst>
      <p:par>
        <p:cTn id="1" dur="indefinite" restart="never" nodeType="tmRoot"/>
      </p:par>
    </p:tnLst>
  </p:timing>
</p:sldLayout>
</file>

<file path=ppt/slideLayouts/slideLayout104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298986538"/>
      </p:ext>
    </p:extLst>
  </p:cSld>
  <p:clrMapOvr>
    <a:masterClrMapping/>
  </p:clrMapOvr>
  <p:transition>
    <p:fade/>
  </p:transition>
  <p:timing>
    <p:tnLst>
      <p:par>
        <p:cTn id="1" dur="indefinite" restart="never" nodeType="tmRoot"/>
      </p:par>
    </p:tnLst>
  </p:timing>
</p:sldLayout>
</file>

<file path=ppt/slideLayouts/slideLayout104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93417851"/>
      </p:ext>
    </p:extLst>
  </p:cSld>
  <p:clrMapOvr>
    <a:masterClrMapping/>
  </p:clrMapOvr>
  <p:transition>
    <p:fade/>
  </p:transition>
  <p:timing>
    <p:tnLst>
      <p:par>
        <p:cTn id="1" dur="indefinite" restart="never" nodeType="tmRoot"/>
      </p:par>
    </p:tnLst>
  </p:timing>
  <p:hf hdr="0" ftr="0" dt="0"/>
</p:sldLayout>
</file>

<file path=ppt/slideLayouts/slideLayout104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41442296"/>
      </p:ext>
    </p:extLst>
  </p:cSld>
  <p:clrMapOvr>
    <a:masterClrMapping/>
  </p:clrMapOvr>
  <p:transition>
    <p:fade/>
  </p:transition>
  <p:timing>
    <p:tnLst>
      <p:par>
        <p:cTn id="1" dur="indefinite" restart="never" nodeType="tmRoot"/>
      </p:par>
    </p:tnLst>
  </p:timing>
</p:sldLayout>
</file>

<file path=ppt/slideLayouts/slideLayout104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77724778"/>
      </p:ext>
    </p:extLst>
  </p:cSld>
  <p:clrMapOvr>
    <a:masterClrMapping/>
  </p:clrMapOvr>
  <p:transition>
    <p:fade/>
  </p:transition>
  <p:timing>
    <p:tnLst>
      <p:par>
        <p:cTn id="1" dur="indefinite" restart="never" nodeType="tmRoot"/>
      </p:par>
    </p:tnLst>
  </p:timing>
</p:sldLayout>
</file>

<file path=ppt/slideLayouts/slideLayout104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98408890"/>
      </p:ext>
    </p:extLst>
  </p:cSld>
  <p:clrMapOvr>
    <a:masterClrMapping/>
  </p:clrMapOvr>
  <p:transition>
    <p:fade/>
  </p:transition>
  <p:timing>
    <p:tnLst>
      <p:par>
        <p:cTn id="1" dur="indefinite" restart="never" nodeType="tmRoot"/>
      </p:par>
    </p:tnLst>
  </p:timing>
</p:sldLayout>
</file>

<file path=ppt/slideLayouts/slideLayout10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132336122"/>
      </p:ext>
    </p:extLst>
  </p:cSld>
  <p:clrMapOvr>
    <a:masterClrMapping/>
  </p:clrMapOvr>
  <p:transition>
    <p:fade/>
  </p:transition>
  <p:timing>
    <p:tnLst>
      <p:par>
        <p:cTn id="1" dur="indefinite" restart="never" nodeType="tmRoot"/>
      </p:par>
    </p:tnLst>
  </p:timing>
</p:sldLayout>
</file>

<file path=ppt/slideLayouts/slideLayout10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056339883"/>
      </p:ext>
    </p:extLst>
  </p:cSld>
  <p:clrMapOvr>
    <a:masterClrMapping/>
  </p:clrMapOvr>
  <p:transition>
    <p:fade/>
  </p:transition>
  <p:timing>
    <p:tnLst>
      <p:par>
        <p:cTn id="1" dur="indefinite" restart="never" nodeType="tmRoot"/>
      </p:par>
    </p:tnLst>
  </p:timing>
</p:sldLayout>
</file>

<file path=ppt/slideLayouts/slideLayout104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73013710"/>
      </p:ext>
    </p:extLst>
  </p:cSld>
  <p:clrMapOvr>
    <a:masterClrMapping/>
  </p:clrMapOvr>
  <p:transition spd="slow">
    <p:fade/>
  </p:transition>
  <p:timing>
    <p:tnLst>
      <p:par>
        <p:cTn id="1" dur="indefinite" restart="never" nodeType="tmRoot"/>
      </p:par>
    </p:tnLst>
  </p:timing>
  <p:hf hdr="0" ftr="0" dt="0"/>
</p:sldLayout>
</file>

<file path=ppt/slideLayouts/slideLayout104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65928388"/>
      </p:ext>
    </p:extLst>
  </p:cSld>
  <p:clrMapOvr>
    <a:masterClrMapping/>
  </p:clrMapOvr>
  <p:transition>
    <p:fade/>
  </p:transition>
  <p:timing>
    <p:tnLst>
      <p:par>
        <p:cTn id="1" dur="indefinite" restart="never" nodeType="tmRoot"/>
      </p:par>
    </p:tnLst>
  </p:timing>
</p:sldLayout>
</file>

<file path=ppt/slideLayouts/slideLayout104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763252004"/>
      </p:ext>
    </p:extLst>
  </p:cSld>
  <p:clrMapOvr>
    <a:masterClrMapping/>
  </p:clrMapOvr>
  <p:transition>
    <p:fade/>
  </p:transition>
  <p:timing>
    <p:tnLst>
      <p:par>
        <p:cTn id="1" dur="indefinite" restart="never" nodeType="tmRoot"/>
      </p:par>
    </p:tnLst>
  </p:timing>
  <p:hf hdr="0" ftr="0" dt="0"/>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28068392"/>
      </p:ext>
    </p:extLst>
  </p:cSld>
  <p:clrMapOvr>
    <a:masterClrMapping/>
  </p:clrMapOvr>
  <p:transition>
    <p:fade/>
  </p:transition>
  <p:timing>
    <p:tnLst>
      <p:par>
        <p:cTn id="1" dur="indefinite" restart="never" nodeType="tmRoot"/>
      </p:par>
    </p:tnLst>
  </p:timing>
  <p:hf hdr="0" ftr="0" dt="0"/>
</p:sldLayout>
</file>

<file path=ppt/slideLayouts/slideLayout105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752073735"/>
      </p:ext>
    </p:extLst>
  </p:cSld>
  <p:clrMapOvr>
    <a:masterClrMapping/>
  </p:clrMapOvr>
  <p:transition>
    <p:fade/>
  </p:transition>
  <p:timing>
    <p:tnLst>
      <p:par>
        <p:cTn id="1" dur="indefinite" restart="never" nodeType="tmRoot"/>
      </p:par>
    </p:tnLst>
  </p:timing>
</p:sldLayout>
</file>

<file path=ppt/slideLayouts/slideLayout105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544920890"/>
      </p:ext>
    </p:extLst>
  </p:cSld>
  <p:clrMapOvr>
    <a:masterClrMapping/>
  </p:clrMapOvr>
  <p:transition>
    <p:fade/>
  </p:transition>
  <p:timing>
    <p:tnLst>
      <p:par>
        <p:cTn id="1" dur="indefinite" restart="never" nodeType="tmRoot"/>
      </p:par>
    </p:tnLst>
  </p:timing>
</p:sldLayout>
</file>

<file path=ppt/slideLayouts/slideLayout105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2042759181"/>
      </p:ext>
    </p:extLst>
  </p:cSld>
  <p:clrMapOvr>
    <a:masterClrMapping/>
  </p:clrMapOvr>
  <p:transition>
    <p:fade/>
  </p:transition>
  <p:timing>
    <p:tnLst>
      <p:par>
        <p:cTn id="1" dur="indefinite" restart="never" nodeType="tmRoot"/>
      </p:par>
    </p:tnLst>
  </p:timing>
</p:sldLayout>
</file>

<file path=ppt/slideLayouts/slideLayout105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ct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611861168"/>
      </p:ext>
    </p:extLst>
  </p:cSld>
  <p:clrMapOvr>
    <a:masterClrMapping/>
  </p:clrMapOvr>
  <p:transition>
    <p:fade/>
  </p:transition>
  <p:timing>
    <p:tnLst>
      <p:par>
        <p:cTn id="1" dur="indefinite" restart="never" nodeType="tmRoot"/>
      </p:par>
    </p:tnLst>
  </p:timing>
  <p:hf hdr="0" ftr="0" dt="0"/>
</p:sldLayout>
</file>

<file path=ppt/slideLayouts/slideLayout105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45128"/>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377825" y="533400"/>
            <a:ext cx="8382000" cy="609398"/>
          </a:xfrm>
        </p:spPr>
        <p:txBody>
          <a:bodyPr/>
          <a:lstStyle>
            <a:lvl1pPr algn="ct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04800" y="2743200"/>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tx1"/>
                </a:solidFill>
                <a:latin typeface="+mn-lt"/>
                <a:ea typeface="+mn-ea"/>
                <a:cs typeface="+mn-cs"/>
              </a:defRPr>
            </a:lvl2pPr>
            <a:lvl3pPr>
              <a:lnSpc>
                <a:spcPct val="90000"/>
              </a:lnSpc>
              <a:spcBef>
                <a:spcPts val="0"/>
              </a:spcBef>
              <a:spcAft>
                <a:spcPts val="1200"/>
              </a:spcAft>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tx1"/>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33709958"/>
      </p:ext>
    </p:extLst>
  </p:cSld>
  <p:clrMapOvr>
    <a:masterClrMapping/>
  </p:clrMapOvr>
  <p:transition>
    <p:fade/>
  </p:transition>
  <p:timing>
    <p:tnLst>
      <p:par>
        <p:cTn id="1" dur="indefinite" restart="never" nodeType="tmRoot"/>
      </p:par>
    </p:tnLst>
  </p:timing>
</p:sldLayout>
</file>

<file path=ppt/slideLayouts/slideLayout105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93056552"/>
      </p:ext>
    </p:extLst>
  </p:cSld>
  <p:clrMapOvr>
    <a:masterClrMapping/>
  </p:clrMapOvr>
  <p:transition>
    <p:fade/>
  </p:transition>
  <p:timing>
    <p:tnLst>
      <p:par>
        <p:cTn id="1" dur="indefinite" restart="never" nodeType="tmRoot"/>
      </p:par>
    </p:tnLst>
  </p:timing>
</p:sldLayout>
</file>

<file path=ppt/slideLayouts/slideLayout105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934724473"/>
      </p:ext>
    </p:extLst>
  </p:cSld>
  <p:clrMapOvr>
    <a:masterClrMapping/>
  </p:clrMapOvr>
  <p:transition>
    <p:fade/>
  </p:transition>
  <p:timing>
    <p:tnLst>
      <p:par>
        <p:cTn id="1" dur="indefinite" restart="never" nodeType="tmRoot"/>
      </p:par>
    </p:tnLst>
  </p:timing>
</p:sldLayout>
</file>

<file path=ppt/slideLayouts/slideLayout105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153967237"/>
      </p:ext>
    </p:extLst>
  </p:cSld>
  <p:clrMapOvr>
    <a:masterClrMapping/>
  </p:clrMapOvr>
  <p:transition>
    <p:fade/>
  </p:transition>
  <p:timing>
    <p:tnLst>
      <p:par>
        <p:cTn id="1" dur="indefinite" restart="never" nodeType="tmRoot"/>
      </p:par>
    </p:tnLst>
  </p:timing>
</p:sldLayout>
</file>

<file path=ppt/slideLayouts/slideLayout105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1192623"/>
      </p:ext>
    </p:extLst>
  </p:cSld>
  <p:clrMapOvr>
    <a:masterClrMapping/>
  </p:clrMapOvr>
  <p:transition>
    <p:fade/>
  </p:transition>
  <p:timing>
    <p:tnLst>
      <p:par>
        <p:cTn id="1" dur="indefinite" restart="never" nodeType="tmRoot"/>
      </p:par>
    </p:tnLst>
  </p:timing>
</p:sldLayout>
</file>

<file path=ppt/slideLayouts/slideLayout1059.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39377924"/>
      </p:ext>
    </p:extLst>
  </p:cSld>
  <p:clrMapOvr>
    <a:masterClrMapping/>
  </p:clrMapOvr>
  <p:transition spd="slow">
    <p:fade/>
  </p:transition>
  <p:timing>
    <p:tnLst>
      <p:par>
        <p:cTn id="1" dur="indefinite" restart="never" nodeType="tmRoot"/>
      </p:par>
    </p:tnLst>
  </p:timing>
  <p:hf hdr="0" ftr="0" dt="0"/>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792181929"/>
      </p:ext>
    </p:extLst>
  </p:cSld>
  <p:clrMapOvr>
    <a:masterClrMapping/>
  </p:clrMapOvr>
  <p:transition>
    <p:fade/>
  </p:transition>
  <p:timing>
    <p:tnLst>
      <p:par>
        <p:cTn id="1" dur="indefinite" restart="never" nodeType="tmRoot"/>
      </p:par>
    </p:tnLst>
  </p:timing>
</p:sldLayout>
</file>

<file path=ppt/slideLayouts/slideLayout1060.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00078568"/>
      </p:ext>
    </p:extLst>
  </p:cSld>
  <p:clrMapOvr>
    <a:masterClrMapping/>
  </p:clrMapOvr>
  <p:transition>
    <p:fade/>
  </p:transition>
  <p:timing>
    <p:tnLst>
      <p:par>
        <p:cTn id="1" dur="indefinite" restart="never" nodeType="tmRoot"/>
      </p:par>
    </p:tnLst>
  </p:timing>
</p:sldLayout>
</file>

<file path=ppt/slideLayouts/slideLayout1061.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4192484385"/>
      </p:ext>
    </p:extLst>
  </p:cSld>
  <p:clrMapOvr>
    <a:masterClrMapping/>
  </p:clrMapOvr>
  <p:transition>
    <p:fade/>
  </p:transition>
  <p:timing>
    <p:tnLst>
      <p:par>
        <p:cTn id="1" dur="indefinite" restart="never" nodeType="tmRoot"/>
      </p:par>
    </p:tnLst>
  </p:timing>
  <p:hf hdr="0" ftr="0" dt="0"/>
</p:sldLayout>
</file>

<file path=ppt/slideLayouts/slideLayout106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5673377"/>
      </p:ext>
    </p:extLst>
  </p:cSld>
  <p:clrMapOvr>
    <a:masterClrMapping/>
  </p:clrMapOvr>
  <p:transition>
    <p:fade/>
  </p:transition>
  <p:timing>
    <p:tnLst>
      <p:par>
        <p:cTn id="1" dur="indefinite" restart="never" nodeType="tmRoot"/>
      </p:par>
    </p:tnLst>
  </p:timing>
</p:sldLayout>
</file>

<file path=ppt/slideLayouts/slideLayout106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33902703"/>
      </p:ext>
    </p:extLst>
  </p:cSld>
  <p:clrMapOvr>
    <a:masterClrMapping/>
  </p:clrMapOvr>
  <p:transition spd="slow">
    <p:fade/>
  </p:transition>
  <p:timing>
    <p:tnLst>
      <p:par>
        <p:cTn id="1" dur="indefinite" restart="never" nodeType="tmRoot"/>
      </p:par>
    </p:tnLst>
  </p:timing>
</p:sldLayout>
</file>

<file path=ppt/slideLayouts/slideLayout1064.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386385909"/>
      </p:ext>
    </p:extLst>
  </p:cSld>
  <p:clrMapOvr>
    <a:masterClrMapping/>
  </p:clrMapOvr>
  <p:transition spd="slow">
    <p:fade/>
  </p:transition>
  <p:timing>
    <p:tnLst>
      <p:par>
        <p:cTn id="1" dur="indefinite" restart="never" nodeType="tmRoot"/>
      </p:par>
    </p:tnLst>
  </p:timing>
</p:sldLayout>
</file>

<file path=ppt/slideLayouts/slideLayout1065.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29984467"/>
      </p:ext>
    </p:extLst>
  </p:cSld>
  <p:clrMapOvr>
    <a:masterClrMapping/>
  </p:clrMapOvr>
  <p:transition spd="slow">
    <p:fade/>
  </p:transition>
  <p:timing>
    <p:tnLst>
      <p:par>
        <p:cTn id="1" dur="indefinite" restart="never" nodeType="tmRoot"/>
      </p:par>
    </p:tnLst>
  </p:timing>
</p:sldLayout>
</file>

<file path=ppt/slideLayouts/slideLayout1066.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10159191"/>
      </p:ext>
    </p:extLst>
  </p:cSld>
  <p:clrMapOvr>
    <a:masterClrMapping/>
  </p:clrMapOvr>
  <p:transition spd="slow">
    <p:fade/>
  </p:transition>
  <p:timing>
    <p:tnLst>
      <p:par>
        <p:cTn id="1" dur="indefinite" restart="never" nodeType="tmRoot"/>
      </p:par>
    </p:tnLst>
  </p:timing>
</p:sldLayout>
</file>

<file path=ppt/slideLayouts/slideLayout1067.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71418852"/>
      </p:ext>
    </p:extLst>
  </p:cSld>
  <p:clrMapOvr>
    <a:masterClrMapping/>
  </p:clrMapOvr>
  <p:transition spd="slow">
    <p:fade/>
  </p:transition>
  <p:timing>
    <p:tnLst>
      <p:par>
        <p:cTn id="1" dur="indefinite" restart="never" nodeType="tmRoot"/>
      </p:par>
    </p:tnLst>
  </p:timing>
</p:sldLayout>
</file>

<file path=ppt/slideLayouts/slideLayout1068.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429057648"/>
      </p:ext>
    </p:extLst>
  </p:cSld>
  <p:clrMapOvr>
    <a:masterClrMapping/>
  </p:clrMapOvr>
  <p:transition spd="slow">
    <p:fade/>
  </p:transition>
  <p:timing>
    <p:tnLst>
      <p:par>
        <p:cTn id="1" dur="indefinite" restart="never" nodeType="tmRoot"/>
      </p:par>
    </p:tnLst>
  </p:timing>
</p:sldLayout>
</file>

<file path=ppt/slideLayouts/slideLayout1069.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10986359"/>
      </p:ext>
    </p:extLst>
  </p:cSld>
  <p:clrMapOvr>
    <a:masterClrMapping/>
  </p:clrMapOvr>
  <p:transition spd="slow">
    <p:fade/>
  </p:transition>
  <p:timing>
    <p:tnLst>
      <p:par>
        <p:cTn id="1" dur="indefinite" restart="never" nodeType="tmRoot"/>
      </p:par>
    </p:tnLst>
  </p:timing>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153119569"/>
      </p:ext>
    </p:extLst>
  </p:cSld>
  <p:clrMapOvr>
    <a:masterClrMapping/>
  </p:clrMapOvr>
  <p:transition>
    <p:fade/>
  </p:transition>
  <p:timing>
    <p:tnLst>
      <p:par>
        <p:cTn id="1" dur="indefinite" restart="never" nodeType="tmRoot"/>
      </p:par>
    </p:tnLst>
  </p:timing>
</p:sldLayout>
</file>

<file path=ppt/slideLayouts/slideLayout107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533364848"/>
      </p:ext>
    </p:extLst>
  </p:cSld>
  <p:clrMapOvr>
    <a:masterClrMapping/>
  </p:clrMapOvr>
  <p:transition>
    <p:fade/>
  </p:transition>
  <p:timing>
    <p:tnLst>
      <p:par>
        <p:cTn id="1" dur="indefinite" restart="never" nodeType="tmRoot"/>
      </p:par>
    </p:tnLst>
  </p:timing>
</p:sldLayout>
</file>

<file path=ppt/slideLayouts/slideLayout1071.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2652778624"/>
      </p:ext>
    </p:extLst>
  </p:cSld>
  <p:clrMapOvr>
    <a:masterClrMapping/>
  </p:clrMapOvr>
  <p:transition>
    <p:fade/>
  </p:transition>
  <p:timing>
    <p:tnLst>
      <p:par>
        <p:cTn id="1" dur="indefinite" restart="never" nodeType="tmRoot"/>
      </p:par>
    </p:tnLst>
  </p:timing>
</p:sldLayout>
</file>

<file path=ppt/slideLayouts/slideLayout107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ct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231334849"/>
      </p:ext>
    </p:extLst>
  </p:cSld>
  <p:clrMapOvr>
    <a:masterClrMapping/>
  </p:clrMapOvr>
  <p:transition>
    <p:fade/>
  </p:transition>
  <p:timing>
    <p:tnLst>
      <p:par>
        <p:cTn id="1" dur="indefinite" restart="never" nodeType="tmRoot"/>
      </p:par>
    </p:tnLst>
  </p:timing>
  <p:hf hdr="0" ftr="0" dt="0"/>
</p:sldLayout>
</file>

<file path=ppt/slideLayouts/slideLayout107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45128"/>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377825" y="533400"/>
            <a:ext cx="8382000" cy="609398"/>
          </a:xfrm>
        </p:spPr>
        <p:txBody>
          <a:bodyPr/>
          <a:lstStyle>
            <a:lvl1pPr algn="ct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04800" y="2743200"/>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tx1"/>
                </a:solidFill>
                <a:latin typeface="+mn-lt"/>
                <a:ea typeface="+mn-ea"/>
                <a:cs typeface="+mn-cs"/>
              </a:defRPr>
            </a:lvl2pPr>
            <a:lvl3pPr>
              <a:lnSpc>
                <a:spcPct val="90000"/>
              </a:lnSpc>
              <a:spcBef>
                <a:spcPts val="0"/>
              </a:spcBef>
              <a:spcAft>
                <a:spcPts val="1200"/>
              </a:spcAft>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tx1"/>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06480188"/>
      </p:ext>
    </p:extLst>
  </p:cSld>
  <p:clrMapOvr>
    <a:masterClrMapping/>
  </p:clrMapOvr>
  <p:transition>
    <p:fade/>
  </p:transition>
  <p:timing>
    <p:tnLst>
      <p:par>
        <p:cTn id="1" dur="indefinite" restart="never" nodeType="tmRoot"/>
      </p:par>
    </p:tnLst>
  </p:timing>
</p:sldLayout>
</file>

<file path=ppt/slideLayouts/slideLayout107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42244523"/>
      </p:ext>
    </p:extLst>
  </p:cSld>
  <p:clrMapOvr>
    <a:masterClrMapping/>
  </p:clrMapOvr>
  <p:transition>
    <p:fade/>
  </p:transition>
  <p:timing>
    <p:tnLst>
      <p:par>
        <p:cTn id="1" dur="indefinite" restart="never" nodeType="tmRoot"/>
      </p:par>
    </p:tnLst>
  </p:timing>
</p:sldLayout>
</file>

<file path=ppt/slideLayouts/slideLayout107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015162223"/>
      </p:ext>
    </p:extLst>
  </p:cSld>
  <p:clrMapOvr>
    <a:masterClrMapping/>
  </p:clrMapOvr>
  <p:transition>
    <p:fade/>
  </p:transition>
  <p:timing>
    <p:tnLst>
      <p:par>
        <p:cTn id="1" dur="indefinite" restart="never" nodeType="tmRoot"/>
      </p:par>
    </p:tnLst>
  </p:timing>
</p:sldLayout>
</file>

<file path=ppt/slideLayouts/slideLayout107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81000" y="304800"/>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767054146"/>
      </p:ext>
    </p:extLst>
  </p:cSld>
  <p:clrMapOvr>
    <a:masterClrMapping/>
  </p:clrMapOvr>
  <p:transition>
    <p:fade/>
  </p:transition>
  <p:timing>
    <p:tnLst>
      <p:par>
        <p:cTn id="1" dur="indefinite" restart="never" nodeType="tmRoot"/>
      </p:par>
    </p:tnLst>
  </p:timing>
</p:sldLayout>
</file>

<file path=ppt/slideLayouts/slideLayout107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93283300"/>
      </p:ext>
    </p:extLst>
  </p:cSld>
  <p:clrMapOvr>
    <a:masterClrMapping/>
  </p:clrMapOvr>
  <p:transition>
    <p:fade/>
  </p:transition>
  <p:timing>
    <p:tnLst>
      <p:par>
        <p:cTn id="1" dur="indefinite" restart="never" nodeType="tmRoot"/>
      </p:par>
    </p:tnLst>
  </p:timing>
</p:sldLayout>
</file>

<file path=ppt/slideLayouts/slideLayout1078.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45707989"/>
      </p:ext>
    </p:extLst>
  </p:cSld>
  <p:clrMapOvr>
    <a:masterClrMapping/>
  </p:clrMapOvr>
  <p:transition spd="slow">
    <p:fade/>
  </p:transition>
  <p:timing>
    <p:tnLst>
      <p:par>
        <p:cTn id="1" dur="indefinite" restart="never" nodeType="tmRoot"/>
      </p:par>
    </p:tnLst>
  </p:timing>
  <p:hf hdr="0" ftr="0" dt="0"/>
</p:sldLayout>
</file>

<file path=ppt/slideLayouts/slideLayout1079.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38859539"/>
      </p:ext>
    </p:extLst>
  </p:cSld>
  <p:clrMapOvr>
    <a:masterClrMapping/>
  </p:clrMapOvr>
  <p:transition>
    <p:fade/>
  </p:transition>
  <p:timing>
    <p:tnLst>
      <p:par>
        <p:cTn id="1" dur="indefinite" restart="never" nodeType="tmRoot"/>
      </p:par>
    </p:tnLst>
  </p:timing>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1342324"/>
      </p:ext>
    </p:extLst>
  </p:cSld>
  <p:clrMapOvr>
    <a:masterClrMapping/>
  </p:clrMapOvr>
  <p:transition>
    <p:fade/>
  </p:transition>
  <p:timing>
    <p:tnLst>
      <p:par>
        <p:cTn id="1" dur="indefinite" restart="never" nodeType="tmRoot"/>
      </p:par>
    </p:tnLst>
  </p:timing>
</p:sldLayout>
</file>

<file path=ppt/slideLayouts/slideLayout1080.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809484324"/>
      </p:ext>
    </p:extLst>
  </p:cSld>
  <p:clrMapOvr>
    <a:masterClrMapping/>
  </p:clrMapOvr>
  <p:transition>
    <p:fade/>
  </p:transition>
  <p:timing>
    <p:tnLst>
      <p:par>
        <p:cTn id="1" dur="indefinite" restart="never" nodeType="tmRoot"/>
      </p:par>
    </p:tnLst>
  </p:timing>
  <p:hf hdr="0" ftr="0" dt="0"/>
</p:sldLayout>
</file>

<file path=ppt/slideLayouts/slideLayout1081.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87042754"/>
      </p:ext>
    </p:extLst>
  </p:cSld>
  <p:clrMapOvr>
    <a:masterClrMapping/>
  </p:clrMapOvr>
  <p:transition>
    <p:fade/>
  </p:transition>
  <p:timing>
    <p:tnLst>
      <p:par>
        <p:cTn id="1" dur="indefinite" restart="never" nodeType="tmRoot"/>
      </p:par>
    </p:tnLst>
  </p:timing>
</p:sldLayout>
</file>

<file path=ppt/slideLayouts/slideLayout1082.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80640661"/>
      </p:ext>
    </p:extLst>
  </p:cSld>
  <p:clrMapOvr>
    <a:masterClrMapping/>
  </p:clrMapOvr>
  <p:transition spd="slow">
    <p:fade/>
  </p:transition>
  <p:timing>
    <p:tnLst>
      <p:par>
        <p:cTn id="1" dur="indefinite" restart="never" nodeType="tmRoot"/>
      </p:par>
    </p:tnLst>
  </p:timing>
</p:sldLayout>
</file>

<file path=ppt/slideLayouts/slideLayout1083.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358985255"/>
      </p:ext>
    </p:extLst>
  </p:cSld>
  <p:clrMapOvr>
    <a:masterClrMapping/>
  </p:clrMapOvr>
  <p:transition spd="slow">
    <p:fade/>
  </p:transition>
  <p:timing>
    <p:tnLst>
      <p:par>
        <p:cTn id="1" dur="indefinite" restart="never" nodeType="tmRoot"/>
      </p:par>
    </p:tnLst>
  </p:timing>
</p:sldLayout>
</file>

<file path=ppt/slideLayouts/slideLayout1084.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06190970"/>
      </p:ext>
    </p:extLst>
  </p:cSld>
  <p:clrMapOvr>
    <a:masterClrMapping/>
  </p:clrMapOvr>
  <p:transition spd="slow">
    <p:fade/>
  </p:transition>
  <p:timing>
    <p:tnLst>
      <p:par>
        <p:cTn id="1" dur="indefinite" restart="never" nodeType="tmRoot"/>
      </p:par>
    </p:tnLst>
  </p:timing>
</p:sldLayout>
</file>

<file path=ppt/slideLayouts/slideLayout1085.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858457"/>
      </p:ext>
    </p:extLst>
  </p:cSld>
  <p:clrMapOvr>
    <a:masterClrMapping/>
  </p:clrMapOvr>
  <p:transition spd="slow">
    <p:fade/>
  </p:transition>
  <p:timing>
    <p:tnLst>
      <p:par>
        <p:cTn id="1" dur="indefinite" restart="never" nodeType="tmRoot"/>
      </p:par>
    </p:tnLst>
  </p:timing>
</p:sldLayout>
</file>

<file path=ppt/slideLayouts/slideLayout1086.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69870212"/>
      </p:ext>
    </p:extLst>
  </p:cSld>
  <p:clrMapOvr>
    <a:masterClrMapping/>
  </p:clrMapOvr>
  <p:transition spd="slow">
    <p:fade/>
  </p:transition>
  <p:timing>
    <p:tnLst>
      <p:par>
        <p:cTn id="1" dur="indefinite" restart="never" nodeType="tmRoot"/>
      </p:par>
    </p:tnLst>
  </p:timing>
</p:sldLayout>
</file>

<file path=ppt/slideLayouts/slideLayout1087.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16762081"/>
      </p:ext>
    </p:extLst>
  </p:cSld>
  <p:clrMapOvr>
    <a:masterClrMapping/>
  </p:clrMapOvr>
  <p:transition spd="slow">
    <p:fade/>
  </p:transition>
  <p:timing>
    <p:tnLst>
      <p:par>
        <p:cTn id="1" dur="indefinite" restart="never" nodeType="tmRoot"/>
      </p:par>
    </p:tnLst>
  </p:timing>
</p:sldLayout>
</file>

<file path=ppt/slideLayouts/slideLayout1088.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22764098"/>
      </p:ext>
    </p:extLst>
  </p:cSld>
  <p:clrMapOvr>
    <a:masterClrMapping/>
  </p:clrMapOvr>
  <p:transition spd="slow">
    <p:fade/>
  </p:transition>
  <p:timing>
    <p:tnLst>
      <p:par>
        <p:cTn id="1" dur="indefinite" restart="never" nodeType="tmRoot"/>
      </p:par>
    </p:tnLst>
  </p:timing>
</p:sldLayout>
</file>

<file path=ppt/slideLayouts/slideLayout108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381000" y="1412875"/>
            <a:ext cx="8382000" cy="2210862"/>
          </a:xfrm>
        </p:spPr>
        <p:txBody>
          <a:bodyPr/>
          <a:lstStyle>
            <a:lvl1pPr>
              <a:lnSpc>
                <a:spcPct val="90000"/>
              </a:lnSpc>
              <a:defRPr/>
            </a:lvl1pPr>
            <a:lvl2pPr>
              <a:lnSpc>
                <a:spcPct val="90000"/>
              </a:lnSpc>
              <a:defRPr/>
            </a:lvl2pPr>
            <a:lvl3pPr>
              <a:lnSpc>
                <a:spcPct val="90000"/>
              </a:lnSpc>
              <a:defRPr/>
            </a:lvl3pPr>
            <a:lvl4pPr>
              <a:lnSpc>
                <a:spcPct val="90000"/>
              </a:lnSpc>
              <a:defRPr/>
            </a:lvl4pPr>
            <a:lvl5pPr>
              <a:lnSpc>
                <a:spcPct val="90000"/>
              </a:lnSpc>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406640096"/>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791412822"/>
      </p:ext>
    </p:extLst>
  </p:cSld>
  <p:clrMapOvr>
    <a:masterClrMapping/>
  </p:clrMapOvr>
  <p:transition>
    <p:fade/>
  </p:transition>
  <p:timing>
    <p:tnLst>
      <p:par>
        <p:cTn id="1" dur="indefinite" restart="never" nodeType="tmRoot"/>
      </p:par>
    </p:tnLst>
  </p:timing>
</p:sldLayout>
</file>

<file path=ppt/slideLayouts/slideLayout1090.xml><?xml version="1.0" encoding="utf-8"?>
<p:sldLayout xmlns:a="http://schemas.openxmlformats.org/drawingml/2006/main" xmlns:r="http://schemas.openxmlformats.org/officeDocument/2006/relationships" xmlns:p="http://schemas.openxmlformats.org/presentationml/2006/main" type="chart">
  <p:cSld name="1_Title and Chart">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762000" y="152400"/>
            <a:ext cx="7772400" cy="1143000"/>
          </a:xfrm>
          <a:prstGeom prst="rect">
            <a:avLst/>
          </a:prstGeom>
        </p:spPr>
        <p:txBody>
          <a:bodyPr/>
          <a:lstStyle/>
          <a:p>
            <a:r>
              <a:rPr lang="en-US" smtClean="0"/>
              <a:t>Click to edit Master title style</a:t>
            </a:r>
            <a:endParaRPr lang="en-US"/>
          </a:p>
        </p:txBody>
      </p:sp>
      <p:sp>
        <p:nvSpPr>
          <p:cNvPr id="3" name="Chart Placeholder 2"/>
          <p:cNvSpPr>
            <a:spLocks noGrp="1"/>
          </p:cNvSpPr>
          <p:nvPr>
            <p:ph type="chart" idx="1"/>
          </p:nvPr>
        </p:nvSpPr>
        <p:spPr>
          <a:xfrm>
            <a:off x="685800" y="1371600"/>
            <a:ext cx="7772400" cy="4724400"/>
          </a:xfrm>
          <a:prstGeom prst="rect">
            <a:avLst/>
          </a:prstGeom>
        </p:spPr>
        <p:txBody>
          <a:bodyPr/>
          <a:lstStyle/>
          <a:p>
            <a:pPr lvl="0"/>
            <a:endParaRPr lang="en-US" noProof="0" dirty="0"/>
          </a:p>
        </p:txBody>
      </p:sp>
    </p:spTree>
    <p:extLst>
      <p:ext uri="{BB962C8B-B14F-4D97-AF65-F5344CB8AC3E}">
        <p14:creationId xmlns:p14="http://schemas.microsoft.com/office/powerpoint/2010/main" val="2857391169"/>
      </p:ext>
    </p:extLst>
  </p:cSld>
  <p:clrMapOvr>
    <a:masterClrMapping/>
  </p:clrMapOvr>
  <p:transition/>
</p:sldLayout>
</file>

<file path=ppt/slideLayouts/slideLayout1091.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337003590"/>
      </p:ext>
    </p:extLst>
  </p:cSld>
  <p:clrMapOvr>
    <a:masterClrMapping/>
  </p:clrMapOvr>
  <p:transition>
    <p:fade/>
  </p:transition>
</p:sldLayout>
</file>

<file path=ppt/slideLayouts/slideLayout1092.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a:xfrm>
            <a:off x="6553200" y="6248400"/>
            <a:ext cx="1905000" cy="457200"/>
          </a:xfrm>
          <a:prstGeom prst="rect">
            <a:avLst/>
          </a:prstGeom>
        </p:spPr>
        <p:txBody>
          <a:bodyPr/>
          <a:lstStyle>
            <a:lvl1pPr fontAlgn="auto">
              <a:spcBef>
                <a:spcPts val="0"/>
              </a:spcBef>
              <a:spcAft>
                <a:spcPts val="0"/>
              </a:spcAft>
              <a:defRPr>
                <a:latin typeface="+mn-lt"/>
                <a:cs typeface="+mn-cs"/>
              </a:defRPr>
            </a:lvl1pPr>
          </a:lstStyle>
          <a:p>
            <a:pPr>
              <a:defRPr/>
            </a:pPr>
            <a:fld id="{DD6DDBEF-4658-43F4-BF39-69F2EB91F136}" type="slidenum">
              <a:rPr lang="en-US">
                <a:solidFill>
                  <a:prstClr val="white"/>
                </a:solidFill>
              </a:rPr>
              <a:pPr>
                <a:defRPr/>
              </a:pPr>
              <a:t>‹#›</a:t>
            </a:fld>
            <a:endParaRPr lang="en-US" dirty="0">
              <a:solidFill>
                <a:prstClr val="white"/>
              </a:solidFill>
            </a:endParaRPr>
          </a:p>
        </p:txBody>
      </p:sp>
      <p:sp>
        <p:nvSpPr>
          <p:cNvPr id="3" name="Footer Placeholder 2"/>
          <p:cNvSpPr>
            <a:spLocks noGrp="1"/>
          </p:cNvSpPr>
          <p:nvPr>
            <p:ph type="ftr" sz="quarter" idx="11"/>
          </p:nvPr>
        </p:nvSpPr>
        <p:spPr>
          <a:xfrm>
            <a:off x="609600" y="6248400"/>
            <a:ext cx="3886200" cy="457200"/>
          </a:xfrm>
          <a:prstGeom prst="rect">
            <a:avLst/>
          </a:prstGeom>
        </p:spPr>
        <p:txBody>
          <a:bodyPr/>
          <a:lstStyle>
            <a:lvl1pPr eaLnBrk="0" fontAlgn="auto" hangingPunct="0">
              <a:spcBef>
                <a:spcPts val="0"/>
              </a:spcBef>
              <a:spcAft>
                <a:spcPts val="0"/>
              </a:spcAft>
              <a:defRPr>
                <a:latin typeface="Arial" charset="0"/>
                <a:cs typeface="+mn-cs"/>
              </a:defRPr>
            </a:lvl1pPr>
          </a:lstStyle>
          <a:p>
            <a:pPr>
              <a:defRPr/>
            </a:pPr>
            <a:r>
              <a:rPr lang="en-US" dirty="0">
                <a:solidFill>
                  <a:prstClr val="white"/>
                </a:solidFill>
              </a:rPr>
              <a:t>Office of the Chief Financial Officer</a:t>
            </a:r>
          </a:p>
        </p:txBody>
      </p:sp>
    </p:spTree>
    <p:extLst>
      <p:ext uri="{BB962C8B-B14F-4D97-AF65-F5344CB8AC3E}">
        <p14:creationId xmlns:p14="http://schemas.microsoft.com/office/powerpoint/2010/main" val="3587818758"/>
      </p:ext>
    </p:extLst>
  </p:cSld>
  <p:clrMapOvr>
    <a:masterClrMapping/>
  </p:clrMapOvr>
  <p:transition/>
</p:sldLayout>
</file>

<file path=ppt/slideLayouts/slideLayout1093.xml><?xml version="1.0" encoding="utf-8"?>
<p:sldLayout xmlns:a="http://schemas.openxmlformats.org/drawingml/2006/main" xmlns:r="http://schemas.openxmlformats.org/officeDocument/2006/relationships" xmlns:p="http://schemas.openxmlformats.org/presentationml/2006/main" userDrawn="1">
  <p:cSld name="Transition">
    <p:spTree>
      <p:nvGrpSpPr>
        <p:cNvPr id="1" name=""/>
        <p:cNvGrpSpPr/>
        <p:nvPr/>
      </p:nvGrpSpPr>
      <p:grpSpPr>
        <a:xfrm>
          <a:off x="0" y="0"/>
          <a:ext cx="0" cy="0"/>
          <a:chOff x="0" y="0"/>
          <a:chExt cx="0" cy="0"/>
        </a:xfrm>
      </p:grpSpPr>
      <p:pic>
        <p:nvPicPr>
          <p:cNvPr id="3" name="Picture 3" descr="Background Seal.png"/>
          <p:cNvPicPr>
            <a:picLocks noChangeAspect="1"/>
          </p:cNvPicPr>
          <p:nvPr userDrawn="1"/>
        </p:nvPicPr>
        <p:blipFill>
          <a:blip r:embed="rId2" cstate="print"/>
          <a:srcRect/>
          <a:stretch>
            <a:fillRect/>
          </a:stretch>
        </p:blipFill>
        <p:spPr bwMode="auto">
          <a:xfrm>
            <a:off x="3124200" y="1125538"/>
            <a:ext cx="6019800" cy="5732462"/>
          </a:xfrm>
          <a:prstGeom prst="rect">
            <a:avLst/>
          </a:prstGeom>
          <a:noFill/>
          <a:ln w="9525">
            <a:noFill/>
            <a:miter lim="800000"/>
            <a:headEnd/>
            <a:tailEnd/>
          </a:ln>
        </p:spPr>
      </p:pic>
      <p:sp>
        <p:nvSpPr>
          <p:cNvPr id="4" name="Rounded Rectangle 3"/>
          <p:cNvSpPr/>
          <p:nvPr userDrawn="1"/>
        </p:nvSpPr>
        <p:spPr bwMode="auto">
          <a:xfrm>
            <a:off x="1143000" y="1600200"/>
            <a:ext cx="7315200" cy="2057400"/>
          </a:xfrm>
          <a:prstGeom prst="roundRect">
            <a:avLst>
              <a:gd name="adj" fmla="val 9033"/>
            </a:avLst>
          </a:prstGeom>
          <a:gradFill>
            <a:gsLst>
              <a:gs pos="0">
                <a:schemeClr val="accent1">
                  <a:shade val="15000"/>
                  <a:satMod val="180000"/>
                  <a:alpha val="75000"/>
                </a:schemeClr>
              </a:gs>
              <a:gs pos="50000">
                <a:schemeClr val="accent1">
                  <a:shade val="45000"/>
                  <a:satMod val="170000"/>
                  <a:alpha val="75000"/>
                </a:schemeClr>
              </a:gs>
              <a:gs pos="70000">
                <a:schemeClr val="accent1">
                  <a:tint val="99000"/>
                  <a:shade val="65000"/>
                  <a:satMod val="155000"/>
                  <a:alpha val="75000"/>
                </a:schemeClr>
              </a:gs>
              <a:gs pos="100000">
                <a:schemeClr val="accent1">
                  <a:tint val="95500"/>
                  <a:shade val="100000"/>
                  <a:satMod val="155000"/>
                  <a:alpha val="75000"/>
                </a:schemeClr>
              </a:gs>
            </a:gsLst>
          </a:gra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lIns="91436" tIns="45718" rIns="91436" bIns="45718" anchor="ctr"/>
          <a:lstStyle/>
          <a:p>
            <a:pPr algn="ctr" defTabSz="914099" fontAlgn="auto">
              <a:spcBef>
                <a:spcPts val="0"/>
              </a:spcBef>
              <a:spcAft>
                <a:spcPts val="0"/>
              </a:spcAft>
              <a:defRPr/>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cs typeface="Arial" charset="0"/>
            </a:endParaRPr>
          </a:p>
        </p:txBody>
      </p:sp>
      <p:sp>
        <p:nvSpPr>
          <p:cNvPr id="7" name="Title 6"/>
          <p:cNvSpPr>
            <a:spLocks noGrp="1"/>
          </p:cNvSpPr>
          <p:nvPr>
            <p:ph type="title"/>
          </p:nvPr>
        </p:nvSpPr>
        <p:spPr>
          <a:xfrm>
            <a:off x="1295400" y="1828800"/>
            <a:ext cx="7010400" cy="1676400"/>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1490447402"/>
      </p:ext>
    </p:extLst>
  </p:cSld>
  <p:clrMapOvr>
    <a:masterClrMapping/>
  </p:clrMapOvr>
  <p:transition>
    <p:fade/>
  </p:transition>
</p:sldLayout>
</file>

<file path=ppt/slideLayouts/slideLayout1094.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28600" y="304801"/>
            <a:ext cx="8382000" cy="838200"/>
          </a:xfrm>
        </p:spPr>
        <p:txBody>
          <a:bodyPr/>
          <a:lstStyle>
            <a:lvl1pPr>
              <a:defRPr sz="4800"/>
            </a:lvl1pPr>
          </a:lstStyle>
          <a:p>
            <a:r>
              <a:rPr lang="en-US" dirty="0" smtClean="0"/>
              <a:t>Slide Title</a:t>
            </a:r>
            <a:br>
              <a:rPr lang="en-US" dirty="0" smtClean="0"/>
            </a:br>
            <a:endParaRPr lang="en-US" dirty="0"/>
          </a:p>
        </p:txBody>
      </p:sp>
      <p:sp>
        <p:nvSpPr>
          <p:cNvPr id="8" name="Text Placeholder 7"/>
          <p:cNvSpPr>
            <a:spLocks noGrp="1"/>
          </p:cNvSpPr>
          <p:nvPr>
            <p:ph type="body" sz="quarter" idx="11" hasCustomPrompt="1"/>
          </p:nvPr>
        </p:nvSpPr>
        <p:spPr>
          <a:xfrm>
            <a:off x="228600" y="914400"/>
            <a:ext cx="3124200" cy="498598"/>
          </a:xfrm>
        </p:spPr>
        <p:txBody>
          <a:bodyPr/>
          <a:lstStyle>
            <a:lvl1pPr>
              <a:defRPr sz="3200"/>
            </a:lvl1pPr>
          </a:lstStyle>
          <a:p>
            <a:pPr lvl="0"/>
            <a:r>
              <a:rPr lang="en-US" sz="3600" dirty="0" smtClean="0">
                <a:solidFill>
                  <a:schemeClr val="tx2"/>
                </a:solidFill>
              </a:rPr>
              <a:t> Subtitle color</a:t>
            </a:r>
            <a:endParaRPr lang="en-US" dirty="0"/>
          </a:p>
        </p:txBody>
      </p:sp>
      <p:sp>
        <p:nvSpPr>
          <p:cNvPr id="5" name="Text Placeholder 4"/>
          <p:cNvSpPr>
            <a:spLocks noGrp="1"/>
          </p:cNvSpPr>
          <p:nvPr>
            <p:ph type="body" sz="quarter" idx="12"/>
          </p:nvPr>
        </p:nvSpPr>
        <p:spPr>
          <a:xfrm>
            <a:off x="304800" y="16764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553796048"/>
      </p:ext>
    </p:extLst>
  </p:cSld>
  <p:clrMapOvr>
    <a:masterClrMapping/>
  </p:clrMapOvr>
  <p:transition>
    <p:fade/>
  </p:transition>
</p:sldLayout>
</file>

<file path=ppt/slideLayouts/slideLayout1095.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704088"/>
            <a:ext cx="8229600" cy="1143000"/>
          </a:xfrm>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920085"/>
            <a:ext cx="4038600" cy="4434840"/>
          </a:xfrm>
        </p:spPr>
        <p:txBody>
          <a:bodyPr/>
          <a:lstStyle>
            <a:lvl1pPr>
              <a:defRPr sz="2600"/>
            </a:lvl1pPr>
            <a:lvl2pPr>
              <a:defRPr sz="2400"/>
            </a:lvl2pPr>
            <a:lvl3pPr>
              <a:defRPr sz="2000"/>
            </a:lvl3pPr>
            <a:lvl4pPr>
              <a:defRPr sz="1800"/>
            </a:lvl4pPr>
            <a:lvl5pPr>
              <a:defRPr sz="18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920085"/>
            <a:ext cx="4038600" cy="4434840"/>
          </a:xfrm>
        </p:spPr>
        <p:txBody>
          <a:bodyPr/>
          <a:lstStyle>
            <a:lvl1pPr>
              <a:defRPr sz="2600"/>
            </a:lvl1pPr>
            <a:lvl2pPr>
              <a:defRPr sz="2400"/>
            </a:lvl2pPr>
            <a:lvl3pPr>
              <a:defRPr sz="2000"/>
            </a:lvl3pPr>
            <a:lvl4pPr>
              <a:defRPr sz="1800"/>
            </a:lvl4pPr>
            <a:lvl5pPr>
              <a:defRPr sz="18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9"/>
          <p:cNvSpPr>
            <a:spLocks noGrp="1"/>
          </p:cNvSpPr>
          <p:nvPr>
            <p:ph type="dt" sz="half" idx="10"/>
          </p:nvPr>
        </p:nvSpPr>
        <p:spPr>
          <a:xfrm>
            <a:off x="457200" y="6356350"/>
            <a:ext cx="2133600" cy="365125"/>
          </a:xfrm>
          <a:prstGeom prst="rect">
            <a:avLst/>
          </a:prstGeom>
        </p:spPr>
        <p:txBody>
          <a:bodyPr/>
          <a:lstStyle>
            <a:lvl1pPr fontAlgn="auto">
              <a:spcBef>
                <a:spcPts val="0"/>
              </a:spcBef>
              <a:spcAft>
                <a:spcPts val="0"/>
              </a:spcAft>
              <a:defRPr>
                <a:latin typeface="+mn-lt"/>
                <a:cs typeface="+mn-cs"/>
              </a:defRPr>
            </a:lvl1pPr>
          </a:lstStyle>
          <a:p>
            <a:pPr>
              <a:defRPr/>
            </a:pPr>
            <a:endParaRPr lang="en-US" dirty="0">
              <a:solidFill>
                <a:prstClr val="white"/>
              </a:solidFill>
            </a:endParaRPr>
          </a:p>
        </p:txBody>
      </p:sp>
      <p:sp>
        <p:nvSpPr>
          <p:cNvPr id="6" name="Footer Placeholder 21"/>
          <p:cNvSpPr>
            <a:spLocks noGrp="1"/>
          </p:cNvSpPr>
          <p:nvPr>
            <p:ph type="ftr" sz="quarter" idx="11"/>
          </p:nvPr>
        </p:nvSpPr>
        <p:spPr>
          <a:xfrm>
            <a:off x="2667000" y="6356350"/>
            <a:ext cx="3352800" cy="365125"/>
          </a:xfrm>
          <a:prstGeom prst="rect">
            <a:avLst/>
          </a:prstGeom>
        </p:spPr>
        <p:txBody>
          <a:bodyPr/>
          <a:lstStyle>
            <a:lvl1pPr fontAlgn="auto">
              <a:spcBef>
                <a:spcPts val="0"/>
              </a:spcBef>
              <a:spcAft>
                <a:spcPts val="0"/>
              </a:spcAft>
              <a:defRPr>
                <a:latin typeface="+mn-lt"/>
                <a:cs typeface="+mn-cs"/>
              </a:defRPr>
            </a:lvl1pPr>
          </a:lstStyle>
          <a:p>
            <a:pPr>
              <a:defRPr/>
            </a:pPr>
            <a:r>
              <a:rPr lang="en-US" dirty="0" smtClean="0">
                <a:solidFill>
                  <a:prstClr val="white"/>
                </a:solidFill>
              </a:rPr>
              <a:t>Current as of 1/12/10</a:t>
            </a:r>
            <a:endParaRPr lang="en-US" dirty="0">
              <a:solidFill>
                <a:prstClr val="white"/>
              </a:solidFill>
            </a:endParaRPr>
          </a:p>
        </p:txBody>
      </p:sp>
      <p:sp>
        <p:nvSpPr>
          <p:cNvPr id="7" name="Slide Number Placeholder 17"/>
          <p:cNvSpPr>
            <a:spLocks noGrp="1"/>
          </p:cNvSpPr>
          <p:nvPr>
            <p:ph type="sldNum" sz="quarter" idx="12"/>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69EBF6A2-5F53-4407-83D4-672D74CD82F7}"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801745128"/>
      </p:ext>
    </p:extLst>
  </p:cSld>
  <p:clrMapOvr>
    <a:masterClrMapping/>
  </p:clrMapOvr>
  <p:transition spd="med">
    <p:fade/>
  </p:transition>
</p:sldLayout>
</file>

<file path=ppt/slideLayouts/slideLayout1096.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85863178"/>
      </p:ext>
    </p:extLst>
  </p:cSld>
  <p:clrMapOvr>
    <a:masterClrMapping/>
  </p:clrMapOvr>
  <p:transition spd="slow">
    <p:fade/>
  </p:transition>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544471436"/>
      </p:ext>
    </p:extLst>
  </p:cSld>
  <p:clrMapOvr>
    <a:masterClrMapping/>
  </p:clrMapOvr>
  <p:transition spd="slow">
    <p:fade/>
  </p:transition>
  <p:timing>
    <p:tnLst>
      <p:par>
        <p:cTn id="1" dur="indefinite" restart="never" nodeType="tmRoot"/>
      </p:par>
    </p:tnLst>
  </p:timing>
</p:sldLayout>
</file>

<file path=ppt/slideLayouts/slideLayout1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971557000"/>
      </p:ext>
    </p:extLst>
  </p:cSld>
  <p:clrMapOvr>
    <a:masterClrMapping/>
  </p:clrMapOvr>
  <p:transition>
    <p:fade/>
  </p:transition>
  <p:timing>
    <p:tnLst>
      <p:par>
        <p:cTn id="1" dur="indefinite" restart="never" nodeType="tmRoot"/>
      </p:par>
    </p:tnLst>
  </p:timing>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84942290"/>
      </p:ext>
    </p:extLst>
  </p:cSld>
  <p:clrMapOvr>
    <a:masterClrMapping/>
  </p:clrMapOvr>
  <p:transition spd="slow">
    <p:fade/>
  </p:transition>
  <p:timing>
    <p:tnLst>
      <p:par>
        <p:cTn id="1" dur="indefinite" restart="never" nodeType="tmRoot"/>
      </p:par>
    </p:tnLst>
  </p:timing>
  <p:hf hdr="0" ftr="0" dt="0"/>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311939451"/>
      </p:ext>
    </p:extLst>
  </p:cSld>
  <p:clrMapOvr>
    <a:masterClrMapping/>
  </p:clrMapOvr>
  <p:transition>
    <p:fade/>
  </p:transition>
  <p:timing>
    <p:tnLst>
      <p:par>
        <p:cTn id="1" dur="indefinite" restart="never" nodeType="tmRoot"/>
      </p:par>
    </p:tnLst>
  </p:timing>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984372299"/>
      </p:ext>
    </p:extLst>
  </p:cSld>
  <p:clrMapOvr>
    <a:masterClrMapping/>
  </p:clrMapOvr>
  <p:transition>
    <p:fade/>
  </p:transition>
  <p:timing>
    <p:tnLst>
      <p:par>
        <p:cTn id="1" dur="indefinite" restart="never" nodeType="tmRoot"/>
      </p:par>
    </p:tnLst>
  </p:timing>
  <p:hf hdr="0" ftr="0" dt="0"/>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27235624"/>
      </p:ext>
    </p:extLst>
  </p:cSld>
  <p:clrMapOvr>
    <a:masterClrMapping/>
  </p:clrMapOvr>
  <p:transition>
    <p:fade/>
  </p:transition>
  <p:timing>
    <p:tnLst>
      <p:par>
        <p:cTn id="1" dur="indefinite" restart="never" nodeType="tmRoot"/>
      </p:par>
    </p:tnLst>
  </p:timing>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49997555"/>
      </p:ext>
    </p:extLst>
  </p:cSld>
  <p:clrMapOvr>
    <a:masterClrMapping/>
  </p:clrMapOvr>
  <p:transition spd="slow">
    <p:fade/>
  </p:transition>
  <p:timing>
    <p:tnLst>
      <p:par>
        <p:cTn id="1" dur="indefinite" restart="never" nodeType="tmRoot"/>
      </p:par>
    </p:tn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732857710"/>
      </p:ext>
    </p:extLst>
  </p:cSld>
  <p:clrMapOvr>
    <a:masterClrMapping/>
  </p:clrMapOvr>
  <p:transition spd="slow">
    <p:fade/>
  </p:transition>
  <p:timing>
    <p:tnLst>
      <p:par>
        <p:cTn id="1" dur="indefinite" restart="never" nodeType="tmRoot"/>
      </p:par>
    </p:tn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54052355"/>
      </p:ext>
    </p:extLst>
  </p:cSld>
  <p:clrMapOvr>
    <a:masterClrMapping/>
  </p:clrMapOvr>
  <p:transition spd="slow">
    <p:fade/>
  </p:transition>
  <p:timing>
    <p:tnLst>
      <p:par>
        <p:cTn id="1" dur="indefinite" restart="never" nodeType="tmRoot"/>
      </p:par>
    </p:tn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55060914"/>
      </p:ext>
    </p:extLst>
  </p:cSld>
  <p:clrMapOvr>
    <a:masterClrMapping/>
  </p:clrMapOvr>
  <p:transition spd="slow">
    <p:fade/>
  </p:transition>
  <p:timing>
    <p:tnLst>
      <p:par>
        <p:cTn id="1" dur="indefinite" restart="never" nodeType="tmRoot"/>
      </p:par>
    </p:tnLst>
  </p:timing>
</p:sldLayout>
</file>

<file path=ppt/slideLayouts/slideLayout119.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22323399"/>
      </p:ext>
    </p:extLst>
  </p:cSld>
  <p:clrMapOvr>
    <a:masterClrMapping/>
  </p:clrMapOvr>
  <p:transition spd="slow">
    <p:fade/>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3262456494"/>
      </p:ext>
    </p:extLst>
  </p:cSld>
  <p:clrMapOvr>
    <a:masterClrMapping/>
  </p:clrMapOvr>
  <p:transition spd="slow">
    <p:fade/>
  </p:transition>
  <p:timing>
    <p:tnLst>
      <p:par>
        <p:cTn id="1" dur="indefinite" restart="never" nodeType="tmRoot"/>
      </p:par>
    </p:tnLst>
  </p:timing>
</p:sldLayout>
</file>

<file path=ppt/slideLayouts/slideLayout120.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76658266"/>
      </p:ext>
    </p:extLst>
  </p:cSld>
  <p:clrMapOvr>
    <a:masterClrMapping/>
  </p:clrMapOvr>
  <p:transition spd="slow">
    <p:fade/>
  </p:transition>
  <p:timing>
    <p:tnLst>
      <p:par>
        <p:cTn id="1" dur="indefinite" restart="never" nodeType="tmRoot"/>
      </p:par>
    </p:tnLst>
  </p:timing>
</p:sldLayout>
</file>

<file path=ppt/slideLayouts/slideLayout121.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59247684"/>
      </p:ext>
    </p:extLst>
  </p:cSld>
  <p:clrMapOvr>
    <a:masterClrMapping/>
  </p:clrMapOvr>
  <p:transition spd="slow">
    <p:fade/>
  </p:transition>
  <p:timing>
    <p:tnLst>
      <p:par>
        <p:cTn id="1" dur="indefinite" restart="never" nodeType="tmRoot"/>
      </p:par>
    </p:tnLst>
  </p:timing>
</p:sldLayout>
</file>

<file path=ppt/slideLayouts/slideLayout12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523890003"/>
      </p:ext>
    </p:extLst>
  </p:cSld>
  <p:clrMapOvr>
    <a:masterClrMapping/>
  </p:clrMapOvr>
  <p:transition>
    <p:fade/>
  </p:transition>
  <p:timing>
    <p:tnLst>
      <p:par>
        <p:cTn id="1" dur="indefinite" restart="never" nodeType="tmRoot"/>
      </p:par>
    </p:tnLst>
  </p:timing>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457520049"/>
      </p:ext>
    </p:extLst>
  </p:cSld>
  <p:clrMapOvr>
    <a:masterClrMapping/>
  </p:clrMapOvr>
  <p:transition>
    <p:fade/>
  </p:transition>
  <p:timing>
    <p:tnLst>
      <p:par>
        <p:cTn id="1" dur="indefinite" restart="never" nodeType="tmRoot"/>
      </p:par>
    </p:tnLst>
  </p:timing>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25511310"/>
      </p:ext>
    </p:extLst>
  </p:cSld>
  <p:clrMapOvr>
    <a:masterClrMapping/>
  </p:clrMapOvr>
  <p:transition>
    <p:fade/>
  </p:transition>
  <p:timing>
    <p:tnLst>
      <p:par>
        <p:cTn id="1" dur="indefinite" restart="never" nodeType="tmRoot"/>
      </p:par>
    </p:tnLst>
  </p:timing>
  <p:hf hdr="0" ftr="0" dt="0"/>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012083836"/>
      </p:ext>
    </p:extLst>
  </p:cSld>
  <p:clrMapOvr>
    <a:masterClrMapping/>
  </p:clrMapOvr>
  <p:transition>
    <p:fade/>
  </p:transition>
  <p:timing>
    <p:tnLst>
      <p:par>
        <p:cTn id="1" dur="indefinite" restart="never" nodeType="tmRoot"/>
      </p:par>
    </p:tnLst>
  </p:timing>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30979573"/>
      </p:ext>
    </p:extLst>
  </p:cSld>
  <p:clrMapOvr>
    <a:masterClrMapping/>
  </p:clrMapOvr>
  <p:transition>
    <p:fade/>
  </p:transition>
  <p:timing>
    <p:tnLst>
      <p:par>
        <p:cTn id="1" dur="indefinite" restart="never" nodeType="tmRoot"/>
      </p:par>
    </p:tnLst>
  </p:timing>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576646165"/>
      </p:ext>
    </p:extLst>
  </p:cSld>
  <p:clrMapOvr>
    <a:masterClrMapping/>
  </p:clrMapOvr>
  <p:transition>
    <p:fade/>
  </p:transition>
  <p:timing>
    <p:tnLst>
      <p:par>
        <p:cTn id="1" dur="indefinite" restart="never" nodeType="tmRoot"/>
      </p:par>
    </p:tnLst>
  </p:timing>
</p:sldLayout>
</file>

<file path=ppt/slideLayouts/slideLayout12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3808817606"/>
      </p:ext>
    </p:extLst>
  </p:cSld>
  <p:clrMapOvr>
    <a:masterClrMapping/>
  </p:clrMapOvr>
  <p:transition>
    <p:fade/>
  </p:transition>
  <p:timing>
    <p:tnLst>
      <p:par>
        <p:cTn id="1" dur="indefinite" restart="never" nodeType="tmRoot"/>
      </p:par>
    </p:tnLst>
  </p:timing>
</p:sldLayout>
</file>

<file path=ppt/slideLayouts/slideLayout12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34500375"/>
      </p:ext>
    </p:extLst>
  </p:cSld>
  <p:clrMapOvr>
    <a:masterClrMapping/>
  </p:clrMapOvr>
  <p:transition>
    <p:fade/>
  </p:transition>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94360770"/>
      </p:ext>
    </p:extLst>
  </p:cSld>
  <p:clrMapOvr>
    <a:masterClrMapping/>
  </p:clrMapOvr>
  <p:transition spd="slow">
    <p:fade/>
  </p:transition>
  <p:timing>
    <p:tnLst>
      <p:par>
        <p:cTn id="1" dur="indefinite" restart="never" nodeType="tmRoot"/>
      </p:par>
    </p:tnLst>
  </p:timing>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27574838"/>
      </p:ext>
    </p:extLst>
  </p:cSld>
  <p:clrMapOvr>
    <a:masterClrMapping/>
  </p:clrMapOvr>
  <p:transition spd="slow">
    <p:fade/>
  </p:transition>
  <p:timing>
    <p:tnLst>
      <p:par>
        <p:cTn id="1" dur="indefinite" restart="never" nodeType="tmRoot"/>
      </p:par>
    </p:tnLst>
  </p:timing>
  <p:hf hdr="0" ftr="0" dt="0"/>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15108272"/>
      </p:ext>
    </p:extLst>
  </p:cSld>
  <p:clrMapOvr>
    <a:masterClrMapping/>
  </p:clrMapOvr>
  <p:transition>
    <p:fade/>
  </p:transition>
  <p:timing>
    <p:tnLst>
      <p:par>
        <p:cTn id="1" dur="indefinite" restart="never" nodeType="tmRoot"/>
      </p:par>
    </p:tnLst>
  </p:timing>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043788041"/>
      </p:ext>
    </p:extLst>
  </p:cSld>
  <p:clrMapOvr>
    <a:masterClrMapping/>
  </p:clrMapOvr>
  <p:transition>
    <p:fade/>
  </p:transition>
  <p:timing>
    <p:tnLst>
      <p:par>
        <p:cTn id="1" dur="indefinite" restart="never" nodeType="tmRoot"/>
      </p:par>
    </p:tnLst>
  </p:timing>
  <p:hf hdr="0" ftr="0" dt="0"/>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94060720"/>
      </p:ext>
    </p:extLst>
  </p:cSld>
  <p:clrMapOvr>
    <a:masterClrMapping/>
  </p:clrMapOvr>
  <p:transition>
    <p:fade/>
  </p:transition>
  <p:timing>
    <p:tnLst>
      <p:par>
        <p:cTn id="1" dur="indefinite" restart="never" nodeType="tmRoot"/>
      </p:par>
    </p:tnLst>
  </p:timing>
</p:sldLayout>
</file>

<file path=ppt/slideLayouts/slideLayout134.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13486814"/>
      </p:ext>
    </p:extLst>
  </p:cSld>
  <p:clrMapOvr>
    <a:masterClrMapping/>
  </p:clrMapOvr>
  <p:transition spd="slow">
    <p:fade/>
  </p:transition>
  <p:timing>
    <p:tnLst>
      <p:par>
        <p:cTn id="1" dur="indefinite" restart="never" nodeType="tmRoot"/>
      </p:par>
    </p:tnLst>
  </p:timing>
</p:sldLayout>
</file>

<file path=ppt/slideLayouts/slideLayout135.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59765379"/>
      </p:ext>
    </p:extLst>
  </p:cSld>
  <p:clrMapOvr>
    <a:masterClrMapping/>
  </p:clrMapOvr>
  <p:transition spd="slow">
    <p:fade/>
  </p:transition>
  <p:timing>
    <p:tnLst>
      <p:par>
        <p:cTn id="1" dur="indefinite" restart="never" nodeType="tmRoot"/>
      </p:par>
    </p:tnLst>
  </p:timing>
</p:sldLayout>
</file>

<file path=ppt/slideLayouts/slideLayout136.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5106879"/>
      </p:ext>
    </p:extLst>
  </p:cSld>
  <p:clrMapOvr>
    <a:masterClrMapping/>
  </p:clrMapOvr>
  <p:transition spd="slow">
    <p:fade/>
  </p:transition>
  <p:timing>
    <p:tnLst>
      <p:par>
        <p:cTn id="1" dur="indefinite" restart="never" nodeType="tmRoot"/>
      </p:par>
    </p:tnLst>
  </p:timing>
</p:sldLayout>
</file>

<file path=ppt/slideLayouts/slideLayout137.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44849259"/>
      </p:ext>
    </p:extLst>
  </p:cSld>
  <p:clrMapOvr>
    <a:masterClrMapping/>
  </p:clrMapOvr>
  <p:transition spd="slow">
    <p:fade/>
  </p:transition>
  <p:timing>
    <p:tnLst>
      <p:par>
        <p:cTn id="1" dur="indefinite" restart="never" nodeType="tmRoot"/>
      </p:par>
    </p:tnLst>
  </p:timing>
</p:sldLayout>
</file>

<file path=ppt/slideLayouts/slideLayout138.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85253827"/>
      </p:ext>
    </p:extLst>
  </p:cSld>
  <p:clrMapOvr>
    <a:masterClrMapping/>
  </p:clrMapOvr>
  <p:transition spd="slow">
    <p:fade/>
  </p:transition>
  <p:timing>
    <p:tnLst>
      <p:par>
        <p:cTn id="1" dur="indefinite" restart="never" nodeType="tmRoot"/>
      </p:par>
    </p:tnLst>
  </p:timing>
</p:sldLayout>
</file>

<file path=ppt/slideLayouts/slideLayout139.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47424259"/>
      </p:ext>
    </p:extLst>
  </p:cSld>
  <p:clrMapOvr>
    <a:masterClrMapping/>
  </p:clrMapOvr>
  <p:transition spd="slow">
    <p:fade/>
  </p:transition>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cSld>
  <p:clrMapOvr>
    <a:masterClrMapping/>
  </p:clrMapOvr>
  <p:transition spd="slow">
    <p:fade/>
  </p:transition>
</p:sldLayout>
</file>

<file path=ppt/slideLayouts/slideLayout140.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20416596"/>
      </p:ext>
    </p:extLst>
  </p:cSld>
  <p:clrMapOvr>
    <a:masterClrMapping/>
  </p:clrMapOvr>
  <p:transition spd="slow">
    <p:fade/>
  </p:transition>
  <p:timing>
    <p:tnLst>
      <p:par>
        <p:cTn id="1" dur="indefinite" restart="never" nodeType="tmRoot"/>
      </p:par>
    </p:tnLst>
  </p:timing>
</p:sldLayout>
</file>

<file path=ppt/slideLayouts/slideLayout14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51337379"/>
      </p:ext>
    </p:extLst>
  </p:cSld>
  <p:clrMapOvr>
    <a:masterClrMapping/>
  </p:clrMapOvr>
  <p:transition>
    <p:fade/>
  </p:transition>
  <p:timing>
    <p:tnLst>
      <p:par>
        <p:cTn id="1" dur="indefinite" restart="never" nodeType="tmRoot"/>
      </p:par>
    </p:tnLst>
  </p:timing>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677519363"/>
      </p:ext>
    </p:extLst>
  </p:cSld>
  <p:clrMapOvr>
    <a:masterClrMapping/>
  </p:clrMapOvr>
  <p:transition>
    <p:fade/>
  </p:transition>
  <p:timing>
    <p:tnLst>
      <p:par>
        <p:cTn id="1" dur="indefinite" restart="never" nodeType="tmRoot"/>
      </p:par>
    </p:tnLst>
  </p:timing>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914547"/>
      </p:ext>
    </p:extLst>
  </p:cSld>
  <p:clrMapOvr>
    <a:masterClrMapping/>
  </p:clrMapOvr>
  <p:transition>
    <p:fade/>
  </p:transition>
  <p:timing>
    <p:tnLst>
      <p:par>
        <p:cTn id="1" dur="indefinite" restart="never" nodeType="tmRoot"/>
      </p:par>
    </p:tnLst>
  </p:timing>
  <p:hf hdr="0" ftr="0" dt="0"/>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34976472"/>
      </p:ext>
    </p:extLst>
  </p:cSld>
  <p:clrMapOvr>
    <a:masterClrMapping/>
  </p:clrMapOvr>
  <p:transition>
    <p:fade/>
  </p:transition>
  <p:timing>
    <p:tnLst>
      <p:par>
        <p:cTn id="1" dur="indefinite" restart="never" nodeType="tmRoot"/>
      </p:par>
    </p:tnLst>
  </p:timing>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29446523"/>
      </p:ext>
    </p:extLst>
  </p:cSld>
  <p:clrMapOvr>
    <a:masterClrMapping/>
  </p:clrMapOvr>
  <p:transition>
    <p:fade/>
  </p:transition>
  <p:timing>
    <p:tnLst>
      <p:par>
        <p:cTn id="1" dur="indefinite" restart="never" nodeType="tmRoot"/>
      </p:par>
    </p:tnLst>
  </p:timing>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38094040"/>
      </p:ext>
    </p:extLst>
  </p:cSld>
  <p:clrMapOvr>
    <a:masterClrMapping/>
  </p:clrMapOvr>
  <p:transition>
    <p:fade/>
  </p:transition>
  <p:timing>
    <p:tnLst>
      <p:par>
        <p:cTn id="1" dur="indefinite" restart="never" nodeType="tmRoot"/>
      </p:par>
    </p:tnLst>
  </p:timing>
</p:sldLayout>
</file>

<file path=ppt/slideLayouts/slideLayout1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968651492"/>
      </p:ext>
    </p:extLst>
  </p:cSld>
  <p:clrMapOvr>
    <a:masterClrMapping/>
  </p:clrMapOvr>
  <p:transition>
    <p:fade/>
  </p:transition>
  <p:timing>
    <p:tnLst>
      <p:par>
        <p:cTn id="1" dur="indefinite" restart="never" nodeType="tmRoot"/>
      </p:par>
    </p:tnLst>
  </p:timing>
</p:sldLayout>
</file>

<file path=ppt/slideLayouts/slideLayout1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2881664"/>
      </p:ext>
    </p:extLst>
  </p:cSld>
  <p:clrMapOvr>
    <a:masterClrMapping/>
  </p:clrMapOvr>
  <p:transition>
    <p:fade/>
  </p:transition>
  <p:timing>
    <p:tnLst>
      <p:par>
        <p:cTn id="1" dur="indefinite" restart="never" nodeType="tmRoot"/>
      </p:par>
    </p:tnLst>
  </p:timing>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64421030"/>
      </p:ext>
    </p:extLst>
  </p:cSld>
  <p:clrMapOvr>
    <a:masterClrMapping/>
  </p:clrMapOvr>
  <p:transition spd="slow">
    <p:fade/>
  </p:transition>
  <p:timing>
    <p:tnLst>
      <p:par>
        <p:cTn id="1" dur="indefinite" restart="never" nodeType="tmRoot"/>
      </p:par>
    </p:tnLst>
  </p:timing>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cSld>
  <p:clrMapOvr>
    <a:masterClrMapping/>
  </p:clrMapOvr>
  <p:transition spd="slow">
    <p:fade/>
  </p:transition>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041935140"/>
      </p:ext>
    </p:extLst>
  </p:cSld>
  <p:clrMapOvr>
    <a:masterClrMapping/>
  </p:clrMapOvr>
  <p:transition>
    <p:fade/>
  </p:transition>
  <p:timing>
    <p:tnLst>
      <p:par>
        <p:cTn id="1" dur="indefinite" restart="never" nodeType="tmRoot"/>
      </p:par>
    </p:tnLst>
  </p:timing>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4281110625"/>
      </p:ext>
    </p:extLst>
  </p:cSld>
  <p:clrMapOvr>
    <a:masterClrMapping/>
  </p:clrMapOvr>
  <p:transition>
    <p:fade/>
  </p:transition>
  <p:timing>
    <p:tnLst>
      <p:par>
        <p:cTn id="1" dur="indefinite" restart="never" nodeType="tmRoot"/>
      </p:par>
    </p:tnLst>
  </p:timing>
  <p:hf hdr="0" ftr="0" dt="0"/>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526036607"/>
      </p:ext>
    </p:extLst>
  </p:cSld>
  <p:clrMapOvr>
    <a:masterClrMapping/>
  </p:clrMapOvr>
  <p:transition>
    <p:fade/>
  </p:transition>
  <p:timing>
    <p:tnLst>
      <p:par>
        <p:cTn id="1" dur="indefinite" restart="never" nodeType="tmRoot"/>
      </p:par>
    </p:tnLst>
  </p:timing>
</p:sldLayout>
</file>

<file path=ppt/slideLayouts/slideLayout15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796160"/>
      </p:ext>
    </p:extLst>
  </p:cSld>
  <p:clrMapOvr>
    <a:masterClrMapping/>
  </p:clrMapOvr>
  <p:transition spd="slow">
    <p:fade/>
  </p:transition>
  <p:timing>
    <p:tnLst>
      <p:par>
        <p:cTn id="1" dur="indefinite" restart="never" nodeType="tmRoot"/>
      </p:par>
    </p:tnLst>
  </p:timing>
</p:sldLayout>
</file>

<file path=ppt/slideLayouts/slideLayout154.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3325132"/>
      </p:ext>
    </p:extLst>
  </p:cSld>
  <p:clrMapOvr>
    <a:masterClrMapping/>
  </p:clrMapOvr>
  <p:transition spd="slow">
    <p:fade/>
  </p:transition>
  <p:timing>
    <p:tnLst>
      <p:par>
        <p:cTn id="1" dur="indefinite" restart="never" nodeType="tmRoot"/>
      </p:par>
    </p:tnLst>
  </p:timing>
</p:sldLayout>
</file>

<file path=ppt/slideLayouts/slideLayout155.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74193204"/>
      </p:ext>
    </p:extLst>
  </p:cSld>
  <p:clrMapOvr>
    <a:masterClrMapping/>
  </p:clrMapOvr>
  <p:transition spd="slow">
    <p:fade/>
  </p:transition>
  <p:timing>
    <p:tnLst>
      <p:par>
        <p:cTn id="1" dur="indefinite" restart="never" nodeType="tmRoot"/>
      </p:par>
    </p:tnLst>
  </p:timing>
</p:sldLayout>
</file>

<file path=ppt/slideLayouts/slideLayout156.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21423906"/>
      </p:ext>
    </p:extLst>
  </p:cSld>
  <p:clrMapOvr>
    <a:masterClrMapping/>
  </p:clrMapOvr>
  <p:transition spd="slow">
    <p:fade/>
  </p:transition>
  <p:timing>
    <p:tnLst>
      <p:par>
        <p:cTn id="1" dur="indefinite" restart="never" nodeType="tmRoot"/>
      </p:par>
    </p:tnLst>
  </p:timing>
</p:sldLayout>
</file>

<file path=ppt/slideLayouts/slideLayout157.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44010973"/>
      </p:ext>
    </p:extLst>
  </p:cSld>
  <p:clrMapOvr>
    <a:masterClrMapping/>
  </p:clrMapOvr>
  <p:transition spd="slow">
    <p:fade/>
  </p:transition>
  <p:timing>
    <p:tnLst>
      <p:par>
        <p:cTn id="1" dur="indefinite" restart="never" nodeType="tmRoot"/>
      </p:par>
    </p:tnLst>
  </p:timing>
</p:sldLayout>
</file>

<file path=ppt/slideLayouts/slideLayout158.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39403473"/>
      </p:ext>
    </p:extLst>
  </p:cSld>
  <p:clrMapOvr>
    <a:masterClrMapping/>
  </p:clrMapOvr>
  <p:transition spd="slow">
    <p:fade/>
  </p:transition>
  <p:timing>
    <p:tnLst>
      <p:par>
        <p:cTn id="1" dur="indefinite" restart="never" nodeType="tmRoot"/>
      </p:par>
    </p:tnLst>
  </p:timing>
</p:sldLayout>
</file>

<file path=ppt/slideLayouts/slideLayout159.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07322406"/>
      </p:ext>
    </p:extLst>
  </p:cSld>
  <p:clrMapOvr>
    <a:masterClrMapping/>
  </p:clrMapOvr>
  <p:transition spd="slow">
    <p:fade/>
  </p:transition>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cSld>
  <p:clrMapOvr>
    <a:masterClrMapping/>
  </p:clrMapOvr>
  <p:transition spd="slow">
    <p:fade/>
  </p:transition>
</p:sldLayout>
</file>

<file path=ppt/slideLayouts/slideLayout16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010140996"/>
      </p:ext>
    </p:extLst>
  </p:cSld>
  <p:clrMapOvr>
    <a:masterClrMapping/>
  </p:clrMapOvr>
  <p:transition>
    <p:fade/>
  </p:transition>
  <p:timing>
    <p:tnLst>
      <p:par>
        <p:cTn id="1" dur="indefinite" restart="never" nodeType="tmRoot"/>
      </p:par>
    </p:tnLst>
  </p:timing>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678106382"/>
      </p:ext>
    </p:extLst>
  </p:cSld>
  <p:clrMapOvr>
    <a:masterClrMapping/>
  </p:clrMapOvr>
  <p:transition>
    <p:fade/>
  </p:transition>
  <p:timing>
    <p:tnLst>
      <p:par>
        <p:cTn id="1" dur="indefinite" restart="never" nodeType="tmRoot"/>
      </p:par>
    </p:tnLst>
  </p:timing>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66470342"/>
      </p:ext>
    </p:extLst>
  </p:cSld>
  <p:clrMapOvr>
    <a:masterClrMapping/>
  </p:clrMapOvr>
  <p:transition>
    <p:fade/>
  </p:transition>
  <p:timing>
    <p:tnLst>
      <p:par>
        <p:cTn id="1" dur="indefinite" restart="never" nodeType="tmRoot"/>
      </p:par>
    </p:tnLst>
  </p:timing>
  <p:hf hdr="0" ftr="0" dt="0"/>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75358866"/>
      </p:ext>
    </p:extLst>
  </p:cSld>
  <p:clrMapOvr>
    <a:masterClrMapping/>
  </p:clrMapOvr>
  <p:transition>
    <p:fade/>
  </p:transition>
  <p:timing>
    <p:tnLst>
      <p:par>
        <p:cTn id="1" dur="indefinite" restart="never" nodeType="tmRoot"/>
      </p:par>
    </p:tnLst>
  </p:timing>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90304337"/>
      </p:ext>
    </p:extLst>
  </p:cSld>
  <p:clrMapOvr>
    <a:masterClrMapping/>
  </p:clrMapOvr>
  <p:transition>
    <p:fade/>
  </p:transition>
  <p:timing>
    <p:tnLst>
      <p:par>
        <p:cTn id="1" dur="indefinite" restart="never" nodeType="tmRoot"/>
      </p:par>
    </p:tnLst>
  </p:timing>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1863765"/>
      </p:ext>
    </p:extLst>
  </p:cSld>
  <p:clrMapOvr>
    <a:masterClrMapping/>
  </p:clrMapOvr>
  <p:transition>
    <p:fade/>
  </p:transition>
  <p:timing>
    <p:tnLst>
      <p:par>
        <p:cTn id="1" dur="indefinite" restart="never" nodeType="tmRoot"/>
      </p:par>
    </p:tnLst>
  </p:timing>
</p:sldLayout>
</file>

<file path=ppt/slideLayouts/slideLayout16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4065047916"/>
      </p:ext>
    </p:extLst>
  </p:cSld>
  <p:clrMapOvr>
    <a:masterClrMapping/>
  </p:clrMapOvr>
  <p:transition>
    <p:fade/>
  </p:transition>
  <p:timing>
    <p:tnLst>
      <p:par>
        <p:cTn id="1" dur="indefinite" restart="never" nodeType="tmRoot"/>
      </p:par>
    </p:tnLst>
  </p:timing>
</p:sldLayout>
</file>

<file path=ppt/slideLayouts/slideLayout16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82751681"/>
      </p:ext>
    </p:extLst>
  </p:cSld>
  <p:clrMapOvr>
    <a:masterClrMapping/>
  </p:clrMapOvr>
  <p:transition>
    <p:fade/>
  </p:transition>
  <p:timing>
    <p:tnLst>
      <p:par>
        <p:cTn id="1" dur="indefinite" restart="never" nodeType="tmRoot"/>
      </p:par>
    </p:tnLst>
  </p:timing>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502961723"/>
      </p:ext>
    </p:extLst>
  </p:cSld>
  <p:clrMapOvr>
    <a:masterClrMapping/>
  </p:clrMapOvr>
  <p:transition spd="slow">
    <p:fade/>
  </p:transition>
  <p:timing>
    <p:tnLst>
      <p:par>
        <p:cTn id="1" dur="indefinite" restart="never" nodeType="tmRoot"/>
      </p:par>
    </p:tnLst>
  </p:timing>
  <p:hf hdr="0" ftr="0" dt="0"/>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39208194"/>
      </p:ext>
    </p:extLst>
  </p:cSld>
  <p:clrMapOvr>
    <a:masterClrMapping/>
  </p:clrMapOvr>
  <p:transition>
    <p:fade/>
  </p:transition>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423235707"/>
      </p:ext>
    </p:extLst>
  </p:cSld>
  <p:clrMapOvr>
    <a:masterClrMapping/>
  </p:clrMapOvr>
  <p:transition spd="slow">
    <p:fade/>
  </p:transition>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181729745"/>
      </p:ext>
    </p:extLst>
  </p:cSld>
  <p:clrMapOvr>
    <a:masterClrMapping/>
  </p:clrMapOvr>
  <p:transition>
    <p:fade/>
  </p:transition>
  <p:timing>
    <p:tnLst>
      <p:par>
        <p:cTn id="1" dur="indefinite" restart="never" nodeType="tmRoot"/>
      </p:par>
    </p:tnLst>
  </p:timing>
  <p:hf hdr="0" ftr="0" dt="0"/>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80833215"/>
      </p:ext>
    </p:extLst>
  </p:cSld>
  <p:clrMapOvr>
    <a:masterClrMapping/>
  </p:clrMapOvr>
  <p:transition>
    <p:fade/>
  </p:transition>
  <p:timing>
    <p:tnLst>
      <p:par>
        <p:cTn id="1" dur="indefinite" restart="never" nodeType="tmRoot"/>
      </p:par>
    </p:tnLst>
  </p:timing>
</p:sldLayout>
</file>

<file path=ppt/slideLayouts/slideLayout17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91099381"/>
      </p:ext>
    </p:extLst>
  </p:cSld>
  <p:clrMapOvr>
    <a:masterClrMapping/>
  </p:clrMapOvr>
  <p:transition spd="slow">
    <p:fade/>
  </p:transition>
  <p:timing>
    <p:tnLst>
      <p:par>
        <p:cTn id="1" dur="indefinite" restart="never" nodeType="tmRoot"/>
      </p:par>
    </p:tnLst>
  </p:timing>
</p:sldLayout>
</file>

<file path=ppt/slideLayouts/slideLayout17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63410648"/>
      </p:ext>
    </p:extLst>
  </p:cSld>
  <p:clrMapOvr>
    <a:masterClrMapping/>
  </p:clrMapOvr>
  <p:transition spd="slow">
    <p:fade/>
  </p:transition>
  <p:timing>
    <p:tnLst>
      <p:par>
        <p:cTn id="1" dur="indefinite" restart="never" nodeType="tmRoot"/>
      </p:par>
    </p:tnLst>
  </p:timing>
</p:sldLayout>
</file>

<file path=ppt/slideLayouts/slideLayout17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96093933"/>
      </p:ext>
    </p:extLst>
  </p:cSld>
  <p:clrMapOvr>
    <a:masterClrMapping/>
  </p:clrMapOvr>
  <p:transition spd="slow">
    <p:fade/>
  </p:transition>
  <p:timing>
    <p:tnLst>
      <p:par>
        <p:cTn id="1" dur="indefinite" restart="never" nodeType="tmRoot"/>
      </p:par>
    </p:tnLst>
  </p:timing>
</p:sldLayout>
</file>

<file path=ppt/slideLayouts/slideLayout17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14384304"/>
      </p:ext>
    </p:extLst>
  </p:cSld>
  <p:clrMapOvr>
    <a:masterClrMapping/>
  </p:clrMapOvr>
  <p:transition spd="slow">
    <p:fade/>
  </p:transition>
  <p:timing>
    <p:tnLst>
      <p:par>
        <p:cTn id="1" dur="indefinite" restart="never" nodeType="tmRoot"/>
      </p:par>
    </p:tnLst>
  </p:timing>
</p:sldLayout>
</file>

<file path=ppt/slideLayouts/slideLayout17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3656547"/>
      </p:ext>
    </p:extLst>
  </p:cSld>
  <p:clrMapOvr>
    <a:masterClrMapping/>
  </p:clrMapOvr>
  <p:transition spd="slow">
    <p:fade/>
  </p:transition>
  <p:timing>
    <p:tnLst>
      <p:par>
        <p:cTn id="1" dur="indefinite" restart="never" nodeType="tmRoot"/>
      </p:par>
    </p:tnLst>
  </p:timing>
</p:sldLayout>
</file>

<file path=ppt/slideLayouts/slideLayout17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05421167"/>
      </p:ext>
    </p:extLst>
  </p:cSld>
  <p:clrMapOvr>
    <a:masterClrMapping/>
  </p:clrMapOvr>
  <p:transition spd="slow">
    <p:fade/>
  </p:transition>
  <p:timing>
    <p:tnLst>
      <p:par>
        <p:cTn id="1" dur="indefinite" restart="never" nodeType="tmRoot"/>
      </p:par>
    </p:tnLst>
  </p:timing>
</p:sldLayout>
</file>

<file path=ppt/slideLayouts/slideLayout17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704999648"/>
      </p:ext>
    </p:extLst>
  </p:cSld>
  <p:clrMapOvr>
    <a:masterClrMapping/>
  </p:clrMapOvr>
  <p:transition>
    <p:fade/>
  </p:transition>
  <p:timing>
    <p:tnLst>
      <p:par>
        <p:cTn id="1" dur="indefinite" restart="never" nodeType="tmRoot"/>
      </p:par>
    </p:tnLst>
  </p:timing>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739543418"/>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533952080"/>
      </p:ext>
    </p:extLst>
  </p:cSld>
  <p:clrMapOvr>
    <a:masterClrMapping/>
  </p:clrMapOvr>
  <p:transition spd="slow">
    <p:fade/>
  </p:transition>
  <p:timing>
    <p:tnLst>
      <p:par>
        <p:cTn id="1" dur="indefinite" restart="never" nodeType="tmRoot"/>
      </p:par>
    </p:tnLst>
  </p:timing>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69017439"/>
      </p:ext>
    </p:extLst>
  </p:cSld>
  <p:clrMapOvr>
    <a:masterClrMapping/>
  </p:clrMapOvr>
  <p:transition>
    <p:fade/>
  </p:transition>
  <p:timing>
    <p:tnLst>
      <p:par>
        <p:cTn id="1" dur="indefinite" restart="never" nodeType="tmRoot"/>
      </p:par>
    </p:tnLst>
  </p:timing>
  <p:hf hdr="0" ftr="0" dt="0"/>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75581268"/>
      </p:ext>
    </p:extLst>
  </p:cSld>
  <p:clrMapOvr>
    <a:masterClrMapping/>
  </p:clrMapOvr>
  <p:transition>
    <p:fade/>
  </p:transition>
  <p:timing>
    <p:tnLst>
      <p:par>
        <p:cTn id="1" dur="indefinite" restart="never" nodeType="tmRoot"/>
      </p:par>
    </p:tnLst>
  </p:timing>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719262953"/>
      </p:ext>
    </p:extLst>
  </p:cSld>
  <p:clrMapOvr>
    <a:masterClrMapping/>
  </p:clrMapOvr>
  <p:transition>
    <p:fade/>
  </p:transition>
  <p:timing>
    <p:tnLst>
      <p:par>
        <p:cTn id="1" dur="indefinite" restart="never" nodeType="tmRoot"/>
      </p:par>
    </p:tnLst>
  </p:timing>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538737842"/>
      </p:ext>
    </p:extLst>
  </p:cSld>
  <p:clrMapOvr>
    <a:masterClrMapping/>
  </p:clrMapOvr>
  <p:transition>
    <p:fade/>
  </p:transition>
  <p:timing>
    <p:tnLst>
      <p:par>
        <p:cTn id="1" dur="indefinite" restart="never" nodeType="tmRoot"/>
      </p:par>
    </p:tnLst>
  </p:timing>
</p:sldLayout>
</file>

<file path=ppt/slideLayouts/slideLayout18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673414372"/>
      </p:ext>
    </p:extLst>
  </p:cSld>
  <p:clrMapOvr>
    <a:masterClrMapping/>
  </p:clrMapOvr>
  <p:transition>
    <p:fade/>
  </p:transition>
  <p:timing>
    <p:tnLst>
      <p:par>
        <p:cTn id="1" dur="indefinite" restart="never" nodeType="tmRoot"/>
      </p:par>
    </p:tnLst>
  </p:timing>
</p:sldLayout>
</file>

<file path=ppt/slideLayouts/slideLayout18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550724854"/>
      </p:ext>
    </p:extLst>
  </p:cSld>
  <p:clrMapOvr>
    <a:masterClrMapping/>
  </p:clrMapOvr>
  <p:transition>
    <p:fade/>
  </p:transition>
  <p:timing>
    <p:tnLst>
      <p:par>
        <p:cTn id="1" dur="indefinite" restart="never" nodeType="tmRoot"/>
      </p:par>
    </p:tnLst>
  </p:timing>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83663869"/>
      </p:ext>
    </p:extLst>
  </p:cSld>
  <p:clrMapOvr>
    <a:masterClrMapping/>
  </p:clrMapOvr>
  <p:transition spd="slow">
    <p:fade/>
  </p:transition>
  <p:timing>
    <p:tnLst>
      <p:par>
        <p:cTn id="1" dur="indefinite" restart="never" nodeType="tmRoot"/>
      </p:par>
    </p:tnLst>
  </p:timing>
  <p:hf hdr="0" ftr="0" dt="0"/>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90337306"/>
      </p:ext>
    </p:extLst>
  </p:cSld>
  <p:clrMapOvr>
    <a:masterClrMapping/>
  </p:clrMapOvr>
  <p:transition>
    <p:fade/>
  </p:transition>
  <p:timing>
    <p:tnLst>
      <p:par>
        <p:cTn id="1" dur="indefinite" restart="never" nodeType="tmRoot"/>
      </p:par>
    </p:tnLst>
  </p:timing>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860114857"/>
      </p:ext>
    </p:extLst>
  </p:cSld>
  <p:clrMapOvr>
    <a:masterClrMapping/>
  </p:clrMapOvr>
  <p:transition>
    <p:fade/>
  </p:transition>
  <p:timing>
    <p:tnLst>
      <p:par>
        <p:cTn id="1" dur="indefinite" restart="never" nodeType="tmRoot"/>
      </p:par>
    </p:tnLst>
  </p:timing>
  <p:hf hdr="0" ftr="0" dt="0"/>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109574935"/>
      </p:ext>
    </p:extLst>
  </p:cSld>
  <p:clrMapOvr>
    <a:masterClrMapping/>
  </p:clrMapOvr>
  <p:transition>
    <p:fade/>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721121927"/>
      </p:ext>
    </p:extLst>
  </p:cSld>
  <p:clrMapOvr>
    <a:masterClrMapping/>
  </p:clrMapOvr>
  <p:transition>
    <p:fade/>
  </p:transition>
</p:sldLayout>
</file>

<file path=ppt/slideLayouts/slideLayout190.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49561778"/>
      </p:ext>
    </p:extLst>
  </p:cSld>
  <p:clrMapOvr>
    <a:masterClrMapping/>
  </p:clrMapOvr>
  <p:transition spd="slow">
    <p:fade/>
  </p:transition>
  <p:timing>
    <p:tnLst>
      <p:par>
        <p:cTn id="1" dur="indefinite" restart="never" nodeType="tmRoot"/>
      </p:par>
    </p:tnLst>
  </p:timing>
</p:sldLayout>
</file>

<file path=ppt/slideLayouts/slideLayout191.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523545630"/>
      </p:ext>
    </p:extLst>
  </p:cSld>
  <p:clrMapOvr>
    <a:masterClrMapping/>
  </p:clrMapOvr>
  <p:transition spd="slow">
    <p:fade/>
  </p:transition>
  <p:timing>
    <p:tnLst>
      <p:par>
        <p:cTn id="1" dur="indefinite" restart="never" nodeType="tmRoot"/>
      </p:par>
    </p:tnLst>
  </p:timing>
</p:sldLayout>
</file>

<file path=ppt/slideLayouts/slideLayout192.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71218582"/>
      </p:ext>
    </p:extLst>
  </p:cSld>
  <p:clrMapOvr>
    <a:masterClrMapping/>
  </p:clrMapOvr>
  <p:transition spd="slow">
    <p:fade/>
  </p:transition>
  <p:timing>
    <p:tnLst>
      <p:par>
        <p:cTn id="1" dur="indefinite" restart="never" nodeType="tmRoot"/>
      </p:par>
    </p:tnLst>
  </p:timing>
</p:sldLayout>
</file>

<file path=ppt/slideLayouts/slideLayout193.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03511263"/>
      </p:ext>
    </p:extLst>
  </p:cSld>
  <p:clrMapOvr>
    <a:masterClrMapping/>
  </p:clrMapOvr>
  <p:transition spd="slow">
    <p:fade/>
  </p:transition>
  <p:timing>
    <p:tnLst>
      <p:par>
        <p:cTn id="1" dur="indefinite" restart="never" nodeType="tmRoot"/>
      </p:par>
    </p:tnLst>
  </p:timing>
</p:sldLayout>
</file>

<file path=ppt/slideLayouts/slideLayout194.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26135426"/>
      </p:ext>
    </p:extLst>
  </p:cSld>
  <p:clrMapOvr>
    <a:masterClrMapping/>
  </p:clrMapOvr>
  <p:transition spd="slow">
    <p:fade/>
  </p:transition>
  <p:timing>
    <p:tnLst>
      <p:par>
        <p:cTn id="1" dur="indefinite" restart="never" nodeType="tmRoot"/>
      </p:par>
    </p:tnLst>
  </p:timing>
</p:sldLayout>
</file>

<file path=ppt/slideLayouts/slideLayout195.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76099847"/>
      </p:ext>
    </p:extLst>
  </p:cSld>
  <p:clrMapOvr>
    <a:masterClrMapping/>
  </p:clrMapOvr>
  <p:transition spd="slow">
    <p:fade/>
  </p:transition>
  <p:timing>
    <p:tnLst>
      <p:par>
        <p:cTn id="1" dur="indefinite" restart="never" nodeType="tmRoot"/>
      </p:par>
    </p:tnLst>
  </p:timing>
</p:sldLayout>
</file>

<file path=ppt/slideLayouts/slideLayout196.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8124175"/>
      </p:ext>
    </p:extLst>
  </p:cSld>
  <p:clrMapOvr>
    <a:masterClrMapping/>
  </p:clrMapOvr>
  <p:transition spd="slow">
    <p:fade/>
  </p:transition>
  <p:timing>
    <p:tnLst>
      <p:par>
        <p:cTn id="1" dur="indefinite" restart="never" nodeType="tmRoot"/>
      </p:par>
    </p:tnLst>
  </p:timing>
</p:sldLayout>
</file>

<file path=ppt/slideLayouts/slideLayout19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846387390"/>
      </p:ext>
    </p:extLst>
  </p:cSld>
  <p:clrMapOvr>
    <a:masterClrMapping/>
  </p:clrMapOvr>
  <p:transition spd="slow">
    <p:fade/>
  </p:transition>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4158293672"/>
      </p:ext>
    </p:extLst>
  </p:cSld>
  <p:clrMapOvr>
    <a:masterClrMapping/>
  </p:clrMapOvr>
  <p:transition spd="slow">
    <p:fade/>
  </p:transition>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741223058"/>
      </p:ext>
    </p:extLst>
  </p:cSld>
  <p:clrMapOvr>
    <a:masterClrMapping/>
  </p:clrMapOvr>
  <p:transition spd="slow">
    <p:fade/>
  </p:transition>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cSld>
  <p:clrMapOvr>
    <a:masterClrMapping/>
  </p:clrMapOvr>
  <p:transition spd="slow">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6"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3822831916"/>
      </p:ext>
    </p:extLst>
  </p:cSld>
  <p:clrMapOvr>
    <a:masterClrMapping/>
  </p:clrMapOvr>
  <p:transition spd="slow">
    <p:fade/>
  </p:transition>
  <p:timing>
    <p:tnLst>
      <p:par>
        <p:cTn id="1" dur="indefinite" restart="never" nodeType="tmRoot"/>
      </p:par>
    </p:tnLst>
  </p:timing>
</p:sldLayout>
</file>

<file path=ppt/slideLayouts/slideLayout200.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296748553"/>
      </p:ext>
    </p:extLst>
  </p:cSld>
  <p:clrMapOvr>
    <a:masterClrMapping/>
  </p:clrMapOvr>
  <p:transition spd="slow">
    <p:fade/>
  </p:transition>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878157820"/>
      </p:ext>
    </p:extLst>
  </p:cSld>
  <p:clrMapOvr>
    <a:masterClrMapping/>
  </p:clrMapOvr>
  <p:transition spd="slow">
    <p:fade/>
  </p:transition>
  <p:timing>
    <p:tnLst>
      <p:par>
        <p:cTn id="1" dur="indefinite" restart="never" nodeType="tmRoot"/>
      </p:par>
    </p:tnLst>
  </p:timing>
  <p:hf hdr="0" ftr="0" dt="0"/>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780844793"/>
      </p:ext>
    </p:extLst>
  </p:cSld>
  <p:clrMapOvr>
    <a:masterClrMapping/>
  </p:clrMapOvr>
  <p:transition spd="slow">
    <p:fade/>
  </p:transition>
  <p:timing>
    <p:tnLst>
      <p:par>
        <p:cTn id="1" dur="indefinite" restart="never" nodeType="tmRoot"/>
      </p:par>
    </p:tnLst>
  </p:timing>
</p:sldLayout>
</file>

<file path=ppt/slideLayouts/slideLayout20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912397610"/>
      </p:ext>
    </p:extLst>
  </p:cSld>
  <p:clrMapOvr>
    <a:masterClrMapping/>
  </p:clrMapOvr>
  <p:transition spd="slow">
    <p:fade/>
  </p:transition>
  <p:timing>
    <p:tnLst>
      <p:par>
        <p:cTn id="1" dur="indefinite" restart="never" nodeType="tmRoot"/>
      </p:par>
    </p:tnLst>
  </p:timing>
</p:sldLayout>
</file>

<file path=ppt/slideLayouts/slideLayout20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717423998"/>
      </p:ext>
    </p:extLst>
  </p:cSld>
  <p:clrMapOvr>
    <a:masterClrMapping/>
  </p:clrMapOvr>
  <p:transition spd="slow">
    <p:fade/>
  </p:transition>
</p:sldLayout>
</file>

<file path=ppt/slideLayouts/slideLayout20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825417230"/>
      </p:ext>
    </p:extLst>
  </p:cSld>
  <p:clrMapOvr>
    <a:masterClrMapping/>
  </p:clrMapOvr>
  <p:transition spd="slow">
    <p:fade/>
  </p:transition>
</p:sldLayout>
</file>

<file path=ppt/slideLayouts/slideLayout20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926331325"/>
      </p:ext>
    </p:extLst>
  </p:cSld>
  <p:clrMapOvr>
    <a:masterClrMapping/>
  </p:clrMapOvr>
  <p:transition spd="slow">
    <p:fade/>
  </p:transition>
</p:sldLayout>
</file>

<file path=ppt/slideLayouts/slideLayout207.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821563920"/>
      </p:ext>
    </p:extLst>
  </p:cSld>
  <p:clrMapOvr>
    <a:masterClrMapping/>
  </p:clrMapOvr>
  <p:transition spd="slow">
    <p:fade/>
  </p:transition>
  <p:timing>
    <p:tnLst>
      <p:par>
        <p:cTn id="1" dur="indefinite" restart="never" nodeType="tmRoot"/>
      </p:par>
    </p:tnLst>
  </p:timing>
</p:sldLayout>
</file>

<file path=ppt/slideLayouts/slideLayout208.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954883820"/>
      </p:ext>
    </p:extLst>
  </p:cSld>
  <p:clrMapOvr>
    <a:masterClrMapping/>
  </p:clrMapOvr>
  <p:transition spd="slow">
    <p:fade/>
  </p:transition>
  <p:timing>
    <p:tnLst>
      <p:par>
        <p:cTn id="1" dur="indefinite" restart="never" nodeType="tmRoot"/>
      </p:par>
    </p:tnLst>
  </p:timing>
</p:sldLayout>
</file>

<file path=ppt/slideLayouts/slideLayout209.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175182738"/>
      </p:ext>
    </p:extLst>
  </p:cSld>
  <p:clrMapOvr>
    <a:masterClrMapping/>
  </p:clrMapOvr>
  <p:transition spd="slow">
    <p:fade/>
  </p:transition>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916146517"/>
      </p:ext>
    </p:extLst>
  </p:cSld>
  <p:clrMapOvr>
    <a:masterClrMapping/>
  </p:clrMapOvr>
  <p:transition spd="slow">
    <p:fade/>
  </p:transition>
  <p:timing>
    <p:tnLst>
      <p:par>
        <p:cTn id="1" dur="indefinite" restart="never" nodeType="tmRoot"/>
      </p:par>
    </p:tnLst>
  </p:timing>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784882174"/>
      </p:ext>
    </p:extLst>
  </p:cSld>
  <p:clrMapOvr>
    <a:masterClrMapping/>
  </p:clrMapOvr>
  <p:transition spd="slow">
    <p:fade/>
  </p:transition>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318608820"/>
      </p:ext>
    </p:extLst>
  </p:cSld>
  <p:clrMapOvr>
    <a:masterClrMapping/>
  </p:clrMapOvr>
  <p:transition spd="slow">
    <p:fade/>
  </p:transition>
</p:sldLayout>
</file>

<file path=ppt/slideLayouts/slideLayout212.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4088418228"/>
      </p:ext>
    </p:extLst>
  </p:cSld>
  <p:clrMapOvr>
    <a:masterClrMapping/>
  </p:clrMapOvr>
  <p:transition spd="slow">
    <p:fade/>
  </p:transition>
</p:sldLayout>
</file>

<file path=ppt/slideLayouts/slideLayout213.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187727353"/>
      </p:ext>
    </p:extLst>
  </p:cSld>
  <p:clrMapOvr>
    <a:masterClrMapping/>
  </p:clrMapOvr>
  <p:transition spd="slow">
    <p:fade/>
  </p:transition>
</p:sldLayout>
</file>

<file path=ppt/slideLayouts/slideLayout214.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46661215"/>
      </p:ext>
    </p:extLst>
  </p:cSld>
  <p:clrMapOvr>
    <a:masterClrMapping/>
  </p:clrMapOvr>
  <p:transition spd="slow">
    <p:fade/>
  </p:transition>
  <p:timing>
    <p:tnLst>
      <p:par>
        <p:cTn id="1" dur="indefinite" restart="never" nodeType="tmRoot"/>
      </p:par>
    </p:tnLst>
  </p:timing>
</p:sldLayout>
</file>

<file path=ppt/slideLayouts/slideLayout215.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4053569522"/>
      </p:ext>
    </p:extLst>
  </p:cSld>
  <p:clrMapOvr>
    <a:masterClrMapping/>
  </p:clrMapOvr>
  <p:transition>
    <p:fade/>
  </p:transition>
  <p:timing>
    <p:tnLst>
      <p:par>
        <p:cTn id="1" dur="indefinite" restart="never" nodeType="tmRoot"/>
      </p:par>
    </p:tnLst>
  </p:timing>
  <p:hf hdr="0" ftr="0" dt="0"/>
</p:sldLayout>
</file>

<file path=ppt/slideLayouts/slideLayout216.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963522568"/>
      </p:ext>
    </p:extLst>
  </p:cSld>
  <p:clrMapOvr>
    <a:masterClrMapping/>
  </p:clrMapOvr>
  <p:transition>
    <p:fade/>
  </p:transition>
</p:sldLayout>
</file>

<file path=ppt/slideLayouts/slideLayout21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22069285"/>
      </p:ext>
    </p:extLst>
  </p:cSld>
  <p:clrMapOvr>
    <a:masterClrMapping/>
  </p:clrMapOvr>
  <p:transition spd="slow">
    <p:fade/>
  </p:transition>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040926318"/>
      </p:ext>
    </p:extLst>
  </p:cSld>
  <p:clrMapOvr>
    <a:masterClrMapping/>
  </p:clrMapOvr>
  <p:transition spd="slow">
    <p:fade/>
  </p:transition>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59560540"/>
      </p:ext>
    </p:extLst>
  </p:cSld>
  <p:clrMapOvr>
    <a:masterClrMapping/>
  </p:clrMapOvr>
  <p:transition spd="slow">
    <p:fade/>
  </p:transition>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pic>
        <p:nvPicPr>
          <p:cNvPr id="7" name="Picture 6"/>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Title 1"/>
          <p:cNvSpPr txBox="1">
            <a:spLocks/>
          </p:cNvSpPr>
          <p:nvPr userDrawn="1"/>
        </p:nvSpPr>
        <p:spPr bwMode="ltGray">
          <a:xfrm>
            <a:off x="685800" y="533400"/>
            <a:ext cx="8229600" cy="609600"/>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r" defTabSz="912813" rtl="0" eaLnBrk="1" fontAlgn="base" hangingPunct="1">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a:lstStyle>
          <a:p>
            <a:r>
              <a:rPr lang="en-US" dirty="0" smtClean="0"/>
              <a:t>Click to edit Master title style</a:t>
            </a:r>
            <a:endParaRPr lang="en-US" dirty="0"/>
          </a:p>
        </p:txBody>
      </p:sp>
    </p:spTree>
    <p:extLst>
      <p:ext uri="{BB962C8B-B14F-4D97-AF65-F5344CB8AC3E}">
        <p14:creationId xmlns:p14="http://schemas.microsoft.com/office/powerpoint/2010/main" val="188945471"/>
      </p:ext>
    </p:extLst>
  </p:cSld>
  <p:clrMapOvr>
    <a:masterClrMapping/>
  </p:clrMapOvr>
  <p:transition spd="slow">
    <p:fade/>
  </p:transition>
  <p:timing>
    <p:tnLst>
      <p:par>
        <p:cTn id="1" dur="indefinite" restart="never" nodeType="tmRoot"/>
      </p:par>
    </p:tnLst>
  </p:timing>
  <p:hf hdr="0" ftr="0" dt="0"/>
</p:sldLayout>
</file>

<file path=ppt/slideLayouts/slideLayout220.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104725610"/>
      </p:ext>
    </p:extLst>
  </p:cSld>
  <p:clrMapOvr>
    <a:masterClrMapping/>
  </p:clrMapOvr>
  <p:transition spd="slow">
    <p:fade/>
  </p:transition>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525787338"/>
      </p:ext>
    </p:extLst>
  </p:cSld>
  <p:clrMapOvr>
    <a:masterClrMapping/>
  </p:clrMapOvr>
  <p:transition spd="slow">
    <p:fade/>
  </p:transition>
  <p:timing>
    <p:tnLst>
      <p:par>
        <p:cTn id="1" dur="indefinite" restart="never" nodeType="tmRoot"/>
      </p:par>
    </p:tnLst>
  </p:timing>
  <p:hf hdr="0" ftr="0" dt="0"/>
</p:sldLayout>
</file>

<file path=ppt/slideLayouts/slideLayout22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49858416"/>
      </p:ext>
    </p:extLst>
  </p:cSld>
  <p:clrMapOvr>
    <a:masterClrMapping/>
  </p:clrMapOvr>
  <p:transition spd="slow">
    <p:fade/>
  </p:transition>
  <p:timing>
    <p:tnLst>
      <p:par>
        <p:cTn id="1" dur="indefinite" restart="never" nodeType="tmRoot"/>
      </p:par>
    </p:tnLst>
  </p:timing>
</p:sldLayout>
</file>

<file path=ppt/slideLayouts/slideLayout22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71168024"/>
      </p:ext>
    </p:extLst>
  </p:cSld>
  <p:clrMapOvr>
    <a:masterClrMapping/>
  </p:clrMapOvr>
  <p:transition spd="slow">
    <p:fade/>
  </p:transition>
  <p:timing>
    <p:tnLst>
      <p:par>
        <p:cTn id="1" dur="indefinite" restart="never" nodeType="tmRoot"/>
      </p:par>
    </p:tnLst>
  </p:timing>
</p:sldLayout>
</file>

<file path=ppt/slideLayouts/slideLayout22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462777129"/>
      </p:ext>
    </p:extLst>
  </p:cSld>
  <p:clrMapOvr>
    <a:masterClrMapping/>
  </p:clrMapOvr>
  <p:transition spd="slow">
    <p:fade/>
  </p:transition>
</p:sldLayout>
</file>

<file path=ppt/slideLayouts/slideLayout22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097517"/>
      </p:ext>
    </p:extLst>
  </p:cSld>
  <p:clrMapOvr>
    <a:masterClrMapping/>
  </p:clrMapOvr>
  <p:transition spd="slow">
    <p:fade/>
  </p:transition>
</p:sldLayout>
</file>

<file path=ppt/slideLayouts/slideLayout22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55732843"/>
      </p:ext>
    </p:extLst>
  </p:cSld>
  <p:clrMapOvr>
    <a:masterClrMapping/>
  </p:clrMapOvr>
  <p:transition spd="slow">
    <p:fade/>
  </p:transition>
</p:sldLayout>
</file>

<file path=ppt/slideLayouts/slideLayout227.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300707894"/>
      </p:ext>
    </p:extLst>
  </p:cSld>
  <p:clrMapOvr>
    <a:masterClrMapping/>
  </p:clrMapOvr>
  <p:transition spd="slow">
    <p:fade/>
  </p:transition>
  <p:timing>
    <p:tnLst>
      <p:par>
        <p:cTn id="1" dur="indefinite" restart="never" nodeType="tmRoot"/>
      </p:par>
    </p:tnLst>
  </p:timing>
</p:sldLayout>
</file>

<file path=ppt/slideLayouts/slideLayout228.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104176809"/>
      </p:ext>
    </p:extLst>
  </p:cSld>
  <p:clrMapOvr>
    <a:masterClrMapping/>
  </p:clrMapOvr>
  <p:transition spd="slow">
    <p:fade/>
  </p:transition>
  <p:timing>
    <p:tnLst>
      <p:par>
        <p:cTn id="1" dur="indefinite" restart="never" nodeType="tmRoot"/>
      </p:par>
    </p:tnLst>
  </p:timing>
</p:sldLayout>
</file>

<file path=ppt/slideLayouts/slideLayout229.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51000"/>
      </p:ext>
    </p:extLst>
  </p:cSld>
  <p:clrMapOvr>
    <a:masterClrMapping/>
  </p:clrMapOvr>
  <p:transition spd="slow">
    <p:fade/>
  </p:transition>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4" name="Picture 3"/>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txBox="1">
            <a:spLocks/>
          </p:cNvSpPr>
          <p:nvPr userDrawn="1"/>
        </p:nvSpPr>
        <p:spPr bwMode="ltGray">
          <a:xfrm>
            <a:off x="685800" y="533400"/>
            <a:ext cx="8229600" cy="609600"/>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r" defTabSz="912813" rtl="0" eaLnBrk="1" fontAlgn="base" hangingPunct="1">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a:lstStyle>
          <a:p>
            <a:r>
              <a:rPr lang="en-US" dirty="0" smtClean="0"/>
              <a:t>Click to edit Master title style</a:t>
            </a:r>
            <a:endParaRPr lang="en-US" dirty="0"/>
          </a:p>
        </p:txBody>
      </p:sp>
    </p:spTree>
    <p:extLst>
      <p:ext uri="{BB962C8B-B14F-4D97-AF65-F5344CB8AC3E}">
        <p14:creationId xmlns:p14="http://schemas.microsoft.com/office/powerpoint/2010/main" val="1693851305"/>
      </p:ext>
    </p:extLst>
  </p:cSld>
  <p:clrMapOvr>
    <a:masterClrMapping/>
  </p:clrMapOvr>
  <p:transition spd="slow">
    <p:fade/>
  </p:transition>
  <p:timing>
    <p:tnLst>
      <p:par>
        <p:cTn id="1" dur="indefinite" restart="never" nodeType="tmRoot"/>
      </p:par>
    </p:tnLst>
  </p:timing>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812092408"/>
      </p:ext>
    </p:extLst>
  </p:cSld>
  <p:clrMapOvr>
    <a:masterClrMapping/>
  </p:clrMapOvr>
  <p:transition spd="slow">
    <p:fade/>
  </p:transition>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072076771"/>
      </p:ext>
    </p:extLst>
  </p:cSld>
  <p:clrMapOvr>
    <a:masterClrMapping/>
  </p:clrMapOvr>
  <p:transition spd="slow">
    <p:fade/>
  </p:transition>
</p:sldLayout>
</file>

<file path=ppt/slideLayouts/slideLayout232.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115688810"/>
      </p:ext>
    </p:extLst>
  </p:cSld>
  <p:clrMapOvr>
    <a:masterClrMapping/>
  </p:clrMapOvr>
  <p:transition spd="slow">
    <p:fade/>
  </p:transition>
</p:sldLayout>
</file>

<file path=ppt/slideLayouts/slideLayout233.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22173056"/>
      </p:ext>
    </p:extLst>
  </p:cSld>
  <p:clrMapOvr>
    <a:masterClrMapping/>
  </p:clrMapOvr>
  <p:transition spd="slow">
    <p:fade/>
  </p:transition>
</p:sldLayout>
</file>

<file path=ppt/slideLayouts/slideLayout234.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389026668"/>
      </p:ext>
    </p:extLst>
  </p:cSld>
  <p:clrMapOvr>
    <a:masterClrMapping/>
  </p:clrMapOvr>
  <p:transition spd="slow">
    <p:fade/>
  </p:transition>
  <p:timing>
    <p:tnLst>
      <p:par>
        <p:cTn id="1" dur="indefinite" restart="never" nodeType="tmRoot"/>
      </p:par>
    </p:tnLst>
  </p:timing>
</p:sldLayout>
</file>

<file path=ppt/slideLayouts/slideLayout235.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4214282455"/>
      </p:ext>
    </p:extLst>
  </p:cSld>
  <p:clrMapOvr>
    <a:masterClrMapping/>
  </p:clrMapOvr>
  <p:transition>
    <p:fade/>
  </p:transition>
  <p:timing>
    <p:tnLst>
      <p:par>
        <p:cTn id="1" dur="indefinite" restart="never" nodeType="tmRoot"/>
      </p:par>
    </p:tnLst>
  </p:timing>
  <p:hf hdr="0" ftr="0" dt="0"/>
</p:sldLayout>
</file>

<file path=ppt/slideLayouts/slideLayout236.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555347761"/>
      </p:ext>
    </p:extLst>
  </p:cSld>
  <p:clrMapOvr>
    <a:masterClrMapping/>
  </p:clrMapOvr>
  <p:transition>
    <p:fade/>
  </p:transition>
</p:sldLayout>
</file>

<file path=ppt/slideLayouts/slideLayout237.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874687275"/>
      </p:ext>
    </p:extLst>
  </p:cSld>
  <p:clrMapOvr>
    <a:masterClrMapping/>
  </p:clrMapOvr>
  <p:transition>
    <p:fade/>
  </p:transition>
</p:sldLayout>
</file>

<file path=ppt/slideLayouts/slideLayout23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22069285"/>
      </p:ext>
    </p:extLst>
  </p:cSld>
  <p:clrMapOvr>
    <a:masterClrMapping/>
  </p:clrMapOvr>
  <p:transition spd="slow">
    <p:fade/>
  </p:transition>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040926318"/>
      </p:ext>
    </p:extLst>
  </p:cSld>
  <p:clrMapOvr>
    <a:masterClrMapping/>
  </p:clrMapOvr>
  <p:transition spd="slow">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8" name="Picture 4" descr="http://www.tunneltalk.com/images/CAHighSpeedRail/California-Delta-Project-3-Delivery-canals.jpg">
            <a:hlinkClick r:id="rId2"/>
          </p:cNvPr>
          <p:cNvPicPr>
            <a:picLocks noChangeAspect="1" noChangeArrowheads="1"/>
          </p:cNvPicPr>
          <p:nvPr userDrawn="1"/>
        </p:nvPicPr>
        <p:blipFill>
          <a:blip r:embed="rId3" cstate="print">
            <a:extLst>
              <a:ext uri="{BEBA8EAE-BF5A-486C-A8C5-ECC9F3942E4B}">
                <a14:imgProps xmlns:a14="http://schemas.microsoft.com/office/drawing/2010/main">
                  <a14:imgLayer r:embed="rId4">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pic>
        <p:nvPicPr>
          <p:cNvPr id="5" name="Border" descr="S:\Bay-Delta\Neudeck\Majors Celebration\Signature Pic Card\Osti Border1.gif"/>
          <p:cNvPicPr>
            <a:picLocks noChangeAspect="1" noChangeArrowheads="1"/>
          </p:cNvPicPr>
          <p:nvPr/>
        </p:nvPicPr>
        <p:blipFill>
          <a:blip r:embed="rId5"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2"/>
          </p:cNvPr>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7" name="Border" descr="S:\Bay-Delta\Neudeck\Majors Celebration\Signature Pic Card\Osti Border1.gif"/>
          <p:cNvPicPr>
            <a:picLocks noChangeAspect="1" noChangeArrowheads="1"/>
          </p:cNvPicPr>
          <p:nvPr userDrawn="1"/>
        </p:nvPicPr>
        <p:blipFill>
          <a:blip r:embed="rId5" cstate="print"/>
          <a:srcRect/>
          <a:stretch>
            <a:fillRect/>
          </a:stretch>
        </p:blipFill>
        <p:spPr bwMode="auto">
          <a:xfrm>
            <a:off x="-9144" y="-42672"/>
            <a:ext cx="9153144" cy="6900672"/>
          </a:xfrm>
          <a:prstGeom prst="rect">
            <a:avLst/>
          </a:prstGeom>
          <a:noFill/>
        </p:spPr>
      </p:pic>
      <p:sp>
        <p:nvSpPr>
          <p:cNvPr id="9"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1009056869"/>
      </p:ext>
    </p:extLst>
  </p:cSld>
  <p:clrMapOvr>
    <a:masterClrMapping/>
  </p:clrMapOvr>
  <p:transition spd="slow">
    <p:fade/>
  </p:transition>
  <p:timing>
    <p:tnLst>
      <p:par>
        <p:cTn id="1" dur="indefinite" restart="never" nodeType="tmRoot"/>
      </p:par>
    </p:tnLst>
  </p:timing>
</p:sldLayout>
</file>

<file path=ppt/slideLayouts/slideLayout240.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59560540"/>
      </p:ext>
    </p:extLst>
  </p:cSld>
  <p:clrMapOvr>
    <a:masterClrMapping/>
  </p:clrMapOvr>
  <p:transition spd="slow">
    <p:fade/>
  </p:transition>
  <p:timing>
    <p:tnLst>
      <p:par>
        <p:cTn id="1" dur="indefinite" restart="never" nodeType="tmRoot"/>
      </p:par>
    </p:tnLst>
  </p:timing>
</p:sldLayout>
</file>

<file path=ppt/slideLayouts/slideLayout241.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104725610"/>
      </p:ext>
    </p:extLst>
  </p:cSld>
  <p:clrMapOvr>
    <a:masterClrMapping/>
  </p:clrMapOvr>
  <p:transition spd="slow">
    <p:fade/>
  </p:transition>
</p:sldLayout>
</file>

<file path=ppt/slideLayouts/slideLayout242.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525787338"/>
      </p:ext>
    </p:extLst>
  </p:cSld>
  <p:clrMapOvr>
    <a:masterClrMapping/>
  </p:clrMapOvr>
  <p:transition spd="slow">
    <p:fade/>
  </p:transition>
  <p:timing>
    <p:tnLst>
      <p:par>
        <p:cTn id="1" dur="indefinite" restart="never" nodeType="tmRoot"/>
      </p:par>
    </p:tnLst>
  </p:timing>
  <p:hf hdr="0" ftr="0" dt="0"/>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49858416"/>
      </p:ext>
    </p:extLst>
  </p:cSld>
  <p:clrMapOvr>
    <a:masterClrMapping/>
  </p:clrMapOvr>
  <p:transition spd="slow">
    <p:fade/>
  </p:transition>
  <p:timing>
    <p:tnLst>
      <p:par>
        <p:cTn id="1" dur="indefinite" restart="never" nodeType="tmRoot"/>
      </p:par>
    </p:tnLst>
  </p:timing>
</p:sldLayout>
</file>

<file path=ppt/slideLayouts/slideLayout24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71168024"/>
      </p:ext>
    </p:extLst>
  </p:cSld>
  <p:clrMapOvr>
    <a:masterClrMapping/>
  </p:clrMapOvr>
  <p:transition spd="slow">
    <p:fade/>
  </p:transition>
  <p:timing>
    <p:tnLst>
      <p:par>
        <p:cTn id="1" dur="indefinite" restart="never" nodeType="tmRoot"/>
      </p:par>
    </p:tnLst>
  </p:timing>
</p:sldLayout>
</file>

<file path=ppt/slideLayouts/slideLayout24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462777129"/>
      </p:ext>
    </p:extLst>
  </p:cSld>
  <p:clrMapOvr>
    <a:masterClrMapping/>
  </p:clrMapOvr>
  <p:transition spd="slow">
    <p:fade/>
  </p:transition>
</p:sldLayout>
</file>

<file path=ppt/slideLayouts/slideLayout24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097517"/>
      </p:ext>
    </p:extLst>
  </p:cSld>
  <p:clrMapOvr>
    <a:masterClrMapping/>
  </p:clrMapOvr>
  <p:transition spd="slow">
    <p:fade/>
  </p:transition>
</p:sldLayout>
</file>

<file path=ppt/slideLayouts/slideLayout2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55732843"/>
      </p:ext>
    </p:extLst>
  </p:cSld>
  <p:clrMapOvr>
    <a:masterClrMapping/>
  </p:clrMapOvr>
  <p:transition spd="slow">
    <p:fade/>
  </p:transition>
</p:sldLayout>
</file>

<file path=ppt/slideLayouts/slideLayout248.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300707894"/>
      </p:ext>
    </p:extLst>
  </p:cSld>
  <p:clrMapOvr>
    <a:masterClrMapping/>
  </p:clrMapOvr>
  <p:transition spd="slow">
    <p:fade/>
  </p:transition>
  <p:timing>
    <p:tnLst>
      <p:par>
        <p:cTn id="1" dur="indefinite" restart="never" nodeType="tmRoot"/>
      </p:par>
    </p:tnLst>
  </p:timing>
</p:sldLayout>
</file>

<file path=ppt/slideLayouts/slideLayout249.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104176809"/>
      </p:ext>
    </p:extLst>
  </p:cSld>
  <p:clrMapOvr>
    <a:masterClrMapping/>
  </p:clrMapOvr>
  <p:transition spd="slow">
    <p:fade/>
  </p:transition>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747897"/>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6"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7"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2519311555"/>
      </p:ext>
    </p:extLst>
  </p:cSld>
  <p:clrMapOvr>
    <a:masterClrMapping/>
  </p:clrMapOvr>
  <p:transition spd="slow">
    <p:fade/>
  </p:transition>
  <p:timing>
    <p:tnLst>
      <p:par>
        <p:cTn id="1" dur="indefinite" restart="never" nodeType="tmRoot"/>
      </p:par>
    </p:tnLst>
  </p:timing>
</p:sldLayout>
</file>

<file path=ppt/slideLayouts/slideLayout250.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51000"/>
      </p:ext>
    </p:extLst>
  </p:cSld>
  <p:clrMapOvr>
    <a:masterClrMapping/>
  </p:clrMapOvr>
  <p:transition spd="slow">
    <p:fade/>
  </p:transition>
  <p:timing>
    <p:tnLst>
      <p:par>
        <p:cTn id="1" dur="indefinite" restart="never" nodeType="tmRoot"/>
      </p:par>
    </p:tnLst>
  </p:timing>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812092408"/>
      </p:ext>
    </p:extLst>
  </p:cSld>
  <p:clrMapOvr>
    <a:masterClrMapping/>
  </p:clrMapOvr>
  <p:transition spd="slow">
    <p:fade/>
  </p:transition>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072076771"/>
      </p:ext>
    </p:extLst>
  </p:cSld>
  <p:clrMapOvr>
    <a:masterClrMapping/>
  </p:clrMapOvr>
  <p:transition spd="slow">
    <p:fade/>
  </p:transition>
</p:sldLayout>
</file>

<file path=ppt/slideLayouts/slideLayout253.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115688810"/>
      </p:ext>
    </p:extLst>
  </p:cSld>
  <p:clrMapOvr>
    <a:masterClrMapping/>
  </p:clrMapOvr>
  <p:transition spd="slow">
    <p:fade/>
  </p:transition>
</p:sldLayout>
</file>

<file path=ppt/slideLayouts/slideLayout254.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22173056"/>
      </p:ext>
    </p:extLst>
  </p:cSld>
  <p:clrMapOvr>
    <a:masterClrMapping/>
  </p:clrMapOvr>
  <p:transition spd="slow">
    <p:fade/>
  </p:transition>
</p:sldLayout>
</file>

<file path=ppt/slideLayouts/slideLayout255.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389026668"/>
      </p:ext>
    </p:extLst>
  </p:cSld>
  <p:clrMapOvr>
    <a:masterClrMapping/>
  </p:clrMapOvr>
  <p:transition spd="slow">
    <p:fade/>
  </p:transition>
  <p:timing>
    <p:tnLst>
      <p:par>
        <p:cTn id="1" dur="indefinite" restart="never" nodeType="tmRoot"/>
      </p:par>
    </p:tnLst>
  </p:timing>
</p:sldLayout>
</file>

<file path=ppt/slideLayouts/slideLayout256.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4214282455"/>
      </p:ext>
    </p:extLst>
  </p:cSld>
  <p:clrMapOvr>
    <a:masterClrMapping/>
  </p:clrMapOvr>
  <p:transition>
    <p:fade/>
  </p:transition>
  <p:timing>
    <p:tnLst>
      <p:par>
        <p:cTn id="1" dur="indefinite" restart="never" nodeType="tmRoot"/>
      </p:par>
    </p:tnLst>
  </p:timing>
  <p:hf hdr="0" ftr="0" dt="0"/>
</p:sldLayout>
</file>

<file path=ppt/slideLayouts/slideLayout25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555347761"/>
      </p:ext>
    </p:extLst>
  </p:cSld>
  <p:clrMapOvr>
    <a:masterClrMapping/>
  </p:clrMapOvr>
  <p:transition>
    <p:fade/>
  </p:transition>
</p:sldLayout>
</file>

<file path=ppt/slideLayouts/slideLayout25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874687275"/>
      </p:ext>
    </p:extLst>
  </p:cSld>
  <p:clrMapOvr>
    <a:masterClrMapping/>
  </p:clrMapOvr>
  <p:transition>
    <p:fade/>
  </p:transition>
</p:sldLayout>
</file>

<file path=ppt/slideLayouts/slideLayout25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112507076"/>
      </p:ext>
    </p:extLst>
  </p:cSld>
  <p:clrMapOvr>
    <a:masterClrMapping/>
  </p:clrMapOvr>
  <p:transition>
    <p:fade/>
  </p:transition>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smtClean="0"/>
              <a:t>Click to edit Master text styles</a:t>
            </a:r>
          </a:p>
        </p:txBody>
      </p:sp>
    </p:spTree>
    <p:extLst>
      <p:ext uri="{BB962C8B-B14F-4D97-AF65-F5344CB8AC3E}">
        <p14:creationId xmlns:p14="http://schemas.microsoft.com/office/powerpoint/2010/main" val="2934628834"/>
      </p:ext>
    </p:extLst>
  </p:cSld>
  <p:clrMapOvr>
    <a:masterClrMapping/>
  </p:clrMapOvr>
  <p:transition spd="slow">
    <p:fade/>
  </p:transition>
  <p:timing>
    <p:tnLst>
      <p:par>
        <p:cTn id="1" dur="indefinite" restart="never" nodeType="tmRoot"/>
      </p:par>
    </p:tnLst>
  </p:timing>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815552273"/>
      </p:ext>
    </p:extLst>
  </p:cSld>
  <p:clrMapOvr>
    <a:masterClrMapping/>
  </p:clrMapOvr>
  <p:transition>
    <p:fade/>
  </p:transition>
  <p:timing>
    <p:tnLst>
      <p:par>
        <p:cTn id="1" dur="indefinite" restart="never" nodeType="tmRoot"/>
      </p:par>
    </p:tnLst>
  </p:timing>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182217123"/>
      </p:ext>
    </p:extLst>
  </p:cSld>
  <p:clrMapOvr>
    <a:masterClrMapping/>
  </p:clrMapOvr>
  <p:transition>
    <p:fade/>
  </p:transition>
  <p:timing>
    <p:tnLst>
      <p:par>
        <p:cTn id="1" dur="indefinite" restart="never" nodeType="tmRoot"/>
      </p:par>
    </p:tnLst>
  </p:timing>
  <p:hf hdr="0" ftr="0" dt="0"/>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04939840"/>
      </p:ext>
    </p:extLst>
  </p:cSld>
  <p:clrMapOvr>
    <a:masterClrMapping/>
  </p:clrMapOvr>
  <p:transition>
    <p:fade/>
  </p:transition>
  <p:timing>
    <p:tnLst>
      <p:par>
        <p:cTn id="1" dur="indefinite" restart="never" nodeType="tmRoot"/>
      </p:par>
    </p:tnLst>
  </p:timing>
</p:sldLayout>
</file>

<file path=ppt/slideLayouts/slideLayout26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51773683"/>
      </p:ext>
    </p:extLst>
  </p:cSld>
  <p:clrMapOvr>
    <a:masterClrMapping/>
  </p:clrMapOvr>
  <p:transition>
    <p:fade/>
  </p:transition>
  <p:timing>
    <p:tnLst>
      <p:par>
        <p:cTn id="1" dur="indefinite" restart="never" nodeType="tmRoot"/>
      </p:par>
    </p:tnLst>
  </p:timing>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396535858"/>
      </p:ext>
    </p:extLst>
  </p:cSld>
  <p:clrMapOvr>
    <a:masterClrMapping/>
  </p:clrMapOvr>
  <p:transition>
    <p:fade/>
  </p:transition>
  <p:timing>
    <p:tnLst>
      <p:par>
        <p:cTn id="1" dur="indefinite" restart="never" nodeType="tmRoot"/>
      </p:par>
    </p:tnLst>
  </p:timing>
</p:sldLayout>
</file>

<file path=ppt/slideLayouts/slideLayout26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4187703418"/>
      </p:ext>
    </p:extLst>
  </p:cSld>
  <p:clrMapOvr>
    <a:masterClrMapping/>
  </p:clrMapOvr>
  <p:transition>
    <p:fade/>
  </p:transition>
  <p:timing>
    <p:tnLst>
      <p:par>
        <p:cTn id="1" dur="indefinite" restart="never" nodeType="tmRoot"/>
      </p:par>
    </p:tnLst>
  </p:timing>
</p:sldLayout>
</file>

<file path=ppt/slideLayouts/slideLayout26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97496495"/>
      </p:ext>
    </p:extLst>
  </p:cSld>
  <p:clrMapOvr>
    <a:masterClrMapping/>
  </p:clrMapOvr>
  <p:transition>
    <p:fade/>
  </p:transition>
  <p:timing>
    <p:tnLst>
      <p:par>
        <p:cTn id="1" dur="indefinite" restart="never" nodeType="tmRoot"/>
      </p:par>
    </p:tnLst>
  </p:timing>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16948978"/>
      </p:ext>
    </p:extLst>
  </p:cSld>
  <p:clrMapOvr>
    <a:masterClrMapping/>
  </p:clrMapOvr>
  <p:transition spd="slow">
    <p:fade/>
  </p:transition>
  <p:timing>
    <p:tnLst>
      <p:par>
        <p:cTn id="1" dur="indefinite" restart="never" nodeType="tmRoot"/>
      </p:par>
    </p:tnLst>
  </p:timing>
  <p:hf hdr="0" ftr="0" dt="0"/>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01526061"/>
      </p:ext>
    </p:extLst>
  </p:cSld>
  <p:clrMapOvr>
    <a:masterClrMapping/>
  </p:clrMapOvr>
  <p:transition>
    <p:fade/>
  </p:transition>
  <p:timing>
    <p:tnLst>
      <p:par>
        <p:cTn id="1" dur="indefinite" restart="never" nodeType="tmRoot"/>
      </p:par>
    </p:tnLst>
  </p:timing>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500363362"/>
      </p:ext>
    </p:extLst>
  </p:cSld>
  <p:clrMapOvr>
    <a:masterClrMapping/>
  </p:clrMapOvr>
  <p:transition>
    <p:fade/>
  </p:transition>
  <p:timing>
    <p:tnLst>
      <p:par>
        <p:cTn id="1" dur="indefinite" restart="never" nodeType="tmRoot"/>
      </p:par>
    </p:tnLst>
  </p:timing>
  <p:hf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Tree>
    <p:extLst>
      <p:ext uri="{BB962C8B-B14F-4D97-AF65-F5344CB8AC3E}">
        <p14:creationId xmlns:p14="http://schemas.microsoft.com/office/powerpoint/2010/main" val="1101833851"/>
      </p:ext>
    </p:extLst>
  </p:cSld>
  <p:clrMapOvr>
    <a:masterClrMapping/>
  </p:clrMapOvr>
  <p:transition spd="slow">
    <p:fade/>
  </p:transition>
  <p:timing>
    <p:tnLst>
      <p:par>
        <p:cTn id="1" dur="indefinite" restart="never" nodeType="tmRoot"/>
      </p:par>
    </p:tnLst>
  </p:timing>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19118673"/>
      </p:ext>
    </p:extLst>
  </p:cSld>
  <p:clrMapOvr>
    <a:masterClrMapping/>
  </p:clrMapOvr>
  <p:transition>
    <p:fade/>
  </p:transition>
  <p:timing>
    <p:tnLst>
      <p:par>
        <p:cTn id="1" dur="indefinite" restart="never" nodeType="tmRoot"/>
      </p:par>
    </p:tnLst>
  </p:timing>
</p:sldLayout>
</file>

<file path=ppt/slideLayouts/slideLayout27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703604338"/>
      </p:ext>
    </p:extLst>
  </p:cSld>
  <p:clrMapOvr>
    <a:masterClrMapping/>
  </p:clrMapOvr>
  <p:transition spd="slow">
    <p:fade/>
  </p:transition>
  <p:timing>
    <p:tnLst>
      <p:par>
        <p:cTn id="1" dur="indefinite" restart="never" nodeType="tmRoot"/>
      </p:par>
    </p:tnLst>
  </p:timing>
</p:sldLayout>
</file>

<file path=ppt/slideLayouts/slideLayout27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20102683"/>
      </p:ext>
    </p:extLst>
  </p:cSld>
  <p:clrMapOvr>
    <a:masterClrMapping/>
  </p:clrMapOvr>
  <p:transition spd="slow">
    <p:fade/>
  </p:transition>
  <p:timing>
    <p:tnLst>
      <p:par>
        <p:cTn id="1" dur="indefinite" restart="never" nodeType="tmRoot"/>
      </p:par>
    </p:tnLst>
  </p:timing>
</p:sldLayout>
</file>

<file path=ppt/slideLayouts/slideLayout27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934374907"/>
      </p:ext>
    </p:extLst>
  </p:cSld>
  <p:clrMapOvr>
    <a:masterClrMapping/>
  </p:clrMapOvr>
  <p:transition spd="slow">
    <p:fade/>
  </p:transition>
  <p:timing>
    <p:tnLst>
      <p:par>
        <p:cTn id="1" dur="indefinite" restart="never" nodeType="tmRoot"/>
      </p:par>
    </p:tnLst>
  </p:timing>
</p:sldLayout>
</file>

<file path=ppt/slideLayouts/slideLayout27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253934232"/>
      </p:ext>
    </p:extLst>
  </p:cSld>
  <p:clrMapOvr>
    <a:masterClrMapping/>
  </p:clrMapOvr>
  <p:transition spd="slow">
    <p:fade/>
  </p:transition>
  <p:timing>
    <p:tnLst>
      <p:par>
        <p:cTn id="1" dur="indefinite" restart="never" nodeType="tmRoot"/>
      </p:par>
    </p:tnLst>
  </p:timing>
</p:sldLayout>
</file>

<file path=ppt/slideLayouts/slideLayout27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32951006"/>
      </p:ext>
    </p:extLst>
  </p:cSld>
  <p:clrMapOvr>
    <a:masterClrMapping/>
  </p:clrMapOvr>
  <p:transition spd="slow">
    <p:fade/>
  </p:transition>
  <p:timing>
    <p:tnLst>
      <p:par>
        <p:cTn id="1" dur="indefinite" restart="never" nodeType="tmRoot"/>
      </p:par>
    </p:tnLst>
  </p:timing>
</p:sldLayout>
</file>

<file path=ppt/slideLayouts/slideLayout27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06586036"/>
      </p:ext>
    </p:extLst>
  </p:cSld>
  <p:clrMapOvr>
    <a:masterClrMapping/>
  </p:clrMapOvr>
  <p:transition spd="slow">
    <p:fade/>
  </p:transition>
  <p:timing>
    <p:tnLst>
      <p:par>
        <p:cTn id="1" dur="indefinite" restart="never" nodeType="tmRoot"/>
      </p:par>
    </p:tnLst>
  </p:timing>
</p:sldLayout>
</file>

<file path=ppt/slideLayouts/slideLayout27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90291269"/>
      </p:ext>
    </p:extLst>
  </p:cSld>
  <p:clrMapOvr>
    <a:masterClrMapping/>
  </p:clrMapOvr>
  <p:transition spd="slow">
    <p:fade/>
  </p:transition>
  <p:timing>
    <p:tnLst>
      <p:par>
        <p:cTn id="1" dur="indefinite" restart="never" nodeType="tmRoot"/>
      </p:par>
    </p:tnLst>
  </p:timing>
</p:sldLayout>
</file>

<file path=ppt/slideLayouts/slideLayout278.xml><?xml version="1.0" encoding="utf-8"?>
<p:sldLayout xmlns:a="http://schemas.openxmlformats.org/drawingml/2006/main" xmlns:r="http://schemas.openxmlformats.org/officeDocument/2006/relationships" xmlns:p="http://schemas.openxmlformats.org/presentationml/2006/main">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lgn="ctr">
              <a:defRPr lang="en-US" smtClean="0"/>
            </a:lvl1pPr>
          </a:lstStyle>
          <a:p>
            <a:pPr fontAlgn="auto">
              <a:spcBef>
                <a:spcPts val="0"/>
              </a:spcBef>
              <a:spcAft>
                <a:spcPts val="0"/>
              </a:spcAft>
            </a:pPr>
            <a:fld id="{BBD5DA8B-909A-4A9A-84AE-26D515D4E1A6}" type="slidenum">
              <a:rPr>
                <a:solidFill>
                  <a:prstClr val="white"/>
                </a:solidFill>
                <a:latin typeface="Calibri"/>
              </a:rPr>
              <a:pPr fontAlgn="auto">
                <a:spcBef>
                  <a:spcPts val="0"/>
                </a:spcBef>
                <a:spcAft>
                  <a:spcPts val="0"/>
                </a:spcAft>
              </a:pPr>
              <a:t>‹#›</a:t>
            </a:fld>
            <a:endParaRPr dirty="0">
              <a:solidFill>
                <a:prstClr val="white"/>
              </a:solidFill>
              <a:latin typeface="Calibri"/>
            </a:endParaRPr>
          </a:p>
        </p:txBody>
      </p:sp>
    </p:spTree>
    <p:extLst>
      <p:ext uri="{BB962C8B-B14F-4D97-AF65-F5344CB8AC3E}">
        <p14:creationId xmlns:p14="http://schemas.microsoft.com/office/powerpoint/2010/main" val="798311782"/>
      </p:ext>
    </p:extLst>
  </p:cSld>
  <p:clrMapOvr>
    <a:masterClrMapping/>
  </p:clrMapOvr>
  <p:transition>
    <p:fade/>
  </p:transition>
  <p:timing>
    <p:tnLst>
      <p:par>
        <p:cTn id="1" dur="indefinite" restart="never" nodeType="tmRoot"/>
      </p:par>
    </p:tnLst>
  </p:timing>
</p:sldLayout>
</file>

<file path=ppt/slideLayouts/slideLayout279.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210862"/>
          </a:xfrm>
        </p:spPr>
        <p:txBody>
          <a:bodyPr/>
          <a:lstStyle>
            <a:lvl1pPr>
              <a:lnSpc>
                <a:spcPct val="90000"/>
              </a:lnSpc>
              <a:defRPr/>
            </a:lvl1pPr>
            <a:lvl2pPr>
              <a:lnSpc>
                <a:spcPct val="90000"/>
              </a:lnSpc>
              <a:defRPr/>
            </a:lvl2pPr>
            <a:lvl3pPr>
              <a:lnSpc>
                <a:spcPct val="90000"/>
              </a:lnSpc>
              <a:defRPr/>
            </a:lvl3pPr>
            <a:lvl4pPr>
              <a:lnSpc>
                <a:spcPct val="90000"/>
              </a:lnSpc>
              <a:defRPr/>
            </a:lvl4pPr>
            <a:lvl5pPr>
              <a:lnSpc>
                <a:spcPct val="90000"/>
              </a:lnSpc>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572215050"/>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76551765"/>
      </p:ext>
    </p:extLst>
  </p:cSld>
  <p:clrMapOvr>
    <a:masterClrMapping/>
  </p:clrMapOvr>
  <p:transition spd="slow">
    <p:fade/>
  </p:transition>
  <p:timing>
    <p:tnLst>
      <p:par>
        <p:cTn id="1" dur="indefinite" restart="never" nodeType="tmRoot"/>
      </p:par>
    </p:tnLst>
  </p:timing>
</p:sldLayout>
</file>

<file path=ppt/slideLayouts/slideLayout280.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85800" y="2130430"/>
            <a:ext cx="7772400" cy="1470025"/>
          </a:xfrm>
        </p:spPr>
        <p:txBody>
          <a:body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5921EC12-7162-4872-86A4-95D48944DE84}" type="datetime1">
              <a:rPr lang="en-US" smtClean="0">
                <a:solidFill>
                  <a:srgbClr val="95A5A6">
                    <a:tint val="75000"/>
                  </a:srgbClr>
                </a:solidFill>
              </a:rPr>
              <a:pPr/>
              <a:t>4/26/2016</a:t>
            </a:fld>
            <a:endParaRPr lang="en-US" dirty="0">
              <a:solidFill>
                <a:srgbClr val="95A5A6">
                  <a:tint val="75000"/>
                </a:srgbClr>
              </a:solidFill>
            </a:endParaRPr>
          </a:p>
        </p:txBody>
      </p:sp>
      <p:sp>
        <p:nvSpPr>
          <p:cNvPr id="5" name="Footer Placeholder 4"/>
          <p:cNvSpPr>
            <a:spLocks noGrp="1"/>
          </p:cNvSpPr>
          <p:nvPr>
            <p:ph type="ftr" sz="quarter" idx="11"/>
          </p:nvPr>
        </p:nvSpPr>
        <p:spPr/>
        <p:txBody>
          <a:bodyPr/>
          <a:lstStyle/>
          <a:p>
            <a:endParaRPr lang="en-US" dirty="0">
              <a:solidFill>
                <a:srgbClr val="95A5A6">
                  <a:tint val="75000"/>
                </a:srgbClr>
              </a:solidFill>
            </a:endParaRPr>
          </a:p>
        </p:txBody>
      </p:sp>
      <p:sp>
        <p:nvSpPr>
          <p:cNvPr id="6" name="Slide Number Placeholder 5"/>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4171665463"/>
      </p:ext>
    </p:extLst>
  </p:cSld>
  <p:clrMapOvr>
    <a:masterClrMapping/>
  </p:clrMapOvr>
  <p:transition>
    <p:fade/>
  </p:transition>
  <p:timing>
    <p:tnLst>
      <p:par>
        <p:cTn id="1" dur="indefinite" restart="never" nodeType="tmRoot"/>
      </p:par>
    </p:tnLst>
  </p:timing>
</p:sldLayout>
</file>

<file path=ppt/slideLayouts/slideLayout281.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accent1">
                    <a:lumMod val="50000"/>
                  </a:schemeClr>
                </a:solidFill>
              </a:defRPr>
            </a:lvl1pPr>
          </a:lstStyle>
          <a:p>
            <a:r>
              <a:rPr lang="en-US" dirty="0" smtClean="0"/>
              <a:t>Click to edit master title style</a:t>
            </a:r>
            <a:endParaRPr lang="en-US" dirty="0"/>
          </a:p>
        </p:txBody>
      </p:sp>
      <p:sp>
        <p:nvSpPr>
          <p:cNvPr id="3" name="Content Placeholder 2"/>
          <p:cNvSpPr>
            <a:spLocks noGrp="1"/>
          </p:cNvSpPr>
          <p:nvPr>
            <p:ph idx="1"/>
          </p:nvPr>
        </p:nvSpPr>
        <p:spPr/>
        <p:txBody>
          <a:bodyPr/>
          <a:lstStyle>
            <a:lvl1pPr>
              <a:defRPr>
                <a:solidFill>
                  <a:schemeClr val="accent1">
                    <a:lumMod val="50000"/>
                  </a:schemeClr>
                </a:solidFill>
              </a:defRPr>
            </a:lvl1pPr>
            <a:lvl2pPr>
              <a:defRPr>
                <a:solidFill>
                  <a:schemeClr val="accent1">
                    <a:lumMod val="50000"/>
                  </a:schemeClr>
                </a:solidFill>
              </a:defRPr>
            </a:lvl2pPr>
            <a:lvl3pPr>
              <a:defRPr>
                <a:solidFill>
                  <a:schemeClr val="accent1">
                    <a:lumMod val="50000"/>
                  </a:schemeClr>
                </a:solidFill>
              </a:defRPr>
            </a:lvl3pPr>
            <a:lvl4pPr>
              <a:defRPr>
                <a:solidFill>
                  <a:schemeClr val="accent1">
                    <a:lumMod val="50000"/>
                  </a:schemeClr>
                </a:solidFill>
              </a:defRPr>
            </a:lvl4pPr>
            <a:lvl5pPr>
              <a:defRPr>
                <a:solidFill>
                  <a:schemeClr val="accent1">
                    <a:lumMod val="50000"/>
                  </a:schemeClr>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10"/>
          </p:nvPr>
        </p:nvSpPr>
        <p:spPr/>
        <p:txBody>
          <a:bodyPr/>
          <a:lstStyle/>
          <a:p>
            <a:fld id="{308F5EEE-3EFA-4D16-9A30-916235B28174}" type="datetime1">
              <a:rPr lang="en-US" smtClean="0">
                <a:solidFill>
                  <a:srgbClr val="95A5A6">
                    <a:tint val="75000"/>
                  </a:srgbClr>
                </a:solidFill>
              </a:rPr>
              <a:pPr/>
              <a:t>4/26/2016</a:t>
            </a:fld>
            <a:endParaRPr lang="en-US" dirty="0">
              <a:solidFill>
                <a:srgbClr val="95A5A6">
                  <a:tint val="75000"/>
                </a:srgbClr>
              </a:solidFill>
            </a:endParaRPr>
          </a:p>
        </p:txBody>
      </p:sp>
      <p:sp>
        <p:nvSpPr>
          <p:cNvPr id="5" name="Footer Placeholder 4"/>
          <p:cNvSpPr>
            <a:spLocks noGrp="1"/>
          </p:cNvSpPr>
          <p:nvPr>
            <p:ph type="ftr" sz="quarter" idx="11"/>
          </p:nvPr>
        </p:nvSpPr>
        <p:spPr/>
        <p:txBody>
          <a:bodyPr/>
          <a:lstStyle/>
          <a:p>
            <a:endParaRPr lang="en-US" dirty="0">
              <a:solidFill>
                <a:srgbClr val="95A5A6">
                  <a:tint val="75000"/>
                </a:srgbClr>
              </a:solidFill>
            </a:endParaRPr>
          </a:p>
        </p:txBody>
      </p:sp>
      <p:sp>
        <p:nvSpPr>
          <p:cNvPr id="6" name="Slide Number Placeholder 5"/>
          <p:cNvSpPr>
            <a:spLocks noGrp="1"/>
          </p:cNvSpPr>
          <p:nvPr>
            <p:ph type="sldNum" sz="quarter" idx="12"/>
          </p:nvPr>
        </p:nvSpPr>
        <p:spPr/>
        <p:txBody>
          <a:bodyPr/>
          <a:lstStyle>
            <a:lvl1pPr>
              <a:defRPr>
                <a:solidFill>
                  <a:schemeClr val="accent1">
                    <a:lumMod val="50000"/>
                  </a:schemeClr>
                </a:solidFill>
              </a:defRPr>
            </a:lvl1pPr>
          </a:lstStyle>
          <a:p>
            <a:fld id="{B6F15528-21DE-4FAA-801E-634DDDAF4B2B}" type="slidenum">
              <a:rPr lang="en-US" smtClean="0">
                <a:solidFill>
                  <a:srgbClr val="2980B9">
                    <a:lumMod val="50000"/>
                  </a:srgbClr>
                </a:solidFill>
              </a:rPr>
              <a:pPr/>
              <a:t>‹#›</a:t>
            </a:fld>
            <a:endParaRPr lang="en-US" dirty="0">
              <a:solidFill>
                <a:srgbClr val="2980B9">
                  <a:lumMod val="50000"/>
                </a:srgbClr>
              </a:solidFill>
            </a:endParaRPr>
          </a:p>
        </p:txBody>
      </p:sp>
    </p:spTree>
    <p:extLst>
      <p:ext uri="{BB962C8B-B14F-4D97-AF65-F5344CB8AC3E}">
        <p14:creationId xmlns:p14="http://schemas.microsoft.com/office/powerpoint/2010/main" val="3824980991"/>
      </p:ext>
    </p:extLst>
  </p:cSld>
  <p:clrMapOvr>
    <a:masterClrMapping/>
  </p:clrMapOvr>
  <p:transition>
    <p:fade/>
  </p:transition>
  <p:timing>
    <p:tnLst>
      <p:par>
        <p:cTn id="1" dur="indefinite" restart="never" nodeType="tmRoot"/>
      </p:par>
    </p:tnLst>
  </p:timing>
</p:sldLayout>
</file>

<file path=ppt/slideLayouts/slideLayout282.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22313" y="4406901"/>
            <a:ext cx="7772400" cy="1362075"/>
          </a:xfrm>
        </p:spPr>
        <p:txBody>
          <a:bodyPr anchor="t"/>
          <a:lstStyle>
            <a:lvl1pPr algn="l">
              <a:defRPr sz="4000" b="1" cap="none"/>
            </a:lvl1pPr>
          </a:lstStyle>
          <a:p>
            <a:r>
              <a:rPr lang="en-US" dirty="0" smtClean="0"/>
              <a:t>Click to edit master title style</a:t>
            </a:r>
            <a:endParaRPr lang="en-US" dirty="0"/>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A473BB3-6BEB-46E6-B541-E5997D6257C3}" type="datetime1">
              <a:rPr lang="en-US" smtClean="0">
                <a:solidFill>
                  <a:srgbClr val="95A5A6">
                    <a:tint val="75000"/>
                  </a:srgbClr>
                </a:solidFill>
              </a:rPr>
              <a:pPr/>
              <a:t>4/26/2016</a:t>
            </a:fld>
            <a:endParaRPr lang="en-US" dirty="0">
              <a:solidFill>
                <a:srgbClr val="95A5A6">
                  <a:tint val="75000"/>
                </a:srgbClr>
              </a:solidFill>
            </a:endParaRPr>
          </a:p>
        </p:txBody>
      </p:sp>
      <p:sp>
        <p:nvSpPr>
          <p:cNvPr id="5" name="Footer Placeholder 4"/>
          <p:cNvSpPr>
            <a:spLocks noGrp="1"/>
          </p:cNvSpPr>
          <p:nvPr>
            <p:ph type="ftr" sz="quarter" idx="11"/>
          </p:nvPr>
        </p:nvSpPr>
        <p:spPr/>
        <p:txBody>
          <a:bodyPr/>
          <a:lstStyle/>
          <a:p>
            <a:endParaRPr lang="en-US" dirty="0">
              <a:solidFill>
                <a:srgbClr val="95A5A6">
                  <a:tint val="75000"/>
                </a:srgbClr>
              </a:solidFill>
            </a:endParaRPr>
          </a:p>
        </p:txBody>
      </p:sp>
      <p:sp>
        <p:nvSpPr>
          <p:cNvPr id="6" name="Slide Number Placeholder 5"/>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53817275"/>
      </p:ext>
    </p:extLst>
  </p:cSld>
  <p:clrMapOvr>
    <a:masterClrMapping/>
  </p:clrMapOvr>
  <p:transition>
    <p:fade/>
  </p:transition>
  <p:timing>
    <p:tnLst>
      <p:par>
        <p:cTn id="1" dur="indefinite" restart="never" nodeType="tmRoot"/>
      </p:par>
    </p:tnLst>
  </p:timing>
</p:sldLayout>
</file>

<file path=ppt/slideLayouts/slideLayout283.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1"/>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1"/>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B807370D-C727-4516-BB5F-016EA81BC945}" type="datetime1">
              <a:rPr lang="en-US" smtClean="0">
                <a:solidFill>
                  <a:srgbClr val="95A5A6">
                    <a:tint val="75000"/>
                  </a:srgbClr>
                </a:solidFill>
              </a:rPr>
              <a:pPr/>
              <a:t>4/26/2016</a:t>
            </a:fld>
            <a:endParaRPr lang="en-US" dirty="0">
              <a:solidFill>
                <a:srgbClr val="95A5A6">
                  <a:tint val="75000"/>
                </a:srgbClr>
              </a:solidFill>
            </a:endParaRPr>
          </a:p>
        </p:txBody>
      </p:sp>
      <p:sp>
        <p:nvSpPr>
          <p:cNvPr id="6" name="Footer Placeholder 5"/>
          <p:cNvSpPr>
            <a:spLocks noGrp="1"/>
          </p:cNvSpPr>
          <p:nvPr>
            <p:ph type="ftr" sz="quarter" idx="11"/>
          </p:nvPr>
        </p:nvSpPr>
        <p:spPr/>
        <p:txBody>
          <a:bodyPr/>
          <a:lstStyle/>
          <a:p>
            <a:endParaRPr lang="en-US" dirty="0">
              <a:solidFill>
                <a:srgbClr val="95A5A6">
                  <a:tint val="75000"/>
                </a:srgbClr>
              </a:solidFill>
            </a:endParaRPr>
          </a:p>
        </p:txBody>
      </p:sp>
      <p:sp>
        <p:nvSpPr>
          <p:cNvPr id="7" name="Slide Number Placeholder 6"/>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772019647"/>
      </p:ext>
    </p:extLst>
  </p:cSld>
  <p:clrMapOvr>
    <a:masterClrMapping/>
  </p:clrMapOvr>
  <p:transition>
    <p:fade/>
  </p:transition>
  <p:timing>
    <p:tnLst>
      <p:par>
        <p:cTn id="1" dur="indefinite" restart="never" nodeType="tmRoot"/>
      </p:par>
    </p:tnLst>
  </p:timing>
</p:sldLayout>
</file>

<file path=ppt/slideLayouts/slideLayout284.xml><?xml version="1.0" encoding="utf-8"?>
<p:sldLayout xmlns:a="http://schemas.openxmlformats.org/drawingml/2006/main" xmlns:r="http://schemas.openxmlformats.org/officeDocument/2006/relationships" xmlns:p="http://schemas.openxmlformats.org/presentationml/2006/main" showMasterSp="0"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3"/>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33" y="1535113"/>
            <a:ext cx="4041775" cy="639763"/>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33"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0262F57E-3B15-4D39-AD9D-723560120873}" type="datetime1">
              <a:rPr lang="en-US" smtClean="0">
                <a:solidFill>
                  <a:srgbClr val="95A5A6">
                    <a:tint val="75000"/>
                  </a:srgbClr>
                </a:solidFill>
              </a:rPr>
              <a:pPr/>
              <a:t>4/26/2016</a:t>
            </a:fld>
            <a:endParaRPr lang="en-US" dirty="0">
              <a:solidFill>
                <a:srgbClr val="95A5A6">
                  <a:tint val="75000"/>
                </a:srgbClr>
              </a:solidFill>
            </a:endParaRPr>
          </a:p>
        </p:txBody>
      </p:sp>
      <p:sp>
        <p:nvSpPr>
          <p:cNvPr id="8" name="Footer Placeholder 7"/>
          <p:cNvSpPr>
            <a:spLocks noGrp="1"/>
          </p:cNvSpPr>
          <p:nvPr>
            <p:ph type="ftr" sz="quarter" idx="11"/>
          </p:nvPr>
        </p:nvSpPr>
        <p:spPr/>
        <p:txBody>
          <a:bodyPr/>
          <a:lstStyle/>
          <a:p>
            <a:endParaRPr lang="en-US" dirty="0">
              <a:solidFill>
                <a:srgbClr val="95A5A6">
                  <a:tint val="75000"/>
                </a:srgbClr>
              </a:solidFill>
            </a:endParaRPr>
          </a:p>
        </p:txBody>
      </p:sp>
      <p:sp>
        <p:nvSpPr>
          <p:cNvPr id="9" name="Slide Number Placeholder 8"/>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3133342574"/>
      </p:ext>
    </p:extLst>
  </p:cSld>
  <p:clrMapOvr>
    <a:masterClrMapping/>
  </p:clrMapOvr>
  <p:transition>
    <p:fade/>
  </p:transition>
</p:sldLayout>
</file>

<file path=ppt/slideLayouts/slideLayout285.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A5B9E0F3-29A3-4044-AC4D-BD8B4CAC549C}" type="datetime1">
              <a:rPr lang="en-US" smtClean="0">
                <a:solidFill>
                  <a:srgbClr val="95A5A6">
                    <a:tint val="75000"/>
                  </a:srgbClr>
                </a:solidFill>
              </a:rPr>
              <a:pPr/>
              <a:t>4/26/2016</a:t>
            </a:fld>
            <a:endParaRPr lang="en-US" dirty="0">
              <a:solidFill>
                <a:srgbClr val="95A5A6">
                  <a:tint val="75000"/>
                </a:srgbClr>
              </a:solidFill>
            </a:endParaRPr>
          </a:p>
        </p:txBody>
      </p:sp>
      <p:sp>
        <p:nvSpPr>
          <p:cNvPr id="4" name="Footer Placeholder 3"/>
          <p:cNvSpPr>
            <a:spLocks noGrp="1"/>
          </p:cNvSpPr>
          <p:nvPr>
            <p:ph type="ftr" sz="quarter" idx="11"/>
          </p:nvPr>
        </p:nvSpPr>
        <p:spPr/>
        <p:txBody>
          <a:bodyPr/>
          <a:lstStyle/>
          <a:p>
            <a:endParaRPr lang="en-US" dirty="0">
              <a:solidFill>
                <a:srgbClr val="95A5A6">
                  <a:tint val="75000"/>
                </a:srgbClr>
              </a:solidFill>
            </a:endParaRPr>
          </a:p>
        </p:txBody>
      </p:sp>
      <p:sp>
        <p:nvSpPr>
          <p:cNvPr id="5" name="Slide Number Placeholder 4"/>
          <p:cNvSpPr>
            <a:spLocks noGrp="1"/>
          </p:cNvSpPr>
          <p:nvPr>
            <p:ph type="sldNum" sz="quarter" idx="12"/>
          </p:nvPr>
        </p:nvSpPr>
        <p:spPr/>
        <p:txBody>
          <a:bodyPr/>
          <a:lstStyle>
            <a:lvl1pPr>
              <a:defRPr>
                <a:solidFill>
                  <a:schemeClr val="accent1">
                    <a:lumMod val="50000"/>
                  </a:schemeClr>
                </a:solidFill>
              </a:defRPr>
            </a:lvl1pPr>
          </a:lstStyle>
          <a:p>
            <a:fld id="{B6F15528-21DE-4FAA-801E-634DDDAF4B2B}" type="slidenum">
              <a:rPr lang="en-US" smtClean="0">
                <a:solidFill>
                  <a:srgbClr val="2980B9">
                    <a:lumMod val="50000"/>
                  </a:srgbClr>
                </a:solidFill>
              </a:rPr>
              <a:pPr/>
              <a:t>‹#›</a:t>
            </a:fld>
            <a:endParaRPr lang="en-US" dirty="0">
              <a:solidFill>
                <a:srgbClr val="2980B9">
                  <a:lumMod val="50000"/>
                </a:srgbClr>
              </a:solidFill>
            </a:endParaRPr>
          </a:p>
        </p:txBody>
      </p:sp>
    </p:spTree>
    <p:extLst>
      <p:ext uri="{BB962C8B-B14F-4D97-AF65-F5344CB8AC3E}">
        <p14:creationId xmlns:p14="http://schemas.microsoft.com/office/powerpoint/2010/main" val="3838460251"/>
      </p:ext>
    </p:extLst>
  </p:cSld>
  <p:clrMapOvr>
    <a:masterClrMapping/>
  </p:clrMapOvr>
  <p:transition>
    <p:fade/>
  </p:transition>
</p:sldLayout>
</file>

<file path=ppt/slideLayouts/slideLayout286.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A631D01-47BE-49F6-85B0-60BAE2447747}" type="datetime1">
              <a:rPr lang="en-US" smtClean="0">
                <a:solidFill>
                  <a:srgbClr val="95A5A6">
                    <a:tint val="75000"/>
                  </a:srgbClr>
                </a:solidFill>
              </a:rPr>
              <a:pPr/>
              <a:t>4/26/2016</a:t>
            </a:fld>
            <a:endParaRPr lang="en-US" dirty="0">
              <a:solidFill>
                <a:srgbClr val="95A5A6">
                  <a:tint val="75000"/>
                </a:srgbClr>
              </a:solidFill>
            </a:endParaRPr>
          </a:p>
        </p:txBody>
      </p:sp>
      <p:sp>
        <p:nvSpPr>
          <p:cNvPr id="3" name="Footer Placeholder 2"/>
          <p:cNvSpPr>
            <a:spLocks noGrp="1"/>
          </p:cNvSpPr>
          <p:nvPr>
            <p:ph type="ftr" sz="quarter" idx="11"/>
          </p:nvPr>
        </p:nvSpPr>
        <p:spPr/>
        <p:txBody>
          <a:bodyPr/>
          <a:lstStyle/>
          <a:p>
            <a:endParaRPr lang="en-US" dirty="0">
              <a:solidFill>
                <a:srgbClr val="95A5A6">
                  <a:tint val="75000"/>
                </a:srgbClr>
              </a:solidFill>
            </a:endParaRPr>
          </a:p>
        </p:txBody>
      </p:sp>
      <p:sp>
        <p:nvSpPr>
          <p:cNvPr id="4" name="Slide Number Placeholder 3"/>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2122623612"/>
      </p:ext>
    </p:extLst>
  </p:cSld>
  <p:clrMapOvr>
    <a:masterClrMapping/>
  </p:clrMapOvr>
  <p:transition>
    <p:fade/>
  </p:transition>
</p:sldLayout>
</file>

<file path=ppt/slideLayouts/slideLayout28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8" y="273049"/>
            <a:ext cx="3008313" cy="1162051"/>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6"/>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8" y="1435104"/>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3F7067BA-04ED-4BE1-AAC4-43B4597A1393}" type="datetime1">
              <a:rPr lang="en-US" smtClean="0">
                <a:solidFill>
                  <a:srgbClr val="95A5A6">
                    <a:tint val="75000"/>
                  </a:srgbClr>
                </a:solidFill>
              </a:rPr>
              <a:pPr/>
              <a:t>4/26/2016</a:t>
            </a:fld>
            <a:endParaRPr lang="en-US" dirty="0">
              <a:solidFill>
                <a:srgbClr val="95A5A6">
                  <a:tint val="75000"/>
                </a:srgbClr>
              </a:solidFill>
            </a:endParaRPr>
          </a:p>
        </p:txBody>
      </p:sp>
      <p:sp>
        <p:nvSpPr>
          <p:cNvPr id="6" name="Footer Placeholder 5"/>
          <p:cNvSpPr>
            <a:spLocks noGrp="1"/>
          </p:cNvSpPr>
          <p:nvPr>
            <p:ph type="ftr" sz="quarter" idx="11"/>
          </p:nvPr>
        </p:nvSpPr>
        <p:spPr/>
        <p:txBody>
          <a:bodyPr/>
          <a:lstStyle/>
          <a:p>
            <a:endParaRPr lang="en-US" dirty="0">
              <a:solidFill>
                <a:srgbClr val="95A5A6">
                  <a:tint val="75000"/>
                </a:srgbClr>
              </a:solidFill>
            </a:endParaRPr>
          </a:p>
        </p:txBody>
      </p:sp>
      <p:sp>
        <p:nvSpPr>
          <p:cNvPr id="7" name="Slide Number Placeholder 6"/>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2159521162"/>
      </p:ext>
    </p:extLst>
  </p:cSld>
  <p:clrMapOvr>
    <a:masterClrMapping/>
  </p:clrMapOvr>
  <p:transition>
    <p:fade/>
  </p:transition>
</p:sldLayout>
</file>

<file path=ppt/slideLayouts/slideLayout28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1"/>
            <a:ext cx="5486400" cy="566739"/>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42"/>
            <a:ext cx="5486400" cy="8048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6F2CD298-926E-4CCD-9BBA-3986A6F805B0}" type="datetime1">
              <a:rPr lang="en-US" smtClean="0">
                <a:solidFill>
                  <a:srgbClr val="95A5A6">
                    <a:tint val="75000"/>
                  </a:srgbClr>
                </a:solidFill>
              </a:rPr>
              <a:pPr/>
              <a:t>4/26/2016</a:t>
            </a:fld>
            <a:endParaRPr lang="en-US" dirty="0">
              <a:solidFill>
                <a:srgbClr val="95A5A6">
                  <a:tint val="75000"/>
                </a:srgbClr>
              </a:solidFill>
            </a:endParaRPr>
          </a:p>
        </p:txBody>
      </p:sp>
      <p:sp>
        <p:nvSpPr>
          <p:cNvPr id="6" name="Footer Placeholder 5"/>
          <p:cNvSpPr>
            <a:spLocks noGrp="1"/>
          </p:cNvSpPr>
          <p:nvPr>
            <p:ph type="ftr" sz="quarter" idx="11"/>
          </p:nvPr>
        </p:nvSpPr>
        <p:spPr/>
        <p:txBody>
          <a:bodyPr/>
          <a:lstStyle/>
          <a:p>
            <a:endParaRPr lang="en-US" dirty="0">
              <a:solidFill>
                <a:srgbClr val="95A5A6">
                  <a:tint val="75000"/>
                </a:srgbClr>
              </a:solidFill>
            </a:endParaRPr>
          </a:p>
        </p:txBody>
      </p:sp>
      <p:sp>
        <p:nvSpPr>
          <p:cNvPr id="7" name="Slide Number Placeholder 6"/>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185559182"/>
      </p:ext>
    </p:extLst>
  </p:cSld>
  <p:clrMapOvr>
    <a:masterClrMapping/>
  </p:clrMapOvr>
  <p:transition>
    <p:fade/>
  </p:transition>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831A6372-446C-4F41-87A2-4D1065C3C268}" type="datetime1">
              <a:rPr lang="en-US" smtClean="0">
                <a:solidFill>
                  <a:srgbClr val="95A5A6">
                    <a:tint val="75000"/>
                  </a:srgbClr>
                </a:solidFill>
              </a:rPr>
              <a:pPr/>
              <a:t>4/26/2016</a:t>
            </a:fld>
            <a:endParaRPr lang="en-US" dirty="0">
              <a:solidFill>
                <a:srgbClr val="95A5A6">
                  <a:tint val="75000"/>
                </a:srgbClr>
              </a:solidFill>
            </a:endParaRPr>
          </a:p>
        </p:txBody>
      </p:sp>
      <p:sp>
        <p:nvSpPr>
          <p:cNvPr id="5" name="Footer Placeholder 4"/>
          <p:cNvSpPr>
            <a:spLocks noGrp="1"/>
          </p:cNvSpPr>
          <p:nvPr>
            <p:ph type="ftr" sz="quarter" idx="11"/>
          </p:nvPr>
        </p:nvSpPr>
        <p:spPr/>
        <p:txBody>
          <a:bodyPr/>
          <a:lstStyle/>
          <a:p>
            <a:endParaRPr lang="en-US" dirty="0">
              <a:solidFill>
                <a:srgbClr val="95A5A6">
                  <a:tint val="75000"/>
                </a:srgbClr>
              </a:solidFill>
            </a:endParaRPr>
          </a:p>
        </p:txBody>
      </p:sp>
      <p:sp>
        <p:nvSpPr>
          <p:cNvPr id="6" name="Slide Number Placeholder 5"/>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2185659642"/>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0389953"/>
      </p:ext>
    </p:extLst>
  </p:cSld>
  <p:clrMapOvr>
    <a:masterClrMapping/>
  </p:clrMapOvr>
  <p:transition spd="slow">
    <p:fade/>
  </p:transition>
  <p:timing>
    <p:tnLst>
      <p:par>
        <p:cTn id="1" dur="indefinite" restart="never" nodeType="tmRoot"/>
      </p:par>
    </p:tnLst>
  </p:timing>
</p:sldLayout>
</file>

<file path=ppt/slideLayouts/slideLayout290.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40"/>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40"/>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5BCF4A3D-8803-4645-9F9A-28DB883A369E}" type="datetime1">
              <a:rPr lang="en-US" smtClean="0">
                <a:solidFill>
                  <a:srgbClr val="95A5A6">
                    <a:tint val="75000"/>
                  </a:srgbClr>
                </a:solidFill>
              </a:rPr>
              <a:pPr/>
              <a:t>4/26/2016</a:t>
            </a:fld>
            <a:endParaRPr lang="en-US" dirty="0">
              <a:solidFill>
                <a:srgbClr val="95A5A6">
                  <a:tint val="75000"/>
                </a:srgbClr>
              </a:solidFill>
            </a:endParaRPr>
          </a:p>
        </p:txBody>
      </p:sp>
      <p:sp>
        <p:nvSpPr>
          <p:cNvPr id="5" name="Footer Placeholder 4"/>
          <p:cNvSpPr>
            <a:spLocks noGrp="1"/>
          </p:cNvSpPr>
          <p:nvPr>
            <p:ph type="ftr" sz="quarter" idx="11"/>
          </p:nvPr>
        </p:nvSpPr>
        <p:spPr/>
        <p:txBody>
          <a:bodyPr/>
          <a:lstStyle/>
          <a:p>
            <a:endParaRPr lang="en-US" dirty="0">
              <a:solidFill>
                <a:srgbClr val="95A5A6">
                  <a:tint val="75000"/>
                </a:srgbClr>
              </a:solidFill>
            </a:endParaRPr>
          </a:p>
        </p:txBody>
      </p:sp>
      <p:sp>
        <p:nvSpPr>
          <p:cNvPr id="6" name="Slide Number Placeholder 5"/>
          <p:cNvSpPr>
            <a:spLocks noGrp="1"/>
          </p:cNvSpPr>
          <p:nvPr>
            <p:ph type="sldNum" sz="quarter" idx="12"/>
          </p:nvPr>
        </p:nvSpPr>
        <p:spPr/>
        <p:txBody>
          <a:bodyPr/>
          <a:lstStyle/>
          <a:p>
            <a:fld id="{B6F15528-21DE-4FAA-801E-634DDDAF4B2B}" type="slidenum">
              <a:rPr lang="en-US" smtClean="0">
                <a:solidFill>
                  <a:srgbClr val="95A5A6">
                    <a:tint val="75000"/>
                  </a:srgbClr>
                </a:solidFill>
              </a:rPr>
              <a:pPr/>
              <a:t>‹#›</a:t>
            </a:fld>
            <a:endParaRPr lang="en-US" dirty="0">
              <a:solidFill>
                <a:srgbClr val="95A5A6">
                  <a:tint val="75000"/>
                </a:srgbClr>
              </a:solidFill>
            </a:endParaRPr>
          </a:p>
        </p:txBody>
      </p:sp>
    </p:spTree>
    <p:extLst>
      <p:ext uri="{BB962C8B-B14F-4D97-AF65-F5344CB8AC3E}">
        <p14:creationId xmlns:p14="http://schemas.microsoft.com/office/powerpoint/2010/main" val="324163331"/>
      </p:ext>
    </p:extLst>
  </p:cSld>
  <p:clrMapOvr>
    <a:masterClrMapping/>
  </p:clrMapOvr>
  <p:transition>
    <p:fade/>
  </p:transition>
</p:sldLayout>
</file>

<file path=ppt/slideLayouts/slideLayout291.xml><?xml version="1.0" encoding="utf-8"?>
<p:sldLayout xmlns:a="http://schemas.openxmlformats.org/drawingml/2006/main" xmlns:r="http://schemas.openxmlformats.org/officeDocument/2006/relationships" xmlns:p="http://schemas.openxmlformats.org/presentationml/2006/main" showMasterSp="0"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461192883"/>
      </p:ext>
    </p:extLst>
  </p:cSld>
  <p:clrMapOvr>
    <a:masterClrMapping/>
  </p:clrMapOvr>
  <p:transition>
    <p:fade/>
  </p:transition>
</p:sldLayout>
</file>

<file path=ppt/slideLayouts/slideLayout292.xml><?xml version="1.0" encoding="utf-8"?>
<p:sldLayout xmlns:a="http://schemas.openxmlformats.org/drawingml/2006/main" xmlns:r="http://schemas.openxmlformats.org/officeDocument/2006/relationships" xmlns:p="http://schemas.openxmlformats.org/presentationml/2006/main" showMasterSp="0" type="clipArtAndTx" preserve="1">
  <p:cSld name="Title, Clip Art and Text">
    <p:spTree>
      <p:nvGrpSpPr>
        <p:cNvPr id="1" name=""/>
        <p:cNvGrpSpPr/>
        <p:nvPr/>
      </p:nvGrpSpPr>
      <p:grpSpPr>
        <a:xfrm>
          <a:off x="0" y="0"/>
          <a:ext cx="0" cy="0"/>
          <a:chOff x="0" y="0"/>
          <a:chExt cx="0" cy="0"/>
        </a:xfrm>
      </p:grpSpPr>
      <p:sp>
        <p:nvSpPr>
          <p:cNvPr id="2" name="Title 1"/>
          <p:cNvSpPr>
            <a:spLocks noGrp="1"/>
          </p:cNvSpPr>
          <p:nvPr>
            <p:ph type="title"/>
          </p:nvPr>
        </p:nvSpPr>
        <p:spPr>
          <a:xfrm>
            <a:off x="0" y="0"/>
            <a:ext cx="9144000" cy="914400"/>
          </a:xfrm>
        </p:spPr>
        <p:txBody>
          <a:bodyPr/>
          <a:lstStyle/>
          <a:p>
            <a:r>
              <a:rPr lang="en-US" smtClean="0"/>
              <a:t>Click to edit Master title style</a:t>
            </a:r>
            <a:endParaRPr lang="en-US"/>
          </a:p>
        </p:txBody>
      </p:sp>
      <p:sp>
        <p:nvSpPr>
          <p:cNvPr id="3" name="ClipArt Placeholder 2"/>
          <p:cNvSpPr>
            <a:spLocks noGrp="1"/>
          </p:cNvSpPr>
          <p:nvPr>
            <p:ph type="clipArt" sz="half" idx="1"/>
          </p:nvPr>
        </p:nvSpPr>
        <p:spPr>
          <a:xfrm>
            <a:off x="685800" y="1371600"/>
            <a:ext cx="3810000" cy="4724400"/>
          </a:xfrm>
        </p:spPr>
        <p:txBody>
          <a:bodyPr/>
          <a:lstStyle/>
          <a:p>
            <a:pPr lvl="0"/>
            <a:endParaRPr lang="en-US" noProof="0" dirty="0" smtClean="0"/>
          </a:p>
        </p:txBody>
      </p:sp>
      <p:sp>
        <p:nvSpPr>
          <p:cNvPr id="4" name="Text Placeholder 3"/>
          <p:cNvSpPr>
            <a:spLocks noGrp="1"/>
          </p:cNvSpPr>
          <p:nvPr>
            <p:ph type="body" sz="half" idx="2"/>
          </p:nvPr>
        </p:nvSpPr>
        <p:spPr>
          <a:xfrm>
            <a:off x="4648200" y="1371600"/>
            <a:ext cx="3810000" cy="47244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014104243"/>
      </p:ext>
    </p:extLst>
  </p:cSld>
  <p:clrMapOvr>
    <a:masterClrMapping/>
  </p:clrMapOvr>
</p:sldLayout>
</file>

<file path=ppt/slideLayouts/slideLayout293.xml><?xml version="1.0" encoding="utf-8"?>
<p:sldLayout xmlns:a="http://schemas.openxmlformats.org/drawingml/2006/main" xmlns:r="http://schemas.openxmlformats.org/officeDocument/2006/relationships" xmlns:p="http://schemas.openxmlformats.org/presentationml/2006/main" showMasterSp="0" preserve="1" userDrawn="1">
  <p:cSld name="Text with Sub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28600" y="304801"/>
            <a:ext cx="8763000" cy="761999"/>
          </a:xfrm>
        </p:spPr>
        <p:txBody>
          <a:bodyPr/>
          <a:lstStyle>
            <a:lvl1pPr>
              <a:defRPr sz="5400"/>
            </a:lvl1pPr>
          </a:lstStyle>
          <a:p>
            <a:r>
              <a:rPr lang="en-US" dirty="0" smtClean="0"/>
              <a:t>Slide Title</a:t>
            </a:r>
            <a:br>
              <a:rPr lang="en-US" dirty="0" smtClean="0"/>
            </a:br>
            <a:endParaRPr lang="en-US" dirty="0"/>
          </a:p>
        </p:txBody>
      </p:sp>
      <p:sp>
        <p:nvSpPr>
          <p:cNvPr id="8" name="Text Placeholder 7"/>
          <p:cNvSpPr>
            <a:spLocks noGrp="1"/>
          </p:cNvSpPr>
          <p:nvPr>
            <p:ph type="body" sz="quarter" idx="11" hasCustomPrompt="1"/>
          </p:nvPr>
        </p:nvSpPr>
        <p:spPr>
          <a:xfrm>
            <a:off x="304800" y="1066800"/>
            <a:ext cx="8763000" cy="498598"/>
          </a:xfrm>
        </p:spPr>
        <p:txBody>
          <a:bodyPr/>
          <a:lstStyle>
            <a:lvl1pPr algn="ctr">
              <a:defRPr sz="3200"/>
            </a:lvl1pPr>
          </a:lstStyle>
          <a:p>
            <a:pPr lvl="0"/>
            <a:r>
              <a:rPr lang="en-US" sz="3600" dirty="0" smtClean="0">
                <a:solidFill>
                  <a:schemeClr val="tx2"/>
                </a:solidFill>
              </a:rPr>
              <a:t> Subtitle color</a:t>
            </a:r>
            <a:endParaRPr lang="en-US" dirty="0"/>
          </a:p>
        </p:txBody>
      </p:sp>
      <p:sp>
        <p:nvSpPr>
          <p:cNvPr id="5" name="Text Placeholder 4"/>
          <p:cNvSpPr>
            <a:spLocks noGrp="1"/>
          </p:cNvSpPr>
          <p:nvPr>
            <p:ph type="body" sz="quarter" idx="12"/>
          </p:nvPr>
        </p:nvSpPr>
        <p:spPr>
          <a:xfrm>
            <a:off x="304800" y="1676400"/>
            <a:ext cx="8305800" cy="3429000"/>
          </a:xfrm>
        </p:spPr>
        <p:txBody>
          <a:bodyPr/>
          <a:lstStyle>
            <a:lvl1pPr marL="396875" marR="0" indent="-396875" algn="l" defTabSz="914363" rtl="0" eaLnBrk="1" fontAlgn="auto" latinLnBrk="0" hangingPunct="1">
              <a:lnSpc>
                <a:spcPct val="90000"/>
              </a:lnSpc>
              <a:spcBef>
                <a:spcPct val="20000"/>
              </a:spcBef>
              <a:spcAft>
                <a:spcPts val="0"/>
              </a:spcAft>
              <a:buClrTx/>
              <a:buSzTx/>
              <a:buFont typeface="Wingdings" panose="05000000000000000000" pitchFamily="2" charset="2"/>
              <a:buChar char="§"/>
              <a:tabLst/>
              <a:defRPr sz="3600"/>
            </a:lvl1pPr>
            <a:lvl2pPr>
              <a:defRPr sz="3200">
                <a:solidFill>
                  <a:schemeClr val="accent4"/>
                </a:solidFill>
              </a:defRPr>
            </a:lvl2pPr>
            <a:lvl3pPr>
              <a:defRPr sz="2800">
                <a:solidFill>
                  <a:schemeClr val="accent3"/>
                </a:solidFill>
              </a:defRPr>
            </a:lvl3pPr>
            <a:lvl4pPr>
              <a:defRPr sz="2800">
                <a:solidFill>
                  <a:schemeClr val="accent2"/>
                </a:solidFill>
              </a:defRPr>
            </a:lvl4pPr>
            <a:lvl5pPr>
              <a:defRPr sz="28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85514684"/>
      </p:ext>
    </p:extLst>
  </p:cSld>
  <p:clrMapOvr>
    <a:masterClrMapping/>
  </p:clrMapOvr>
  <p:transition>
    <p:fade/>
  </p:transition>
  <p:timing>
    <p:tnLst>
      <p:par>
        <p:cTn id="1" dur="indefinite" restart="never" nodeType="tmRoot"/>
      </p:par>
    </p:tnLst>
  </p:timing>
</p:sldLayout>
</file>

<file path=ppt/slideLayouts/slideLayout29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42754169"/>
      </p:ext>
    </p:extLst>
  </p:cSld>
  <p:clrMapOvr>
    <a:masterClrMapping/>
  </p:clrMapOvr>
  <p:transition>
    <p:fade/>
  </p:transition>
</p:sldLayout>
</file>

<file path=ppt/slideLayouts/slideLayout29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532449319"/>
      </p:ext>
    </p:extLst>
  </p:cSld>
  <p:clrMapOvr>
    <a:masterClrMapping/>
  </p:clrMapOvr>
  <p:transition>
    <p:fade/>
  </p:transition>
</p:sldLayout>
</file>

<file path=ppt/slideLayouts/slideLayout296.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564320974"/>
      </p:ext>
    </p:extLst>
  </p:cSld>
  <p:clrMapOvr>
    <a:masterClrMapping/>
  </p:clrMapOvr>
  <p:transition>
    <p:fade/>
  </p:transition>
</p:sldLayout>
</file>

<file path=ppt/slideLayouts/slideLayout297.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60434"/>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128861504"/>
      </p:ext>
    </p:extLst>
  </p:cSld>
  <p:clrMapOvr>
    <a:masterClrMapping/>
  </p:clrMapOvr>
  <p:transition>
    <p:fade/>
  </p:transition>
</p:sldLayout>
</file>

<file path=ppt/slideLayouts/slideLayout29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529634833"/>
      </p:ext>
    </p:extLst>
  </p:cSld>
  <p:clrMapOvr>
    <a:masterClrMapping/>
  </p:clrMapOvr>
  <p:transition>
    <p:fade/>
  </p:transition>
</p:sldLayout>
</file>

<file path=ppt/slideLayouts/slideLayout29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50400210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cSld>
  <p:clrMapOvr>
    <a:masterClrMapping/>
  </p:clrMapOvr>
  <p:transition spd="slow">
    <p:fade/>
  </p:transition>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158747905"/>
      </p:ext>
    </p:extLst>
  </p:cSld>
  <p:clrMapOvr>
    <a:masterClrMapping/>
  </p:clrMapOvr>
  <p:transition spd="slow">
    <p:fade/>
  </p:transition>
  <p:timing>
    <p:tnLst>
      <p:par>
        <p:cTn id="1" dur="indefinite" restart="never" nodeType="tmRoot"/>
      </p:par>
    </p:tnLst>
  </p:timing>
</p:sldLayout>
</file>

<file path=ppt/slideLayouts/slideLayout30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03277934"/>
      </p:ext>
    </p:extLst>
  </p:cSld>
  <p:clrMapOvr>
    <a:masterClrMapping/>
  </p:clrMapOvr>
  <p:transition>
    <p:fade/>
  </p:transition>
</p:sldLayout>
</file>

<file path=ppt/slideLayouts/slideLayout30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948802131"/>
      </p:ext>
    </p:extLst>
  </p:cSld>
  <p:clrMapOvr>
    <a:masterClrMapping/>
  </p:clrMapOvr>
  <p:transition>
    <p:fade/>
  </p:transition>
</p:sldLayout>
</file>

<file path=ppt/slideLayouts/slideLayout302.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69159973"/>
      </p:ext>
    </p:extLst>
  </p:cSld>
  <p:clrMapOvr>
    <a:masterClrMapping/>
  </p:clrMapOvr>
  <p:transition>
    <p:fade/>
  </p:transition>
</p:sldLayout>
</file>

<file path=ppt/slideLayouts/slideLayout303.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040423964"/>
      </p:ext>
    </p:extLst>
  </p:cSld>
  <p:clrMapOvr>
    <a:masterClrMapping/>
  </p:clrMapOvr>
  <p:transition>
    <p:fade/>
  </p:transition>
</p:sldLayout>
</file>

<file path=ppt/slideLayouts/slideLayout3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2355817"/>
      </p:ext>
    </p:extLst>
  </p:cSld>
  <p:clrMapOvr>
    <a:masterClrMapping/>
  </p:clrMapOvr>
  <p:transition>
    <p:fade/>
  </p:transition>
</p:sldLayout>
</file>

<file path=ppt/slideLayouts/slideLayout305.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199"/>
            <a:ext cx="9302750" cy="1752600"/>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13310326"/>
      </p:ext>
    </p:extLst>
  </p:cSld>
  <p:clrMapOvr>
    <a:masterClrMapping/>
  </p:clrMapOvr>
  <p:transition>
    <p:fade/>
  </p:transition>
</p:sldLayout>
</file>

<file path=ppt/slideLayouts/slideLayout306.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441565098"/>
      </p:ext>
    </p:extLst>
  </p:cSld>
  <p:clrMapOvr>
    <a:masterClrMapping/>
  </p:clrMapOvr>
  <p:transition>
    <p:fade/>
  </p:transition>
</p:sldLayout>
</file>

<file path=ppt/slideLayouts/slideLayout307.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743387026"/>
      </p:ext>
    </p:extLst>
  </p:cSld>
  <p:clrMapOvr>
    <a:masterClrMapping/>
  </p:clrMapOvr>
  <p:transition>
    <p:fade/>
  </p:transition>
</p:sldLayout>
</file>

<file path=ppt/slideLayouts/slideLayout308.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00693125"/>
      </p:ext>
    </p:extLst>
  </p:cSld>
  <p:clrMapOvr>
    <a:masterClrMapping/>
  </p:clrMapOvr>
  <p:transition>
    <p:fade/>
  </p:transition>
</p:sldLayout>
</file>

<file path=ppt/slideLayouts/slideLayout309.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656729106"/>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2743251074"/>
      </p:ext>
    </p:extLst>
  </p:cSld>
  <p:clrMapOvr>
    <a:masterClrMapping/>
  </p:clrMapOvr>
  <p:transition spd="slow">
    <p:fade/>
  </p:transition>
  <p:timing>
    <p:tnLst>
      <p:par>
        <p:cTn id="1" dur="indefinite" restart="never" nodeType="tmRoot"/>
      </p:par>
    </p:tnLst>
  </p:timing>
</p:sldLayout>
</file>

<file path=ppt/slideLayouts/slideLayout310.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344832393"/>
      </p:ext>
    </p:extLst>
  </p:cSld>
  <p:clrMapOvr>
    <a:masterClrMapping/>
  </p:clrMapOvr>
  <p:timing>
    <p:tnLst>
      <p:par>
        <p:cTn id="1" dur="indefinite" restart="never" nodeType="tmRoot"/>
      </p:par>
    </p:tnLst>
  </p:timing>
</p:sldLayout>
</file>

<file path=ppt/slideLayouts/slideLayout31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374801729"/>
      </p:ext>
    </p:extLst>
  </p:cSld>
  <p:clrMapOvr>
    <a:masterClrMapping/>
  </p:clrMapOvr>
  <p:transition>
    <p:fade/>
  </p:transition>
</p:sldLayout>
</file>

<file path=ppt/slideLayouts/slideLayout31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373306880"/>
      </p:ext>
    </p:extLst>
  </p:cSld>
  <p:clrMapOvr>
    <a:masterClrMapping/>
  </p:clrMapOvr>
  <p:transition>
    <p:fade/>
  </p:transition>
</p:sldLayout>
</file>

<file path=ppt/slideLayouts/slideLayout313.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860837952"/>
      </p:ext>
    </p:extLst>
  </p:cSld>
  <p:clrMapOvr>
    <a:masterClrMapping/>
  </p:clrMapOvr>
  <p:transition>
    <p:fade/>
  </p:transition>
</p:sldLayout>
</file>

<file path=ppt/slideLayouts/slideLayout314.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60434"/>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115747221"/>
      </p:ext>
    </p:extLst>
  </p:cSld>
  <p:clrMapOvr>
    <a:masterClrMapping/>
  </p:clrMapOvr>
  <p:transition>
    <p:fade/>
  </p:transition>
</p:sldLayout>
</file>

<file path=ppt/slideLayouts/slideLayout31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433524403"/>
      </p:ext>
    </p:extLst>
  </p:cSld>
  <p:clrMapOvr>
    <a:masterClrMapping/>
  </p:clrMapOvr>
  <p:transition>
    <p:fade/>
  </p:transition>
</p:sldLayout>
</file>

<file path=ppt/slideLayouts/slideLayout3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794506323"/>
      </p:ext>
    </p:extLst>
  </p:cSld>
  <p:clrMapOvr>
    <a:masterClrMapping/>
  </p:clrMapOvr>
  <p:transition>
    <p:fade/>
  </p:transition>
</p:sldLayout>
</file>

<file path=ppt/slideLayouts/slideLayout3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491690237"/>
      </p:ext>
    </p:extLst>
  </p:cSld>
  <p:clrMapOvr>
    <a:masterClrMapping/>
  </p:clrMapOvr>
  <p:transition>
    <p:fade/>
  </p:transition>
</p:sldLayout>
</file>

<file path=ppt/slideLayouts/slideLayout3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92938220"/>
      </p:ext>
    </p:extLst>
  </p:cSld>
  <p:clrMapOvr>
    <a:masterClrMapping/>
  </p:clrMapOvr>
  <p:transition>
    <p:fade/>
  </p:transition>
</p:sldLayout>
</file>

<file path=ppt/slideLayouts/slideLayout319.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291481368"/>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2385359595"/>
      </p:ext>
    </p:extLst>
  </p:cSld>
  <p:clrMapOvr>
    <a:masterClrMapping/>
  </p:clrMapOvr>
  <p:transition spd="slow">
    <p:fade/>
  </p:transition>
  <p:timing>
    <p:tnLst>
      <p:par>
        <p:cTn id="1" dur="indefinite" restart="never" nodeType="tmRoot"/>
      </p:par>
    </p:tnLst>
  </p:timing>
</p:sldLayout>
</file>

<file path=ppt/slideLayouts/slideLayout320.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99961786"/>
      </p:ext>
    </p:extLst>
  </p:cSld>
  <p:clrMapOvr>
    <a:masterClrMapping/>
  </p:clrMapOvr>
  <p:transition>
    <p:fade/>
  </p:transition>
</p:sldLayout>
</file>

<file path=ppt/slideLayouts/slideLayout3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629034991"/>
      </p:ext>
    </p:extLst>
  </p:cSld>
  <p:clrMapOvr>
    <a:masterClrMapping/>
  </p:clrMapOvr>
  <p:transition>
    <p:fade/>
  </p:transition>
</p:sldLayout>
</file>

<file path=ppt/slideLayouts/slideLayout322.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199"/>
            <a:ext cx="9302750" cy="1752600"/>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89041639"/>
      </p:ext>
    </p:extLst>
  </p:cSld>
  <p:clrMapOvr>
    <a:masterClrMapping/>
  </p:clrMapOvr>
  <p:transition>
    <p:fade/>
  </p:transition>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861602331"/>
      </p:ext>
    </p:extLst>
  </p:cSld>
  <p:clrMapOvr>
    <a:masterClrMapping/>
  </p:clrMapOvr>
  <p:transition>
    <p:fade/>
  </p:transition>
</p:sldLayout>
</file>

<file path=ppt/slideLayouts/slideLayout324.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153031327"/>
      </p:ext>
    </p:extLst>
  </p:cSld>
  <p:clrMapOvr>
    <a:masterClrMapping/>
  </p:clrMapOvr>
  <p:transition>
    <p:fade/>
  </p:transition>
</p:sldLayout>
</file>

<file path=ppt/slideLayouts/slideLayout325.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850738749"/>
      </p:ext>
    </p:extLst>
  </p:cSld>
  <p:clrMapOvr>
    <a:masterClrMapping/>
  </p:clrMapOvr>
  <p:transition>
    <p:fade/>
  </p:transition>
</p:sldLayout>
</file>

<file path=ppt/slideLayouts/slideLayout326.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187790517"/>
      </p:ext>
    </p:extLst>
  </p:cSld>
  <p:clrMapOvr>
    <a:masterClrMapping/>
  </p:clrMapOvr>
  <p:transition>
    <p:fade/>
  </p:transition>
</p:sldLayout>
</file>

<file path=ppt/slideLayouts/slideLayout327.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576022639"/>
      </p:ext>
    </p:extLst>
  </p:cSld>
  <p:clrMapOvr>
    <a:masterClrMapping/>
  </p:clrMapOvr>
  <p:timing>
    <p:tnLst>
      <p:par>
        <p:cTn id="1" dur="indefinite" restart="never" nodeType="tmRoot"/>
      </p:par>
    </p:tnLst>
  </p:timing>
</p:sldLayout>
</file>

<file path=ppt/slideLayouts/slideLayout3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nSpc>
                <a:spcPct val="90000"/>
              </a:lnSpc>
              <a:defRPr sz="5400"/>
            </a:lvl1pPr>
          </a:lstStyle>
          <a:p>
            <a:r>
              <a:rPr lang="en-US" smtClean="0"/>
              <a:t>Click to edit Master title style</a:t>
            </a:r>
            <a:endParaRPr lang="en-US" dirty="0"/>
          </a:p>
        </p:txBody>
      </p:sp>
      <p:sp>
        <p:nvSpPr>
          <p:cNvPr id="3" name="Subtitle 2"/>
          <p:cNvSpPr>
            <a:spLocks noGrp="1"/>
          </p:cNvSpPr>
          <p:nvPr>
            <p:ph type="subTitle" idx="1"/>
          </p:nvPr>
        </p:nvSpPr>
        <p:spPr>
          <a:xfrm>
            <a:off x="730249" y="4344988"/>
            <a:ext cx="7681913"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Tree>
    <p:extLst>
      <p:ext uri="{BB962C8B-B14F-4D97-AF65-F5344CB8AC3E}">
        <p14:creationId xmlns:p14="http://schemas.microsoft.com/office/powerpoint/2010/main" val="3119069708"/>
      </p:ext>
    </p:extLst>
  </p:cSld>
  <p:clrMapOvr>
    <a:masterClrMapping/>
  </p:clrMapOvr>
  <p:transition>
    <p:fade/>
  </p:transition>
</p:sldLayout>
</file>

<file path=ppt/slideLayouts/slideLayout32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1369219" y="649805"/>
            <a:ext cx="7043208" cy="1523494"/>
          </a:xfrm>
        </p:spPr>
        <p:txBody>
          <a:bodyPr anchor="ctr" anchorCtr="0">
            <a:noAutofit/>
          </a:bodyPr>
          <a:lstStyle>
            <a:lvl1pPr>
              <a:lnSpc>
                <a:spcPct val="90000"/>
              </a:lnSpc>
              <a:defRPr sz="5400"/>
            </a:lvl1pPr>
          </a:lstStyle>
          <a:p>
            <a:r>
              <a:rPr lang="en-US"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722049" y="2355850"/>
            <a:ext cx="7690114" cy="1384994"/>
          </a:xfrm>
        </p:spPr>
        <p:txBody>
          <a:bodyPr anchor="t" anchorCtr="0">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100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901882069"/>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627156527"/>
      </p:ext>
    </p:extLst>
  </p:cSld>
  <p:clrMapOvr>
    <a:masterClrMapping/>
  </p:clrMapOvr>
  <p:transition spd="slow">
    <p:fade/>
  </p:transition>
  <p:timing>
    <p:tnLst>
      <p:par>
        <p:cTn id="1" dur="indefinite" restart="never" nodeType="tmRoot"/>
      </p:par>
    </p:tnLst>
  </p:timing>
</p:sldLayout>
</file>

<file path=ppt/slideLayouts/slideLayout33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406813"/>
          </a:xfrm>
        </p:spPr>
        <p:txBody>
          <a:bodyPr/>
          <a:lstStyle>
            <a:lvl1pPr>
              <a:lnSpc>
                <a:spcPct val="90000"/>
              </a:lnSpc>
              <a:defRPr/>
            </a:lvl1pPr>
            <a:lvl2pPr>
              <a:lnSpc>
                <a:spcPct val="90000"/>
              </a:lnSpc>
              <a:defRPr lang="en-US" sz="3200" kern="1200" dirty="0" smtClean="0">
                <a:solidFill>
                  <a:schemeClr val="accent4"/>
                </a:solidFill>
                <a:latin typeface="+mn-lt"/>
                <a:ea typeface="+mn-ea"/>
                <a:cs typeface="+mn-cs"/>
              </a:defRPr>
            </a:lvl2pPr>
            <a:lvl3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defRPr lang="en-US" sz="2800" kern="1200" dirty="0">
                <a:solidFill>
                  <a:schemeClr val="accent2"/>
                </a:solidFill>
                <a:latin typeface="+mn-lt"/>
                <a:ea typeface="+mn-ea"/>
                <a:cs typeface="+mn-cs"/>
              </a:defRPr>
            </a:lvl5pPr>
          </a:lstStyle>
          <a:p>
            <a:pPr lvl="0"/>
            <a:r>
              <a:rPr lang="en-US" dirty="0" smtClean="0"/>
              <a:t>Click to edit Master text styles</a:t>
            </a:r>
          </a:p>
          <a:p>
            <a:pPr marL="914400" lvl="1" indent="-396875" algn="l" defTabSz="914363" rtl="0" eaLnBrk="1" latinLnBrk="0" hangingPunct="1">
              <a:lnSpc>
                <a:spcPct val="90000"/>
              </a:lnSpc>
              <a:spcBef>
                <a:spcPct val="20000"/>
              </a:spcBef>
              <a:buFontTx/>
              <a:buBlip>
                <a:blip r:embed="rId2"/>
              </a:buBlip>
            </a:pPr>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91816899"/>
      </p:ext>
    </p:extLst>
  </p:cSld>
  <p:clrMapOvr>
    <a:masterClrMapping/>
  </p:clrMapOvr>
  <p:transition>
    <p:fade/>
  </p:transition>
  <p:timing>
    <p:tnLst>
      <p:par>
        <p:cTn id="1" dur="indefinite" restart="never" nodeType="tmRoot"/>
      </p:par>
    </p:tnLst>
  </p:timing>
  <p:hf hdr="0" ftr="0" dt="0"/>
</p:sldLayout>
</file>

<file path=ppt/slideLayouts/slideLayout33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381000" y="1412875"/>
            <a:ext cx="8382000" cy="2406813"/>
          </a:xfrm>
        </p:spPr>
        <p:txBody>
          <a:bodyPr/>
          <a:lstStyle>
            <a:lvl1pPr>
              <a:lnSpc>
                <a:spcPct val="90000"/>
              </a:lnSpc>
              <a:defRPr/>
            </a:lvl1pPr>
            <a:lvl2pPr>
              <a:lnSpc>
                <a:spcPct val="90000"/>
              </a:lnSpc>
              <a:defRPr lang="en-US" sz="3200" kern="1200" dirty="0" smtClean="0">
                <a:solidFill>
                  <a:schemeClr val="accent4"/>
                </a:solidFill>
                <a:latin typeface="+mn-lt"/>
                <a:ea typeface="+mn-ea"/>
                <a:cs typeface="+mn-cs"/>
              </a:defRPr>
            </a:lvl2pPr>
            <a:lvl3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defRPr lang="en-US" sz="28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611489894"/>
      </p:ext>
    </p:extLst>
  </p:cSld>
  <p:clrMapOvr>
    <a:masterClrMapping/>
  </p:clrMapOvr>
  <p:transition>
    <p:fade/>
  </p:transition>
</p:sldLayout>
</file>

<file path=ppt/slideLayouts/slideLayout33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129814"/>
          </a:xfrm>
        </p:spPr>
        <p:txBody>
          <a:bodyPr/>
          <a:lstStyle>
            <a:lvl1pPr marL="339976" indent="-339976">
              <a:lnSpc>
                <a:spcPct val="90000"/>
              </a:lnSpc>
              <a:defRPr sz="2800"/>
            </a:lvl1pPr>
            <a:lvl2pPr marL="673338" indent="-325424">
              <a:lnSpc>
                <a:spcPct val="90000"/>
              </a:lnSpc>
              <a:defRPr lang="en-US" sz="2400" kern="1200" dirty="0" smtClean="0">
                <a:solidFill>
                  <a:schemeClr val="accent4"/>
                </a:solidFill>
                <a:latin typeface="+mn-lt"/>
                <a:ea typeface="+mn-ea"/>
                <a:cs typeface="+mn-cs"/>
              </a:defRPr>
            </a:lvl2pPr>
            <a:lvl3pPr marL="953785" indent="-288384">
              <a:lnSpc>
                <a:spcPct val="90000"/>
              </a:lnSpc>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defRPr lang="en-US" sz="18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129814"/>
          </a:xfrm>
        </p:spPr>
        <p:txBody>
          <a:bodyPr/>
          <a:lstStyle>
            <a:lvl1pPr marL="347914" indent="-347914">
              <a:lnSpc>
                <a:spcPct val="90000"/>
              </a:lnSpc>
              <a:defRPr sz="2800"/>
            </a:lvl1pPr>
            <a:lvl2pPr marL="673338" indent="-339976">
              <a:lnSpc>
                <a:spcPct val="90000"/>
              </a:lnSpc>
              <a:defRPr lang="en-US" sz="2400" kern="1200" dirty="0" smtClean="0">
                <a:solidFill>
                  <a:schemeClr val="accent4"/>
                </a:solidFill>
                <a:latin typeface="+mn-lt"/>
                <a:ea typeface="+mn-ea"/>
                <a:cs typeface="+mn-cs"/>
              </a:defRPr>
            </a:lvl2pPr>
            <a:lvl3pPr marL="961722" indent="-302936">
              <a:lnSpc>
                <a:spcPct val="90000"/>
              </a:lnSpc>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defRPr lang="en-US" sz="18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27282958"/>
      </p:ext>
    </p:extLst>
  </p:cSld>
  <p:clrMapOvr>
    <a:masterClrMapping/>
  </p:clrMapOvr>
  <p:transition>
    <p:fade/>
  </p:transition>
</p:sldLayout>
</file>

<file path=ppt/slideLayouts/slideLayout333.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1551194"/>
          </a:xfrm>
        </p:spPr>
        <p:txBody>
          <a:bodyPr/>
          <a:lstStyle>
            <a:lvl1pPr marL="281770" indent="-281770">
              <a:defRPr sz="2400"/>
            </a:lvl1pPr>
            <a:lvl2pPr marL="562218" indent="-265896">
              <a:defRPr lang="en-US" sz="2000" kern="1200" dirty="0" smtClean="0">
                <a:solidFill>
                  <a:schemeClr val="accent4"/>
                </a:solidFill>
                <a:latin typeface="+mn-lt"/>
                <a:ea typeface="+mn-ea"/>
                <a:cs typeface="+mn-cs"/>
              </a:defRPr>
            </a:lvl2pPr>
            <a:lvl3pPr marL="813562" indent="-243407">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defRPr lang="en-US" sz="16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1537344"/>
          </a:xfrm>
        </p:spPr>
        <p:txBody>
          <a:bodyPr/>
          <a:lstStyle>
            <a:lvl1pPr marL="296321" indent="-296321">
              <a:defRPr sz="2400"/>
            </a:lvl1pPr>
            <a:lvl2pPr marL="570155" indent="-273833">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ct val="20000"/>
              </a:spcBef>
              <a:buFontTx/>
              <a:buBlip>
                <a:blip r:embed="rId2"/>
              </a:buBlip>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ct val="20000"/>
              </a:spcBef>
              <a:buFontTx/>
              <a:buBlip>
                <a:blip r:embed="rId2"/>
              </a:buBlip>
              <a:defRPr lang="en-US" sz="1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defRPr lang="en-US" sz="16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50269963"/>
      </p:ext>
    </p:extLst>
  </p:cSld>
  <p:clrMapOvr>
    <a:masterClrMapping/>
  </p:clrMapOvr>
  <p:transition>
    <p:fade/>
  </p:transition>
</p:sldLayout>
</file>

<file path=ppt/slideLayouts/slideLayout3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059407764"/>
      </p:ext>
    </p:extLst>
  </p:cSld>
  <p:clrMapOvr>
    <a:masterClrMapping/>
  </p:clrMapOvr>
  <p:transition>
    <p:fade/>
  </p:transition>
</p:sldLayout>
</file>

<file path=ppt/slideLayouts/slideLayout3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615131947"/>
      </p:ext>
    </p:extLst>
  </p:cSld>
  <p:clrMapOvr>
    <a:masterClrMapping/>
  </p:clrMapOvr>
  <p:transition>
    <p:fade/>
  </p:transition>
</p:sldLayout>
</file>

<file path=ppt/slideLayouts/slideLayout336.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192485442"/>
      </p:ext>
    </p:extLst>
  </p:cSld>
  <p:clrMapOvr>
    <a:masterClrMapping/>
  </p:clrMapOvr>
  <p:transition>
    <p:fade/>
  </p:transition>
</p:sldLayout>
</file>

<file path=ppt/slideLayouts/slideLayout337.xml><?xml version="1.0" encoding="utf-8"?>
<p:sldLayout xmlns:a="http://schemas.openxmlformats.org/drawingml/2006/main" xmlns:r="http://schemas.openxmlformats.org/officeDocument/2006/relationships" xmlns:p="http://schemas.openxmlformats.org/presentationml/2006/main" userDrawn="1">
  <p:cSld name="Transition">
    <p:spTree>
      <p:nvGrpSpPr>
        <p:cNvPr id="1" name=""/>
        <p:cNvGrpSpPr/>
        <p:nvPr/>
      </p:nvGrpSpPr>
      <p:grpSpPr>
        <a:xfrm>
          <a:off x="0" y="0"/>
          <a:ext cx="0" cy="0"/>
          <a:chOff x="0" y="0"/>
          <a:chExt cx="0" cy="0"/>
        </a:xfrm>
      </p:grpSpPr>
      <p:pic>
        <p:nvPicPr>
          <p:cNvPr id="3" name="Picture 2" descr="Background Seal.png"/>
          <p:cNvPicPr>
            <a:picLocks noChangeAspect="1"/>
          </p:cNvPicPr>
          <p:nvPr userDrawn="1"/>
        </p:nvPicPr>
        <p:blipFill>
          <a:blip r:embed="rId2" cstate="print"/>
          <a:stretch>
            <a:fillRect/>
          </a:stretch>
        </p:blipFill>
        <p:spPr>
          <a:xfrm>
            <a:off x="3124200" y="1125713"/>
            <a:ext cx="6019800" cy="5732287"/>
          </a:xfrm>
          <a:prstGeom prst="rect">
            <a:avLst/>
          </a:prstGeom>
        </p:spPr>
      </p:pic>
      <p:sp>
        <p:nvSpPr>
          <p:cNvPr id="5" name="Rounded Rectangle 4"/>
          <p:cNvSpPr/>
          <p:nvPr userDrawn="1"/>
        </p:nvSpPr>
        <p:spPr bwMode="auto">
          <a:xfrm>
            <a:off x="1143000" y="1600200"/>
            <a:ext cx="7315200" cy="2057400"/>
          </a:xfrm>
          <a:prstGeom prst="roundRect">
            <a:avLst>
              <a:gd name="adj" fmla="val 9033"/>
            </a:avLst>
          </a:prstGeom>
          <a:gradFill>
            <a:gsLst>
              <a:gs pos="0">
                <a:schemeClr val="accent1">
                  <a:shade val="15000"/>
                  <a:satMod val="180000"/>
                  <a:alpha val="75000"/>
                </a:schemeClr>
              </a:gs>
              <a:gs pos="50000">
                <a:schemeClr val="accent1">
                  <a:shade val="45000"/>
                  <a:satMod val="170000"/>
                  <a:alpha val="75000"/>
                </a:schemeClr>
              </a:gs>
              <a:gs pos="70000">
                <a:schemeClr val="accent1">
                  <a:tint val="99000"/>
                  <a:shade val="65000"/>
                  <a:satMod val="155000"/>
                  <a:alpha val="75000"/>
                </a:schemeClr>
              </a:gs>
              <a:gs pos="100000">
                <a:schemeClr val="accent1">
                  <a:tint val="95500"/>
                  <a:shade val="100000"/>
                  <a:satMod val="155000"/>
                  <a:alpha val="75000"/>
                </a:schemeClr>
              </a:gs>
            </a:gsLst>
          </a:gra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auto">
              <a:spcBef>
                <a:spcPts val="0"/>
              </a:spcBef>
              <a:spcAft>
                <a:spcPts val="0"/>
              </a:spcAft>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cs typeface="Arial" charset="0"/>
            </a:endParaRPr>
          </a:p>
        </p:txBody>
      </p:sp>
      <p:sp>
        <p:nvSpPr>
          <p:cNvPr id="7" name="Title 6"/>
          <p:cNvSpPr>
            <a:spLocks noGrp="1"/>
          </p:cNvSpPr>
          <p:nvPr>
            <p:ph type="title"/>
          </p:nvPr>
        </p:nvSpPr>
        <p:spPr>
          <a:xfrm>
            <a:off x="1295400" y="1828800"/>
            <a:ext cx="7010400" cy="1676400"/>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1785334958"/>
      </p:ext>
    </p:extLst>
  </p:cSld>
  <p:clrMapOvr>
    <a:masterClrMapping/>
  </p:clrMapOvr>
  <p:transition>
    <p:fade/>
  </p:transition>
  <p:timing>
    <p:tnLst>
      <p:par>
        <p:cTn id="1" dur="indefinite" restart="never" nodeType="tmRoot"/>
      </p:par>
    </p:tnLst>
  </p:timing>
</p:sldLayout>
</file>

<file path=ppt/slideLayouts/slideLayout33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691302117"/>
      </p:ext>
    </p:extLst>
  </p:cSld>
  <p:clrMapOvr>
    <a:masterClrMapping/>
  </p:clrMapOvr>
  <p:transition spd="slow">
    <p:fade/>
  </p:transition>
</p:sldLayout>
</file>

<file path=ppt/slideLayouts/slideLayout33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013968734"/>
      </p:ext>
    </p:extLst>
  </p:cSld>
  <p:clrMapOvr>
    <a:masterClrMapping/>
  </p:clrMapOvr>
  <p:transition spd="slow">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smtClean="0"/>
              <a:t>Click to edit Master text styles</a:t>
            </a:r>
          </a:p>
        </p:txBody>
      </p:sp>
    </p:spTree>
    <p:extLst>
      <p:ext uri="{BB962C8B-B14F-4D97-AF65-F5344CB8AC3E}">
        <p14:creationId xmlns:p14="http://schemas.microsoft.com/office/powerpoint/2010/main" val="2499342048"/>
      </p:ext>
    </p:extLst>
  </p:cSld>
  <p:clrMapOvr>
    <a:masterClrMapping/>
  </p:clrMapOvr>
  <p:transition spd="slow">
    <p:fade/>
  </p:transition>
  <p:timing>
    <p:tnLst>
      <p:par>
        <p:cTn id="1" dur="indefinite" restart="never" nodeType="tmRoot"/>
      </p:par>
    </p:tnLst>
  </p:timing>
</p:sldLayout>
</file>

<file path=ppt/slideLayouts/slideLayout340.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660749559"/>
      </p:ext>
    </p:extLst>
  </p:cSld>
  <p:clrMapOvr>
    <a:masterClrMapping/>
  </p:clrMapOvr>
  <p:transition spd="slow">
    <p:fade/>
  </p:transition>
  <p:timing>
    <p:tnLst>
      <p:par>
        <p:cTn id="1" dur="indefinite" restart="never" nodeType="tmRoot"/>
      </p:par>
    </p:tnLst>
  </p:timing>
</p:sldLayout>
</file>

<file path=ppt/slideLayouts/slideLayout341.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270682729"/>
      </p:ext>
    </p:extLst>
  </p:cSld>
  <p:clrMapOvr>
    <a:masterClrMapping/>
  </p:clrMapOvr>
  <p:transition spd="slow">
    <p:fade/>
  </p:transition>
</p:sldLayout>
</file>

<file path=ppt/slideLayouts/slideLayout342.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889842942"/>
      </p:ext>
    </p:extLst>
  </p:cSld>
  <p:clrMapOvr>
    <a:masterClrMapping/>
  </p:clrMapOvr>
  <p:transition spd="slow">
    <p:fade/>
  </p:transition>
  <p:timing>
    <p:tnLst>
      <p:par>
        <p:cTn id="1" dur="indefinite" restart="never" nodeType="tmRoot"/>
      </p:par>
    </p:tnLst>
  </p:timing>
  <p:hf hdr="0" ftr="0" dt="0"/>
</p:sldLayout>
</file>

<file path=ppt/slideLayouts/slideLayout34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28724170"/>
      </p:ext>
    </p:extLst>
  </p:cSld>
  <p:clrMapOvr>
    <a:masterClrMapping/>
  </p:clrMapOvr>
  <p:transition spd="slow">
    <p:fade/>
  </p:transition>
  <p:timing>
    <p:tnLst>
      <p:par>
        <p:cTn id="1" dur="indefinite" restart="never" nodeType="tmRoot"/>
      </p:par>
    </p:tnLst>
  </p:timing>
</p:sldLayout>
</file>

<file path=ppt/slideLayouts/slideLayout34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36141721"/>
      </p:ext>
    </p:extLst>
  </p:cSld>
  <p:clrMapOvr>
    <a:masterClrMapping/>
  </p:clrMapOvr>
  <p:transition spd="slow">
    <p:fade/>
  </p:transition>
  <p:timing>
    <p:tnLst>
      <p:par>
        <p:cTn id="1" dur="indefinite" restart="never" nodeType="tmRoot"/>
      </p:par>
    </p:tnLst>
  </p:timing>
</p:sldLayout>
</file>

<file path=ppt/slideLayouts/slideLayout34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4000993968"/>
      </p:ext>
    </p:extLst>
  </p:cSld>
  <p:clrMapOvr>
    <a:masterClrMapping/>
  </p:clrMapOvr>
  <p:transition spd="slow">
    <p:fade/>
  </p:transition>
</p:sldLayout>
</file>

<file path=ppt/slideLayouts/slideLayout34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556795583"/>
      </p:ext>
    </p:extLst>
  </p:cSld>
  <p:clrMapOvr>
    <a:masterClrMapping/>
  </p:clrMapOvr>
  <p:transition spd="slow">
    <p:fade/>
  </p:transition>
</p:sldLayout>
</file>

<file path=ppt/slideLayouts/slideLayout3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427553483"/>
      </p:ext>
    </p:extLst>
  </p:cSld>
  <p:clrMapOvr>
    <a:masterClrMapping/>
  </p:clrMapOvr>
  <p:transition spd="slow">
    <p:fade/>
  </p:transition>
</p:sldLayout>
</file>

<file path=ppt/slideLayouts/slideLayout348.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445315629"/>
      </p:ext>
    </p:extLst>
  </p:cSld>
  <p:clrMapOvr>
    <a:masterClrMapping/>
  </p:clrMapOvr>
  <p:transition spd="slow">
    <p:fade/>
  </p:transition>
  <p:timing>
    <p:tnLst>
      <p:par>
        <p:cTn id="1" dur="indefinite" restart="never" nodeType="tmRoot"/>
      </p:par>
    </p:tnLst>
  </p:timing>
</p:sldLayout>
</file>

<file path=ppt/slideLayouts/slideLayout349.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446001733"/>
      </p:ext>
    </p:extLst>
  </p:cSld>
  <p:clrMapOvr>
    <a:masterClrMapping/>
  </p:clrMapOvr>
  <p:transition spd="slow">
    <p:fade/>
  </p:transition>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549657694"/>
      </p:ext>
    </p:extLst>
  </p:cSld>
  <p:clrMapOvr>
    <a:masterClrMapping/>
  </p:clrMapOvr>
  <p:transition spd="slow">
    <p:fade/>
  </p:transition>
  <p:timing>
    <p:tnLst>
      <p:par>
        <p:cTn id="1" dur="indefinite" restart="never" nodeType="tmRoot"/>
      </p:par>
    </p:tnLst>
  </p:timing>
</p:sldLayout>
</file>

<file path=ppt/slideLayouts/slideLayout350.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926599524"/>
      </p:ext>
    </p:extLst>
  </p:cSld>
  <p:clrMapOvr>
    <a:masterClrMapping/>
  </p:clrMapOvr>
  <p:transition spd="slow">
    <p:fade/>
  </p:transition>
  <p:timing>
    <p:tnLst>
      <p:par>
        <p:cTn id="1" dur="indefinite" restart="never" nodeType="tmRoot"/>
      </p:par>
    </p:tnLst>
  </p:timing>
</p:sldLayout>
</file>

<file path=ppt/slideLayouts/slideLayout351.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278575629"/>
      </p:ext>
    </p:extLst>
  </p:cSld>
  <p:clrMapOvr>
    <a:masterClrMapping/>
  </p:clrMapOvr>
  <p:transition spd="slow">
    <p:fade/>
  </p:transition>
</p:sldLayout>
</file>

<file path=ppt/slideLayouts/slideLayout352.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25928617"/>
      </p:ext>
    </p:extLst>
  </p:cSld>
  <p:clrMapOvr>
    <a:masterClrMapping/>
  </p:clrMapOvr>
  <p:transition spd="slow">
    <p:fade/>
  </p:transition>
</p:sldLayout>
</file>

<file path=ppt/slideLayouts/slideLayout353.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693997661"/>
      </p:ext>
    </p:extLst>
  </p:cSld>
  <p:clrMapOvr>
    <a:masterClrMapping/>
  </p:clrMapOvr>
  <p:transition spd="slow">
    <p:fade/>
  </p:transition>
</p:sldLayout>
</file>

<file path=ppt/slideLayouts/slideLayout354.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92766878"/>
      </p:ext>
    </p:extLst>
  </p:cSld>
  <p:clrMapOvr>
    <a:masterClrMapping/>
  </p:clrMapOvr>
  <p:transition spd="slow">
    <p:fade/>
  </p:transition>
</p:sldLayout>
</file>

<file path=ppt/slideLayouts/slideLayout355.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3025728455"/>
      </p:ext>
    </p:extLst>
  </p:cSld>
  <p:clrMapOvr>
    <a:masterClrMapping/>
  </p:clrMapOvr>
  <p:transition spd="slow">
    <p:fade/>
  </p:transition>
  <p:timing>
    <p:tnLst>
      <p:par>
        <p:cTn id="1" dur="indefinite" restart="never" nodeType="tmRoot"/>
      </p:par>
    </p:tnLst>
  </p:timing>
</p:sldLayout>
</file>

<file path=ppt/slideLayouts/slideLayout356.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2600653193"/>
      </p:ext>
    </p:extLst>
  </p:cSld>
  <p:clrMapOvr>
    <a:masterClrMapping/>
  </p:clrMapOvr>
  <p:transition>
    <p:fade/>
  </p:transition>
  <p:timing>
    <p:tnLst>
      <p:par>
        <p:cTn id="1" dur="indefinite" restart="never" nodeType="tmRoot"/>
      </p:par>
    </p:tnLst>
  </p:timing>
  <p:hf hdr="0" ftr="0" dt="0"/>
</p:sldLayout>
</file>

<file path=ppt/slideLayouts/slideLayout35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246290406"/>
      </p:ext>
    </p:extLst>
  </p:cSld>
  <p:clrMapOvr>
    <a:masterClrMapping/>
  </p:clrMapOvr>
  <p:transition>
    <p:fade/>
  </p:transition>
</p:sldLayout>
</file>

<file path=ppt/slideLayouts/slideLayout35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297782352"/>
      </p:ext>
    </p:extLst>
  </p:cSld>
  <p:clrMapOvr>
    <a:masterClrMapping/>
  </p:clrMapOvr>
  <p:transition>
    <p:fade/>
  </p:transition>
</p:sldLayout>
</file>

<file path=ppt/slideLayouts/slideLayout35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313202267"/>
      </p:ext>
    </p:extLst>
  </p:cSld>
  <p:clrMapOvr>
    <a:masterClrMapping/>
  </p:clrMapOvr>
  <p:transition>
    <p:fade/>
  </p:transition>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3833866579"/>
      </p:ext>
    </p:extLst>
  </p:cSld>
  <p:clrMapOvr>
    <a:masterClrMapping/>
  </p:clrMapOvr>
  <p:transition>
    <p:fade/>
  </p:transition>
  <p:timing>
    <p:tnLst>
      <p:par>
        <p:cTn id="1" dur="indefinite" restart="never" nodeType="tmRoot"/>
      </p:par>
    </p:tnLst>
  </p:timing>
  <p:hf hdr="0" ftr="0" dt="0"/>
</p:sldLayout>
</file>

<file path=ppt/slideLayouts/slideLayout36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118678315"/>
      </p:ext>
    </p:extLst>
  </p:cSld>
  <p:clrMapOvr>
    <a:masterClrMapping/>
  </p:clrMapOvr>
  <p:transition>
    <p:fade/>
  </p:transition>
  <p:timing>
    <p:tnLst>
      <p:par>
        <p:cTn id="1" dur="indefinite" restart="never" nodeType="tmRoot"/>
      </p:par>
    </p:tnLst>
  </p:timing>
</p:sldLayout>
</file>

<file path=ppt/slideLayouts/slideLayout36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322556744"/>
      </p:ext>
    </p:extLst>
  </p:cSld>
  <p:clrMapOvr>
    <a:masterClrMapping/>
  </p:clrMapOvr>
  <p:transition>
    <p:fade/>
  </p:transition>
  <p:timing>
    <p:tnLst>
      <p:par>
        <p:cTn id="1" dur="indefinite" restart="never" nodeType="tmRoot"/>
      </p:par>
    </p:tnLst>
  </p:timing>
  <p:hf hdr="0" ftr="0" dt="0"/>
</p:sldLayout>
</file>

<file path=ppt/slideLayouts/slideLayout36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86220954"/>
      </p:ext>
    </p:extLst>
  </p:cSld>
  <p:clrMapOvr>
    <a:masterClrMapping/>
  </p:clrMapOvr>
  <p:transition>
    <p:fade/>
  </p:transition>
  <p:timing>
    <p:tnLst>
      <p:par>
        <p:cTn id="1" dur="indefinite" restart="never" nodeType="tmRoot"/>
      </p:par>
    </p:tnLst>
  </p:timing>
</p:sldLayout>
</file>

<file path=ppt/slideLayouts/slideLayout36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47894242"/>
      </p:ext>
    </p:extLst>
  </p:cSld>
  <p:clrMapOvr>
    <a:masterClrMapping/>
  </p:clrMapOvr>
  <p:transition>
    <p:fade/>
  </p:transition>
  <p:timing>
    <p:tnLst>
      <p:par>
        <p:cTn id="1" dur="indefinite" restart="never" nodeType="tmRoot"/>
      </p:par>
    </p:tnLst>
  </p:timing>
</p:sldLayout>
</file>

<file path=ppt/slideLayouts/slideLayout36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11274287"/>
      </p:ext>
    </p:extLst>
  </p:cSld>
  <p:clrMapOvr>
    <a:masterClrMapping/>
  </p:clrMapOvr>
  <p:transition>
    <p:fade/>
  </p:transition>
  <p:timing>
    <p:tnLst>
      <p:par>
        <p:cTn id="1" dur="indefinite" restart="never" nodeType="tmRoot"/>
      </p:par>
    </p:tnLst>
  </p:timing>
</p:sldLayout>
</file>

<file path=ppt/slideLayouts/slideLayout36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845433430"/>
      </p:ext>
    </p:extLst>
  </p:cSld>
  <p:clrMapOvr>
    <a:masterClrMapping/>
  </p:clrMapOvr>
  <p:transition>
    <p:fade/>
  </p:transition>
  <p:timing>
    <p:tnLst>
      <p:par>
        <p:cTn id="1" dur="indefinite" restart="never" nodeType="tmRoot"/>
      </p:par>
    </p:tnLst>
  </p:timing>
</p:sldLayout>
</file>

<file path=ppt/slideLayouts/slideLayout36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054441172"/>
      </p:ext>
    </p:extLst>
  </p:cSld>
  <p:clrMapOvr>
    <a:masterClrMapping/>
  </p:clrMapOvr>
  <p:transition>
    <p:fade/>
  </p:transition>
  <p:timing>
    <p:tnLst>
      <p:par>
        <p:cTn id="1" dur="indefinite" restart="never" nodeType="tmRoot"/>
      </p:par>
    </p:tnLst>
  </p:timing>
</p:sldLayout>
</file>

<file path=ppt/slideLayouts/slideLayout36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03203597"/>
      </p:ext>
    </p:extLst>
  </p:cSld>
  <p:clrMapOvr>
    <a:masterClrMapping/>
  </p:clrMapOvr>
  <p:transition spd="slow">
    <p:fade/>
  </p:transition>
  <p:timing>
    <p:tnLst>
      <p:par>
        <p:cTn id="1" dur="indefinite" restart="never" nodeType="tmRoot"/>
      </p:par>
    </p:tnLst>
  </p:timing>
  <p:hf hdr="0" ftr="0" dt="0"/>
</p:sldLayout>
</file>

<file path=ppt/slideLayouts/slideLayout36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44142765"/>
      </p:ext>
    </p:extLst>
  </p:cSld>
  <p:clrMapOvr>
    <a:masterClrMapping/>
  </p:clrMapOvr>
  <p:transition>
    <p:fade/>
  </p:transition>
  <p:timing>
    <p:tnLst>
      <p:par>
        <p:cTn id="1" dur="indefinite" restart="never" nodeType="tmRoot"/>
      </p:par>
    </p:tnLst>
  </p:timing>
</p:sldLayout>
</file>

<file path=ppt/slideLayouts/slideLayout36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4019443646"/>
      </p:ext>
    </p:extLst>
  </p:cSld>
  <p:clrMapOvr>
    <a:masterClrMapping/>
  </p:clrMapOvr>
  <p:transition>
    <p:fade/>
  </p:transition>
  <p:timing>
    <p:tnLst>
      <p:par>
        <p:cTn id="1" dur="indefinite" restart="never" nodeType="tmRoot"/>
      </p:par>
    </p:tnLst>
  </p:timing>
  <p:hf hdr="0" ftr="0" dt="0"/>
</p:sldLayout>
</file>

<file path=ppt/slideLayouts/slideLayout37.xml><?xml version="1.0" encoding="utf-8"?>
<p:sldLayout xmlns:a="http://schemas.openxmlformats.org/drawingml/2006/main" xmlns:r="http://schemas.openxmlformats.org/officeDocument/2006/relationships" xmlns:p="http://schemas.openxmlformats.org/presentationml/2006/main">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2822102825"/>
      </p:ext>
    </p:extLst>
  </p:cSld>
  <p:clrMapOvr>
    <a:masterClrMapping/>
  </p:clrMapOvr>
  <p:transition>
    <p:fade/>
  </p:transition>
  <p:timing>
    <p:tnLst>
      <p:par>
        <p:cTn id="1" dur="indefinite" restart="never" nodeType="tmRoot"/>
      </p:par>
    </p:tnLst>
  </p:timing>
</p:sldLayout>
</file>

<file path=ppt/slideLayouts/slideLayout37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60846298"/>
      </p:ext>
    </p:extLst>
  </p:cSld>
  <p:clrMapOvr>
    <a:masterClrMapping/>
  </p:clrMapOvr>
  <p:transition>
    <p:fade/>
  </p:transition>
  <p:timing>
    <p:tnLst>
      <p:par>
        <p:cTn id="1" dur="indefinite" restart="never" nodeType="tmRoot"/>
      </p:par>
    </p:tnLst>
  </p:timing>
</p:sldLayout>
</file>

<file path=ppt/slideLayouts/slideLayout37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59157963"/>
      </p:ext>
    </p:extLst>
  </p:cSld>
  <p:clrMapOvr>
    <a:masterClrMapping/>
  </p:clrMapOvr>
  <p:transition spd="slow">
    <p:fade/>
  </p:transition>
  <p:timing>
    <p:tnLst>
      <p:par>
        <p:cTn id="1" dur="indefinite" restart="never" nodeType="tmRoot"/>
      </p:par>
    </p:tnLst>
  </p:timing>
</p:sldLayout>
</file>

<file path=ppt/slideLayouts/slideLayout37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09357397"/>
      </p:ext>
    </p:extLst>
  </p:cSld>
  <p:clrMapOvr>
    <a:masterClrMapping/>
  </p:clrMapOvr>
  <p:transition spd="slow">
    <p:fade/>
  </p:transition>
  <p:timing>
    <p:tnLst>
      <p:par>
        <p:cTn id="1" dur="indefinite" restart="never" nodeType="tmRoot"/>
      </p:par>
    </p:tnLst>
  </p:timing>
</p:sldLayout>
</file>

<file path=ppt/slideLayouts/slideLayout37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96866913"/>
      </p:ext>
    </p:extLst>
  </p:cSld>
  <p:clrMapOvr>
    <a:masterClrMapping/>
  </p:clrMapOvr>
  <p:transition spd="slow">
    <p:fade/>
  </p:transition>
  <p:timing>
    <p:tnLst>
      <p:par>
        <p:cTn id="1" dur="indefinite" restart="never" nodeType="tmRoot"/>
      </p:par>
    </p:tnLst>
  </p:timing>
</p:sldLayout>
</file>

<file path=ppt/slideLayouts/slideLayout37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61233656"/>
      </p:ext>
    </p:extLst>
  </p:cSld>
  <p:clrMapOvr>
    <a:masterClrMapping/>
  </p:clrMapOvr>
  <p:transition spd="slow">
    <p:fade/>
  </p:transition>
  <p:timing>
    <p:tnLst>
      <p:par>
        <p:cTn id="1" dur="indefinite" restart="never" nodeType="tmRoot"/>
      </p:par>
    </p:tnLst>
  </p:timing>
</p:sldLayout>
</file>

<file path=ppt/slideLayouts/slideLayout37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71672676"/>
      </p:ext>
    </p:extLst>
  </p:cSld>
  <p:clrMapOvr>
    <a:masterClrMapping/>
  </p:clrMapOvr>
  <p:transition spd="slow">
    <p:fade/>
  </p:transition>
  <p:timing>
    <p:tnLst>
      <p:par>
        <p:cTn id="1" dur="indefinite" restart="never" nodeType="tmRoot"/>
      </p:par>
    </p:tnLst>
  </p:timing>
</p:sldLayout>
</file>

<file path=ppt/slideLayouts/slideLayout37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37717055"/>
      </p:ext>
    </p:extLst>
  </p:cSld>
  <p:clrMapOvr>
    <a:masterClrMapping/>
  </p:clrMapOvr>
  <p:transition spd="slow">
    <p:fade/>
  </p:transition>
  <p:timing>
    <p:tnLst>
      <p:par>
        <p:cTn id="1" dur="indefinite" restart="never" nodeType="tmRoot"/>
      </p:par>
    </p:tnLst>
  </p:timing>
</p:sldLayout>
</file>

<file path=ppt/slideLayouts/slideLayout37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29470435"/>
      </p:ext>
    </p:extLst>
  </p:cSld>
  <p:clrMapOvr>
    <a:masterClrMapping/>
  </p:clrMapOvr>
  <p:transition spd="slow">
    <p:fade/>
  </p:transition>
  <p:timing>
    <p:tnLst>
      <p:par>
        <p:cTn id="1" dur="indefinite" restart="never" nodeType="tmRoot"/>
      </p:par>
    </p:tnLst>
  </p:timing>
</p:sldLayout>
</file>

<file path=ppt/slideLayouts/slideLayout378.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Slide Number Placeholder 17"/>
          <p:cNvSpPr>
            <a:spLocks noGrp="1"/>
          </p:cNvSpPr>
          <p:nvPr>
            <p:ph type="sldNum" sz="quarter" idx="12"/>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206CE16D-96AD-4E0D-B185-F1713832274D}"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952192707"/>
      </p:ext>
    </p:extLst>
  </p:cSld>
  <p:clrMapOvr>
    <a:masterClrMapping/>
  </p:clrMapOvr>
  <p:transition>
    <p:fade/>
  </p:transition>
</p:sldLayout>
</file>

<file path=ppt/slideLayouts/slideLayout379.xml><?xml version="1.0" encoding="utf-8"?>
<p:sldLayout xmlns:a="http://schemas.openxmlformats.org/drawingml/2006/main" xmlns:r="http://schemas.openxmlformats.org/officeDocument/2006/relationships" xmlns:p="http://schemas.openxmlformats.org/presentationml/2006/main" preserve="1" userDrawn="1">
  <p:cSld name="Graphics">
    <p:spTree>
      <p:nvGrpSpPr>
        <p:cNvPr id="1" name=""/>
        <p:cNvGrpSpPr/>
        <p:nvPr/>
      </p:nvGrpSpPr>
      <p:grpSpPr>
        <a:xfrm>
          <a:off x="0" y="0"/>
          <a:ext cx="0" cy="0"/>
          <a:chOff x="0" y="0"/>
          <a:chExt cx="0" cy="0"/>
        </a:xfrm>
      </p:grpSpPr>
      <p:sp>
        <p:nvSpPr>
          <p:cNvPr id="4" name="Rounded Rectangle 3"/>
          <p:cNvSpPr/>
          <p:nvPr userDrawn="1"/>
        </p:nvSpPr>
        <p:spPr bwMode="auto">
          <a:xfrm>
            <a:off x="6216952" y="4381500"/>
            <a:ext cx="2201333" cy="882953"/>
          </a:xfrm>
          <a:prstGeom prst="roundRect">
            <a:avLst>
              <a:gd name="adj" fmla="val 9033"/>
            </a:avLst>
          </a:prstGeom>
          <a:gradFill rotWithShape="1">
            <a:gsLst>
              <a:gs pos="0">
                <a:srgbClr val="A5AB81">
                  <a:shade val="15000"/>
                  <a:satMod val="180000"/>
                </a:srgbClr>
              </a:gs>
              <a:gs pos="50000">
                <a:srgbClr val="A5AB81">
                  <a:shade val="45000"/>
                  <a:satMod val="170000"/>
                </a:srgbClr>
              </a:gs>
              <a:gs pos="70000">
                <a:srgbClr val="A5AB81">
                  <a:tint val="99000"/>
                  <a:shade val="65000"/>
                  <a:satMod val="155000"/>
                </a:srgbClr>
              </a:gs>
              <a:gs pos="100000">
                <a:srgbClr val="A5AB81">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A5AB81">
                <a:satMod val="300000"/>
              </a:srgbClr>
            </a:contourClr>
          </a:sp3d>
        </p:spPr>
        <p:txBody>
          <a:bodyPr lIns="91436" tIns="45718" rIns="91436" bIns="45718" anchor="ctr"/>
          <a:lstStyle/>
          <a:p>
            <a:pPr algn="ctr" defTabSz="914099">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5" name="Rounded Rectangle 4"/>
          <p:cNvSpPr/>
          <p:nvPr userDrawn="1"/>
        </p:nvSpPr>
        <p:spPr bwMode="auto">
          <a:xfrm>
            <a:off x="3556000" y="4381500"/>
            <a:ext cx="2201333" cy="882953"/>
          </a:xfrm>
          <a:prstGeom prst="roundRect">
            <a:avLst>
              <a:gd name="adj" fmla="val 9033"/>
            </a:avLst>
          </a:prstGeom>
          <a:gradFill rotWithShape="1">
            <a:gsLst>
              <a:gs pos="0">
                <a:srgbClr val="DD8047">
                  <a:shade val="15000"/>
                  <a:satMod val="180000"/>
                </a:srgbClr>
              </a:gs>
              <a:gs pos="50000">
                <a:srgbClr val="DD8047">
                  <a:shade val="45000"/>
                  <a:satMod val="170000"/>
                </a:srgbClr>
              </a:gs>
              <a:gs pos="70000">
                <a:srgbClr val="DD8047">
                  <a:tint val="99000"/>
                  <a:shade val="65000"/>
                  <a:satMod val="155000"/>
                </a:srgbClr>
              </a:gs>
              <a:gs pos="100000">
                <a:srgbClr val="DD8047">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D8047">
                <a:satMod val="300000"/>
              </a:srgbClr>
            </a:contourClr>
          </a:sp3d>
        </p:spPr>
        <p:txBody>
          <a:bodyPr lIns="91436" tIns="45718" rIns="91436" bIns="45718" anchor="ctr"/>
          <a:lstStyle/>
          <a:p>
            <a:pPr algn="ctr" defTabSz="914099">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6" name="Rounded Rectangle 5"/>
          <p:cNvSpPr/>
          <p:nvPr userDrawn="1"/>
        </p:nvSpPr>
        <p:spPr bwMode="auto">
          <a:xfrm>
            <a:off x="825500" y="4381500"/>
            <a:ext cx="2201333" cy="882953"/>
          </a:xfrm>
          <a:prstGeom prst="roundRect">
            <a:avLst>
              <a:gd name="adj" fmla="val 9033"/>
            </a:avLst>
          </a:prstGeom>
          <a:gradFill rotWithShape="1">
            <a:gsLst>
              <a:gs pos="0">
                <a:srgbClr val="94B6D2">
                  <a:shade val="15000"/>
                  <a:satMod val="180000"/>
                </a:srgbClr>
              </a:gs>
              <a:gs pos="50000">
                <a:srgbClr val="94B6D2">
                  <a:shade val="45000"/>
                  <a:satMod val="170000"/>
                </a:srgbClr>
              </a:gs>
              <a:gs pos="70000">
                <a:srgbClr val="94B6D2">
                  <a:tint val="99000"/>
                  <a:shade val="65000"/>
                  <a:satMod val="155000"/>
                </a:srgbClr>
              </a:gs>
              <a:gs pos="100000">
                <a:srgbClr val="94B6D2">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94B6D2">
                <a:satMod val="300000"/>
              </a:srgbClr>
            </a:contourClr>
          </a:sp3d>
        </p:spPr>
        <p:txBody>
          <a:bodyPr lIns="91436" tIns="45718" rIns="91436" bIns="45718" anchor="ctr"/>
          <a:lstStyle/>
          <a:p>
            <a:pPr algn="ctr" defTabSz="914099" fontAlgn="auto">
              <a:spcBef>
                <a:spcPts val="0"/>
              </a:spcBef>
              <a:spcAft>
                <a:spcPts val="0"/>
              </a:spcAft>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7" name="Rounded Rectangle 6"/>
          <p:cNvSpPr/>
          <p:nvPr userDrawn="1"/>
        </p:nvSpPr>
        <p:spPr bwMode="auto">
          <a:xfrm>
            <a:off x="6216952" y="5539619"/>
            <a:ext cx="2201333" cy="882953"/>
          </a:xfrm>
          <a:prstGeom prst="roundRect">
            <a:avLst>
              <a:gd name="adj" fmla="val 9033"/>
            </a:avLst>
          </a:prstGeom>
          <a:gradFill rotWithShape="1">
            <a:gsLst>
              <a:gs pos="0">
                <a:srgbClr val="968C8C">
                  <a:shade val="15000"/>
                  <a:satMod val="180000"/>
                </a:srgbClr>
              </a:gs>
              <a:gs pos="50000">
                <a:srgbClr val="968C8C">
                  <a:shade val="45000"/>
                  <a:satMod val="170000"/>
                </a:srgbClr>
              </a:gs>
              <a:gs pos="70000">
                <a:srgbClr val="968C8C">
                  <a:tint val="99000"/>
                  <a:shade val="65000"/>
                  <a:satMod val="155000"/>
                </a:srgbClr>
              </a:gs>
              <a:gs pos="100000">
                <a:srgbClr val="968C8C">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968C8C">
                <a:satMod val="300000"/>
              </a:srgbClr>
            </a:contourClr>
          </a:sp3d>
        </p:spPr>
        <p:txBody>
          <a:bodyPr lIns="91436" tIns="45718" rIns="91436" bIns="45718" anchor="ctr"/>
          <a:lstStyle/>
          <a:p>
            <a:pPr algn="ctr" defTabSz="914099">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8" name="Rounded Rectangle 7"/>
          <p:cNvSpPr/>
          <p:nvPr userDrawn="1"/>
        </p:nvSpPr>
        <p:spPr bwMode="auto">
          <a:xfrm>
            <a:off x="3556000" y="5539619"/>
            <a:ext cx="2201333" cy="882953"/>
          </a:xfrm>
          <a:prstGeom prst="roundRect">
            <a:avLst>
              <a:gd name="adj" fmla="val 9033"/>
            </a:avLst>
          </a:prstGeom>
          <a:gradFill rotWithShape="1">
            <a:gsLst>
              <a:gs pos="0">
                <a:srgbClr val="7BA79D">
                  <a:shade val="15000"/>
                  <a:satMod val="180000"/>
                </a:srgbClr>
              </a:gs>
              <a:gs pos="50000">
                <a:srgbClr val="7BA79D">
                  <a:shade val="45000"/>
                  <a:satMod val="170000"/>
                </a:srgbClr>
              </a:gs>
              <a:gs pos="70000">
                <a:srgbClr val="7BA79D">
                  <a:tint val="99000"/>
                  <a:shade val="65000"/>
                  <a:satMod val="155000"/>
                </a:srgbClr>
              </a:gs>
              <a:gs pos="100000">
                <a:srgbClr val="7BA79D">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7BA79D">
                <a:satMod val="300000"/>
              </a:srgbClr>
            </a:contourClr>
          </a:sp3d>
        </p:spPr>
        <p:txBody>
          <a:bodyPr lIns="91436" tIns="45718" rIns="91436" bIns="45718" anchor="ctr"/>
          <a:lstStyle/>
          <a:p>
            <a:pPr algn="ctr" defTabSz="914099">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9" name="Rounded Rectangle 8"/>
          <p:cNvSpPr/>
          <p:nvPr userDrawn="1"/>
        </p:nvSpPr>
        <p:spPr bwMode="auto">
          <a:xfrm>
            <a:off x="825500" y="5539619"/>
            <a:ext cx="2201333" cy="882953"/>
          </a:xfrm>
          <a:prstGeom prst="roundRect">
            <a:avLst>
              <a:gd name="adj" fmla="val 9033"/>
            </a:avLst>
          </a:prstGeom>
          <a:gradFill rotWithShape="1">
            <a:gsLst>
              <a:gs pos="0">
                <a:srgbClr val="D8B25C">
                  <a:shade val="15000"/>
                  <a:satMod val="180000"/>
                </a:srgbClr>
              </a:gs>
              <a:gs pos="50000">
                <a:srgbClr val="D8B25C">
                  <a:shade val="45000"/>
                  <a:satMod val="170000"/>
                </a:srgbClr>
              </a:gs>
              <a:gs pos="70000">
                <a:srgbClr val="D8B25C">
                  <a:tint val="99000"/>
                  <a:shade val="65000"/>
                  <a:satMod val="155000"/>
                </a:srgbClr>
              </a:gs>
              <a:gs pos="100000">
                <a:srgbClr val="D8B25C">
                  <a:tint val="95500"/>
                  <a:shade val="100000"/>
                  <a:satMod val="15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8B25C">
                <a:satMod val="300000"/>
              </a:srgbClr>
            </a:contourClr>
          </a:sp3d>
        </p:spPr>
        <p:txBody>
          <a:bodyPr lIns="91436" tIns="45718" rIns="91436" bIns="45718" anchor="ctr"/>
          <a:lstStyle/>
          <a:p>
            <a:pPr algn="ctr" defTabSz="914099" fontAlgn="auto">
              <a:spcBef>
                <a:spcPts val="0"/>
              </a:spcBef>
              <a:spcAft>
                <a:spcPts val="0"/>
              </a:spcAft>
              <a:defRPr/>
            </a:pPr>
            <a:r>
              <a:rPr lang="en-US" sz="2300" dirty="0">
                <a:solidFill>
                  <a:srgbClr val="FFFFFF"/>
                </a:solidFill>
                <a:effectLst>
                  <a:outerShdw blurRad="38100" dist="38100" dir="2700000" algn="tl">
                    <a:srgbClr val="000000">
                      <a:alpha val="43137"/>
                    </a:srgbClr>
                  </a:outerShdw>
                </a:effectLst>
                <a:latin typeface="Calibri"/>
              </a:rPr>
              <a:t>Sample Fill</a:t>
            </a:r>
          </a:p>
        </p:txBody>
      </p:sp>
      <p:sp>
        <p:nvSpPr>
          <p:cNvPr id="26" name="Content Placeholder 3"/>
          <p:cNvSpPr>
            <a:spLocks noGrp="1"/>
          </p:cNvSpPr>
          <p:nvPr>
            <p:ph sz="half" idx="2"/>
          </p:nvPr>
        </p:nvSpPr>
        <p:spPr>
          <a:xfrm>
            <a:off x="457200" y="1371600"/>
            <a:ext cx="8153400" cy="2511457"/>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sz="2600"/>
            </a:lvl1pPr>
            <a:lvl2pPr>
              <a:defRPr sz="2400"/>
            </a:lvl2pPr>
            <a:lvl3pPr>
              <a:defRPr sz="2000"/>
            </a:lvl3pPr>
            <a:lvl4pPr>
              <a:defRPr sz="1800"/>
            </a:lvl4pPr>
            <a:lvl5pPr>
              <a:defRPr sz="1800"/>
            </a:lvl5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10" name="Title 9"/>
          <p:cNvSpPr>
            <a:spLocks noGrp="1"/>
          </p:cNvSpPr>
          <p:nvPr>
            <p:ph type="title"/>
          </p:nvPr>
        </p:nvSpPr>
        <p:spPr>
          <a:xfrm>
            <a:off x="304800" y="381000"/>
            <a:ext cx="8382000" cy="664797"/>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3072341672"/>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dirty="0" smtClean="0"/>
              <a:t>Click to edit Master title style</a:t>
            </a:r>
            <a:endParaRPr lang="en-US" dirty="0"/>
          </a:p>
        </p:txBody>
      </p:sp>
      <p:sp>
        <p:nvSpPr>
          <p:cNvPr id="6" name="Text Placeholder 4"/>
          <p:cNvSpPr>
            <a:spLocks noGrp="1"/>
          </p:cNvSpPr>
          <p:nvPr>
            <p:ph type="body" sz="quarter" idx="12"/>
          </p:nvPr>
        </p:nvSpPr>
        <p:spPr>
          <a:xfrm>
            <a:off x="419100" y="2286000"/>
            <a:ext cx="8305800" cy="2166747"/>
          </a:xfr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000">
                <a:solidFill>
                  <a:schemeClr val="accent3"/>
                </a:solidFill>
              </a:defRPr>
            </a:lvl3pPr>
            <a:lvl4pPr>
              <a:spcBef>
                <a:spcPts val="0"/>
              </a:spcBef>
              <a:spcAft>
                <a:spcPts val="1200"/>
              </a:spcAft>
              <a:defRPr sz="2000">
                <a:solidFill>
                  <a:schemeClr val="accent2"/>
                </a:solidFill>
              </a:defRPr>
            </a:lvl4pPr>
            <a:lvl5pPr>
              <a:spcBef>
                <a:spcPts val="0"/>
              </a:spcBef>
              <a:spcAft>
                <a:spcPts val="1200"/>
              </a:spcAft>
              <a:defRPr sz="20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06455723"/>
      </p:ext>
    </p:extLst>
  </p:cSld>
  <p:clrMapOvr>
    <a:masterClrMapping/>
  </p:clrMapOvr>
  <p:transition>
    <p:fade/>
  </p:transition>
  <p:timing>
    <p:tnLst>
      <p:par>
        <p:cTn id="1" dur="indefinite" restart="never" nodeType="tmRoot"/>
      </p:par>
    </p:tnLst>
  </p:timing>
</p:sldLayout>
</file>

<file path=ppt/slideLayouts/slideLayout380.xml><?xml version="1.0" encoding="utf-8"?>
<p:sldLayout xmlns:a="http://schemas.openxmlformats.org/drawingml/2006/main" xmlns:r="http://schemas.openxmlformats.org/officeDocument/2006/relationships" xmlns:p="http://schemas.openxmlformats.org/presentationml/2006/main" preserve="1"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838200"/>
          </a:xfrm>
        </p:spPr>
        <p:txBody>
          <a:bodyPr/>
          <a:lstStyle>
            <a:lvl1pPr>
              <a:defRPr sz="4800"/>
            </a:lvl1pPr>
          </a:lstStyle>
          <a:p>
            <a:r>
              <a:rPr lang="en-US" smtClean="0"/>
              <a:t>Click to edit Master title style</a:t>
            </a:r>
            <a:endParaRPr lang="en-US" dirty="0"/>
          </a:p>
        </p:txBody>
      </p:sp>
      <p:sp>
        <p:nvSpPr>
          <p:cNvPr id="8" name="Text Placeholder 7"/>
          <p:cNvSpPr>
            <a:spLocks noGrp="1"/>
          </p:cNvSpPr>
          <p:nvPr>
            <p:ph type="body" sz="quarter" idx="11"/>
          </p:nvPr>
        </p:nvSpPr>
        <p:spPr>
          <a:xfrm>
            <a:off x="228600" y="914400"/>
            <a:ext cx="3124200" cy="498598"/>
          </a:xfrm>
        </p:spPr>
        <p:txBody>
          <a:bodyPr/>
          <a:lstStyle>
            <a:lvl1pPr>
              <a:defRPr sz="3200"/>
            </a:lvl1pPr>
          </a:lstStyle>
          <a:p>
            <a:pPr lvl="0"/>
            <a:r>
              <a:rPr lang="en-US" smtClean="0"/>
              <a:t>Click to edit Master text styles</a:t>
            </a:r>
          </a:p>
        </p:txBody>
      </p:sp>
      <p:sp>
        <p:nvSpPr>
          <p:cNvPr id="5" name="Text Placeholder 4"/>
          <p:cNvSpPr>
            <a:spLocks noGrp="1"/>
          </p:cNvSpPr>
          <p:nvPr>
            <p:ph type="body" sz="quarter" idx="12"/>
          </p:nvPr>
        </p:nvSpPr>
        <p:spPr>
          <a:xfrm>
            <a:off x="304800" y="16764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Slide Number Placeholder 17"/>
          <p:cNvSpPr>
            <a:spLocks noGrp="1"/>
          </p:cNvSpPr>
          <p:nvPr>
            <p:ph type="sldNum" sz="quarter" idx="13"/>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206CE16D-96AD-4E0D-B185-F1713832274D}"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067982692"/>
      </p:ext>
    </p:extLst>
  </p:cSld>
  <p:clrMapOvr>
    <a:masterClrMapping/>
  </p:clrMapOvr>
  <p:transition>
    <p:fade/>
  </p:transition>
</p:sldLayout>
</file>

<file path=ppt/slideLayouts/slideLayout381.xml><?xml version="1.0" encoding="utf-8"?>
<p:sldLayout xmlns:a="http://schemas.openxmlformats.org/drawingml/2006/main" xmlns:r="http://schemas.openxmlformats.org/officeDocument/2006/relationships" xmlns:p="http://schemas.openxmlformats.org/presentationml/2006/main" preserve="1" userDrawn="1">
  <p:cSld name="Graph">
    <p:spTree>
      <p:nvGrpSpPr>
        <p:cNvPr id="1" name=""/>
        <p:cNvGrpSpPr/>
        <p:nvPr/>
      </p:nvGrpSpPr>
      <p:grpSpPr>
        <a:xfrm>
          <a:off x="0" y="0"/>
          <a:ext cx="0" cy="0"/>
          <a:chOff x="0" y="0"/>
          <a:chExt cx="0" cy="0"/>
        </a:xfrm>
      </p:grpSpPr>
      <p:sp>
        <p:nvSpPr>
          <p:cNvPr id="2" name="Title 1"/>
          <p:cNvSpPr>
            <a:spLocks noGrp="1"/>
          </p:cNvSpPr>
          <p:nvPr>
            <p:ph type="title"/>
          </p:nvPr>
        </p:nvSpPr>
        <p:spPr>
          <a:xfrm>
            <a:off x="457200" y="704088"/>
            <a:ext cx="8229600" cy="664797"/>
          </a:xfrm>
        </p:spPr>
        <p:txBody>
          <a:bodyPr/>
          <a:lstStyle>
            <a:lvl1pPr>
              <a:defRPr/>
            </a:lvl1pPr>
          </a:lstStyle>
          <a:p>
            <a:r>
              <a:rPr lang="en-US" smtClean="0"/>
              <a:t>Click to edit Master title style</a:t>
            </a:r>
            <a:endParaRPr lang="en-US" dirty="0"/>
          </a:p>
        </p:txBody>
      </p:sp>
      <p:sp>
        <p:nvSpPr>
          <p:cNvPr id="9" name="Chart Placeholder 8"/>
          <p:cNvSpPr>
            <a:spLocks noGrp="1"/>
          </p:cNvSpPr>
          <p:nvPr>
            <p:ph type="chart" sz="quarter" idx="10"/>
          </p:nvPr>
        </p:nvSpPr>
        <p:spPr>
          <a:xfrm>
            <a:off x="1295400" y="1828800"/>
            <a:ext cx="6172200" cy="4343400"/>
          </a:xfrm>
        </p:spPr>
        <p:txBody>
          <a:bodyPr/>
          <a:lstStyle/>
          <a:p>
            <a:pPr lvl="0"/>
            <a:r>
              <a:rPr lang="en-US" noProof="0" dirty="0" smtClean="0"/>
              <a:t>Click icon to add chart</a:t>
            </a:r>
            <a:endParaRPr lang="en-US" noProof="0" dirty="0"/>
          </a:p>
        </p:txBody>
      </p:sp>
      <p:sp>
        <p:nvSpPr>
          <p:cNvPr id="4" name="Slide Number Placeholder 17"/>
          <p:cNvSpPr>
            <a:spLocks noGrp="1"/>
          </p:cNvSpPr>
          <p:nvPr>
            <p:ph type="sldNum" sz="quarter" idx="12"/>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206CE16D-96AD-4E0D-B185-F1713832274D}"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553505292"/>
      </p:ext>
    </p:extLst>
  </p:cSld>
  <p:clrMapOvr>
    <a:masterClrMapping/>
  </p:clrMapOvr>
  <p:transition spd="med">
    <p:fade/>
  </p:transition>
  <p:timing>
    <p:tnLst>
      <p:par>
        <p:cTn id="1" dur="indefinite" restart="never" nodeType="tmRoot"/>
      </p:par>
    </p:tnLst>
  </p:timing>
</p:sldLayout>
</file>

<file path=ppt/slideLayouts/slideLayout382.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pic>
        <p:nvPicPr>
          <p:cNvPr id="5" name="Picture 3" descr="Background Seal.png"/>
          <p:cNvPicPr>
            <a:picLocks noChangeAspect="1"/>
          </p:cNvPicPr>
          <p:nvPr userDrawn="1"/>
        </p:nvPicPr>
        <p:blipFill>
          <a:blip r:embed="rId2" cstate="print"/>
          <a:srcRect/>
          <a:stretch>
            <a:fillRect/>
          </a:stretch>
        </p:blipFill>
        <p:spPr bwMode="auto">
          <a:xfrm>
            <a:off x="3124200" y="1125538"/>
            <a:ext cx="6019800" cy="5732462"/>
          </a:xfrm>
          <a:prstGeom prst="rect">
            <a:avLst/>
          </a:prstGeom>
          <a:noFill/>
          <a:ln w="9525">
            <a:noFill/>
            <a:miter lim="800000"/>
            <a:headEnd/>
            <a:tailEnd/>
          </a:ln>
        </p:spPr>
      </p:pic>
      <p:sp>
        <p:nvSpPr>
          <p:cNvPr id="6" name="Rounded Rectangle 5"/>
          <p:cNvSpPr/>
          <p:nvPr userDrawn="1"/>
        </p:nvSpPr>
        <p:spPr bwMode="auto">
          <a:xfrm>
            <a:off x="2209800" y="609600"/>
            <a:ext cx="6172200" cy="990600"/>
          </a:xfrm>
          <a:prstGeom prst="roundRect">
            <a:avLst>
              <a:gd name="adj" fmla="val 9033"/>
            </a:avLst>
          </a:prstGeom>
          <a:gradFill rotWithShape="1">
            <a:gsLst>
              <a:gs pos="0">
                <a:srgbClr val="D8B25C">
                  <a:shade val="15000"/>
                  <a:satMod val="180000"/>
                  <a:alpha val="50000"/>
                </a:srgbClr>
              </a:gs>
              <a:gs pos="50000">
                <a:srgbClr val="D8B25C">
                  <a:shade val="45000"/>
                  <a:satMod val="170000"/>
                  <a:alpha val="75000"/>
                </a:srgbClr>
              </a:gs>
              <a:gs pos="70000">
                <a:srgbClr val="D8B25C">
                  <a:tint val="99000"/>
                  <a:shade val="65000"/>
                  <a:satMod val="155000"/>
                  <a:alpha val="75000"/>
                </a:srgbClr>
              </a:gs>
              <a:gs pos="100000">
                <a:srgbClr val="D8B25C">
                  <a:tint val="95500"/>
                  <a:shade val="100000"/>
                  <a:satMod val="155000"/>
                  <a:alpha val="7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8B25C">
                <a:satMod val="300000"/>
              </a:srgbClr>
            </a:contourClr>
          </a:sp3d>
        </p:spPr>
        <p:txBody>
          <a:bodyPr lIns="91436" tIns="45718" rIns="91436" bIns="45718" anchor="ctr"/>
          <a:lstStyle/>
          <a:p>
            <a:pPr algn="r" defTabSz="914099" fontAlgn="auto">
              <a:spcBef>
                <a:spcPts val="0"/>
              </a:spcBef>
              <a:spcAft>
                <a:spcPts val="0"/>
              </a:spcAft>
              <a:defRPr/>
            </a:pPr>
            <a:endParaRPr lang="en-US" sz="3200" b="1" dirty="0">
              <a:solidFill>
                <a:srgbClr val="FFFFFF"/>
              </a:solidFill>
              <a:effectLst>
                <a:outerShdw blurRad="38100" dist="38100" dir="2700000" algn="tl">
                  <a:srgbClr val="000000">
                    <a:alpha val="43137"/>
                  </a:srgbClr>
                </a:outerShdw>
              </a:effectLst>
              <a:latin typeface="Calibri"/>
            </a:endParaRPr>
          </a:p>
        </p:txBody>
      </p:sp>
      <p:sp>
        <p:nvSpPr>
          <p:cNvPr id="8" name="Rounded Rectangle 7"/>
          <p:cNvSpPr/>
          <p:nvPr userDrawn="1"/>
        </p:nvSpPr>
        <p:spPr bwMode="auto">
          <a:xfrm>
            <a:off x="838200" y="2514600"/>
            <a:ext cx="7315200" cy="2819400"/>
          </a:xfrm>
          <a:prstGeom prst="roundRect">
            <a:avLst>
              <a:gd name="adj" fmla="val 9033"/>
            </a:avLst>
          </a:prstGeom>
          <a:gradFill rotWithShape="1">
            <a:gsLst>
              <a:gs pos="0">
                <a:srgbClr val="94B6D2">
                  <a:shade val="15000"/>
                  <a:satMod val="180000"/>
                  <a:alpha val="75000"/>
                </a:srgbClr>
              </a:gs>
              <a:gs pos="50000">
                <a:srgbClr val="94B6D2">
                  <a:shade val="45000"/>
                  <a:satMod val="170000"/>
                  <a:alpha val="75000"/>
                </a:srgbClr>
              </a:gs>
              <a:gs pos="70000">
                <a:srgbClr val="94B6D2">
                  <a:tint val="99000"/>
                  <a:shade val="65000"/>
                  <a:satMod val="155000"/>
                  <a:alpha val="75000"/>
                </a:srgbClr>
              </a:gs>
              <a:gs pos="100000">
                <a:srgbClr val="94B6D2">
                  <a:tint val="95500"/>
                  <a:shade val="100000"/>
                  <a:satMod val="155000"/>
                  <a:alpha val="7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94B6D2">
                <a:satMod val="300000"/>
              </a:srgbClr>
            </a:contourClr>
          </a:sp3d>
        </p:spPr>
        <p:txBody>
          <a:bodyPr lIns="91436" tIns="45718" rIns="91436" bIns="45718" anchor="ctr"/>
          <a:lstStyle/>
          <a:p>
            <a:pPr algn="ctr" defTabSz="914099" fontAlgn="auto">
              <a:spcBef>
                <a:spcPts val="0"/>
              </a:spcBef>
              <a:spcAft>
                <a:spcPts val="0"/>
              </a:spcAft>
              <a:defRPr/>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p:txBody>
      </p:sp>
      <p:pic>
        <p:nvPicPr>
          <p:cNvPr id="9" name="Picture 6" descr="Color Seal.png"/>
          <p:cNvPicPr>
            <a:picLocks noChangeAspect="1"/>
          </p:cNvPicPr>
          <p:nvPr userDrawn="1"/>
        </p:nvPicPr>
        <p:blipFill>
          <a:blip r:embed="rId3" cstate="print"/>
          <a:srcRect/>
          <a:stretch>
            <a:fillRect/>
          </a:stretch>
        </p:blipFill>
        <p:spPr bwMode="auto">
          <a:xfrm>
            <a:off x="0" y="0"/>
            <a:ext cx="3365500" cy="3365500"/>
          </a:xfrm>
          <a:prstGeom prst="rect">
            <a:avLst/>
          </a:prstGeom>
          <a:noFill/>
          <a:ln w="9525">
            <a:noFill/>
            <a:miter lim="800000"/>
            <a:headEnd/>
            <a:tailEnd/>
          </a:ln>
        </p:spPr>
      </p:pic>
      <p:sp>
        <p:nvSpPr>
          <p:cNvPr id="10" name="Rounded Rectangle 9"/>
          <p:cNvSpPr/>
          <p:nvPr userDrawn="1"/>
        </p:nvSpPr>
        <p:spPr bwMode="auto">
          <a:xfrm>
            <a:off x="4876800" y="5029200"/>
            <a:ext cx="3505200" cy="685800"/>
          </a:xfrm>
          <a:prstGeom prst="roundRect">
            <a:avLst>
              <a:gd name="adj" fmla="val 9033"/>
            </a:avLst>
          </a:prstGeom>
          <a:gradFill rotWithShape="1">
            <a:gsLst>
              <a:gs pos="0">
                <a:srgbClr val="D8B25C">
                  <a:shade val="15000"/>
                  <a:satMod val="180000"/>
                  <a:alpha val="50000"/>
                </a:srgbClr>
              </a:gs>
              <a:gs pos="50000">
                <a:srgbClr val="D8B25C">
                  <a:shade val="45000"/>
                  <a:satMod val="170000"/>
                  <a:alpha val="75000"/>
                </a:srgbClr>
              </a:gs>
              <a:gs pos="70000">
                <a:srgbClr val="D8B25C">
                  <a:tint val="99000"/>
                  <a:shade val="65000"/>
                  <a:satMod val="155000"/>
                  <a:alpha val="75000"/>
                </a:srgbClr>
              </a:gs>
              <a:gs pos="100000">
                <a:srgbClr val="D8B25C">
                  <a:tint val="95500"/>
                  <a:shade val="100000"/>
                  <a:satMod val="155000"/>
                  <a:alpha val="7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8B25C">
                <a:satMod val="300000"/>
              </a:srgbClr>
            </a:contourClr>
          </a:sp3d>
        </p:spPr>
        <p:txBody>
          <a:bodyPr lIns="91436" tIns="45718" rIns="91436" bIns="45718" anchor="ctr"/>
          <a:lstStyle/>
          <a:p>
            <a:pPr algn="r" defTabSz="914099">
              <a:defRPr/>
            </a:pPr>
            <a:endParaRPr lang="en-US" sz="3200" b="1" dirty="0">
              <a:solidFill>
                <a:srgbClr val="FFFFFF"/>
              </a:solidFill>
              <a:effectLst>
                <a:outerShdw blurRad="38100" dist="38100" dir="2700000" algn="tl">
                  <a:srgbClr val="000000">
                    <a:alpha val="43137"/>
                  </a:srgbClr>
                </a:outerShdw>
              </a:effectLst>
              <a:latin typeface="Calibri"/>
            </a:endParaRPr>
          </a:p>
        </p:txBody>
      </p:sp>
      <p:sp>
        <p:nvSpPr>
          <p:cNvPr id="7" name="Title 6"/>
          <p:cNvSpPr>
            <a:spLocks noGrp="1"/>
          </p:cNvSpPr>
          <p:nvPr>
            <p:ph type="title"/>
          </p:nvPr>
        </p:nvSpPr>
        <p:spPr>
          <a:xfrm>
            <a:off x="1066800" y="3124200"/>
            <a:ext cx="6934200" cy="2057400"/>
          </a:xfrm>
        </p:spPr>
        <p:txBody>
          <a:bodyPr/>
          <a:lstStyle/>
          <a:p>
            <a:r>
              <a:rPr lang="en-US" smtClean="0"/>
              <a:t>Click to edit Master title style</a:t>
            </a:r>
            <a:endParaRPr lang="en-US" dirty="0"/>
          </a:p>
        </p:txBody>
      </p:sp>
      <p:sp>
        <p:nvSpPr>
          <p:cNvPr id="13" name="Text Placeholder 12"/>
          <p:cNvSpPr>
            <a:spLocks noGrp="1"/>
          </p:cNvSpPr>
          <p:nvPr>
            <p:ph type="body" sz="quarter" idx="10"/>
          </p:nvPr>
        </p:nvSpPr>
        <p:spPr>
          <a:xfrm>
            <a:off x="4038600" y="685800"/>
            <a:ext cx="4267200" cy="443198"/>
          </a:xfrm>
        </p:spPr>
        <p:txBody>
          <a:bodyPr/>
          <a:lstStyle>
            <a:lvl1pPr algn="r">
              <a:defRPr/>
            </a:lvl1pPr>
          </a:lstStyle>
          <a:p>
            <a:pPr lvl="0"/>
            <a:r>
              <a:rPr lang="en-US" smtClean="0"/>
              <a:t>Click to edit Master text styles</a:t>
            </a:r>
          </a:p>
        </p:txBody>
      </p:sp>
      <p:sp>
        <p:nvSpPr>
          <p:cNvPr id="15" name="Text Placeholder 14"/>
          <p:cNvSpPr>
            <a:spLocks noGrp="1"/>
          </p:cNvSpPr>
          <p:nvPr>
            <p:ph type="body" sz="quarter" idx="11"/>
          </p:nvPr>
        </p:nvSpPr>
        <p:spPr>
          <a:xfrm>
            <a:off x="4953000" y="5105400"/>
            <a:ext cx="3352800" cy="443198"/>
          </a:xfrm>
        </p:spPr>
        <p:txBody>
          <a:bodyPr/>
          <a:lstStyle/>
          <a:p>
            <a:pPr lvl="0"/>
            <a:r>
              <a:rPr lang="en-US" smtClean="0"/>
              <a:t>Click to edit Master text styles</a:t>
            </a:r>
          </a:p>
        </p:txBody>
      </p:sp>
    </p:spTree>
    <p:extLst>
      <p:ext uri="{BB962C8B-B14F-4D97-AF65-F5344CB8AC3E}">
        <p14:creationId xmlns:p14="http://schemas.microsoft.com/office/powerpoint/2010/main" val="1514972381"/>
      </p:ext>
    </p:extLst>
  </p:cSld>
  <p:clrMapOvr>
    <a:masterClrMapping/>
  </p:clrMapOvr>
  <p:transition>
    <p:fade/>
  </p:transition>
</p:sldLayout>
</file>

<file path=ppt/slideLayouts/slideLayout383.xml><?xml version="1.0" encoding="utf-8"?>
<p:sldLayout xmlns:a="http://schemas.openxmlformats.org/drawingml/2006/main" xmlns:r="http://schemas.openxmlformats.org/officeDocument/2006/relationships" xmlns:p="http://schemas.openxmlformats.org/presentationml/2006/main" preserve="1" userDrawn="1">
  <p:cSld name="Title2">
    <p:spTree>
      <p:nvGrpSpPr>
        <p:cNvPr id="1" name=""/>
        <p:cNvGrpSpPr/>
        <p:nvPr/>
      </p:nvGrpSpPr>
      <p:grpSpPr>
        <a:xfrm>
          <a:off x="0" y="0"/>
          <a:ext cx="0" cy="0"/>
          <a:chOff x="0" y="0"/>
          <a:chExt cx="0" cy="0"/>
        </a:xfrm>
      </p:grpSpPr>
      <p:pic>
        <p:nvPicPr>
          <p:cNvPr id="3" name="Picture 3" descr="Background Seal.png"/>
          <p:cNvPicPr>
            <a:picLocks noChangeAspect="1"/>
          </p:cNvPicPr>
          <p:nvPr userDrawn="1"/>
        </p:nvPicPr>
        <p:blipFill>
          <a:blip r:embed="rId2" cstate="print"/>
          <a:srcRect/>
          <a:stretch>
            <a:fillRect/>
          </a:stretch>
        </p:blipFill>
        <p:spPr bwMode="auto">
          <a:xfrm>
            <a:off x="3124200" y="1125538"/>
            <a:ext cx="6019800" cy="5732462"/>
          </a:xfrm>
          <a:prstGeom prst="rect">
            <a:avLst/>
          </a:prstGeom>
          <a:noFill/>
          <a:ln w="9525">
            <a:noFill/>
            <a:miter lim="800000"/>
            <a:headEnd/>
            <a:tailEnd/>
          </a:ln>
        </p:spPr>
      </p:pic>
      <p:sp>
        <p:nvSpPr>
          <p:cNvPr id="4" name="Rounded Rectangle 3"/>
          <p:cNvSpPr/>
          <p:nvPr userDrawn="1"/>
        </p:nvSpPr>
        <p:spPr bwMode="auto">
          <a:xfrm>
            <a:off x="2514600" y="5105400"/>
            <a:ext cx="6172200" cy="990600"/>
          </a:xfrm>
          <a:prstGeom prst="roundRect">
            <a:avLst>
              <a:gd name="adj" fmla="val 9033"/>
            </a:avLst>
          </a:prstGeom>
          <a:gradFill rotWithShape="1">
            <a:gsLst>
              <a:gs pos="0">
                <a:srgbClr val="D8B25C">
                  <a:shade val="15000"/>
                  <a:satMod val="180000"/>
                  <a:alpha val="50000"/>
                </a:srgbClr>
              </a:gs>
              <a:gs pos="50000">
                <a:srgbClr val="D8B25C">
                  <a:shade val="45000"/>
                  <a:satMod val="170000"/>
                  <a:alpha val="75000"/>
                </a:srgbClr>
              </a:gs>
              <a:gs pos="70000">
                <a:srgbClr val="D8B25C">
                  <a:tint val="99000"/>
                  <a:shade val="65000"/>
                  <a:satMod val="155000"/>
                  <a:alpha val="75000"/>
                </a:srgbClr>
              </a:gs>
              <a:gs pos="100000">
                <a:srgbClr val="D8B25C">
                  <a:tint val="95500"/>
                  <a:shade val="100000"/>
                  <a:satMod val="155000"/>
                  <a:alpha val="75000"/>
                </a:srgbClr>
              </a:gs>
            </a:gsLst>
            <a:lin ang="16200000" scaled="0"/>
          </a:gradFill>
          <a:ln>
            <a:noFill/>
            <a:headEnd type="none" w="med" len="med"/>
            <a:tailEnd type="none" w="med" len="med"/>
          </a:ln>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rgbClr val="D8B25C">
                <a:satMod val="300000"/>
              </a:srgbClr>
            </a:contourClr>
          </a:sp3d>
        </p:spPr>
        <p:txBody>
          <a:bodyPr lIns="91436" tIns="45718" rIns="91436" bIns="45718" anchor="ctr"/>
          <a:lstStyle/>
          <a:p>
            <a:pPr algn="r" defTabSz="914099" fontAlgn="auto">
              <a:spcBef>
                <a:spcPts val="0"/>
              </a:spcBef>
              <a:spcAft>
                <a:spcPts val="0"/>
              </a:spcAft>
              <a:defRPr/>
            </a:pPr>
            <a:r>
              <a:rPr lang="en-US" sz="3200" b="1" dirty="0">
                <a:solidFill>
                  <a:srgbClr val="FFFFFF"/>
                </a:solidFill>
                <a:effectLst>
                  <a:outerShdw blurRad="38100" dist="38100" dir="2700000" algn="tl">
                    <a:srgbClr val="000000">
                      <a:alpha val="43137"/>
                    </a:srgbClr>
                  </a:outerShdw>
                </a:effectLst>
                <a:latin typeface="Calibri"/>
              </a:rPr>
              <a:t>	The Metropolitan Water District of Southern California</a:t>
            </a:r>
          </a:p>
        </p:txBody>
      </p:sp>
      <p:sp>
        <p:nvSpPr>
          <p:cNvPr id="5" name="Rounded Rectangle 4"/>
          <p:cNvSpPr/>
          <p:nvPr userDrawn="1"/>
        </p:nvSpPr>
        <p:spPr bwMode="auto">
          <a:xfrm>
            <a:off x="1143000" y="914400"/>
            <a:ext cx="7315200" cy="3276600"/>
          </a:xfrm>
          <a:prstGeom prst="roundRect">
            <a:avLst>
              <a:gd name="adj" fmla="val 9033"/>
            </a:avLst>
          </a:prstGeom>
          <a:gradFill>
            <a:gsLst>
              <a:gs pos="0">
                <a:schemeClr val="accent1">
                  <a:shade val="15000"/>
                  <a:satMod val="180000"/>
                  <a:alpha val="75000"/>
                </a:schemeClr>
              </a:gs>
              <a:gs pos="50000">
                <a:schemeClr val="accent1">
                  <a:shade val="45000"/>
                  <a:satMod val="170000"/>
                  <a:alpha val="75000"/>
                </a:schemeClr>
              </a:gs>
              <a:gs pos="70000">
                <a:schemeClr val="accent1">
                  <a:tint val="99000"/>
                  <a:shade val="65000"/>
                  <a:satMod val="155000"/>
                  <a:alpha val="75000"/>
                </a:schemeClr>
              </a:gs>
              <a:gs pos="100000">
                <a:schemeClr val="accent1">
                  <a:tint val="95500"/>
                  <a:shade val="100000"/>
                  <a:satMod val="155000"/>
                  <a:alpha val="75000"/>
                </a:schemeClr>
              </a:gs>
            </a:gsLst>
          </a:gra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lIns="91436" tIns="45718" rIns="91436" bIns="45718" anchor="ctr"/>
          <a:lstStyle/>
          <a:p>
            <a:pPr algn="ctr" defTabSz="914099" fontAlgn="auto">
              <a:spcBef>
                <a:spcPts val="0"/>
              </a:spcBef>
              <a:spcAft>
                <a:spcPts val="0"/>
              </a:spcAft>
              <a:defRPr/>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cs typeface="Arial" charset="0"/>
            </a:endParaRPr>
          </a:p>
        </p:txBody>
      </p:sp>
      <p:pic>
        <p:nvPicPr>
          <p:cNvPr id="6" name="Picture 6" descr="Color Seal.png"/>
          <p:cNvPicPr>
            <a:picLocks noChangeAspect="1"/>
          </p:cNvPicPr>
          <p:nvPr userDrawn="1"/>
        </p:nvPicPr>
        <p:blipFill>
          <a:blip r:embed="rId3" cstate="print"/>
          <a:srcRect/>
          <a:stretch>
            <a:fillRect/>
          </a:stretch>
        </p:blipFill>
        <p:spPr bwMode="auto">
          <a:xfrm>
            <a:off x="0" y="3492500"/>
            <a:ext cx="3365500" cy="3365500"/>
          </a:xfrm>
          <a:prstGeom prst="rect">
            <a:avLst/>
          </a:prstGeom>
          <a:noFill/>
          <a:ln w="9525">
            <a:noFill/>
            <a:miter lim="800000"/>
            <a:headEnd/>
            <a:tailEnd/>
          </a:ln>
        </p:spPr>
      </p:pic>
      <p:sp>
        <p:nvSpPr>
          <p:cNvPr id="7" name="Title 6"/>
          <p:cNvSpPr>
            <a:spLocks noGrp="1"/>
          </p:cNvSpPr>
          <p:nvPr>
            <p:ph type="title"/>
          </p:nvPr>
        </p:nvSpPr>
        <p:spPr>
          <a:xfrm>
            <a:off x="1295400" y="990600"/>
            <a:ext cx="7010400" cy="2971800"/>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1030002105"/>
      </p:ext>
    </p:extLst>
  </p:cSld>
  <p:clrMapOvr>
    <a:masterClrMapping/>
  </p:clrMapOvr>
  <p:transition>
    <p:fade/>
  </p:transition>
</p:sldLayout>
</file>

<file path=ppt/slideLayouts/slideLayout384.xml><?xml version="1.0" encoding="utf-8"?>
<p:sldLayout xmlns:a="http://schemas.openxmlformats.org/drawingml/2006/main" xmlns:r="http://schemas.openxmlformats.org/officeDocument/2006/relationships" xmlns:p="http://schemas.openxmlformats.org/presentationml/2006/main" preserve="1" userDrawn="1">
  <p:cSld name="Transition">
    <p:spTree>
      <p:nvGrpSpPr>
        <p:cNvPr id="1" name=""/>
        <p:cNvGrpSpPr/>
        <p:nvPr/>
      </p:nvGrpSpPr>
      <p:grpSpPr>
        <a:xfrm>
          <a:off x="0" y="0"/>
          <a:ext cx="0" cy="0"/>
          <a:chOff x="0" y="0"/>
          <a:chExt cx="0" cy="0"/>
        </a:xfrm>
      </p:grpSpPr>
      <p:pic>
        <p:nvPicPr>
          <p:cNvPr id="3" name="Picture 3" descr="Background Seal.png"/>
          <p:cNvPicPr>
            <a:picLocks noChangeAspect="1"/>
          </p:cNvPicPr>
          <p:nvPr userDrawn="1"/>
        </p:nvPicPr>
        <p:blipFill>
          <a:blip r:embed="rId2" cstate="print"/>
          <a:srcRect/>
          <a:stretch>
            <a:fillRect/>
          </a:stretch>
        </p:blipFill>
        <p:spPr bwMode="auto">
          <a:xfrm>
            <a:off x="3124200" y="1125538"/>
            <a:ext cx="6019800" cy="5732462"/>
          </a:xfrm>
          <a:prstGeom prst="rect">
            <a:avLst/>
          </a:prstGeom>
          <a:noFill/>
          <a:ln w="9525">
            <a:noFill/>
            <a:miter lim="800000"/>
            <a:headEnd/>
            <a:tailEnd/>
          </a:ln>
        </p:spPr>
      </p:pic>
      <p:sp>
        <p:nvSpPr>
          <p:cNvPr id="4" name="Rounded Rectangle 3"/>
          <p:cNvSpPr/>
          <p:nvPr userDrawn="1"/>
        </p:nvSpPr>
        <p:spPr bwMode="auto">
          <a:xfrm>
            <a:off x="1143000" y="1600200"/>
            <a:ext cx="7315200" cy="2057400"/>
          </a:xfrm>
          <a:prstGeom prst="roundRect">
            <a:avLst>
              <a:gd name="adj" fmla="val 9033"/>
            </a:avLst>
          </a:prstGeom>
          <a:gradFill>
            <a:gsLst>
              <a:gs pos="0">
                <a:schemeClr val="accent1">
                  <a:shade val="15000"/>
                  <a:satMod val="180000"/>
                  <a:alpha val="75000"/>
                </a:schemeClr>
              </a:gs>
              <a:gs pos="50000">
                <a:schemeClr val="accent1">
                  <a:shade val="45000"/>
                  <a:satMod val="170000"/>
                  <a:alpha val="75000"/>
                </a:schemeClr>
              </a:gs>
              <a:gs pos="70000">
                <a:schemeClr val="accent1">
                  <a:tint val="99000"/>
                  <a:shade val="65000"/>
                  <a:satMod val="155000"/>
                  <a:alpha val="75000"/>
                </a:schemeClr>
              </a:gs>
              <a:gs pos="100000">
                <a:schemeClr val="accent1">
                  <a:tint val="95500"/>
                  <a:shade val="100000"/>
                  <a:satMod val="155000"/>
                  <a:alpha val="75000"/>
                </a:schemeClr>
              </a:gs>
            </a:gsLst>
          </a:gra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lIns="91436" tIns="45718" rIns="91436" bIns="45718" anchor="ctr"/>
          <a:lstStyle/>
          <a:p>
            <a:pPr algn="ctr" defTabSz="914099" fontAlgn="auto">
              <a:spcBef>
                <a:spcPts val="0"/>
              </a:spcBef>
              <a:spcAft>
                <a:spcPts val="0"/>
              </a:spcAft>
              <a:defRPr/>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cs typeface="Arial" charset="0"/>
            </a:endParaRPr>
          </a:p>
        </p:txBody>
      </p:sp>
      <p:sp>
        <p:nvSpPr>
          <p:cNvPr id="7" name="Title 6"/>
          <p:cNvSpPr>
            <a:spLocks noGrp="1"/>
          </p:cNvSpPr>
          <p:nvPr>
            <p:ph type="title"/>
          </p:nvPr>
        </p:nvSpPr>
        <p:spPr>
          <a:xfrm>
            <a:off x="1295400" y="1828800"/>
            <a:ext cx="7010400" cy="1676400"/>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774036630"/>
      </p:ext>
    </p:extLst>
  </p:cSld>
  <p:clrMapOvr>
    <a:masterClrMapping/>
  </p:clrMapOvr>
  <p:transition>
    <p:fade/>
  </p:transition>
</p:sldLayout>
</file>

<file path=ppt/slideLayouts/slideLayout385.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9"/>
          <p:cNvSpPr>
            <a:spLocks noGrp="1"/>
          </p:cNvSpPr>
          <p:nvPr>
            <p:ph type="dt" sz="half" idx="10"/>
          </p:nvPr>
        </p:nvSpPr>
        <p:spPr>
          <a:xfrm>
            <a:off x="457200" y="6356350"/>
            <a:ext cx="2133600" cy="365125"/>
          </a:xfrm>
          <a:prstGeom prst="rect">
            <a:avLst/>
          </a:prstGeom>
        </p:spPr>
        <p:txBody>
          <a:bodyPr/>
          <a:lstStyle>
            <a:lvl1pPr fontAlgn="auto">
              <a:spcBef>
                <a:spcPts val="0"/>
              </a:spcBef>
              <a:spcAft>
                <a:spcPts val="0"/>
              </a:spcAft>
              <a:defRPr>
                <a:latin typeface="+mn-lt"/>
                <a:cs typeface="+mn-cs"/>
              </a:defRPr>
            </a:lvl1pPr>
          </a:lstStyle>
          <a:p>
            <a:pPr>
              <a:defRPr/>
            </a:pPr>
            <a:endParaRPr lang="en-US" dirty="0">
              <a:solidFill>
                <a:prstClr val="white"/>
              </a:solidFill>
            </a:endParaRPr>
          </a:p>
        </p:txBody>
      </p:sp>
      <p:sp>
        <p:nvSpPr>
          <p:cNvPr id="5" name="Footer Placeholder 21"/>
          <p:cNvSpPr>
            <a:spLocks noGrp="1"/>
          </p:cNvSpPr>
          <p:nvPr>
            <p:ph type="ftr" sz="quarter" idx="11"/>
          </p:nvPr>
        </p:nvSpPr>
        <p:spPr>
          <a:xfrm>
            <a:off x="2667000" y="6356350"/>
            <a:ext cx="3352800" cy="365125"/>
          </a:xfrm>
          <a:prstGeom prst="rect">
            <a:avLst/>
          </a:prstGeom>
        </p:spPr>
        <p:txBody>
          <a:bodyPr/>
          <a:lstStyle>
            <a:lvl1pPr fontAlgn="auto">
              <a:spcBef>
                <a:spcPts val="0"/>
              </a:spcBef>
              <a:spcAft>
                <a:spcPts val="0"/>
              </a:spcAft>
              <a:defRPr>
                <a:latin typeface="+mn-lt"/>
                <a:cs typeface="+mn-cs"/>
              </a:defRPr>
            </a:lvl1pPr>
          </a:lstStyle>
          <a:p>
            <a:pPr>
              <a:defRPr/>
            </a:pPr>
            <a:r>
              <a:rPr lang="en-US" dirty="0" smtClean="0">
                <a:solidFill>
                  <a:prstClr val="white"/>
                </a:solidFill>
              </a:rPr>
              <a:t>Current as of 1/12/10</a:t>
            </a:r>
            <a:endParaRPr lang="en-US" dirty="0">
              <a:solidFill>
                <a:prstClr val="white"/>
              </a:solidFill>
            </a:endParaRPr>
          </a:p>
        </p:txBody>
      </p:sp>
      <p:sp>
        <p:nvSpPr>
          <p:cNvPr id="6" name="Slide Number Placeholder 17"/>
          <p:cNvSpPr>
            <a:spLocks noGrp="1"/>
          </p:cNvSpPr>
          <p:nvPr>
            <p:ph type="sldNum" sz="quarter" idx="12"/>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206CE16D-96AD-4E0D-B185-F1713832274D}"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642391120"/>
      </p:ext>
    </p:extLst>
  </p:cSld>
  <p:clrMapOvr>
    <a:masterClrMapping/>
  </p:clrMapOvr>
  <p:transition spd="med">
    <p:fade/>
  </p:transition>
</p:sldLayout>
</file>

<file path=ppt/slideLayouts/slideLayout386.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pic>
        <p:nvPicPr>
          <p:cNvPr id="4" name="Picture 3" descr="Picture1.jpg"/>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730250" y="1905000"/>
            <a:ext cx="7681913" cy="1523495"/>
          </a:xfrm>
        </p:spPr>
        <p:txBody>
          <a:bodyPr>
            <a:noAutofit/>
          </a:bodyPr>
          <a:lstStyle>
            <a:lvl1pPr>
              <a:lnSpc>
                <a:spcPct val="90000"/>
              </a:lnSpc>
              <a:defRPr sz="5400"/>
            </a:lvl1pPr>
          </a:lstStyle>
          <a:p>
            <a:r>
              <a:rPr lang="en-US" smtClean="0"/>
              <a:t>Click to edit Master title style</a:t>
            </a:r>
            <a:endParaRPr lang="en-US" dirty="0"/>
          </a:p>
        </p:txBody>
      </p:sp>
      <p:sp>
        <p:nvSpPr>
          <p:cNvPr id="3" name="Subtitle 2"/>
          <p:cNvSpPr>
            <a:spLocks noGrp="1"/>
          </p:cNvSpPr>
          <p:nvPr>
            <p:ph type="subTitle" idx="1"/>
          </p:nvPr>
        </p:nvSpPr>
        <p:spPr>
          <a:xfrm>
            <a:off x="730249" y="4344988"/>
            <a:ext cx="7681913"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5" name="Slide Number Placeholder 17"/>
          <p:cNvSpPr>
            <a:spLocks noGrp="1"/>
          </p:cNvSpPr>
          <p:nvPr>
            <p:ph type="sldNum" sz="quarter" idx="12"/>
          </p:nvPr>
        </p:nvSpPr>
        <p:spPr>
          <a:xfrm>
            <a:off x="7924800" y="6356350"/>
            <a:ext cx="762000" cy="365125"/>
          </a:xfrm>
          <a:prstGeom prst="rect">
            <a:avLst/>
          </a:prstGeom>
        </p:spPr>
        <p:txBody>
          <a:bodyPr/>
          <a:lstStyle>
            <a:lvl1pPr fontAlgn="auto">
              <a:spcBef>
                <a:spcPts val="0"/>
              </a:spcBef>
              <a:spcAft>
                <a:spcPts val="0"/>
              </a:spcAft>
              <a:defRPr>
                <a:latin typeface="+mn-lt"/>
                <a:cs typeface="+mn-cs"/>
              </a:defRPr>
            </a:lvl1pPr>
          </a:lstStyle>
          <a:p>
            <a:pPr>
              <a:defRPr/>
            </a:pPr>
            <a:fld id="{206CE16D-96AD-4E0D-B185-F1713832274D}"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676836306"/>
      </p:ext>
    </p:extLst>
  </p:cSld>
  <p:clrMapOvr>
    <a:masterClrMapping/>
  </p:clrMapOvr>
  <p:transition>
    <p:fade/>
  </p:transition>
</p:sldLayout>
</file>

<file path=ppt/slideLayouts/slideLayout38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838200"/>
          </a:xfrm>
        </p:spPr>
        <p:txBody>
          <a:bodyPr/>
          <a:lstStyle>
            <a:lvl1pPr>
              <a:defRPr sz="4800"/>
            </a:lvl1pPr>
          </a:lstStyle>
          <a:p>
            <a:r>
              <a:rPr lang="en-US" smtClean="0"/>
              <a:t>Click to edit Master title style</a:t>
            </a:r>
            <a:endParaRPr lang="en-US" dirty="0"/>
          </a:p>
        </p:txBody>
      </p:sp>
      <p:sp>
        <p:nvSpPr>
          <p:cNvPr id="8" name="Text Placeholder 7"/>
          <p:cNvSpPr>
            <a:spLocks noGrp="1"/>
          </p:cNvSpPr>
          <p:nvPr>
            <p:ph type="body" sz="quarter" idx="11"/>
          </p:nvPr>
        </p:nvSpPr>
        <p:spPr>
          <a:xfrm>
            <a:off x="228600" y="914400"/>
            <a:ext cx="3124200" cy="498598"/>
          </a:xfrm>
        </p:spPr>
        <p:txBody>
          <a:bodyPr/>
          <a:lstStyle>
            <a:lvl1pPr>
              <a:defRPr sz="3200"/>
            </a:lvl1pPr>
          </a:lstStyle>
          <a:p>
            <a:pPr lvl="0"/>
            <a:r>
              <a:rPr lang="en-US" smtClean="0"/>
              <a:t>Click to edit Master text styles</a:t>
            </a:r>
          </a:p>
        </p:txBody>
      </p:sp>
      <p:sp>
        <p:nvSpPr>
          <p:cNvPr id="5" name="Text Placeholder 4"/>
          <p:cNvSpPr>
            <a:spLocks noGrp="1"/>
          </p:cNvSpPr>
          <p:nvPr>
            <p:ph type="body" sz="quarter" idx="12"/>
          </p:nvPr>
        </p:nvSpPr>
        <p:spPr>
          <a:xfrm>
            <a:off x="304800" y="16764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313991072"/>
      </p:ext>
    </p:extLst>
  </p:cSld>
  <p:clrMapOvr>
    <a:masterClrMapping/>
  </p:clrMapOvr>
  <p:transition>
    <p:fade/>
  </p:transition>
</p:sldLayout>
</file>

<file path=ppt/slideLayouts/slideLayout388.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406813"/>
          </a:xfrm>
        </p:spPr>
        <p:txBody>
          <a:bodyPr/>
          <a:lstStyle>
            <a:lvl1pPr>
              <a:lnSpc>
                <a:spcPct val="90000"/>
              </a:lnSpc>
              <a:defRPr/>
            </a:lvl1pPr>
            <a:lvl2pPr>
              <a:lnSpc>
                <a:spcPct val="90000"/>
              </a:lnSpc>
              <a:defRPr lang="en-US" sz="3200" kern="1200" dirty="0" smtClean="0">
                <a:solidFill>
                  <a:schemeClr val="accent4"/>
                </a:solidFill>
                <a:latin typeface="+mn-lt"/>
                <a:ea typeface="+mn-ea"/>
                <a:cs typeface="+mn-cs"/>
              </a:defRPr>
            </a:lvl2pPr>
            <a:lvl3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defRPr lang="en-US" sz="28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defRPr lang="en-US" sz="2800" kern="1200" dirty="0">
                <a:solidFill>
                  <a:schemeClr val="accent2"/>
                </a:solidFill>
                <a:latin typeface="+mn-lt"/>
                <a:ea typeface="+mn-ea"/>
                <a:cs typeface="+mn-cs"/>
              </a:defRPr>
            </a:lvl5pPr>
          </a:lstStyle>
          <a:p>
            <a:pPr lvl="0"/>
            <a:r>
              <a:rPr lang="en-US" dirty="0" smtClean="0"/>
              <a:t>Click to edit Master text styles</a:t>
            </a:r>
          </a:p>
          <a:p>
            <a:pPr marL="914400" lvl="1" indent="-396875" algn="l" defTabSz="914363" rtl="0" eaLnBrk="1" latinLnBrk="0" hangingPunct="1">
              <a:lnSpc>
                <a:spcPct val="90000"/>
              </a:lnSpc>
              <a:spcBef>
                <a:spcPct val="20000"/>
              </a:spcBef>
              <a:buFontTx/>
              <a:buBlip>
                <a:blip r:embed="rId2"/>
              </a:buBlip>
            </a:pPr>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73807382"/>
      </p:ext>
    </p:extLst>
  </p:cSld>
  <p:clrMapOvr>
    <a:masterClrMapping/>
  </p:clrMapOvr>
  <p:transition>
    <p:fade/>
  </p:transition>
  <p:timing>
    <p:tnLst>
      <p:par>
        <p:cTn id="1" dur="indefinite" restart="never" nodeType="tmRoot"/>
      </p:par>
    </p:tnLst>
  </p:timing>
  <p:hf hdr="0" ftr="0" dt="0"/>
</p:sldLayout>
</file>

<file path=ppt/slideLayouts/slideLayout38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859810003"/>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953852736"/>
      </p:ext>
    </p:extLst>
  </p:cSld>
  <p:clrMapOvr>
    <a:masterClrMapping/>
  </p:clrMapOvr>
  <p:transition>
    <p:fade/>
  </p:transition>
  <p:timing>
    <p:tnLst>
      <p:par>
        <p:cTn id="1" dur="indefinite" restart="never" nodeType="tmRoot"/>
      </p:par>
    </p:tnLst>
  </p:timing>
</p:sldLayout>
</file>

<file path=ppt/slideLayouts/slideLayout39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5689027"/>
      </p:ext>
    </p:extLst>
  </p:cSld>
  <p:clrMapOvr>
    <a:masterClrMapping/>
  </p:clrMapOvr>
  <p:transition>
    <p:fade/>
  </p:transition>
</p:sldLayout>
</file>

<file path=ppt/slideLayouts/slideLayout391.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60361303"/>
      </p:ext>
    </p:extLst>
  </p:cSld>
  <p:clrMapOvr>
    <a:masterClrMapping/>
  </p:clrMapOvr>
  <p:transition>
    <p:fade/>
  </p:transition>
</p:sldLayout>
</file>

<file path=ppt/slideLayouts/slideLayout392.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938339591"/>
      </p:ext>
    </p:extLst>
  </p:cSld>
  <p:clrMapOvr>
    <a:masterClrMapping/>
  </p:clrMapOvr>
  <p:transition>
    <p:fade/>
  </p:transition>
</p:sldLayout>
</file>

<file path=ppt/slideLayouts/slideLayout393.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60434"/>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734975722"/>
      </p:ext>
    </p:extLst>
  </p:cSld>
  <p:clrMapOvr>
    <a:masterClrMapping/>
  </p:clrMapOvr>
  <p:transition>
    <p:fade/>
  </p:transition>
</p:sldLayout>
</file>

<file path=ppt/slideLayouts/slideLayout39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590771653"/>
      </p:ext>
    </p:extLst>
  </p:cSld>
  <p:clrMapOvr>
    <a:masterClrMapping/>
  </p:clrMapOvr>
  <p:transition>
    <p:fade/>
  </p:transition>
</p:sldLayout>
</file>

<file path=ppt/slideLayouts/slideLayout39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61300413"/>
      </p:ext>
    </p:extLst>
  </p:cSld>
  <p:clrMapOvr>
    <a:masterClrMapping/>
  </p:clrMapOvr>
  <p:transition>
    <p:fade/>
  </p:transition>
</p:sldLayout>
</file>

<file path=ppt/slideLayouts/slideLayout39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704851746"/>
      </p:ext>
    </p:extLst>
  </p:cSld>
  <p:clrMapOvr>
    <a:masterClrMapping/>
  </p:clrMapOvr>
  <p:transition>
    <p:fade/>
  </p:transition>
</p:sldLayout>
</file>

<file path=ppt/slideLayouts/slideLayout39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92792233"/>
      </p:ext>
    </p:extLst>
  </p:cSld>
  <p:clrMapOvr>
    <a:masterClrMapping/>
  </p:clrMapOvr>
  <p:transition>
    <p:fade/>
  </p:transition>
</p:sldLayout>
</file>

<file path=ppt/slideLayouts/slideLayout398.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158347852"/>
      </p:ext>
    </p:extLst>
  </p:cSld>
  <p:clrMapOvr>
    <a:masterClrMapping/>
  </p:clrMapOvr>
  <p:transition>
    <p:fade/>
  </p:transition>
</p:sldLayout>
</file>

<file path=ppt/slideLayouts/slideLayout399.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942717755"/>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cSld>
  <p:clrMapOvr>
    <a:masterClrMapping/>
  </p:clrMapOvr>
  <p:transition spd="slow">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2285107168"/>
      </p:ext>
    </p:extLst>
  </p:cSld>
  <p:clrMapOvr>
    <a:masterClrMapping/>
  </p:clrMapOvr>
  <p:transition>
    <p:fade/>
  </p:transition>
  <p:timing>
    <p:tnLst>
      <p:par>
        <p:cTn id="1" dur="indefinite" restart="never" nodeType="tmRoot"/>
      </p:par>
    </p:tnLst>
  </p:timing>
</p:sldLayout>
</file>

<file path=ppt/slideLayouts/slideLayout40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164207251"/>
      </p:ext>
    </p:extLst>
  </p:cSld>
  <p:clrMapOvr>
    <a:masterClrMapping/>
  </p:clrMapOvr>
  <p:transition>
    <p:fade/>
  </p:transition>
</p:sldLayout>
</file>

<file path=ppt/slideLayouts/slideLayout401.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199"/>
            <a:ext cx="9302750" cy="1752600"/>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41426717"/>
      </p:ext>
    </p:extLst>
  </p:cSld>
  <p:clrMapOvr>
    <a:masterClrMapping/>
  </p:clrMapOvr>
  <p:transition>
    <p:fade/>
  </p:transition>
</p:sldLayout>
</file>

<file path=ppt/slideLayouts/slideLayout402.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792562728"/>
      </p:ext>
    </p:extLst>
  </p:cSld>
  <p:clrMapOvr>
    <a:masterClrMapping/>
  </p:clrMapOvr>
  <p:transition>
    <p:fade/>
  </p:transition>
</p:sldLayout>
</file>

<file path=ppt/slideLayouts/slideLayout403.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809657062"/>
      </p:ext>
    </p:extLst>
  </p:cSld>
  <p:clrMapOvr>
    <a:masterClrMapping/>
  </p:clrMapOvr>
  <p:transition>
    <p:fade/>
  </p:transition>
</p:sldLayout>
</file>

<file path=ppt/slideLayouts/slideLayout404.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66370668"/>
      </p:ext>
    </p:extLst>
  </p:cSld>
  <p:clrMapOvr>
    <a:masterClrMapping/>
  </p:clrMapOvr>
  <p:transition>
    <p:fade/>
  </p:transition>
</p:sldLayout>
</file>

<file path=ppt/slideLayouts/slideLayout405.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742125630"/>
      </p:ext>
    </p:extLst>
  </p:cSld>
  <p:clrMapOvr>
    <a:masterClrMapping/>
  </p:clrMapOvr>
  <p:transition>
    <p:fade/>
  </p:transition>
</p:sldLayout>
</file>

<file path=ppt/slideLayouts/slideLayout406.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648266494"/>
      </p:ext>
    </p:extLst>
  </p:cSld>
  <p:clrMapOvr>
    <a:masterClrMapping/>
  </p:clrMapOvr>
  <p:timing>
    <p:tnLst>
      <p:par>
        <p:cTn id="1" dur="indefinite" restart="never" nodeType="tmRoot"/>
      </p:par>
    </p:tnLst>
  </p:timing>
</p:sldLayout>
</file>

<file path=ppt/slideLayouts/slideLayout40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86298579"/>
      </p:ext>
    </p:extLst>
  </p:cSld>
  <p:clrMapOvr>
    <a:masterClrMapping/>
  </p:clrMapOvr>
  <p:transition>
    <p:fade/>
  </p:transition>
  <p:timing>
    <p:tnLst>
      <p:par>
        <p:cTn id="1" dur="indefinite" restart="never" nodeType="tmRoot"/>
      </p:par>
    </p:tnLst>
  </p:timing>
</p:sldLayout>
</file>

<file path=ppt/slideLayouts/slideLayout408.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464286576"/>
      </p:ext>
    </p:extLst>
  </p:cSld>
  <p:clrMapOvr>
    <a:masterClrMapping/>
  </p:clrMapOvr>
  <p:transition>
    <p:fade/>
  </p:transition>
  <p:timing>
    <p:tnLst>
      <p:par>
        <p:cTn id="1" dur="indefinite" restart="never" nodeType="tmRoot"/>
      </p:par>
    </p:tnLst>
  </p:timing>
</p:sldLayout>
</file>

<file path=ppt/slideLayouts/slideLayout40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70908594"/>
      </p:ext>
    </p:extLst>
  </p:cSld>
  <p:clrMapOvr>
    <a:masterClrMapping/>
  </p:clrMapOvr>
  <p:transition>
    <p:fade/>
  </p:transition>
  <p:timing>
    <p:tnLst>
      <p:par>
        <p:cTn id="1" dur="indefinite" restart="never" nodeType="tmRoot"/>
      </p:par>
    </p:tnLst>
  </p:timing>
  <p:hf hdr="0" ftr="0" dt="0"/>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436841919"/>
      </p:ext>
    </p:extLst>
  </p:cSld>
  <p:clrMapOvr>
    <a:masterClrMapping/>
  </p:clrMapOvr>
  <p:transition>
    <p:fade/>
  </p:transition>
  <p:timing>
    <p:tnLst>
      <p:par>
        <p:cTn id="1" dur="indefinite" restart="never" nodeType="tmRoot"/>
      </p:par>
    </p:tnLst>
  </p:timing>
  <p:hf hdr="0" ftr="0" dt="0"/>
</p:sldLayout>
</file>

<file path=ppt/slideLayouts/slideLayout41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249489087"/>
      </p:ext>
    </p:extLst>
  </p:cSld>
  <p:clrMapOvr>
    <a:masterClrMapping/>
  </p:clrMapOvr>
  <p:transition>
    <p:fade/>
  </p:transition>
  <p:timing>
    <p:tnLst>
      <p:par>
        <p:cTn id="1" dur="indefinite" restart="never" nodeType="tmRoot"/>
      </p:par>
    </p:tnLst>
  </p:timing>
</p:sldLayout>
</file>

<file path=ppt/slideLayouts/slideLayout41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31980601"/>
      </p:ext>
    </p:extLst>
  </p:cSld>
  <p:clrMapOvr>
    <a:masterClrMapping/>
  </p:clrMapOvr>
  <p:transition>
    <p:fade/>
  </p:transition>
  <p:timing>
    <p:tnLst>
      <p:par>
        <p:cTn id="1" dur="indefinite" restart="never" nodeType="tmRoot"/>
      </p:par>
    </p:tnLst>
  </p:timing>
</p:sldLayout>
</file>

<file path=ppt/slideLayouts/slideLayout412.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55244538"/>
      </p:ext>
    </p:extLst>
  </p:cSld>
  <p:clrMapOvr>
    <a:masterClrMapping/>
  </p:clrMapOvr>
  <p:transition>
    <p:fade/>
  </p:transition>
  <p:timing>
    <p:tnLst>
      <p:par>
        <p:cTn id="1" dur="indefinite" restart="never" nodeType="tmRoot"/>
      </p:par>
    </p:tnLst>
  </p:timing>
</p:sldLayout>
</file>

<file path=ppt/slideLayouts/slideLayout4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31332620"/>
      </p:ext>
    </p:extLst>
  </p:cSld>
  <p:clrMapOvr>
    <a:masterClrMapping/>
  </p:clrMapOvr>
  <p:transition>
    <p:fade/>
  </p:transition>
  <p:timing>
    <p:tnLst>
      <p:par>
        <p:cTn id="1" dur="indefinite" restart="never" nodeType="tmRoot"/>
      </p:par>
    </p:tnLst>
  </p:timing>
</p:sldLayout>
</file>

<file path=ppt/slideLayouts/slideLayout4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040733745"/>
      </p:ext>
    </p:extLst>
  </p:cSld>
  <p:clrMapOvr>
    <a:masterClrMapping/>
  </p:clrMapOvr>
  <p:transition>
    <p:fade/>
  </p:transition>
  <p:timing>
    <p:tnLst>
      <p:par>
        <p:cTn id="1" dur="indefinite" restart="never" nodeType="tmRoot"/>
      </p:par>
    </p:tnLst>
  </p:timing>
</p:sldLayout>
</file>

<file path=ppt/slideLayouts/slideLayout415.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64380728"/>
      </p:ext>
    </p:extLst>
  </p:cSld>
  <p:clrMapOvr>
    <a:masterClrMapping/>
  </p:clrMapOvr>
  <p:transition spd="slow">
    <p:fade/>
  </p:transition>
  <p:timing>
    <p:tnLst>
      <p:par>
        <p:cTn id="1" dur="indefinite" restart="never" nodeType="tmRoot"/>
      </p:par>
    </p:tnLst>
  </p:timing>
  <p:hf hdr="0" ftr="0" dt="0"/>
</p:sldLayout>
</file>

<file path=ppt/slideLayouts/slideLayout416.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71141022"/>
      </p:ext>
    </p:extLst>
  </p:cSld>
  <p:clrMapOvr>
    <a:masterClrMapping/>
  </p:clrMapOvr>
  <p:transition>
    <p:fade/>
  </p:transition>
  <p:timing>
    <p:tnLst>
      <p:par>
        <p:cTn id="1" dur="indefinite" restart="never" nodeType="tmRoot"/>
      </p:par>
    </p:tnLst>
  </p:timing>
</p:sldLayout>
</file>

<file path=ppt/slideLayouts/slideLayout417.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4128632165"/>
      </p:ext>
    </p:extLst>
  </p:cSld>
  <p:clrMapOvr>
    <a:masterClrMapping/>
  </p:clrMapOvr>
  <p:transition>
    <p:fade/>
  </p:transition>
  <p:timing>
    <p:tnLst>
      <p:par>
        <p:cTn id="1" dur="indefinite" restart="never" nodeType="tmRoot"/>
      </p:par>
    </p:tnLst>
  </p:timing>
  <p:hf hdr="0" ftr="0" dt="0"/>
</p:sldLayout>
</file>

<file path=ppt/slideLayouts/slideLayout418.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60181319"/>
      </p:ext>
    </p:extLst>
  </p:cSld>
  <p:clrMapOvr>
    <a:masterClrMapping/>
  </p:clrMapOvr>
  <p:transition>
    <p:fade/>
  </p:transition>
  <p:timing>
    <p:tnLst>
      <p:par>
        <p:cTn id="1" dur="indefinite" restart="never" nodeType="tmRoot"/>
      </p:par>
    </p:tnLst>
  </p:timing>
</p:sldLayout>
</file>

<file path=ppt/slideLayouts/slideLayout419.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46259871"/>
      </p:ext>
    </p:extLst>
  </p:cSld>
  <p:clrMapOvr>
    <a:masterClrMapping/>
  </p:clrMapOvr>
  <p:transition spd="slow">
    <p:fade/>
  </p:transition>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38104372"/>
      </p:ext>
    </p:extLst>
  </p:cSld>
  <p:clrMapOvr>
    <a:masterClrMapping/>
  </p:clrMapOvr>
  <p:transition>
    <p:fade/>
  </p:transition>
  <p:timing>
    <p:tnLst>
      <p:par>
        <p:cTn id="1" dur="indefinite" restart="never" nodeType="tmRoot"/>
      </p:par>
    </p:tnLst>
  </p:timing>
</p:sldLayout>
</file>

<file path=ppt/slideLayouts/slideLayout420.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324302282"/>
      </p:ext>
    </p:extLst>
  </p:cSld>
  <p:clrMapOvr>
    <a:masterClrMapping/>
  </p:clrMapOvr>
  <p:transition spd="slow">
    <p:fade/>
  </p:transition>
  <p:timing>
    <p:tnLst>
      <p:par>
        <p:cTn id="1" dur="indefinite" restart="never" nodeType="tmRoot"/>
      </p:par>
    </p:tnLst>
  </p:timing>
</p:sldLayout>
</file>

<file path=ppt/slideLayouts/slideLayout42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57031434"/>
      </p:ext>
    </p:extLst>
  </p:cSld>
  <p:clrMapOvr>
    <a:masterClrMapping/>
  </p:clrMapOvr>
  <p:transition spd="slow">
    <p:fade/>
  </p:transition>
  <p:timing>
    <p:tnLst>
      <p:par>
        <p:cTn id="1" dur="indefinite" restart="never" nodeType="tmRoot"/>
      </p:par>
    </p:tnLst>
  </p:timing>
</p:sldLayout>
</file>

<file path=ppt/slideLayouts/slideLayout422.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922281128"/>
      </p:ext>
    </p:extLst>
  </p:cSld>
  <p:clrMapOvr>
    <a:masterClrMapping/>
  </p:clrMapOvr>
  <p:transition spd="slow">
    <p:fade/>
  </p:transition>
  <p:timing>
    <p:tnLst>
      <p:par>
        <p:cTn id="1" dur="indefinite" restart="never" nodeType="tmRoot"/>
      </p:par>
    </p:tnLst>
  </p:timing>
</p:sldLayout>
</file>

<file path=ppt/slideLayouts/slideLayout423.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90477841"/>
      </p:ext>
    </p:extLst>
  </p:cSld>
  <p:clrMapOvr>
    <a:masterClrMapping/>
  </p:clrMapOvr>
  <p:transition spd="slow">
    <p:fade/>
  </p:transition>
  <p:timing>
    <p:tnLst>
      <p:par>
        <p:cTn id="1" dur="indefinite" restart="never" nodeType="tmRoot"/>
      </p:par>
    </p:tnLst>
  </p:timing>
</p:sldLayout>
</file>

<file path=ppt/slideLayouts/slideLayout424.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02816648"/>
      </p:ext>
    </p:extLst>
  </p:cSld>
  <p:clrMapOvr>
    <a:masterClrMapping/>
  </p:clrMapOvr>
  <p:transition spd="slow">
    <p:fade/>
  </p:transition>
  <p:timing>
    <p:tnLst>
      <p:par>
        <p:cTn id="1" dur="indefinite" restart="never" nodeType="tmRoot"/>
      </p:par>
    </p:tnLst>
  </p:timing>
</p:sldLayout>
</file>

<file path=ppt/slideLayouts/slideLayout4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633012569"/>
      </p:ext>
    </p:extLst>
  </p:cSld>
  <p:clrMapOvr>
    <a:masterClrMapping/>
  </p:clrMapOvr>
  <p:transition>
    <p:fade/>
  </p:transition>
  <p:timing>
    <p:tnLst>
      <p:par>
        <p:cTn id="1" dur="indefinite" restart="never" nodeType="tmRoot"/>
      </p:par>
    </p:tnLst>
  </p:timing>
</p:sldLayout>
</file>

<file path=ppt/slideLayouts/slideLayout42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701940181"/>
      </p:ext>
    </p:extLst>
  </p:cSld>
  <p:clrMapOvr>
    <a:masterClrMapping/>
  </p:clrMapOvr>
  <p:transition>
    <p:fade/>
  </p:transition>
  <p:timing>
    <p:tnLst>
      <p:par>
        <p:cTn id="1" dur="indefinite" restart="never" nodeType="tmRoot"/>
      </p:par>
    </p:tnLst>
  </p:timing>
</p:sldLayout>
</file>

<file path=ppt/slideLayouts/slideLayout42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740977555"/>
      </p:ext>
    </p:extLst>
  </p:cSld>
  <p:clrMapOvr>
    <a:masterClrMapping/>
  </p:clrMapOvr>
  <p:transition>
    <p:fade/>
  </p:transition>
  <p:timing>
    <p:tnLst>
      <p:par>
        <p:cTn id="1" dur="indefinite" restart="never" nodeType="tmRoot"/>
      </p:par>
    </p:tnLst>
  </p:timing>
  <p:hf hdr="0" ftr="0" dt="0"/>
</p:sldLayout>
</file>

<file path=ppt/slideLayouts/slideLayout42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81034243"/>
      </p:ext>
    </p:extLst>
  </p:cSld>
  <p:clrMapOvr>
    <a:masterClrMapping/>
  </p:clrMapOvr>
  <p:transition>
    <p:fade/>
  </p:transition>
  <p:timing>
    <p:tnLst>
      <p:par>
        <p:cTn id="1" dur="indefinite" restart="never" nodeType="tmRoot"/>
      </p:par>
    </p:tnLst>
  </p:timing>
</p:sldLayout>
</file>

<file path=ppt/slideLayouts/slideLayout42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399747794"/>
      </p:ext>
    </p:extLst>
  </p:cSld>
  <p:clrMapOvr>
    <a:masterClrMapping/>
  </p:clrMapOvr>
  <p:transition>
    <p:fade/>
  </p:transition>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826151209"/>
      </p:ext>
    </p:extLst>
  </p:cSld>
  <p:clrMapOvr>
    <a:masterClrMapping/>
  </p:clrMapOvr>
  <p:transition>
    <p:fade/>
  </p:transition>
  <p:timing>
    <p:tnLst>
      <p:par>
        <p:cTn id="1" dur="indefinite" restart="never" nodeType="tmRoot"/>
      </p:par>
    </p:tnLst>
  </p:timing>
</p:sldLayout>
</file>

<file path=ppt/slideLayouts/slideLayout43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76515745"/>
      </p:ext>
    </p:extLst>
  </p:cSld>
  <p:clrMapOvr>
    <a:masterClrMapping/>
  </p:clrMapOvr>
  <p:transition>
    <p:fade/>
  </p:transition>
  <p:timing>
    <p:tnLst>
      <p:par>
        <p:cTn id="1" dur="indefinite" restart="never" nodeType="tmRoot"/>
      </p:par>
    </p:tnLst>
  </p:timing>
</p:sldLayout>
</file>

<file path=ppt/slideLayouts/slideLayout4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511904062"/>
      </p:ext>
    </p:extLst>
  </p:cSld>
  <p:clrMapOvr>
    <a:masterClrMapping/>
  </p:clrMapOvr>
  <p:transition>
    <p:fade/>
  </p:transition>
  <p:timing>
    <p:tnLst>
      <p:par>
        <p:cTn id="1" dur="indefinite" restart="never" nodeType="tmRoot"/>
      </p:par>
    </p:tnLst>
  </p:timing>
</p:sldLayout>
</file>

<file path=ppt/slideLayouts/slideLayout43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125915632"/>
      </p:ext>
    </p:extLst>
  </p:cSld>
  <p:clrMapOvr>
    <a:masterClrMapping/>
  </p:clrMapOvr>
  <p:transition>
    <p:fade/>
  </p:transition>
  <p:timing>
    <p:tnLst>
      <p:par>
        <p:cTn id="1" dur="indefinite" restart="never" nodeType="tmRoot"/>
      </p:par>
    </p:tnLst>
  </p:timing>
</p:sldLayout>
</file>

<file path=ppt/slideLayouts/slideLayout433.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68518844"/>
      </p:ext>
    </p:extLst>
  </p:cSld>
  <p:clrMapOvr>
    <a:masterClrMapping/>
  </p:clrMapOvr>
  <p:transition spd="slow">
    <p:fade/>
  </p:transition>
  <p:timing>
    <p:tnLst>
      <p:par>
        <p:cTn id="1" dur="indefinite" restart="never" nodeType="tmRoot"/>
      </p:par>
    </p:tnLst>
  </p:timing>
  <p:hf hdr="0" ftr="0" dt="0"/>
</p:sldLayout>
</file>

<file path=ppt/slideLayouts/slideLayout434.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58386646"/>
      </p:ext>
    </p:extLst>
  </p:cSld>
  <p:clrMapOvr>
    <a:masterClrMapping/>
  </p:clrMapOvr>
  <p:transition>
    <p:fade/>
  </p:transition>
  <p:timing>
    <p:tnLst>
      <p:par>
        <p:cTn id="1" dur="indefinite" restart="never" nodeType="tmRoot"/>
      </p:par>
    </p:tnLst>
  </p:timing>
</p:sldLayout>
</file>

<file path=ppt/slideLayouts/slideLayout435.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2398484171"/>
      </p:ext>
    </p:extLst>
  </p:cSld>
  <p:clrMapOvr>
    <a:masterClrMapping/>
  </p:clrMapOvr>
  <p:transition>
    <p:fade/>
  </p:transition>
  <p:timing>
    <p:tnLst>
      <p:par>
        <p:cTn id="1" dur="indefinite" restart="never" nodeType="tmRoot"/>
      </p:par>
    </p:tnLst>
  </p:timing>
  <p:hf hdr="0" ftr="0" dt="0"/>
</p:sldLayout>
</file>

<file path=ppt/slideLayouts/slideLayout43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90600568"/>
      </p:ext>
    </p:extLst>
  </p:cSld>
  <p:clrMapOvr>
    <a:masterClrMapping/>
  </p:clrMapOvr>
  <p:transition>
    <p:fade/>
  </p:transition>
  <p:timing>
    <p:tnLst>
      <p:par>
        <p:cTn id="1" dur="indefinite" restart="never" nodeType="tmRoot"/>
      </p:par>
    </p:tnLst>
  </p:timing>
</p:sldLayout>
</file>

<file path=ppt/slideLayouts/slideLayout437.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66341759"/>
      </p:ext>
    </p:extLst>
  </p:cSld>
  <p:clrMapOvr>
    <a:masterClrMapping/>
  </p:clrMapOvr>
  <p:transition spd="slow">
    <p:fade/>
  </p:transition>
  <p:timing>
    <p:tnLst>
      <p:par>
        <p:cTn id="1" dur="indefinite" restart="never" nodeType="tmRoot"/>
      </p:par>
    </p:tnLst>
  </p:timing>
</p:sldLayout>
</file>

<file path=ppt/slideLayouts/slideLayout438.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43281861"/>
      </p:ext>
    </p:extLst>
  </p:cSld>
  <p:clrMapOvr>
    <a:masterClrMapping/>
  </p:clrMapOvr>
  <p:transition spd="slow">
    <p:fade/>
  </p:transition>
  <p:timing>
    <p:tnLst>
      <p:par>
        <p:cTn id="1" dur="indefinite" restart="never" nodeType="tmRoot"/>
      </p:par>
    </p:tnLst>
  </p:timing>
</p:sldLayout>
</file>

<file path=ppt/slideLayouts/slideLayout439.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31134211"/>
      </p:ext>
    </p:extLst>
  </p:cSld>
  <p:clrMapOvr>
    <a:masterClrMapping/>
  </p:clrMapOvr>
  <p:transition spd="slow">
    <p:fade/>
  </p:transition>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19005364"/>
      </p:ext>
    </p:extLst>
  </p:cSld>
  <p:clrMapOvr>
    <a:masterClrMapping/>
  </p:clrMapOvr>
  <p:transition>
    <p:fade/>
  </p:transition>
  <p:timing>
    <p:tnLst>
      <p:par>
        <p:cTn id="1" dur="indefinite" restart="never" nodeType="tmRoot"/>
      </p:par>
    </p:tnLst>
  </p:timing>
</p:sldLayout>
</file>

<file path=ppt/slideLayouts/slideLayout440.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343316823"/>
      </p:ext>
    </p:extLst>
  </p:cSld>
  <p:clrMapOvr>
    <a:masterClrMapping/>
  </p:clrMapOvr>
  <p:transition spd="slow">
    <p:fade/>
  </p:transition>
  <p:timing>
    <p:tnLst>
      <p:par>
        <p:cTn id="1" dur="indefinite" restart="never" nodeType="tmRoot"/>
      </p:par>
    </p:tnLst>
  </p:timing>
</p:sldLayout>
</file>

<file path=ppt/slideLayouts/slideLayout441.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466360836"/>
      </p:ext>
    </p:extLst>
  </p:cSld>
  <p:clrMapOvr>
    <a:masterClrMapping/>
  </p:clrMapOvr>
  <p:transition spd="slow">
    <p:fade/>
  </p:transition>
  <p:timing>
    <p:tnLst>
      <p:par>
        <p:cTn id="1" dur="indefinite" restart="never" nodeType="tmRoot"/>
      </p:par>
    </p:tnLst>
  </p:timing>
</p:sldLayout>
</file>

<file path=ppt/slideLayouts/slideLayout442.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189286038"/>
      </p:ext>
    </p:extLst>
  </p:cSld>
  <p:clrMapOvr>
    <a:masterClrMapping/>
  </p:clrMapOvr>
  <p:transition spd="slow">
    <p:fade/>
  </p:transition>
  <p:timing>
    <p:tnLst>
      <p:par>
        <p:cTn id="1" dur="indefinite" restart="never" nodeType="tmRoot"/>
      </p:par>
    </p:tnLst>
  </p:timing>
</p:sldLayout>
</file>

<file path=ppt/slideLayouts/slideLayout443.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119801385"/>
      </p:ext>
    </p:extLst>
  </p:cSld>
  <p:clrMapOvr>
    <a:masterClrMapping/>
  </p:clrMapOvr>
  <p:transition spd="slow">
    <p:fade/>
  </p:transition>
  <p:timing>
    <p:tnLst>
      <p:par>
        <p:cTn id="1" dur="indefinite" restart="never" nodeType="tmRoot"/>
      </p:par>
    </p:tnLst>
  </p:timing>
</p:sldLayout>
</file>

<file path=ppt/slideLayouts/slideLayout44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811639288"/>
      </p:ext>
    </p:extLst>
  </p:cSld>
  <p:clrMapOvr>
    <a:masterClrMapping/>
  </p:clrMapOvr>
  <p:transition>
    <p:fade/>
  </p:transition>
  <p:timing>
    <p:tnLst>
      <p:par>
        <p:cTn id="1" dur="indefinite" restart="never" nodeType="tmRoot"/>
      </p:par>
    </p:tnLst>
  </p:timing>
</p:sldLayout>
</file>

<file path=ppt/slideLayouts/slideLayout44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1313368561"/>
      </p:ext>
    </p:extLst>
  </p:cSld>
  <p:clrMapOvr>
    <a:masterClrMapping/>
  </p:clrMapOvr>
  <p:transition>
    <p:fade/>
  </p:transition>
  <p:timing>
    <p:tnLst>
      <p:par>
        <p:cTn id="1" dur="indefinite" restart="never" nodeType="tmRoot"/>
      </p:par>
    </p:tnLst>
  </p:timing>
</p:sldLayout>
</file>

<file path=ppt/slideLayouts/slideLayout44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94526988"/>
      </p:ext>
    </p:extLst>
  </p:cSld>
  <p:clrMapOvr>
    <a:masterClrMapping/>
  </p:clrMapOvr>
  <p:transition>
    <p:fade/>
  </p:transition>
  <p:timing>
    <p:tnLst>
      <p:par>
        <p:cTn id="1" dur="indefinite" restart="never" nodeType="tmRoot"/>
      </p:par>
    </p:tnLst>
  </p:timing>
  <p:hf hdr="0" ftr="0" dt="0"/>
</p:sldLayout>
</file>

<file path=ppt/slideLayouts/slideLayout44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36574573"/>
      </p:ext>
    </p:extLst>
  </p:cSld>
  <p:clrMapOvr>
    <a:masterClrMapping/>
  </p:clrMapOvr>
  <p:transition>
    <p:fade/>
  </p:transition>
  <p:timing>
    <p:tnLst>
      <p:par>
        <p:cTn id="1" dur="indefinite" restart="never" nodeType="tmRoot"/>
      </p:par>
    </p:tnLst>
  </p:timing>
</p:sldLayout>
</file>

<file path=ppt/slideLayouts/slideLayout448.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32894481"/>
      </p:ext>
    </p:extLst>
  </p:cSld>
  <p:clrMapOvr>
    <a:masterClrMapping/>
  </p:clrMapOvr>
  <p:transition>
    <p:fade/>
  </p:transition>
  <p:timing>
    <p:tnLst>
      <p:par>
        <p:cTn id="1" dur="indefinite" restart="never" nodeType="tmRoot"/>
      </p:par>
    </p:tnLst>
  </p:timing>
</p:sldLayout>
</file>

<file path=ppt/slideLayouts/slideLayout449.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503283074"/>
      </p:ext>
    </p:extLst>
  </p:cSld>
  <p:clrMapOvr>
    <a:masterClrMapping/>
  </p:clrMapOvr>
  <p:transition>
    <p:fade/>
  </p:transition>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4059601717"/>
      </p:ext>
    </p:extLst>
  </p:cSld>
  <p:clrMapOvr>
    <a:masterClrMapping/>
  </p:clrMapOvr>
  <p:transition>
    <p:fade/>
  </p:transition>
  <p:timing>
    <p:tnLst>
      <p:par>
        <p:cTn id="1" dur="indefinite" restart="never" nodeType="tmRoot"/>
      </p:par>
    </p:tnLst>
  </p:timing>
</p:sldLayout>
</file>

<file path=ppt/slideLayouts/slideLayout4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895281360"/>
      </p:ext>
    </p:extLst>
  </p:cSld>
  <p:clrMapOvr>
    <a:masterClrMapping/>
  </p:clrMapOvr>
  <p:transition>
    <p:fade/>
  </p:transition>
  <p:timing>
    <p:tnLst>
      <p:par>
        <p:cTn id="1" dur="indefinite" restart="never" nodeType="tmRoot"/>
      </p:par>
    </p:tnLst>
  </p:timing>
</p:sldLayout>
</file>

<file path=ppt/slideLayouts/slideLayout4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03138398"/>
      </p:ext>
    </p:extLst>
  </p:cSld>
  <p:clrMapOvr>
    <a:masterClrMapping/>
  </p:clrMapOvr>
  <p:transition>
    <p:fade/>
  </p:transition>
  <p:timing>
    <p:tnLst>
      <p:par>
        <p:cTn id="1" dur="indefinite" restart="never" nodeType="tmRoot"/>
      </p:par>
    </p:tnLst>
  </p:timing>
</p:sldLayout>
</file>

<file path=ppt/slideLayouts/slideLayout452.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42947502"/>
      </p:ext>
    </p:extLst>
  </p:cSld>
  <p:clrMapOvr>
    <a:masterClrMapping/>
  </p:clrMapOvr>
  <p:transition spd="slow">
    <p:fade/>
  </p:transition>
  <p:timing>
    <p:tnLst>
      <p:par>
        <p:cTn id="1" dur="indefinite" restart="never" nodeType="tmRoot"/>
      </p:par>
    </p:tnLst>
  </p:timing>
  <p:hf hdr="0" ftr="0" dt="0"/>
</p:sldLayout>
</file>

<file path=ppt/slideLayouts/slideLayout453.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16430970"/>
      </p:ext>
    </p:extLst>
  </p:cSld>
  <p:clrMapOvr>
    <a:masterClrMapping/>
  </p:clrMapOvr>
  <p:transition>
    <p:fade/>
  </p:transition>
  <p:timing>
    <p:tnLst>
      <p:par>
        <p:cTn id="1" dur="indefinite" restart="never" nodeType="tmRoot"/>
      </p:par>
    </p:tnLst>
  </p:timing>
</p:sldLayout>
</file>

<file path=ppt/slideLayouts/slideLayout454.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801871437"/>
      </p:ext>
    </p:extLst>
  </p:cSld>
  <p:clrMapOvr>
    <a:masterClrMapping/>
  </p:clrMapOvr>
  <p:transition>
    <p:fade/>
  </p:transition>
  <p:timing>
    <p:tnLst>
      <p:par>
        <p:cTn id="1" dur="indefinite" restart="never" nodeType="tmRoot"/>
      </p:par>
    </p:tnLst>
  </p:timing>
  <p:hf hdr="0" ftr="0" dt="0"/>
</p:sldLayout>
</file>

<file path=ppt/slideLayouts/slideLayout455.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19820"/>
      </p:ext>
    </p:extLst>
  </p:cSld>
  <p:clrMapOvr>
    <a:masterClrMapping/>
  </p:clrMapOvr>
  <p:transition>
    <p:fade/>
  </p:transition>
  <p:timing>
    <p:tnLst>
      <p:par>
        <p:cTn id="1" dur="indefinite" restart="never" nodeType="tmRoot"/>
      </p:par>
    </p:tnLst>
  </p:timing>
</p:sldLayout>
</file>

<file path=ppt/slideLayouts/slideLayout456.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20004484"/>
      </p:ext>
    </p:extLst>
  </p:cSld>
  <p:clrMapOvr>
    <a:masterClrMapping/>
  </p:clrMapOvr>
  <p:transition spd="slow">
    <p:fade/>
  </p:transition>
  <p:timing>
    <p:tnLst>
      <p:par>
        <p:cTn id="1" dur="indefinite" restart="never" nodeType="tmRoot"/>
      </p:par>
    </p:tnLst>
  </p:timing>
</p:sldLayout>
</file>

<file path=ppt/slideLayouts/slideLayout457.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11477399"/>
      </p:ext>
    </p:extLst>
  </p:cSld>
  <p:clrMapOvr>
    <a:masterClrMapping/>
  </p:clrMapOvr>
  <p:transition spd="slow">
    <p:fade/>
  </p:transition>
  <p:timing>
    <p:tnLst>
      <p:par>
        <p:cTn id="1" dur="indefinite" restart="never" nodeType="tmRoot"/>
      </p:par>
    </p:tnLst>
  </p:timing>
</p:sldLayout>
</file>

<file path=ppt/slideLayouts/slideLayout458.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02368499"/>
      </p:ext>
    </p:extLst>
  </p:cSld>
  <p:clrMapOvr>
    <a:masterClrMapping/>
  </p:clrMapOvr>
  <p:transition spd="slow">
    <p:fade/>
  </p:transition>
  <p:timing>
    <p:tnLst>
      <p:par>
        <p:cTn id="1" dur="indefinite" restart="never" nodeType="tmRoot"/>
      </p:par>
    </p:tnLst>
  </p:timing>
</p:sldLayout>
</file>

<file path=ppt/slideLayouts/slideLayout459.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207980292"/>
      </p:ext>
    </p:extLst>
  </p:cSld>
  <p:clrMapOvr>
    <a:masterClrMapping/>
  </p:clrMapOvr>
  <p:transition spd="slow">
    <p:fade/>
  </p:transition>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62837499"/>
      </p:ext>
    </p:extLst>
  </p:cSld>
  <p:clrMapOvr>
    <a:masterClrMapping/>
  </p:clrMapOvr>
  <p:transition>
    <p:fade/>
  </p:transition>
  <p:timing>
    <p:tnLst>
      <p:par>
        <p:cTn id="1" dur="indefinite" restart="never" nodeType="tmRoot"/>
      </p:par>
    </p:tnLst>
  </p:timing>
</p:sldLayout>
</file>

<file path=ppt/slideLayouts/slideLayout460.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96596191"/>
      </p:ext>
    </p:extLst>
  </p:cSld>
  <p:clrMapOvr>
    <a:masterClrMapping/>
  </p:clrMapOvr>
  <p:transition spd="slow">
    <p:fade/>
  </p:transition>
  <p:timing>
    <p:tnLst>
      <p:par>
        <p:cTn id="1" dur="indefinite" restart="never" nodeType="tmRoot"/>
      </p:par>
    </p:tnLst>
  </p:timing>
</p:sldLayout>
</file>

<file path=ppt/slideLayouts/slideLayout461.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963726406"/>
      </p:ext>
    </p:extLst>
  </p:cSld>
  <p:clrMapOvr>
    <a:masterClrMapping/>
  </p:clrMapOvr>
  <p:transition spd="slow">
    <p:fade/>
  </p:transition>
  <p:timing>
    <p:tnLst>
      <p:par>
        <p:cTn id="1" dur="indefinite" restart="never" nodeType="tmRoot"/>
      </p:par>
    </p:tnLst>
  </p:timing>
</p:sldLayout>
</file>

<file path=ppt/slideLayouts/slideLayout462.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9353124"/>
      </p:ext>
    </p:extLst>
  </p:cSld>
  <p:clrMapOvr>
    <a:masterClrMapping/>
  </p:clrMapOvr>
  <p:transition spd="slow">
    <p:fade/>
  </p:transition>
  <p:timing>
    <p:tnLst>
      <p:par>
        <p:cTn id="1" dur="indefinite" restart="never" nodeType="tmRoot"/>
      </p:par>
    </p:tnLst>
  </p:timing>
</p:sldLayout>
</file>

<file path=ppt/slideLayouts/slideLayout46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575145250"/>
      </p:ext>
    </p:extLst>
  </p:cSld>
  <p:clrMapOvr>
    <a:masterClrMapping/>
  </p:clrMapOvr>
  <p:transition spd="slow">
    <p:fade/>
  </p:transition>
</p:sldLayout>
</file>

<file path=ppt/slideLayouts/slideLayout464.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255553383"/>
      </p:ext>
    </p:extLst>
  </p:cSld>
  <p:clrMapOvr>
    <a:masterClrMapping/>
  </p:clrMapOvr>
  <p:transition spd="slow">
    <p:fade/>
  </p:transition>
</p:sldLayout>
</file>

<file path=ppt/slideLayouts/slideLayout465.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388647342"/>
      </p:ext>
    </p:extLst>
  </p:cSld>
  <p:clrMapOvr>
    <a:masterClrMapping/>
  </p:clrMapOvr>
  <p:transition spd="slow">
    <p:fade/>
  </p:transition>
  <p:timing>
    <p:tnLst>
      <p:par>
        <p:cTn id="1" dur="indefinite" restart="never" nodeType="tmRoot"/>
      </p:par>
    </p:tnLst>
  </p:timing>
</p:sldLayout>
</file>

<file path=ppt/slideLayouts/slideLayout466.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638968031"/>
      </p:ext>
    </p:extLst>
  </p:cSld>
  <p:clrMapOvr>
    <a:masterClrMapping/>
  </p:clrMapOvr>
  <p:transition spd="slow">
    <p:fade/>
  </p:transition>
</p:sldLayout>
</file>

<file path=ppt/slideLayouts/slideLayout467.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323928878"/>
      </p:ext>
    </p:extLst>
  </p:cSld>
  <p:clrMapOvr>
    <a:masterClrMapping/>
  </p:clrMapOvr>
  <p:transition spd="slow">
    <p:fade/>
  </p:transition>
  <p:timing>
    <p:tnLst>
      <p:par>
        <p:cTn id="1" dur="indefinite" restart="never" nodeType="tmRoot"/>
      </p:par>
    </p:tnLst>
  </p:timing>
  <p:hf hdr="0" ftr="0" dt="0"/>
</p:sldLayout>
</file>

<file path=ppt/slideLayouts/slideLayout46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33690472"/>
      </p:ext>
    </p:extLst>
  </p:cSld>
  <p:clrMapOvr>
    <a:masterClrMapping/>
  </p:clrMapOvr>
  <p:transition spd="slow">
    <p:fade/>
  </p:transition>
  <p:timing>
    <p:tnLst>
      <p:par>
        <p:cTn id="1" dur="indefinite" restart="never" nodeType="tmRoot"/>
      </p:par>
    </p:tnLst>
  </p:timing>
</p:sldLayout>
</file>

<file path=ppt/slideLayouts/slideLayout46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380566288"/>
      </p:ext>
    </p:extLst>
  </p:cSld>
  <p:clrMapOvr>
    <a:masterClrMapping/>
  </p:clrMapOvr>
  <p:transition spd="slow">
    <p:fade/>
  </p:transition>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22667376"/>
      </p:ext>
    </p:extLst>
  </p:cSld>
  <p:clrMapOvr>
    <a:masterClrMapping/>
  </p:clrMapOvr>
  <p:transition spd="slow">
    <p:fade/>
  </p:transition>
  <p:timing>
    <p:tnLst>
      <p:par>
        <p:cTn id="1" dur="indefinite" restart="never" nodeType="tmRoot"/>
      </p:par>
    </p:tnLst>
  </p:timing>
  <p:hf hdr="0" ftr="0" dt="0"/>
</p:sldLayout>
</file>

<file path=ppt/slideLayouts/slideLayout47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164571764"/>
      </p:ext>
    </p:extLst>
  </p:cSld>
  <p:clrMapOvr>
    <a:masterClrMapping/>
  </p:clrMapOvr>
  <p:transition spd="slow">
    <p:fade/>
  </p:transition>
</p:sldLayout>
</file>

<file path=ppt/slideLayouts/slideLayout47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994163347"/>
      </p:ext>
    </p:extLst>
  </p:cSld>
  <p:clrMapOvr>
    <a:masterClrMapping/>
  </p:clrMapOvr>
  <p:transition spd="slow">
    <p:fade/>
  </p:transition>
</p:sldLayout>
</file>

<file path=ppt/slideLayouts/slideLayout47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331118628"/>
      </p:ext>
    </p:extLst>
  </p:cSld>
  <p:clrMapOvr>
    <a:masterClrMapping/>
  </p:clrMapOvr>
  <p:transition spd="slow">
    <p:fade/>
  </p:transition>
</p:sldLayout>
</file>

<file path=ppt/slideLayouts/slideLayout473.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010618516"/>
      </p:ext>
    </p:extLst>
  </p:cSld>
  <p:clrMapOvr>
    <a:masterClrMapping/>
  </p:clrMapOvr>
  <p:transition spd="slow">
    <p:fade/>
  </p:transition>
  <p:timing>
    <p:tnLst>
      <p:par>
        <p:cTn id="1" dur="indefinite" restart="never" nodeType="tmRoot"/>
      </p:par>
    </p:tnLst>
  </p:timing>
</p:sldLayout>
</file>

<file path=ppt/slideLayouts/slideLayout474.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229477261"/>
      </p:ext>
    </p:extLst>
  </p:cSld>
  <p:clrMapOvr>
    <a:masterClrMapping/>
  </p:clrMapOvr>
  <p:transition spd="slow">
    <p:fade/>
  </p:transition>
  <p:timing>
    <p:tnLst>
      <p:par>
        <p:cTn id="1" dur="indefinite" restart="never" nodeType="tmRoot"/>
      </p:par>
    </p:tnLst>
  </p:timing>
</p:sldLayout>
</file>

<file path=ppt/slideLayouts/slideLayout475.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736971180"/>
      </p:ext>
    </p:extLst>
  </p:cSld>
  <p:clrMapOvr>
    <a:masterClrMapping/>
  </p:clrMapOvr>
  <p:transition spd="slow">
    <p:fade/>
  </p:transition>
  <p:timing>
    <p:tnLst>
      <p:par>
        <p:cTn id="1" dur="indefinite" restart="never" nodeType="tmRoot"/>
      </p:par>
    </p:tnLst>
  </p:timing>
</p:sldLayout>
</file>

<file path=ppt/slideLayouts/slideLayout476.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71262832"/>
      </p:ext>
    </p:extLst>
  </p:cSld>
  <p:clrMapOvr>
    <a:masterClrMapping/>
  </p:clrMapOvr>
  <p:transition spd="slow">
    <p:fade/>
  </p:transition>
</p:sldLayout>
</file>

<file path=ppt/slideLayouts/slideLayout477.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471589819"/>
      </p:ext>
    </p:extLst>
  </p:cSld>
  <p:clrMapOvr>
    <a:masterClrMapping/>
  </p:clrMapOvr>
  <p:transition spd="slow">
    <p:fade/>
  </p:transition>
</p:sldLayout>
</file>

<file path=ppt/slideLayouts/slideLayout478.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1725191170"/>
      </p:ext>
    </p:extLst>
  </p:cSld>
  <p:clrMapOvr>
    <a:masterClrMapping/>
  </p:clrMapOvr>
  <p:transition spd="slow">
    <p:fade/>
  </p:transition>
</p:sldLayout>
</file>

<file path=ppt/slideLayouts/slideLayout479.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22444302"/>
      </p:ext>
    </p:extLst>
  </p:cSld>
  <p:clrMapOvr>
    <a:masterClrMapping/>
  </p:clrMapOvr>
  <p:transition spd="slow">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06455723"/>
      </p:ext>
    </p:extLst>
  </p:cSld>
  <p:clrMapOvr>
    <a:masterClrMapping/>
  </p:clrMapOvr>
  <p:transition>
    <p:fade/>
  </p:transition>
  <p:timing>
    <p:tnLst>
      <p:par>
        <p:cTn id="1" dur="indefinite" restart="never" nodeType="tmRoot"/>
      </p:par>
    </p:tnLst>
  </p:timing>
</p:sldLayout>
</file>

<file path=ppt/slideLayouts/slideLayout480.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095884374"/>
      </p:ext>
    </p:extLst>
  </p:cSld>
  <p:clrMapOvr>
    <a:masterClrMapping/>
  </p:clrMapOvr>
  <p:transition spd="slow">
    <p:fade/>
  </p:transition>
  <p:timing>
    <p:tnLst>
      <p:par>
        <p:cTn id="1" dur="indefinite" restart="never" nodeType="tmRoot"/>
      </p:par>
    </p:tnLst>
  </p:timing>
</p:sldLayout>
</file>

<file path=ppt/slideLayouts/slideLayout481.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2847709186"/>
      </p:ext>
    </p:extLst>
  </p:cSld>
  <p:clrMapOvr>
    <a:masterClrMapping/>
  </p:clrMapOvr>
  <p:transition>
    <p:fade/>
  </p:transition>
  <p:timing>
    <p:tnLst>
      <p:par>
        <p:cTn id="1" dur="indefinite" restart="never" nodeType="tmRoot"/>
      </p:par>
    </p:tnLst>
  </p:timing>
  <p:hf hdr="0" ftr="0" dt="0"/>
</p:sldLayout>
</file>

<file path=ppt/slideLayouts/slideLayout482.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134556694"/>
      </p:ext>
    </p:extLst>
  </p:cSld>
  <p:clrMapOvr>
    <a:masterClrMapping/>
  </p:clrMapOvr>
  <p:transition>
    <p:fade/>
  </p:transition>
</p:sldLayout>
</file>

<file path=ppt/slideLayouts/slideLayout483.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670893249"/>
      </p:ext>
    </p:extLst>
  </p:cSld>
  <p:clrMapOvr>
    <a:masterClrMapping/>
  </p:clrMapOvr>
  <p:transition>
    <p:fade/>
  </p:transition>
</p:sldLayout>
</file>

<file path=ppt/slideLayouts/slideLayout48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Tree>
    <p:extLst>
      <p:ext uri="{BB962C8B-B14F-4D97-AF65-F5344CB8AC3E}">
        <p14:creationId xmlns:p14="http://schemas.microsoft.com/office/powerpoint/2010/main" val="2605355601"/>
      </p:ext>
    </p:extLst>
  </p:cSld>
  <p:clrMapOvr>
    <a:masterClrMapping/>
  </p:clrMapOvr>
  <p:transition>
    <p:fade/>
  </p:transition>
</p:sldLayout>
</file>

<file path=ppt/slideLayouts/slideLayout48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5" name="Slide Number Placeholder 40"/>
          <p:cNvSpPr>
            <a:spLocks noGrp="1"/>
          </p:cNvSpPr>
          <p:nvPr userDrawn="1">
            <p:ph type="sldNum" sz="quarter" idx="11"/>
          </p:nvPr>
        </p:nvSpPr>
        <p:spPr>
          <a:ln/>
        </p:spPr>
        <p:txBody>
          <a:bodyPr/>
          <a:lstStyle>
            <a:lvl1pPr>
              <a:defRPr/>
            </a:lvl1pPr>
          </a:lstStyle>
          <a:p>
            <a:pPr>
              <a:defRPr/>
            </a:pPr>
            <a:fld id="{8EBDCBD4-65BB-488D-AB04-E3B701B04AD9}"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69320284"/>
      </p:ext>
    </p:extLst>
  </p:cSld>
  <p:clrMapOvr>
    <a:masterClrMapping/>
  </p:clrMapOvr>
  <p:transition>
    <p:fade/>
  </p:transition>
</p:sldLayout>
</file>

<file path=ppt/slideLayouts/slideLayout486.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1809726"/>
          </a:xfrm>
        </p:spPr>
        <p:txBody>
          <a:bodyPr/>
          <a:lstStyle>
            <a:lvl1pPr>
              <a:lnSpc>
                <a:spcPct val="90000"/>
              </a:lnSpc>
              <a:defRPr sz="2800">
                <a:effectLst>
                  <a:outerShdw blurRad="38100" dist="38100" dir="2700000" algn="tl">
                    <a:srgbClr val="000000">
                      <a:alpha val="43137"/>
                    </a:srgbClr>
                  </a:outerShdw>
                </a:effectLst>
              </a:defRPr>
            </a:lvl1pPr>
            <a:lvl2pPr>
              <a:lnSpc>
                <a:spcPct val="90000"/>
              </a:lnSpc>
              <a:buClr>
                <a:srgbClr val="D8B25C"/>
              </a:buClr>
              <a:buFont typeface="Calibri" pitchFamily="34" charset="0"/>
              <a:buChar char="•"/>
              <a:defRPr sz="2400">
                <a:solidFill>
                  <a:srgbClr val="D8B25C"/>
                </a:solidFill>
                <a:effectLst>
                  <a:outerShdw blurRad="38100" dist="38100" dir="2700000" algn="tl">
                    <a:srgbClr val="000000">
                      <a:alpha val="43137"/>
                    </a:srgbClr>
                  </a:outerShdw>
                </a:effectLst>
              </a:defRPr>
            </a:lvl2pPr>
            <a:lvl3pPr>
              <a:lnSpc>
                <a:spcPct val="90000"/>
              </a:lnSpc>
              <a:buClr>
                <a:srgbClr val="A5AB81"/>
              </a:buClr>
              <a:buFont typeface="Calibri" pitchFamily="34" charset="0"/>
              <a:buChar char="•"/>
              <a:defRPr sz="2000">
                <a:solidFill>
                  <a:srgbClr val="A5AB81"/>
                </a:solidFill>
                <a:effectLst>
                  <a:outerShdw blurRad="38100" dist="38100" dir="2700000" algn="tl">
                    <a:srgbClr val="000000">
                      <a:alpha val="43137"/>
                    </a:srgbClr>
                  </a:outerShdw>
                </a:effectLst>
              </a:defRPr>
            </a:lvl3pPr>
            <a:lvl4pPr>
              <a:lnSpc>
                <a:spcPct val="90000"/>
              </a:lnSpc>
              <a:buClr>
                <a:srgbClr val="DD8047"/>
              </a:buClr>
              <a:buFont typeface="Calibri" pitchFamily="34" charset="0"/>
              <a:buChar char="•"/>
              <a:defRPr sz="2000">
                <a:solidFill>
                  <a:srgbClr val="DD8047"/>
                </a:solidFill>
                <a:effectLst>
                  <a:outerShdw blurRad="38100" dist="38100" dir="2700000" algn="tl">
                    <a:srgbClr val="000000">
                      <a:alpha val="43137"/>
                    </a:srgbClr>
                  </a:outerShdw>
                </a:effectLst>
              </a:defRPr>
            </a:lvl4pPr>
            <a:lvl5pPr>
              <a:lnSpc>
                <a:spcPct val="90000"/>
              </a:lnSpc>
              <a:buClr>
                <a:schemeClr val="tx1"/>
              </a:buClr>
              <a:buFont typeface="Calibri" pitchFamily="34" charset="0"/>
              <a:buChar char="•"/>
              <a:defRPr sz="2000">
                <a:effectLst>
                  <a:outerShdw blurRad="38100" dist="38100" dir="2700000" algn="tl">
                    <a:srgbClr val="000000">
                      <a:alpha val="43137"/>
                    </a:srgbClr>
                  </a:outerShdw>
                </a:effectLst>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1"/>
          </p:nvPr>
        </p:nvSpPr>
        <p:spPr>
          <a:ln/>
        </p:spPr>
        <p:txBody>
          <a:bodyPr/>
          <a:lstStyle>
            <a:lvl1pPr>
              <a:defRPr/>
            </a:lvl1pPr>
          </a:lstStyle>
          <a:p>
            <a:pPr>
              <a:defRPr/>
            </a:pPr>
            <a:fld id="{BBD5DA8B-909A-4A9A-84AE-26D515D4E1A6}"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792586231"/>
      </p:ext>
    </p:extLst>
  </p:cSld>
  <p:clrMapOvr>
    <a:masterClrMapping/>
  </p:clrMapOvr>
  <p:transition>
    <p:fade/>
  </p:transition>
</p:sldLayout>
</file>

<file path=ppt/slideLayouts/slideLayout48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210862"/>
          </a:xfrm>
        </p:spPr>
        <p:txBody>
          <a:bodyPr/>
          <a:lstStyle>
            <a:lvl1pPr>
              <a:lnSpc>
                <a:spcPct val="90000"/>
              </a:lnSpc>
              <a:defRPr/>
            </a:lvl1pPr>
            <a:lvl2pPr>
              <a:lnSpc>
                <a:spcPct val="90000"/>
              </a:lnSpc>
              <a:defRPr/>
            </a:lvl2pPr>
            <a:lvl3pPr>
              <a:lnSpc>
                <a:spcPct val="90000"/>
              </a:lnSpc>
              <a:defRPr/>
            </a:lvl3pPr>
            <a:lvl4pPr>
              <a:lnSpc>
                <a:spcPct val="90000"/>
              </a:lnSpc>
              <a:defRPr/>
            </a:lvl4pPr>
            <a:lvl5pPr>
              <a:lnSpc>
                <a:spcPct val="90000"/>
              </a:lnSpc>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0"/>
          </p:nvPr>
        </p:nvSpPr>
        <p:spPr>
          <a:ln/>
        </p:spPr>
        <p:txBody>
          <a:bodyPr/>
          <a:lstStyle>
            <a:lvl1pPr>
              <a:defRPr/>
            </a:lvl1pPr>
          </a:lstStyle>
          <a:p>
            <a:pPr>
              <a:defRPr/>
            </a:pPr>
            <a:fld id="{7A37C76E-89DA-4ED5-A436-13A1ABC61839}"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8203726"/>
      </p:ext>
    </p:extLst>
  </p:cSld>
  <p:clrMapOvr>
    <a:masterClrMapping/>
  </p:clrMapOvr>
  <p:transition>
    <p:fade/>
  </p:transition>
</p:sldLayout>
</file>

<file path=ppt/slideLayouts/slideLayout48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129814"/>
          </a:xfrm>
        </p:spPr>
        <p:txBody>
          <a:bodyPr/>
          <a:lstStyle>
            <a:lvl1pPr marL="339976" indent="-339976">
              <a:lnSpc>
                <a:spcPct val="90000"/>
              </a:lnSpc>
              <a:defRPr sz="2800"/>
            </a:lvl1pPr>
            <a:lvl2pPr marL="673338" indent="-325424">
              <a:lnSpc>
                <a:spcPct val="90000"/>
              </a:lnSpc>
              <a:defRPr sz="2400"/>
            </a:lvl2pPr>
            <a:lvl3pPr marL="953785" indent="-288384">
              <a:lnSpc>
                <a:spcPct val="90000"/>
              </a:lnSpc>
              <a:defRPr sz="2000"/>
            </a:lvl3pPr>
            <a:lvl4pPr marL="1227618" indent="-273833">
              <a:lnSpc>
                <a:spcPct val="90000"/>
              </a:lnSpc>
              <a:defRPr sz="1800"/>
            </a:lvl4pPr>
            <a:lvl5pPr marL="1516002" indent="-280447">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800600" y="1752600"/>
            <a:ext cx="4114800" cy="2129814"/>
          </a:xfrm>
        </p:spPr>
        <p:txBody>
          <a:bodyPr/>
          <a:lstStyle>
            <a:lvl1pPr marL="347914" indent="-347914">
              <a:lnSpc>
                <a:spcPct val="90000"/>
              </a:lnSpc>
              <a:defRPr sz="2800"/>
            </a:lvl1pPr>
            <a:lvl2pPr marL="673338" indent="-339976">
              <a:lnSpc>
                <a:spcPct val="90000"/>
              </a:lnSpc>
              <a:defRPr sz="2400"/>
            </a:lvl2pPr>
            <a:lvl3pPr marL="961722" indent="-302936">
              <a:lnSpc>
                <a:spcPct val="90000"/>
              </a:lnSpc>
              <a:defRPr sz="2000"/>
            </a:lvl3pPr>
            <a:lvl4pPr marL="1227618" indent="-265896">
              <a:lnSpc>
                <a:spcPct val="90000"/>
              </a:lnSpc>
              <a:defRPr sz="1800"/>
            </a:lvl4pPr>
            <a:lvl5pPr marL="1516002" indent="-273833">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Slide Number Placeholder 40"/>
          <p:cNvSpPr>
            <a:spLocks noGrp="1"/>
          </p:cNvSpPr>
          <p:nvPr userDrawn="1">
            <p:ph type="sldNum" sz="quarter" idx="10"/>
          </p:nvPr>
        </p:nvSpPr>
        <p:spPr>
          <a:ln/>
        </p:spPr>
        <p:txBody>
          <a:bodyPr/>
          <a:lstStyle>
            <a:lvl1pPr>
              <a:defRPr/>
            </a:lvl1pPr>
          </a:lstStyle>
          <a:p>
            <a:pPr>
              <a:defRPr/>
            </a:pPr>
            <a:fld id="{3DFBC173-1671-44B1-A06E-7549F2C55DEE}"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049399945"/>
      </p:ext>
    </p:extLst>
  </p:cSld>
  <p:clrMapOvr>
    <a:masterClrMapping/>
  </p:clrMapOvr>
  <p:transition>
    <p:fade/>
  </p:transition>
</p:sldLayout>
</file>

<file path=ppt/slideLayouts/slideLayout48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1537344"/>
          </a:xfrm>
        </p:spPr>
        <p:txBody>
          <a:bodyPr/>
          <a:lstStyle>
            <a:lvl1pPr marL="281770" indent="-281770">
              <a:defRPr sz="2300"/>
            </a:lvl1pPr>
            <a:lvl2pPr marL="562218" indent="-265896">
              <a:defRPr sz="2000"/>
            </a:lvl2pPr>
            <a:lvl3pPr marL="813562" indent="-243407">
              <a:defRPr sz="1800"/>
            </a:lvl3pPr>
            <a:lvl4pPr marL="1050354" indent="-228856">
              <a:defRPr sz="1700"/>
            </a:lvl4pPr>
            <a:lvl5pPr marL="1279210" indent="-206367">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1537344"/>
          </a:xfrm>
        </p:spPr>
        <p:txBody>
          <a:bodyPr/>
          <a:lstStyle>
            <a:lvl1pPr marL="296321" indent="-296321">
              <a:defRPr sz="2300"/>
            </a:lvl1pPr>
            <a:lvl2pPr marL="570155" indent="-273833">
              <a:defRPr sz="2000"/>
            </a:lvl2pPr>
            <a:lvl3pPr marL="821499" indent="-244730">
              <a:defRPr sz="1800"/>
            </a:lvl3pPr>
            <a:lvl4pPr marL="1050354" indent="-236793">
              <a:defRPr sz="1700"/>
            </a:lvl4pPr>
            <a:lvl5pPr marL="1279210" indent="-220919">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Slide Number Placeholder 40"/>
          <p:cNvSpPr>
            <a:spLocks noGrp="1"/>
          </p:cNvSpPr>
          <p:nvPr userDrawn="1">
            <p:ph type="sldNum" sz="quarter" idx="10"/>
          </p:nvPr>
        </p:nvSpPr>
        <p:spPr>
          <a:ln/>
        </p:spPr>
        <p:txBody>
          <a:bodyPr/>
          <a:lstStyle>
            <a:lvl1pPr>
              <a:defRPr/>
            </a:lvl1pPr>
          </a:lstStyle>
          <a:p>
            <a:pPr>
              <a:defRPr/>
            </a:pPr>
            <a:fld id="{B8A68BE1-E79A-493F-A3E4-BC137EBD7937}"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378220091"/>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833866579"/>
      </p:ext>
    </p:extLst>
  </p:cSld>
  <p:clrMapOvr>
    <a:masterClrMapping/>
  </p:clrMapOvr>
  <p:transition>
    <p:fade/>
  </p:transition>
  <p:timing>
    <p:tnLst>
      <p:par>
        <p:cTn id="1" dur="indefinite" restart="never" nodeType="tmRoot"/>
      </p:par>
    </p:tnLst>
  </p:timing>
  <p:hf hdr="0" ftr="0" dt="0"/>
</p:sldLayout>
</file>

<file path=ppt/slideLayouts/slideLayout49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lide Number Placeholder 40"/>
          <p:cNvSpPr>
            <a:spLocks noGrp="1"/>
          </p:cNvSpPr>
          <p:nvPr userDrawn="1">
            <p:ph type="sldNum" sz="quarter" idx="10"/>
          </p:nvPr>
        </p:nvSpPr>
        <p:spPr>
          <a:ln/>
        </p:spPr>
        <p:txBody>
          <a:bodyPr/>
          <a:lstStyle>
            <a:lvl1pPr>
              <a:defRPr/>
            </a:lvl1pPr>
          </a:lstStyle>
          <a:p>
            <a:pPr>
              <a:defRPr/>
            </a:pPr>
            <a:fld id="{C60DA7DF-59B3-4AAB-AF35-62DB844E63F6}"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829191163"/>
      </p:ext>
    </p:extLst>
  </p:cSld>
  <p:clrMapOvr>
    <a:masterClrMapping/>
  </p:clrMapOvr>
  <p:transition>
    <p:fade/>
  </p:transition>
</p:sldLayout>
</file>

<file path=ppt/slideLayouts/slideLayout49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40"/>
          <p:cNvSpPr>
            <a:spLocks noGrp="1"/>
          </p:cNvSpPr>
          <p:nvPr userDrawn="1">
            <p:ph type="sldNum" sz="quarter" idx="10"/>
          </p:nvPr>
        </p:nvSpPr>
        <p:spPr>
          <a:ln/>
        </p:spPr>
        <p:txBody>
          <a:bodyPr/>
          <a:lstStyle>
            <a:lvl1pPr>
              <a:defRPr/>
            </a:lvl1pPr>
          </a:lstStyle>
          <a:p>
            <a:pPr>
              <a:defRPr/>
            </a:pPr>
            <a:fld id="{A7005702-AB44-4A1F-BAC8-6B47F143A6F2}"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4161305364"/>
      </p:ext>
    </p:extLst>
  </p:cSld>
  <p:clrMapOvr>
    <a:masterClrMapping/>
  </p:clrMapOvr>
  <p:transition>
    <p:fade/>
  </p:transition>
</p:sldLayout>
</file>

<file path=ppt/slideLayouts/slideLayout492.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2" name="Slide Number Placeholder 40"/>
          <p:cNvSpPr>
            <a:spLocks noGrp="1"/>
          </p:cNvSpPr>
          <p:nvPr userDrawn="1">
            <p:ph type="sldNum" sz="quarter" idx="10"/>
          </p:nvPr>
        </p:nvSpPr>
        <p:spPr>
          <a:ln/>
        </p:spPr>
        <p:txBody>
          <a:bodyPr/>
          <a:lstStyle>
            <a:lvl1pPr>
              <a:defRPr/>
            </a:lvl1pPr>
          </a:lstStyle>
          <a:p>
            <a:pPr>
              <a:defRPr/>
            </a:pPr>
            <a:fld id="{D6B8F18D-E1A5-4CC6-8B84-B71AD3CE8D25}"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399851977"/>
      </p:ext>
    </p:extLst>
  </p:cSld>
  <p:clrMapOvr>
    <a:masterClrMapping/>
  </p:clrMapOvr>
  <p:transition>
    <p:fade/>
  </p:transition>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752600"/>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1"/>
          </p:nvPr>
        </p:nvSpPr>
        <p:spPr/>
        <p:txBody>
          <a:bodyPr/>
          <a:lstStyle>
            <a:lvl1pPr algn="ctr">
              <a:defRPr/>
            </a:lvl1pPr>
          </a:lstStyle>
          <a:p>
            <a:pPr>
              <a:defRPr/>
            </a:pPr>
            <a:fld id="{9F680577-31CE-462A-9F71-2CD0129DEE85}"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014192803"/>
      </p:ext>
    </p:extLst>
  </p:cSld>
  <p:clrMapOvr>
    <a:masterClrMapping/>
  </p:clrMapOvr>
  <p:transition>
    <p:fade/>
  </p:transition>
</p:sldLayout>
</file>

<file path=ppt/slideLayouts/slideLayout494.xml><?xml version="1.0" encoding="utf-8"?>
<p:sldLayout xmlns:a="http://schemas.openxmlformats.org/drawingml/2006/main" xmlns:r="http://schemas.openxmlformats.org/officeDocument/2006/relationships" xmlns:p="http://schemas.openxmlformats.org/presentationml/2006/main" preserve="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411553"/>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6"/>
          <p:cNvSpPr>
            <a:spLocks noGrp="1"/>
          </p:cNvSpPr>
          <p:nvPr>
            <p:ph type="body" sz="quarter" idx="11"/>
          </p:nvPr>
        </p:nvSpPr>
        <p:spPr>
          <a:xfrm>
            <a:off x="0" y="6238875"/>
            <a:ext cx="9144001" cy="619125"/>
          </a:xfrm>
          <a:solidFill>
            <a:srgbClr val="FFFF99"/>
          </a:solidFill>
        </p:spPr>
        <p:txBody>
          <a:bodyPr lIns="152394" tIns="76197" rIns="152394" bIns="76197" anchor="b">
            <a:noAutofit/>
          </a:bodyPr>
          <a:lstStyle>
            <a:lvl1pPr algn="r">
              <a:buFont typeface="Arial" pitchFamily="34" charset="0"/>
              <a:buNone/>
              <a:defRPr>
                <a:solidFill>
                  <a:srgbClr val="000000"/>
                </a:solidFill>
                <a:effectLst/>
                <a:latin typeface="+mj-lt"/>
              </a:defRPr>
            </a:lvl1pPr>
          </a:lstStyle>
          <a:p>
            <a:pPr lvl="0"/>
            <a:r>
              <a:rPr lang="en-US" smtClean="0"/>
              <a:t>Click to edit Master text styles</a:t>
            </a:r>
          </a:p>
        </p:txBody>
      </p:sp>
    </p:spTree>
    <p:extLst>
      <p:ext uri="{BB962C8B-B14F-4D97-AF65-F5344CB8AC3E}">
        <p14:creationId xmlns:p14="http://schemas.microsoft.com/office/powerpoint/2010/main" val="4120544125"/>
      </p:ext>
    </p:extLst>
  </p:cSld>
  <p:clrMapOvr>
    <a:masterClrMapping/>
  </p:clrMapOvr>
  <p:transition>
    <p:fade/>
  </p:transition>
</p:sldLayout>
</file>

<file path=ppt/slideLayouts/slideLayout495.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5" name="Slide Number Placeholder 40"/>
          <p:cNvSpPr>
            <a:spLocks noGrp="1"/>
          </p:cNvSpPr>
          <p:nvPr userDrawn="1">
            <p:ph type="sldNum" sz="quarter" idx="11"/>
          </p:nvPr>
        </p:nvSpPr>
        <p:spPr>
          <a:ln/>
        </p:spPr>
        <p:txBody>
          <a:bodyPr/>
          <a:lstStyle>
            <a:lvl1pPr>
              <a:defRPr/>
            </a:lvl1pPr>
          </a:lstStyle>
          <a:p>
            <a:pPr>
              <a:defRPr/>
            </a:pPr>
            <a:fld id="{0DCB6569-3946-4B47-A298-C053FB2ABEA1}"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409120080"/>
      </p:ext>
    </p:extLst>
  </p:cSld>
  <p:clrMapOvr>
    <a:masterClrMapping/>
  </p:clrMapOvr>
  <p:transition>
    <p:fade/>
  </p:transition>
</p:sldLayout>
</file>

<file path=ppt/slideLayouts/slideLayout49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442392995"/>
      </p:ext>
    </p:extLst>
  </p:cSld>
  <p:clrMapOvr>
    <a:masterClrMapping/>
  </p:clrMapOvr>
  <p:transition>
    <p:fade/>
  </p:transition>
  <p:timing>
    <p:tnLst>
      <p:par>
        <p:cTn id="1" dur="indefinite" restart="never" nodeType="tmRoot"/>
      </p:par>
    </p:tnLst>
  </p:timing>
</p:sldLayout>
</file>

<file path=ppt/slideLayouts/slideLayout497.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641015857"/>
      </p:ext>
    </p:extLst>
  </p:cSld>
  <p:clrMapOvr>
    <a:masterClrMapping/>
  </p:clrMapOvr>
  <p:transition>
    <p:fade/>
  </p:transition>
  <p:timing>
    <p:tnLst>
      <p:par>
        <p:cTn id="1" dur="indefinite" restart="never" nodeType="tmRoot"/>
      </p:par>
    </p:tnLst>
  </p:timing>
</p:sldLayout>
</file>

<file path=ppt/slideLayouts/slideLayout49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282932727"/>
      </p:ext>
    </p:extLst>
  </p:cSld>
  <p:clrMapOvr>
    <a:masterClrMapping/>
  </p:clrMapOvr>
  <p:transition>
    <p:fade/>
  </p:transition>
  <p:timing>
    <p:tnLst>
      <p:par>
        <p:cTn id="1" dur="indefinite" restart="never" nodeType="tmRoot"/>
      </p:par>
    </p:tnLst>
  </p:timing>
  <p:hf hdr="0" ftr="0" dt="0"/>
</p:sldLayout>
</file>

<file path=ppt/slideLayouts/slideLayout49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564634374"/>
      </p:ext>
    </p:extLst>
  </p:cSld>
  <p:clrMapOvr>
    <a:masterClrMapping/>
  </p:clrMapOvr>
  <p:transition>
    <p:fade/>
  </p:transition>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610226090"/>
      </p:ext>
    </p:extLst>
  </p:cSld>
  <p:clrMapOvr>
    <a:masterClrMapping/>
  </p:clrMapOvr>
  <p:transition spd="slow">
    <p:fade/>
  </p:transition>
  <p:timing>
    <p:tnLst>
      <p:par>
        <p:cTn id="1" dur="indefinite" restart="never" nodeType="tmRoot"/>
      </p:par>
    </p:tnLst>
  </p:timing>
  <p:hf hdr="0" ftr="0" dt="0"/>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822102825"/>
      </p:ext>
    </p:extLst>
  </p:cSld>
  <p:clrMapOvr>
    <a:masterClrMapping/>
  </p:clrMapOvr>
  <p:transition>
    <p:fade/>
  </p:transition>
  <p:timing>
    <p:tnLst>
      <p:par>
        <p:cTn id="1" dur="indefinite" restart="never" nodeType="tmRoot"/>
      </p:par>
    </p:tnLst>
  </p:timing>
</p:sldLayout>
</file>

<file path=ppt/slideLayouts/slideLayout50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45058088"/>
      </p:ext>
    </p:extLst>
  </p:cSld>
  <p:clrMapOvr>
    <a:masterClrMapping/>
  </p:clrMapOvr>
  <p:transition>
    <p:fade/>
  </p:transition>
  <p:timing>
    <p:tnLst>
      <p:par>
        <p:cTn id="1" dur="indefinite" restart="never" nodeType="tmRoot"/>
      </p:par>
    </p:tnLst>
  </p:timing>
</p:sldLayout>
</file>

<file path=ppt/slideLayouts/slideLayout50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81821072"/>
      </p:ext>
    </p:extLst>
  </p:cSld>
  <p:clrMapOvr>
    <a:masterClrMapping/>
  </p:clrMapOvr>
  <p:transition>
    <p:fade/>
  </p:transition>
  <p:timing>
    <p:tnLst>
      <p:par>
        <p:cTn id="1" dur="indefinite" restart="never" nodeType="tmRoot"/>
      </p:par>
    </p:tnLst>
  </p:timing>
</p:sldLayout>
</file>

<file path=ppt/slideLayouts/slideLayout50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746305420"/>
      </p:ext>
    </p:extLst>
  </p:cSld>
  <p:clrMapOvr>
    <a:masterClrMapping/>
  </p:clrMapOvr>
  <p:transition>
    <p:fade/>
  </p:transition>
  <p:timing>
    <p:tnLst>
      <p:par>
        <p:cTn id="1" dur="indefinite" restart="never" nodeType="tmRoot"/>
      </p:par>
    </p:tnLst>
  </p:timing>
</p:sldLayout>
</file>

<file path=ppt/slideLayouts/slideLayout50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187917240"/>
      </p:ext>
    </p:extLst>
  </p:cSld>
  <p:clrMapOvr>
    <a:masterClrMapping/>
  </p:clrMapOvr>
  <p:transition>
    <p:fade/>
  </p:transition>
  <p:timing>
    <p:tnLst>
      <p:par>
        <p:cTn id="1" dur="indefinite" restart="never" nodeType="tmRoot"/>
      </p:par>
    </p:tnLst>
  </p:timing>
</p:sldLayout>
</file>

<file path=ppt/slideLayouts/slideLayout504.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664054213"/>
      </p:ext>
    </p:extLst>
  </p:cSld>
  <p:clrMapOvr>
    <a:masterClrMapping/>
  </p:clrMapOvr>
  <p:transition spd="slow">
    <p:fade/>
  </p:transition>
  <p:timing>
    <p:tnLst>
      <p:par>
        <p:cTn id="1" dur="indefinite" restart="never" nodeType="tmRoot"/>
      </p:par>
    </p:tnLst>
  </p:timing>
  <p:hf hdr="0" ftr="0" dt="0"/>
</p:sldLayout>
</file>

<file path=ppt/slideLayouts/slideLayout505.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711184358"/>
      </p:ext>
    </p:extLst>
  </p:cSld>
  <p:clrMapOvr>
    <a:masterClrMapping/>
  </p:clrMapOvr>
  <p:transition>
    <p:fade/>
  </p:transition>
  <p:timing>
    <p:tnLst>
      <p:par>
        <p:cTn id="1" dur="indefinite" restart="never" nodeType="tmRoot"/>
      </p:par>
    </p:tnLst>
  </p:timing>
</p:sldLayout>
</file>

<file path=ppt/slideLayouts/slideLayout506.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2657898616"/>
      </p:ext>
    </p:extLst>
  </p:cSld>
  <p:clrMapOvr>
    <a:masterClrMapping/>
  </p:clrMapOvr>
  <p:transition>
    <p:fade/>
  </p:transition>
  <p:timing>
    <p:tnLst>
      <p:par>
        <p:cTn id="1" dur="indefinite" restart="never" nodeType="tmRoot"/>
      </p:par>
    </p:tnLst>
  </p:timing>
  <p:hf hdr="0" ftr="0" dt="0"/>
</p:sldLayout>
</file>

<file path=ppt/slideLayouts/slideLayout507.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21333176"/>
      </p:ext>
    </p:extLst>
  </p:cSld>
  <p:clrMapOvr>
    <a:masterClrMapping/>
  </p:clrMapOvr>
  <p:transition>
    <p:fade/>
  </p:transition>
  <p:timing>
    <p:tnLst>
      <p:par>
        <p:cTn id="1" dur="indefinite" restart="never" nodeType="tmRoot"/>
      </p:par>
    </p:tnLst>
  </p:timing>
</p:sldLayout>
</file>

<file path=ppt/slideLayouts/slideLayout508.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774474217"/>
      </p:ext>
    </p:extLst>
  </p:cSld>
  <p:clrMapOvr>
    <a:masterClrMapping/>
  </p:clrMapOvr>
  <p:transition spd="slow">
    <p:fade/>
  </p:transition>
  <p:timing>
    <p:tnLst>
      <p:par>
        <p:cTn id="1" dur="indefinite" restart="never" nodeType="tmRoot"/>
      </p:par>
    </p:tnLst>
  </p:timing>
</p:sldLayout>
</file>

<file path=ppt/slideLayouts/slideLayout509.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33721074"/>
      </p:ext>
    </p:extLst>
  </p:cSld>
  <p:clrMapOvr>
    <a:masterClrMapping/>
  </p:clrMapOvr>
  <p:transition spd="slow">
    <p:fade/>
  </p:transition>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10.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57043671"/>
      </p:ext>
    </p:extLst>
  </p:cSld>
  <p:clrMapOvr>
    <a:masterClrMapping/>
  </p:clrMapOvr>
  <p:transition spd="slow">
    <p:fade/>
  </p:transition>
  <p:timing>
    <p:tnLst>
      <p:par>
        <p:cTn id="1" dur="indefinite" restart="never" nodeType="tmRoot"/>
      </p:par>
    </p:tnLst>
  </p:timing>
</p:sldLayout>
</file>

<file path=ppt/slideLayouts/slideLayout51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872276138"/>
      </p:ext>
    </p:extLst>
  </p:cSld>
  <p:clrMapOvr>
    <a:masterClrMapping/>
  </p:clrMapOvr>
  <p:transition spd="slow">
    <p:fade/>
  </p:transition>
  <p:timing>
    <p:tnLst>
      <p:par>
        <p:cTn id="1" dur="indefinite" restart="never" nodeType="tmRoot"/>
      </p:par>
    </p:tnLst>
  </p:timing>
</p:sldLayout>
</file>

<file path=ppt/slideLayouts/slideLayout512.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328211390"/>
      </p:ext>
    </p:extLst>
  </p:cSld>
  <p:clrMapOvr>
    <a:masterClrMapping/>
  </p:clrMapOvr>
  <p:transition spd="slow">
    <p:fade/>
  </p:transition>
  <p:timing>
    <p:tnLst>
      <p:par>
        <p:cTn id="1" dur="indefinite" restart="never" nodeType="tmRoot"/>
      </p:par>
    </p:tnLst>
  </p:timing>
</p:sldLayout>
</file>

<file path=ppt/slideLayouts/slideLayout513.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38180683"/>
      </p:ext>
    </p:extLst>
  </p:cSld>
  <p:clrMapOvr>
    <a:masterClrMapping/>
  </p:clrMapOvr>
  <p:transition spd="slow">
    <p:fade/>
  </p:transition>
  <p:timing>
    <p:tnLst>
      <p:par>
        <p:cTn id="1" dur="indefinite" restart="never" nodeType="tmRoot"/>
      </p:par>
    </p:tnLst>
  </p:timing>
</p:sldLayout>
</file>

<file path=ppt/slideLayouts/slideLayout514.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66562236"/>
      </p:ext>
    </p:extLst>
  </p:cSld>
  <p:clrMapOvr>
    <a:masterClrMapping/>
  </p:clrMapOvr>
  <p:transition spd="slow">
    <p:fade/>
  </p:transition>
  <p:timing>
    <p:tnLst>
      <p:par>
        <p:cTn id="1" dur="indefinite" restart="never" nodeType="tmRoot"/>
      </p:par>
    </p:tnLst>
  </p:timing>
</p:sldLayout>
</file>

<file path=ppt/slideLayouts/slideLayout51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16270166"/>
      </p:ext>
    </p:extLst>
  </p:cSld>
  <p:clrMapOvr>
    <a:masterClrMapping/>
  </p:clrMapOvr>
  <p:transition spd="slow">
    <p:fade/>
  </p:transition>
</p:sldLayout>
</file>

<file path=ppt/slideLayouts/slideLayout51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455353217"/>
      </p:ext>
    </p:extLst>
  </p:cSld>
  <p:clrMapOvr>
    <a:masterClrMapping/>
  </p:clrMapOvr>
  <p:transition spd="slow">
    <p:fade/>
  </p:transition>
</p:sldLayout>
</file>

<file path=ppt/slideLayouts/slideLayout517.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37890823"/>
      </p:ext>
    </p:extLst>
  </p:cSld>
  <p:clrMapOvr>
    <a:masterClrMapping/>
  </p:clrMapOvr>
  <p:transition spd="slow">
    <p:fade/>
  </p:transition>
  <p:timing>
    <p:tnLst>
      <p:par>
        <p:cTn id="1" dur="indefinite" restart="never" nodeType="tmRoot"/>
      </p:par>
    </p:tnLst>
  </p:timing>
</p:sldLayout>
</file>

<file path=ppt/slideLayouts/slideLayout518.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2912386205"/>
      </p:ext>
    </p:extLst>
  </p:cSld>
  <p:clrMapOvr>
    <a:masterClrMapping/>
  </p:clrMapOvr>
  <p:transition spd="slow">
    <p:fade/>
  </p:transition>
</p:sldLayout>
</file>

<file path=ppt/slideLayouts/slideLayout519.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67855323"/>
      </p:ext>
    </p:extLst>
  </p:cSld>
  <p:clrMapOvr>
    <a:masterClrMapping/>
  </p:clrMapOvr>
  <p:transition spd="slow">
    <p:fade/>
  </p:transition>
  <p:timing>
    <p:tnLst>
      <p:par>
        <p:cTn id="1" dur="indefinite" restart="never" nodeType="tmRoot"/>
      </p:par>
    </p:tnLst>
  </p:timing>
  <p:hf hdr="0" ftr="0" dt="0"/>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2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94820546"/>
      </p:ext>
    </p:extLst>
  </p:cSld>
  <p:clrMapOvr>
    <a:masterClrMapping/>
  </p:clrMapOvr>
  <p:transition spd="slow">
    <p:fade/>
  </p:transition>
  <p:timing>
    <p:tnLst>
      <p:par>
        <p:cTn id="1" dur="indefinite" restart="never" nodeType="tmRoot"/>
      </p:par>
    </p:tnLst>
  </p:timing>
</p:sldLayout>
</file>

<file path=ppt/slideLayouts/slideLayout5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131047541"/>
      </p:ext>
    </p:extLst>
  </p:cSld>
  <p:clrMapOvr>
    <a:masterClrMapping/>
  </p:clrMapOvr>
  <p:transition spd="slow">
    <p:fade/>
  </p:transition>
  <p:timing>
    <p:tnLst>
      <p:par>
        <p:cTn id="1" dur="indefinite" restart="never" nodeType="tmRoot"/>
      </p:par>
    </p:tnLst>
  </p:timing>
</p:sldLayout>
</file>

<file path=ppt/slideLayouts/slideLayout52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074996366"/>
      </p:ext>
    </p:extLst>
  </p:cSld>
  <p:clrMapOvr>
    <a:masterClrMapping/>
  </p:clrMapOvr>
  <p:transition spd="slow">
    <p:fade/>
  </p:transition>
</p:sldLayout>
</file>

<file path=ppt/slideLayouts/slideLayout5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17700549"/>
      </p:ext>
    </p:extLst>
  </p:cSld>
  <p:clrMapOvr>
    <a:masterClrMapping/>
  </p:clrMapOvr>
  <p:transition spd="slow">
    <p:fade/>
  </p:transition>
</p:sldLayout>
</file>

<file path=ppt/slideLayouts/slideLayout5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315869141"/>
      </p:ext>
    </p:extLst>
  </p:cSld>
  <p:clrMapOvr>
    <a:masterClrMapping/>
  </p:clrMapOvr>
  <p:transition spd="slow">
    <p:fade/>
  </p:transition>
</p:sldLayout>
</file>

<file path=ppt/slideLayouts/slideLayout525.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38549434"/>
      </p:ext>
    </p:extLst>
  </p:cSld>
  <p:clrMapOvr>
    <a:masterClrMapping/>
  </p:clrMapOvr>
  <p:transition spd="slow">
    <p:fade/>
  </p:transition>
  <p:timing>
    <p:tnLst>
      <p:par>
        <p:cTn id="1" dur="indefinite" restart="never" nodeType="tmRoot"/>
      </p:par>
    </p:tnLst>
  </p:timing>
</p:sldLayout>
</file>

<file path=ppt/slideLayouts/slideLayout526.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788365376"/>
      </p:ext>
    </p:extLst>
  </p:cSld>
  <p:clrMapOvr>
    <a:masterClrMapping/>
  </p:clrMapOvr>
  <p:transition spd="slow">
    <p:fade/>
  </p:transition>
  <p:timing>
    <p:tnLst>
      <p:par>
        <p:cTn id="1" dur="indefinite" restart="never" nodeType="tmRoot"/>
      </p:par>
    </p:tnLst>
  </p:timing>
</p:sldLayout>
</file>

<file path=ppt/slideLayouts/slideLayout527.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525750604"/>
      </p:ext>
    </p:extLst>
  </p:cSld>
  <p:clrMapOvr>
    <a:masterClrMapping/>
  </p:clrMapOvr>
  <p:transition spd="slow">
    <p:fade/>
  </p:transition>
  <p:timing>
    <p:tnLst>
      <p:par>
        <p:cTn id="1" dur="indefinite" restart="never" nodeType="tmRoot"/>
      </p:par>
    </p:tnLst>
  </p:timing>
</p:sldLayout>
</file>

<file path=ppt/slideLayouts/slideLayout528.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048603541"/>
      </p:ext>
    </p:extLst>
  </p:cSld>
  <p:clrMapOvr>
    <a:masterClrMapping/>
  </p:clrMapOvr>
  <p:transition spd="slow">
    <p:fade/>
  </p:transition>
</p:sldLayout>
</file>

<file path=ppt/slideLayouts/slideLayout529.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43649743"/>
      </p:ext>
    </p:extLst>
  </p:cSld>
  <p:clrMapOvr>
    <a:masterClrMapping/>
  </p:clrMapOvr>
  <p:transition spd="slow">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30.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423803987"/>
      </p:ext>
    </p:extLst>
  </p:cSld>
  <p:clrMapOvr>
    <a:masterClrMapping/>
  </p:clrMapOvr>
  <p:transition spd="slow">
    <p:fade/>
  </p:transition>
</p:sldLayout>
</file>

<file path=ppt/slideLayouts/slideLayout531.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004068471"/>
      </p:ext>
    </p:extLst>
  </p:cSld>
  <p:clrMapOvr>
    <a:masterClrMapping/>
  </p:clrMapOvr>
  <p:transition spd="slow">
    <p:fade/>
  </p:transition>
</p:sldLayout>
</file>

<file path=ppt/slideLayouts/slideLayout532.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3240822073"/>
      </p:ext>
    </p:extLst>
  </p:cSld>
  <p:clrMapOvr>
    <a:masterClrMapping/>
  </p:clrMapOvr>
  <p:transition spd="slow">
    <p:fade/>
  </p:transition>
  <p:timing>
    <p:tnLst>
      <p:par>
        <p:cTn id="1" dur="indefinite" restart="never" nodeType="tmRoot"/>
      </p:par>
    </p:tnLst>
  </p:timing>
</p:sldLayout>
</file>

<file path=ppt/slideLayouts/slideLayout533.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4064803173"/>
      </p:ext>
    </p:extLst>
  </p:cSld>
  <p:clrMapOvr>
    <a:masterClrMapping/>
  </p:clrMapOvr>
  <p:transition>
    <p:fade/>
  </p:transition>
  <p:timing>
    <p:tnLst>
      <p:par>
        <p:cTn id="1" dur="indefinite" restart="never" nodeType="tmRoot"/>
      </p:par>
    </p:tnLst>
  </p:timing>
  <p:hf hdr="0" ftr="0" dt="0"/>
</p:sldLayout>
</file>

<file path=ppt/slideLayouts/slideLayout534.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935200265"/>
      </p:ext>
    </p:extLst>
  </p:cSld>
  <p:clrMapOvr>
    <a:masterClrMapping/>
  </p:clrMapOvr>
  <p:transition>
    <p:fade/>
  </p:transition>
</p:sldLayout>
</file>

<file path=ppt/slideLayouts/slideLayout535.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779622925"/>
      </p:ext>
    </p:extLst>
  </p:cSld>
  <p:clrMapOvr>
    <a:masterClrMapping/>
  </p:clrMapOvr>
  <p:transition>
    <p:fade/>
  </p:transition>
</p:sldLayout>
</file>

<file path=ppt/slideLayouts/slideLayout53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803253599"/>
      </p:ext>
    </p:extLst>
  </p:cSld>
  <p:clrMapOvr>
    <a:masterClrMapping/>
  </p:clrMapOvr>
  <p:transition>
    <p:fade/>
  </p:transition>
  <p:timing>
    <p:tnLst>
      <p:par>
        <p:cTn id="1" dur="indefinite" restart="never" nodeType="tmRoot"/>
      </p:par>
    </p:tnLst>
  </p:timing>
</p:sldLayout>
</file>

<file path=ppt/slideLayouts/slideLayout537.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672410941"/>
      </p:ext>
    </p:extLst>
  </p:cSld>
  <p:clrMapOvr>
    <a:masterClrMapping/>
  </p:clrMapOvr>
  <p:transition>
    <p:fade/>
  </p:transition>
  <p:timing>
    <p:tnLst>
      <p:par>
        <p:cTn id="1" dur="indefinite" restart="never" nodeType="tmRoot"/>
      </p:par>
    </p:tnLst>
  </p:timing>
</p:sldLayout>
</file>

<file path=ppt/slideLayouts/slideLayout53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78286118"/>
      </p:ext>
    </p:extLst>
  </p:cSld>
  <p:clrMapOvr>
    <a:masterClrMapping/>
  </p:clrMapOvr>
  <p:transition>
    <p:fade/>
  </p:transition>
  <p:timing>
    <p:tnLst>
      <p:par>
        <p:cTn id="1" dur="indefinite" restart="never" nodeType="tmRoot"/>
      </p:par>
    </p:tnLst>
  </p:timing>
  <p:hf hdr="0" ftr="0" dt="0"/>
</p:sldLayout>
</file>

<file path=ppt/slideLayouts/slideLayout53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91077762"/>
      </p:ext>
    </p:extLst>
  </p:cSld>
  <p:clrMapOvr>
    <a:masterClrMapping/>
  </p:clrMapOvr>
  <p:transition>
    <p:fade/>
  </p:transition>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4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09583701"/>
      </p:ext>
    </p:extLst>
  </p:cSld>
  <p:clrMapOvr>
    <a:masterClrMapping/>
  </p:clrMapOvr>
  <p:transition>
    <p:fade/>
  </p:transition>
  <p:timing>
    <p:tnLst>
      <p:par>
        <p:cTn id="1" dur="indefinite" restart="never" nodeType="tmRoot"/>
      </p:par>
    </p:tnLst>
  </p:timing>
</p:sldLayout>
</file>

<file path=ppt/slideLayouts/slideLayout54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01516207"/>
      </p:ext>
    </p:extLst>
  </p:cSld>
  <p:clrMapOvr>
    <a:masterClrMapping/>
  </p:clrMapOvr>
  <p:transition>
    <p:fade/>
  </p:transition>
  <p:timing>
    <p:tnLst>
      <p:par>
        <p:cTn id="1" dur="indefinite" restart="never" nodeType="tmRoot"/>
      </p:par>
    </p:tnLst>
  </p:timing>
</p:sldLayout>
</file>

<file path=ppt/slideLayouts/slideLayout54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886334919"/>
      </p:ext>
    </p:extLst>
  </p:cSld>
  <p:clrMapOvr>
    <a:masterClrMapping/>
  </p:clrMapOvr>
  <p:transition>
    <p:fade/>
  </p:transition>
  <p:timing>
    <p:tnLst>
      <p:par>
        <p:cTn id="1" dur="indefinite" restart="never" nodeType="tmRoot"/>
      </p:par>
    </p:tnLst>
  </p:timing>
</p:sldLayout>
</file>

<file path=ppt/slideLayouts/slideLayout5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567742922"/>
      </p:ext>
    </p:extLst>
  </p:cSld>
  <p:clrMapOvr>
    <a:masterClrMapping/>
  </p:clrMapOvr>
  <p:transition>
    <p:fade/>
  </p:transition>
  <p:timing>
    <p:tnLst>
      <p:par>
        <p:cTn id="1" dur="indefinite" restart="never" nodeType="tmRoot"/>
      </p:par>
    </p:tnLst>
  </p:timing>
</p:sldLayout>
</file>

<file path=ppt/slideLayouts/slideLayout544.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121514349"/>
      </p:ext>
    </p:extLst>
  </p:cSld>
  <p:clrMapOvr>
    <a:masterClrMapping/>
  </p:clrMapOvr>
  <p:transition spd="slow">
    <p:fade/>
  </p:transition>
  <p:timing>
    <p:tnLst>
      <p:par>
        <p:cTn id="1" dur="indefinite" restart="never" nodeType="tmRoot"/>
      </p:par>
    </p:tnLst>
  </p:timing>
  <p:hf hdr="0" ftr="0" dt="0"/>
</p:sldLayout>
</file>

<file path=ppt/slideLayouts/slideLayout545.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8419098"/>
      </p:ext>
    </p:extLst>
  </p:cSld>
  <p:clrMapOvr>
    <a:masterClrMapping/>
  </p:clrMapOvr>
  <p:transition>
    <p:fade/>
  </p:transition>
  <p:timing>
    <p:tnLst>
      <p:par>
        <p:cTn id="1" dur="indefinite" restart="never" nodeType="tmRoot"/>
      </p:par>
    </p:tnLst>
  </p:timing>
</p:sldLayout>
</file>

<file path=ppt/slideLayouts/slideLayout546.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281222020"/>
      </p:ext>
    </p:extLst>
  </p:cSld>
  <p:clrMapOvr>
    <a:masterClrMapping/>
  </p:clrMapOvr>
  <p:transition>
    <p:fade/>
  </p:transition>
  <p:timing>
    <p:tnLst>
      <p:par>
        <p:cTn id="1" dur="indefinite" restart="never" nodeType="tmRoot"/>
      </p:par>
    </p:tnLst>
  </p:timing>
  <p:hf hdr="0" ftr="0" dt="0"/>
</p:sldLayout>
</file>

<file path=ppt/slideLayouts/slideLayout547.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188124051"/>
      </p:ext>
    </p:extLst>
  </p:cSld>
  <p:clrMapOvr>
    <a:masterClrMapping/>
  </p:clrMapOvr>
  <p:transition>
    <p:fade/>
  </p:transition>
  <p:timing>
    <p:tnLst>
      <p:par>
        <p:cTn id="1" dur="indefinite" restart="never" nodeType="tmRoot"/>
      </p:par>
    </p:tnLst>
  </p:timing>
</p:sldLayout>
</file>

<file path=ppt/slideLayouts/slideLayout548.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75943835"/>
      </p:ext>
    </p:extLst>
  </p:cSld>
  <p:clrMapOvr>
    <a:masterClrMapping/>
  </p:clrMapOvr>
  <p:transition spd="slow">
    <p:fade/>
  </p:transition>
  <p:timing>
    <p:tnLst>
      <p:par>
        <p:cTn id="1" dur="indefinite" restart="never" nodeType="tmRoot"/>
      </p:par>
    </p:tnLst>
  </p:timing>
</p:sldLayout>
</file>

<file path=ppt/slideLayouts/slideLayout549.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55397772"/>
      </p:ext>
    </p:extLst>
  </p:cSld>
  <p:clrMapOvr>
    <a:masterClrMapping/>
  </p:clrMapOvr>
  <p:transition spd="slow">
    <p:fade/>
  </p:transition>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50.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37775520"/>
      </p:ext>
    </p:extLst>
  </p:cSld>
  <p:clrMapOvr>
    <a:masterClrMapping/>
  </p:clrMapOvr>
  <p:transition spd="slow">
    <p:fade/>
  </p:transition>
  <p:timing>
    <p:tnLst>
      <p:par>
        <p:cTn id="1" dur="indefinite" restart="never" nodeType="tmRoot"/>
      </p:par>
    </p:tnLst>
  </p:timing>
</p:sldLayout>
</file>

<file path=ppt/slideLayouts/slideLayout55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658138531"/>
      </p:ext>
    </p:extLst>
  </p:cSld>
  <p:clrMapOvr>
    <a:masterClrMapping/>
  </p:clrMapOvr>
  <p:transition spd="slow">
    <p:fade/>
  </p:transition>
  <p:timing>
    <p:tnLst>
      <p:par>
        <p:cTn id="1" dur="indefinite" restart="never" nodeType="tmRoot"/>
      </p:par>
    </p:tnLst>
  </p:timing>
</p:sldLayout>
</file>

<file path=ppt/slideLayouts/slideLayout552.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03941672"/>
      </p:ext>
    </p:extLst>
  </p:cSld>
  <p:clrMapOvr>
    <a:masterClrMapping/>
  </p:clrMapOvr>
  <p:transition spd="slow">
    <p:fade/>
  </p:transition>
  <p:timing>
    <p:tnLst>
      <p:par>
        <p:cTn id="1" dur="indefinite" restart="never" nodeType="tmRoot"/>
      </p:par>
    </p:tnLst>
  </p:timing>
</p:sldLayout>
</file>

<file path=ppt/slideLayouts/slideLayout553.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76814627"/>
      </p:ext>
    </p:extLst>
  </p:cSld>
  <p:clrMapOvr>
    <a:masterClrMapping/>
  </p:clrMapOvr>
  <p:transition spd="slow">
    <p:fade/>
  </p:transition>
  <p:timing>
    <p:tnLst>
      <p:par>
        <p:cTn id="1" dur="indefinite" restart="never" nodeType="tmRoot"/>
      </p:par>
    </p:tnLst>
  </p:timing>
</p:sldLayout>
</file>

<file path=ppt/slideLayouts/slideLayout554.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650437864"/>
      </p:ext>
    </p:extLst>
  </p:cSld>
  <p:clrMapOvr>
    <a:masterClrMapping/>
  </p:clrMapOvr>
  <p:transition spd="slow">
    <p:fade/>
  </p:transition>
  <p:timing>
    <p:tnLst>
      <p:par>
        <p:cTn id="1" dur="indefinite" restart="never" nodeType="tmRoot"/>
      </p:par>
    </p:tnLst>
  </p:timing>
</p:sldLayout>
</file>

<file path=ppt/slideLayouts/slideLayout55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64460527"/>
      </p:ext>
    </p:extLst>
  </p:cSld>
  <p:clrMapOvr>
    <a:masterClrMapping/>
  </p:clrMapOvr>
  <p:transition>
    <p:fade/>
  </p:transition>
  <p:timing>
    <p:tnLst>
      <p:par>
        <p:cTn id="1" dur="indefinite" restart="never" nodeType="tmRoot"/>
      </p:par>
    </p:tnLst>
  </p:timing>
</p:sldLayout>
</file>

<file path=ppt/slideLayouts/slideLayout55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226648167"/>
      </p:ext>
    </p:extLst>
  </p:cSld>
  <p:clrMapOvr>
    <a:masterClrMapping/>
  </p:clrMapOvr>
  <p:transition>
    <p:fade/>
  </p:transition>
  <p:timing>
    <p:tnLst>
      <p:par>
        <p:cTn id="1" dur="indefinite" restart="never" nodeType="tmRoot"/>
      </p:par>
    </p:tnLst>
  </p:timing>
</p:sldLayout>
</file>

<file path=ppt/slideLayouts/slideLayout55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60430283"/>
      </p:ext>
    </p:extLst>
  </p:cSld>
  <p:clrMapOvr>
    <a:masterClrMapping/>
  </p:clrMapOvr>
  <p:transition>
    <p:fade/>
  </p:transition>
  <p:timing>
    <p:tnLst>
      <p:par>
        <p:cTn id="1" dur="indefinite" restart="never" nodeType="tmRoot"/>
      </p:par>
    </p:tnLst>
  </p:timing>
  <p:hf hdr="0" ftr="0" dt="0"/>
</p:sldLayout>
</file>

<file path=ppt/slideLayouts/slideLayout55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98384876"/>
      </p:ext>
    </p:extLst>
  </p:cSld>
  <p:clrMapOvr>
    <a:masterClrMapping/>
  </p:clrMapOvr>
  <p:transition>
    <p:fade/>
  </p:transition>
  <p:timing>
    <p:tnLst>
      <p:par>
        <p:cTn id="1" dur="indefinite" restart="never" nodeType="tmRoot"/>
      </p:par>
    </p:tnLst>
  </p:timing>
</p:sldLayout>
</file>

<file path=ppt/slideLayouts/slideLayout55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0262690"/>
      </p:ext>
    </p:extLst>
  </p:cSld>
  <p:clrMapOvr>
    <a:masterClrMapping/>
  </p:clrMapOvr>
  <p:transition>
    <p:fade/>
  </p:transition>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6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493961717"/>
      </p:ext>
    </p:extLst>
  </p:cSld>
  <p:clrMapOvr>
    <a:masterClrMapping/>
  </p:clrMapOvr>
  <p:transition>
    <p:fade/>
  </p:transition>
  <p:timing>
    <p:tnLst>
      <p:par>
        <p:cTn id="1" dur="indefinite" restart="never" nodeType="tmRoot"/>
      </p:par>
    </p:tnLst>
  </p:timing>
</p:sldLayout>
</file>

<file path=ppt/slideLayouts/slideLayout56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090547128"/>
      </p:ext>
    </p:extLst>
  </p:cSld>
  <p:clrMapOvr>
    <a:masterClrMapping/>
  </p:clrMapOvr>
  <p:transition>
    <p:fade/>
  </p:transition>
  <p:timing>
    <p:tnLst>
      <p:par>
        <p:cTn id="1" dur="indefinite" restart="never" nodeType="tmRoot"/>
      </p:par>
    </p:tnLst>
  </p:timing>
</p:sldLayout>
</file>

<file path=ppt/slideLayouts/slideLayout5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86258228"/>
      </p:ext>
    </p:extLst>
  </p:cSld>
  <p:clrMapOvr>
    <a:masterClrMapping/>
  </p:clrMapOvr>
  <p:transition>
    <p:fade/>
  </p:transition>
  <p:timing>
    <p:tnLst>
      <p:par>
        <p:cTn id="1" dur="indefinite" restart="never" nodeType="tmRoot"/>
      </p:par>
    </p:tnLst>
  </p:timing>
</p:sldLayout>
</file>

<file path=ppt/slideLayouts/slideLayout563.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00298420"/>
      </p:ext>
    </p:extLst>
  </p:cSld>
  <p:clrMapOvr>
    <a:masterClrMapping/>
  </p:clrMapOvr>
  <p:transition spd="slow">
    <p:fade/>
  </p:transition>
  <p:timing>
    <p:tnLst>
      <p:par>
        <p:cTn id="1" dur="indefinite" restart="never" nodeType="tmRoot"/>
      </p:par>
    </p:tnLst>
  </p:timing>
  <p:hf hdr="0" ftr="0" dt="0"/>
</p:sldLayout>
</file>

<file path=ppt/slideLayouts/slideLayout564.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434268770"/>
      </p:ext>
    </p:extLst>
  </p:cSld>
  <p:clrMapOvr>
    <a:masterClrMapping/>
  </p:clrMapOvr>
  <p:transition>
    <p:fade/>
  </p:transition>
  <p:timing>
    <p:tnLst>
      <p:par>
        <p:cTn id="1" dur="indefinite" restart="never" nodeType="tmRoot"/>
      </p:par>
    </p:tnLst>
  </p:timing>
</p:sldLayout>
</file>

<file path=ppt/slideLayouts/slideLayout565.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317841773"/>
      </p:ext>
    </p:extLst>
  </p:cSld>
  <p:clrMapOvr>
    <a:masterClrMapping/>
  </p:clrMapOvr>
  <p:transition>
    <p:fade/>
  </p:transition>
  <p:timing>
    <p:tnLst>
      <p:par>
        <p:cTn id="1" dur="indefinite" restart="never" nodeType="tmRoot"/>
      </p:par>
    </p:tnLst>
  </p:timing>
  <p:hf hdr="0" ftr="0" dt="0"/>
</p:sldLayout>
</file>

<file path=ppt/slideLayouts/slideLayout56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9740895"/>
      </p:ext>
    </p:extLst>
  </p:cSld>
  <p:clrMapOvr>
    <a:masterClrMapping/>
  </p:clrMapOvr>
  <p:transition>
    <p:fade/>
  </p:transition>
  <p:timing>
    <p:tnLst>
      <p:par>
        <p:cTn id="1" dur="indefinite" restart="never" nodeType="tmRoot"/>
      </p:par>
    </p:tnLst>
  </p:timing>
</p:sldLayout>
</file>

<file path=ppt/slideLayouts/slideLayout567.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84007064"/>
      </p:ext>
    </p:extLst>
  </p:cSld>
  <p:clrMapOvr>
    <a:masterClrMapping/>
  </p:clrMapOvr>
  <p:transition spd="slow">
    <p:fade/>
  </p:transition>
  <p:timing>
    <p:tnLst>
      <p:par>
        <p:cTn id="1" dur="indefinite" restart="never" nodeType="tmRoot"/>
      </p:par>
    </p:tnLst>
  </p:timing>
</p:sldLayout>
</file>

<file path=ppt/slideLayouts/slideLayout568.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441261237"/>
      </p:ext>
    </p:extLst>
  </p:cSld>
  <p:clrMapOvr>
    <a:masterClrMapping/>
  </p:clrMapOvr>
  <p:transition spd="slow">
    <p:fade/>
  </p:transition>
  <p:timing>
    <p:tnLst>
      <p:par>
        <p:cTn id="1" dur="indefinite" restart="never" nodeType="tmRoot"/>
      </p:par>
    </p:tnLst>
  </p:timing>
</p:sldLayout>
</file>

<file path=ppt/slideLayouts/slideLayout569.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344959190"/>
      </p:ext>
    </p:extLst>
  </p:cSld>
  <p:clrMapOvr>
    <a:masterClrMapping/>
  </p:clrMapOvr>
  <p:transition spd="slow">
    <p:fade/>
  </p:transition>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99725223"/>
      </p:ext>
    </p:extLst>
  </p:cSld>
  <p:clrMapOvr>
    <a:masterClrMapping/>
  </p:clrMapOvr>
  <p:transition spd="slow">
    <p:fade/>
  </p:transition>
  <p:timing>
    <p:tnLst>
      <p:par>
        <p:cTn id="1" dur="indefinite" restart="never" nodeType="tmRoot"/>
      </p:par>
    </p:tnLst>
  </p:timing>
</p:sldLayout>
</file>

<file path=ppt/slideLayouts/slideLayout570.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086516810"/>
      </p:ext>
    </p:extLst>
  </p:cSld>
  <p:clrMapOvr>
    <a:masterClrMapping/>
  </p:clrMapOvr>
  <p:transition spd="slow">
    <p:fade/>
  </p:transition>
  <p:timing>
    <p:tnLst>
      <p:par>
        <p:cTn id="1" dur="indefinite" restart="never" nodeType="tmRoot"/>
      </p:par>
    </p:tnLst>
  </p:timing>
</p:sldLayout>
</file>

<file path=ppt/slideLayouts/slideLayout571.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25300449"/>
      </p:ext>
    </p:extLst>
  </p:cSld>
  <p:clrMapOvr>
    <a:masterClrMapping/>
  </p:clrMapOvr>
  <p:transition spd="slow">
    <p:fade/>
  </p:transition>
  <p:timing>
    <p:tnLst>
      <p:par>
        <p:cTn id="1" dur="indefinite" restart="never" nodeType="tmRoot"/>
      </p:par>
    </p:tnLst>
  </p:timing>
</p:sldLayout>
</file>

<file path=ppt/slideLayouts/slideLayout572.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691105063"/>
      </p:ext>
    </p:extLst>
  </p:cSld>
  <p:clrMapOvr>
    <a:masterClrMapping/>
  </p:clrMapOvr>
  <p:transition spd="slow">
    <p:fade/>
  </p:transition>
  <p:timing>
    <p:tnLst>
      <p:par>
        <p:cTn id="1" dur="indefinite" restart="never" nodeType="tmRoot"/>
      </p:par>
    </p:tnLst>
  </p:timing>
</p:sldLayout>
</file>

<file path=ppt/slideLayouts/slideLayout573.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459190268"/>
      </p:ext>
    </p:extLst>
  </p:cSld>
  <p:clrMapOvr>
    <a:masterClrMapping/>
  </p:clrMapOvr>
  <p:transition spd="slow">
    <p:fade/>
  </p:transition>
  <p:timing>
    <p:tnLst>
      <p:par>
        <p:cTn id="1" dur="indefinite" restart="never" nodeType="tmRoot"/>
      </p:par>
    </p:tnLst>
  </p:timing>
</p:sldLayout>
</file>

<file path=ppt/slideLayouts/slideLayout57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577932562"/>
      </p:ext>
    </p:extLst>
  </p:cSld>
  <p:clrMapOvr>
    <a:masterClrMapping/>
  </p:clrMapOvr>
  <p:transition spd="slow">
    <p:fade/>
  </p:transition>
</p:sldLayout>
</file>

<file path=ppt/slideLayouts/slideLayout57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715167824"/>
      </p:ext>
    </p:extLst>
  </p:cSld>
  <p:clrMapOvr>
    <a:masterClrMapping/>
  </p:clrMapOvr>
  <p:transition spd="slow">
    <p:fade/>
  </p:transition>
</p:sldLayout>
</file>

<file path=ppt/slideLayouts/slideLayout576.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809681066"/>
      </p:ext>
    </p:extLst>
  </p:cSld>
  <p:clrMapOvr>
    <a:masterClrMapping/>
  </p:clrMapOvr>
  <p:transition spd="slow">
    <p:fade/>
  </p:transition>
  <p:timing>
    <p:tnLst>
      <p:par>
        <p:cTn id="1" dur="indefinite" restart="never" nodeType="tmRoot"/>
      </p:par>
    </p:tnLst>
  </p:timing>
</p:sldLayout>
</file>

<file path=ppt/slideLayouts/slideLayout577.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2158676680"/>
      </p:ext>
    </p:extLst>
  </p:cSld>
  <p:clrMapOvr>
    <a:masterClrMapping/>
  </p:clrMapOvr>
  <p:transition spd="slow">
    <p:fade/>
  </p:transition>
</p:sldLayout>
</file>

<file path=ppt/slideLayouts/slideLayout578.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812636231"/>
      </p:ext>
    </p:extLst>
  </p:cSld>
  <p:clrMapOvr>
    <a:masterClrMapping/>
  </p:clrMapOvr>
  <p:transition spd="slow">
    <p:fade/>
  </p:transition>
  <p:timing>
    <p:tnLst>
      <p:par>
        <p:cTn id="1" dur="indefinite" restart="never" nodeType="tmRoot"/>
      </p:par>
    </p:tnLst>
  </p:timing>
  <p:hf hdr="0" ftr="0" dt="0"/>
</p:sldLayout>
</file>

<file path=ppt/slideLayouts/slideLayout57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517606032"/>
      </p:ext>
    </p:extLst>
  </p:cSld>
  <p:clrMapOvr>
    <a:masterClrMapping/>
  </p:clrMapOvr>
  <p:transition spd="slow">
    <p:fade/>
  </p:transition>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8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68107442"/>
      </p:ext>
    </p:extLst>
  </p:cSld>
  <p:clrMapOvr>
    <a:masterClrMapping/>
  </p:clrMapOvr>
  <p:transition spd="slow">
    <p:fade/>
  </p:transition>
  <p:timing>
    <p:tnLst>
      <p:par>
        <p:cTn id="1" dur="indefinite" restart="never" nodeType="tmRoot"/>
      </p:par>
    </p:tnLst>
  </p:timing>
</p:sldLayout>
</file>

<file path=ppt/slideLayouts/slideLayout58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182687304"/>
      </p:ext>
    </p:extLst>
  </p:cSld>
  <p:clrMapOvr>
    <a:masterClrMapping/>
  </p:clrMapOvr>
  <p:transition spd="slow">
    <p:fade/>
  </p:transition>
  <p:timing>
    <p:tnLst>
      <p:par>
        <p:cTn id="1" dur="indefinite" restart="never" nodeType="tmRoot"/>
      </p:par>
    </p:tnLst>
  </p:timing>
</p:sldLayout>
</file>

<file path=ppt/slideLayouts/slideLayout58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482665009"/>
      </p:ext>
    </p:extLst>
  </p:cSld>
  <p:clrMapOvr>
    <a:masterClrMapping/>
  </p:clrMapOvr>
  <p:transition spd="slow">
    <p:fade/>
  </p:transition>
</p:sldLayout>
</file>

<file path=ppt/slideLayouts/slideLayout58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842329367"/>
      </p:ext>
    </p:extLst>
  </p:cSld>
  <p:clrMapOvr>
    <a:masterClrMapping/>
  </p:clrMapOvr>
  <p:transition spd="slow">
    <p:fade/>
  </p:transition>
</p:sldLayout>
</file>

<file path=ppt/slideLayouts/slideLayout58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574053469"/>
      </p:ext>
    </p:extLst>
  </p:cSld>
  <p:clrMapOvr>
    <a:masterClrMapping/>
  </p:clrMapOvr>
  <p:transition spd="slow">
    <p:fade/>
  </p:transition>
</p:sldLayout>
</file>

<file path=ppt/slideLayouts/slideLayout584.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673474702"/>
      </p:ext>
    </p:extLst>
  </p:cSld>
  <p:clrMapOvr>
    <a:masterClrMapping/>
  </p:clrMapOvr>
  <p:transition spd="slow">
    <p:fade/>
  </p:transition>
  <p:timing>
    <p:tnLst>
      <p:par>
        <p:cTn id="1" dur="indefinite" restart="never" nodeType="tmRoot"/>
      </p:par>
    </p:tnLst>
  </p:timing>
</p:sldLayout>
</file>

<file path=ppt/slideLayouts/slideLayout585.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161414388"/>
      </p:ext>
    </p:extLst>
  </p:cSld>
  <p:clrMapOvr>
    <a:masterClrMapping/>
  </p:clrMapOvr>
  <p:transition spd="slow">
    <p:fade/>
  </p:transition>
  <p:timing>
    <p:tnLst>
      <p:par>
        <p:cTn id="1" dur="indefinite" restart="never" nodeType="tmRoot"/>
      </p:par>
    </p:tnLst>
  </p:timing>
</p:sldLayout>
</file>

<file path=ppt/slideLayouts/slideLayout586.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850721934"/>
      </p:ext>
    </p:extLst>
  </p:cSld>
  <p:clrMapOvr>
    <a:masterClrMapping/>
  </p:clrMapOvr>
  <p:transition spd="slow">
    <p:fade/>
  </p:transition>
  <p:timing>
    <p:tnLst>
      <p:par>
        <p:cTn id="1" dur="indefinite" restart="never" nodeType="tmRoot"/>
      </p:par>
    </p:tnLst>
  </p:timing>
</p:sldLayout>
</file>

<file path=ppt/slideLayouts/slideLayout587.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826573719"/>
      </p:ext>
    </p:extLst>
  </p:cSld>
  <p:clrMapOvr>
    <a:masterClrMapping/>
  </p:clrMapOvr>
  <p:transition spd="slow">
    <p:fade/>
  </p:transition>
</p:sldLayout>
</file>

<file path=ppt/slideLayouts/slideLayout588.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217500060"/>
      </p:ext>
    </p:extLst>
  </p:cSld>
  <p:clrMapOvr>
    <a:masterClrMapping/>
  </p:clrMapOvr>
  <p:transition spd="slow">
    <p:fade/>
  </p:transition>
</p:sldLayout>
</file>

<file path=ppt/slideLayouts/slideLayout589.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742927382"/>
      </p:ext>
    </p:extLst>
  </p:cSld>
  <p:clrMapOvr>
    <a:masterClrMapping/>
  </p:clrMapOvr>
  <p:transition spd="slow">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9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68107442"/>
      </p:ext>
    </p:extLst>
  </p:cSld>
  <p:clrMapOvr>
    <a:masterClrMapping/>
  </p:clrMapOvr>
  <p:transition spd="slow">
    <p:fade/>
  </p:transition>
  <p:timing>
    <p:tnLst>
      <p:par>
        <p:cTn id="1" dur="indefinite" restart="never" nodeType="tmRoot"/>
      </p:par>
    </p:tnLst>
  </p:timing>
</p:sldLayout>
</file>

<file path=ppt/slideLayouts/slideLayout590.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185256537"/>
      </p:ext>
    </p:extLst>
  </p:cSld>
  <p:clrMapOvr>
    <a:masterClrMapping/>
  </p:clrMapOvr>
  <p:transition spd="slow">
    <p:fade/>
  </p:transition>
</p:sldLayout>
</file>

<file path=ppt/slideLayouts/slideLayout591.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295314356"/>
      </p:ext>
    </p:extLst>
  </p:cSld>
  <p:clrMapOvr>
    <a:masterClrMapping/>
  </p:clrMapOvr>
  <p:transition spd="slow">
    <p:fade/>
  </p:transition>
  <p:timing>
    <p:tnLst>
      <p:par>
        <p:cTn id="1" dur="indefinite" restart="never" nodeType="tmRoot"/>
      </p:par>
    </p:tnLst>
  </p:timing>
</p:sldLayout>
</file>

<file path=ppt/slideLayouts/slideLayout592.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4085437194"/>
      </p:ext>
    </p:extLst>
  </p:cSld>
  <p:clrMapOvr>
    <a:masterClrMapping/>
  </p:clrMapOvr>
  <p:transition>
    <p:fade/>
  </p:transition>
  <p:timing>
    <p:tnLst>
      <p:par>
        <p:cTn id="1" dur="indefinite" restart="never" nodeType="tmRoot"/>
      </p:par>
    </p:tnLst>
  </p:timing>
  <p:hf hdr="0" ftr="0" dt="0"/>
</p:sldLayout>
</file>

<file path=ppt/slideLayouts/slideLayout593.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149114980"/>
      </p:ext>
    </p:extLst>
  </p:cSld>
  <p:clrMapOvr>
    <a:masterClrMapping/>
  </p:clrMapOvr>
  <p:transition>
    <p:fade/>
  </p:transition>
</p:sldLayout>
</file>

<file path=ppt/slideLayouts/slideLayout594.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996363640"/>
      </p:ext>
    </p:extLst>
  </p:cSld>
  <p:clrMapOvr>
    <a:masterClrMapping/>
  </p:clrMapOvr>
  <p:transition>
    <p:fade/>
  </p:transition>
</p:sldLayout>
</file>

<file path=ppt/slideLayouts/slideLayout59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72243665"/>
      </p:ext>
    </p:extLst>
  </p:cSld>
  <p:clrMapOvr>
    <a:masterClrMapping/>
  </p:clrMapOvr>
  <p:transition spd="slow">
    <p:fade/>
  </p:transition>
</p:sldLayout>
</file>

<file path=ppt/slideLayouts/slideLayout59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954964152"/>
      </p:ext>
    </p:extLst>
  </p:cSld>
  <p:clrMapOvr>
    <a:masterClrMapping/>
  </p:clrMapOvr>
  <p:transition spd="slow">
    <p:fade/>
  </p:transition>
</p:sldLayout>
</file>

<file path=ppt/slideLayouts/slideLayout597.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94385696"/>
      </p:ext>
    </p:extLst>
  </p:cSld>
  <p:clrMapOvr>
    <a:masterClrMapping/>
  </p:clrMapOvr>
  <p:transition spd="slow">
    <p:fade/>
  </p:transition>
  <p:timing>
    <p:tnLst>
      <p:par>
        <p:cTn id="1" dur="indefinite" restart="never" nodeType="tmRoot"/>
      </p:par>
    </p:tnLst>
  </p:timing>
</p:sldLayout>
</file>

<file path=ppt/slideLayouts/slideLayout598.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366978758"/>
      </p:ext>
    </p:extLst>
  </p:cSld>
  <p:clrMapOvr>
    <a:masterClrMapping/>
  </p:clrMapOvr>
  <p:transition spd="slow">
    <p:fade/>
  </p:transition>
</p:sldLayout>
</file>

<file path=ppt/slideLayouts/slideLayout599.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551152194"/>
      </p:ext>
    </p:extLst>
  </p:cSld>
  <p:clrMapOvr>
    <a:masterClrMapping/>
  </p:clrMapOvr>
  <p:transition spd="slow">
    <p:fade/>
  </p:transition>
  <p:timing>
    <p:tnLst>
      <p:par>
        <p:cTn id="1" dur="indefinite" restart="never" nodeType="tmRoot"/>
      </p:par>
    </p:tnLst>
  </p:timing>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cSld>
  <p:clrMapOvr>
    <a:masterClrMapping/>
  </p:clrMapOvr>
  <p:transition spd="slow">
    <p:fade/>
  </p:transition>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10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68107442"/>
      </p:ext>
    </p:extLst>
  </p:cSld>
  <p:clrMapOvr>
    <a:masterClrMapping/>
  </p:clrMapOvr>
  <p:transition spd="slow">
    <p:fade/>
  </p:transition>
  <p:timing>
    <p:tnLst>
      <p:par>
        <p:cTn id="1" dur="indefinite" restart="never" nodeType="tmRoot"/>
      </p:par>
    </p:tnLst>
  </p:timing>
</p:sldLayout>
</file>

<file path=ppt/slideLayouts/slideLayout60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03361059"/>
      </p:ext>
    </p:extLst>
  </p:cSld>
  <p:clrMapOvr>
    <a:masterClrMapping/>
  </p:clrMapOvr>
  <p:transition spd="slow">
    <p:fade/>
  </p:transition>
  <p:timing>
    <p:tnLst>
      <p:par>
        <p:cTn id="1" dur="indefinite" restart="never" nodeType="tmRoot"/>
      </p:par>
    </p:tnLst>
  </p:timing>
</p:sldLayout>
</file>

<file path=ppt/slideLayouts/slideLayout60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280185662"/>
      </p:ext>
    </p:extLst>
  </p:cSld>
  <p:clrMapOvr>
    <a:masterClrMapping/>
  </p:clrMapOvr>
  <p:transition spd="slow">
    <p:fade/>
  </p:transition>
  <p:timing>
    <p:tnLst>
      <p:par>
        <p:cTn id="1" dur="indefinite" restart="never" nodeType="tmRoot"/>
      </p:par>
    </p:tnLst>
  </p:timing>
</p:sldLayout>
</file>

<file path=ppt/slideLayouts/slideLayout60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2392253632"/>
      </p:ext>
    </p:extLst>
  </p:cSld>
  <p:clrMapOvr>
    <a:masterClrMapping/>
  </p:clrMapOvr>
  <p:transition spd="slow">
    <p:fade/>
  </p:transition>
</p:sldLayout>
</file>

<file path=ppt/slideLayouts/slideLayout60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988398023"/>
      </p:ext>
    </p:extLst>
  </p:cSld>
  <p:clrMapOvr>
    <a:masterClrMapping/>
  </p:clrMapOvr>
  <p:transition spd="slow">
    <p:fade/>
  </p:transition>
</p:sldLayout>
</file>

<file path=ppt/slideLayouts/slideLayout60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00182138"/>
      </p:ext>
    </p:extLst>
  </p:cSld>
  <p:clrMapOvr>
    <a:masterClrMapping/>
  </p:clrMapOvr>
  <p:transition spd="slow">
    <p:fade/>
  </p:transition>
</p:sldLayout>
</file>

<file path=ppt/slideLayouts/slideLayout605.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869318646"/>
      </p:ext>
    </p:extLst>
  </p:cSld>
  <p:clrMapOvr>
    <a:masterClrMapping/>
  </p:clrMapOvr>
  <p:transition spd="slow">
    <p:fade/>
  </p:transition>
  <p:timing>
    <p:tnLst>
      <p:par>
        <p:cTn id="1" dur="indefinite" restart="never" nodeType="tmRoot"/>
      </p:par>
    </p:tnLst>
  </p:timing>
</p:sldLayout>
</file>

<file path=ppt/slideLayouts/slideLayout606.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758272307"/>
      </p:ext>
    </p:extLst>
  </p:cSld>
  <p:clrMapOvr>
    <a:masterClrMapping/>
  </p:clrMapOvr>
  <p:transition spd="slow">
    <p:fade/>
  </p:transition>
  <p:timing>
    <p:tnLst>
      <p:par>
        <p:cTn id="1" dur="indefinite" restart="never" nodeType="tmRoot"/>
      </p:par>
    </p:tnLst>
  </p:timing>
</p:sldLayout>
</file>

<file path=ppt/slideLayouts/slideLayout607.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377208986"/>
      </p:ext>
    </p:extLst>
  </p:cSld>
  <p:clrMapOvr>
    <a:masterClrMapping/>
  </p:clrMapOvr>
  <p:transition spd="slow">
    <p:fade/>
  </p:transition>
  <p:timing>
    <p:tnLst>
      <p:par>
        <p:cTn id="1" dur="indefinite" restart="never" nodeType="tmRoot"/>
      </p:par>
    </p:tnLst>
  </p:timing>
</p:sldLayout>
</file>

<file path=ppt/slideLayouts/slideLayout608.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798885138"/>
      </p:ext>
    </p:extLst>
  </p:cSld>
  <p:clrMapOvr>
    <a:masterClrMapping/>
  </p:clrMapOvr>
  <p:transition spd="slow">
    <p:fade/>
  </p:transition>
</p:sldLayout>
</file>

<file path=ppt/slideLayouts/slideLayout609.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20144770"/>
      </p:ext>
    </p:extLst>
  </p:cSld>
  <p:clrMapOvr>
    <a:masterClrMapping/>
  </p:clrMapOvr>
  <p:transition spd="slow">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704520747"/>
      </p:ext>
    </p:extLst>
  </p:cSld>
  <p:clrMapOvr>
    <a:masterClrMapping/>
  </p:clrMapOvr>
  <p:transition spd="slow">
    <p:fade/>
  </p:transition>
</p:sldLayout>
</file>

<file path=ppt/slideLayouts/slideLayout610.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463201360"/>
      </p:ext>
    </p:extLst>
  </p:cSld>
  <p:clrMapOvr>
    <a:masterClrMapping/>
  </p:clrMapOvr>
  <p:transition spd="slow">
    <p:fade/>
  </p:transition>
</p:sldLayout>
</file>

<file path=ppt/slideLayouts/slideLayout611.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688837466"/>
      </p:ext>
    </p:extLst>
  </p:cSld>
  <p:clrMapOvr>
    <a:masterClrMapping/>
  </p:clrMapOvr>
  <p:transition spd="slow">
    <p:fade/>
  </p:transition>
</p:sldLayout>
</file>

<file path=ppt/slideLayouts/slideLayout612.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006225368"/>
      </p:ext>
    </p:extLst>
  </p:cSld>
  <p:clrMapOvr>
    <a:masterClrMapping/>
  </p:clrMapOvr>
  <p:transition spd="slow">
    <p:fade/>
  </p:transition>
  <p:timing>
    <p:tnLst>
      <p:par>
        <p:cTn id="1" dur="indefinite" restart="never" nodeType="tmRoot"/>
      </p:par>
    </p:tnLst>
  </p:timing>
</p:sldLayout>
</file>

<file path=ppt/slideLayouts/slideLayout613.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838387605"/>
      </p:ext>
    </p:extLst>
  </p:cSld>
  <p:clrMapOvr>
    <a:masterClrMapping/>
  </p:clrMapOvr>
  <p:transition>
    <p:fade/>
  </p:transition>
  <p:timing>
    <p:tnLst>
      <p:par>
        <p:cTn id="1" dur="indefinite" restart="never" nodeType="tmRoot"/>
      </p:par>
    </p:tnLst>
  </p:timing>
  <p:hf hdr="0" ftr="0" dt="0"/>
</p:sldLayout>
</file>

<file path=ppt/slideLayouts/slideLayout614.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749018769"/>
      </p:ext>
    </p:extLst>
  </p:cSld>
  <p:clrMapOvr>
    <a:masterClrMapping/>
  </p:clrMapOvr>
  <p:transition>
    <p:fade/>
  </p:transition>
</p:sldLayout>
</file>

<file path=ppt/slideLayouts/slideLayout615.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550581611"/>
      </p:ext>
    </p:extLst>
  </p:cSld>
  <p:clrMapOvr>
    <a:masterClrMapping/>
  </p:clrMapOvr>
  <p:transition>
    <p:fade/>
  </p:transition>
</p:sldLayout>
</file>

<file path=ppt/slideLayouts/slideLayout61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734421428"/>
      </p:ext>
    </p:extLst>
  </p:cSld>
  <p:clrMapOvr>
    <a:masterClrMapping/>
  </p:clrMapOvr>
  <p:transition>
    <p:fade/>
  </p:transition>
  <p:timing>
    <p:tnLst>
      <p:par>
        <p:cTn id="1" dur="indefinite" restart="never" nodeType="tmRoot"/>
      </p:par>
    </p:tnLst>
  </p:timing>
</p:sldLayout>
</file>

<file path=ppt/slideLayouts/slideLayout617.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682893906"/>
      </p:ext>
    </p:extLst>
  </p:cSld>
  <p:clrMapOvr>
    <a:masterClrMapping/>
  </p:clrMapOvr>
  <p:transition>
    <p:fade/>
  </p:transition>
  <p:timing>
    <p:tnLst>
      <p:par>
        <p:cTn id="1" dur="indefinite" restart="never" nodeType="tmRoot"/>
      </p:par>
    </p:tnLst>
  </p:timing>
</p:sldLayout>
</file>

<file path=ppt/slideLayouts/slideLayout61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621079981"/>
      </p:ext>
    </p:extLst>
  </p:cSld>
  <p:clrMapOvr>
    <a:masterClrMapping/>
  </p:clrMapOvr>
  <p:transition>
    <p:fade/>
  </p:transition>
  <p:timing>
    <p:tnLst>
      <p:par>
        <p:cTn id="1" dur="indefinite" restart="never" nodeType="tmRoot"/>
      </p:par>
    </p:tnLst>
  </p:timing>
  <p:hf hdr="0" ftr="0" dt="0"/>
</p:sldLayout>
</file>

<file path=ppt/slideLayouts/slideLayout61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1442033"/>
      </p:ext>
    </p:extLst>
  </p:cSld>
  <p:clrMapOvr>
    <a:masterClrMapping/>
  </p:clrMapOvr>
  <p:transition>
    <p:fade/>
  </p:transition>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4074848020"/>
      </p:ext>
    </p:extLst>
  </p:cSld>
  <p:clrMapOvr>
    <a:masterClrMapping/>
  </p:clrMapOvr>
  <p:transition spd="slow">
    <p:fade/>
  </p:transition>
</p:sldLayout>
</file>

<file path=ppt/slideLayouts/slideLayout62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14551068"/>
      </p:ext>
    </p:extLst>
  </p:cSld>
  <p:clrMapOvr>
    <a:masterClrMapping/>
  </p:clrMapOvr>
  <p:transition>
    <p:fade/>
  </p:transition>
  <p:timing>
    <p:tnLst>
      <p:par>
        <p:cTn id="1" dur="indefinite" restart="never" nodeType="tmRoot"/>
      </p:par>
    </p:tnLst>
  </p:timing>
</p:sldLayout>
</file>

<file path=ppt/slideLayouts/slideLayout62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53516838"/>
      </p:ext>
    </p:extLst>
  </p:cSld>
  <p:clrMapOvr>
    <a:masterClrMapping/>
  </p:clrMapOvr>
  <p:transition>
    <p:fade/>
  </p:transition>
  <p:timing>
    <p:tnLst>
      <p:par>
        <p:cTn id="1" dur="indefinite" restart="never" nodeType="tmRoot"/>
      </p:par>
    </p:tnLst>
  </p:timing>
</p:sldLayout>
</file>

<file path=ppt/slideLayouts/slideLayout62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583438887"/>
      </p:ext>
    </p:extLst>
  </p:cSld>
  <p:clrMapOvr>
    <a:masterClrMapping/>
  </p:clrMapOvr>
  <p:transition>
    <p:fade/>
  </p:transition>
  <p:timing>
    <p:tnLst>
      <p:par>
        <p:cTn id="1" dur="indefinite" restart="never" nodeType="tmRoot"/>
      </p:par>
    </p:tnLst>
  </p:timing>
</p:sldLayout>
</file>

<file path=ppt/slideLayouts/slideLayout6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085954169"/>
      </p:ext>
    </p:extLst>
  </p:cSld>
  <p:clrMapOvr>
    <a:masterClrMapping/>
  </p:clrMapOvr>
  <p:transition>
    <p:fade/>
  </p:transition>
  <p:timing>
    <p:tnLst>
      <p:par>
        <p:cTn id="1" dur="indefinite" restart="never" nodeType="tmRoot"/>
      </p:par>
    </p:tnLst>
  </p:timing>
</p:sldLayout>
</file>

<file path=ppt/slideLayouts/slideLayout624.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39107229"/>
      </p:ext>
    </p:extLst>
  </p:cSld>
  <p:clrMapOvr>
    <a:masterClrMapping/>
  </p:clrMapOvr>
  <p:transition spd="slow">
    <p:fade/>
  </p:transition>
  <p:timing>
    <p:tnLst>
      <p:par>
        <p:cTn id="1" dur="indefinite" restart="never" nodeType="tmRoot"/>
      </p:par>
    </p:tnLst>
  </p:timing>
  <p:hf hdr="0" ftr="0" dt="0"/>
</p:sldLayout>
</file>

<file path=ppt/slideLayouts/slideLayout625.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54591697"/>
      </p:ext>
    </p:extLst>
  </p:cSld>
  <p:clrMapOvr>
    <a:masterClrMapping/>
  </p:clrMapOvr>
  <p:transition>
    <p:fade/>
  </p:transition>
  <p:timing>
    <p:tnLst>
      <p:par>
        <p:cTn id="1" dur="indefinite" restart="never" nodeType="tmRoot"/>
      </p:par>
    </p:tnLst>
  </p:timing>
</p:sldLayout>
</file>

<file path=ppt/slideLayouts/slideLayout626.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60245639"/>
      </p:ext>
    </p:extLst>
  </p:cSld>
  <p:clrMapOvr>
    <a:masterClrMapping/>
  </p:clrMapOvr>
  <p:transition>
    <p:fade/>
  </p:transition>
  <p:timing>
    <p:tnLst>
      <p:par>
        <p:cTn id="1" dur="indefinite" restart="never" nodeType="tmRoot"/>
      </p:par>
    </p:tnLst>
  </p:timing>
  <p:hf hdr="0" ftr="0" dt="0"/>
</p:sldLayout>
</file>

<file path=ppt/slideLayouts/slideLayout627.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215924477"/>
      </p:ext>
    </p:extLst>
  </p:cSld>
  <p:clrMapOvr>
    <a:masterClrMapping/>
  </p:clrMapOvr>
  <p:transition>
    <p:fade/>
  </p:transition>
  <p:timing>
    <p:tnLst>
      <p:par>
        <p:cTn id="1" dur="indefinite" restart="never" nodeType="tmRoot"/>
      </p:par>
    </p:tnLst>
  </p:timing>
</p:sldLayout>
</file>

<file path=ppt/slideLayouts/slideLayout628.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10131918"/>
      </p:ext>
    </p:extLst>
  </p:cSld>
  <p:clrMapOvr>
    <a:masterClrMapping/>
  </p:clrMapOvr>
  <p:transition spd="slow">
    <p:fade/>
  </p:transition>
  <p:timing>
    <p:tnLst>
      <p:par>
        <p:cTn id="1" dur="indefinite" restart="never" nodeType="tmRoot"/>
      </p:par>
    </p:tnLst>
  </p:timing>
</p:sldLayout>
</file>

<file path=ppt/slideLayouts/slideLayout629.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41120342"/>
      </p:ext>
    </p:extLst>
  </p:cSld>
  <p:clrMapOvr>
    <a:masterClrMapping/>
  </p:clrMapOvr>
  <p:transition spd="slow">
    <p:fade/>
  </p:transition>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902304577"/>
      </p:ext>
    </p:extLst>
  </p:cSld>
  <p:clrMapOvr>
    <a:masterClrMapping/>
  </p:clrMapOvr>
  <p:transition spd="slow">
    <p:fade/>
  </p:transition>
  <p:timing>
    <p:tnLst>
      <p:par>
        <p:cTn id="1" dur="indefinite" restart="never" nodeType="tmRoot"/>
      </p:par>
    </p:tnLst>
  </p:timing>
</p:sldLayout>
</file>

<file path=ppt/slideLayouts/slideLayout630.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11542657"/>
      </p:ext>
    </p:extLst>
  </p:cSld>
  <p:clrMapOvr>
    <a:masterClrMapping/>
  </p:clrMapOvr>
  <p:transition spd="slow">
    <p:fade/>
  </p:transition>
  <p:timing>
    <p:tnLst>
      <p:par>
        <p:cTn id="1" dur="indefinite" restart="never" nodeType="tmRoot"/>
      </p:par>
    </p:tnLst>
  </p:timing>
</p:sldLayout>
</file>

<file path=ppt/slideLayouts/slideLayout63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17148682"/>
      </p:ext>
    </p:extLst>
  </p:cSld>
  <p:clrMapOvr>
    <a:masterClrMapping/>
  </p:clrMapOvr>
  <p:transition spd="slow">
    <p:fade/>
  </p:transition>
  <p:timing>
    <p:tnLst>
      <p:par>
        <p:cTn id="1" dur="indefinite" restart="never" nodeType="tmRoot"/>
      </p:par>
    </p:tnLst>
  </p:timing>
</p:sldLayout>
</file>

<file path=ppt/slideLayouts/slideLayout632.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7970763"/>
      </p:ext>
    </p:extLst>
  </p:cSld>
  <p:clrMapOvr>
    <a:masterClrMapping/>
  </p:clrMapOvr>
  <p:transition spd="slow">
    <p:fade/>
  </p:transition>
  <p:timing>
    <p:tnLst>
      <p:par>
        <p:cTn id="1" dur="indefinite" restart="never" nodeType="tmRoot"/>
      </p:par>
    </p:tnLst>
  </p:timing>
</p:sldLayout>
</file>

<file path=ppt/slideLayouts/slideLayout633.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788880"/>
      </p:ext>
    </p:extLst>
  </p:cSld>
  <p:clrMapOvr>
    <a:masterClrMapping/>
  </p:clrMapOvr>
  <p:transition spd="slow">
    <p:fade/>
  </p:transition>
  <p:timing>
    <p:tnLst>
      <p:par>
        <p:cTn id="1" dur="indefinite" restart="never" nodeType="tmRoot"/>
      </p:par>
    </p:tnLst>
  </p:timing>
</p:sldLayout>
</file>

<file path=ppt/slideLayouts/slideLayout634.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9454346"/>
      </p:ext>
    </p:extLst>
  </p:cSld>
  <p:clrMapOvr>
    <a:masterClrMapping/>
  </p:clrMapOvr>
  <p:transition spd="slow">
    <p:fade/>
  </p:transition>
  <p:timing>
    <p:tnLst>
      <p:par>
        <p:cTn id="1" dur="indefinite" restart="never" nodeType="tmRoot"/>
      </p:par>
    </p:tnLst>
  </p:timing>
</p:sldLayout>
</file>

<file path=ppt/slideLayouts/slideLayout63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411610226"/>
      </p:ext>
    </p:extLst>
  </p:cSld>
  <p:clrMapOvr>
    <a:masterClrMapping/>
  </p:clrMapOvr>
  <p:transition>
    <p:fade/>
  </p:transition>
  <p:timing>
    <p:tnLst>
      <p:par>
        <p:cTn id="1" dur="indefinite" restart="never" nodeType="tmRoot"/>
      </p:par>
    </p:tnLst>
  </p:timing>
</p:sldLayout>
</file>

<file path=ppt/slideLayouts/slideLayout63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810421338"/>
      </p:ext>
    </p:extLst>
  </p:cSld>
  <p:clrMapOvr>
    <a:masterClrMapping/>
  </p:clrMapOvr>
  <p:transition>
    <p:fade/>
  </p:transition>
  <p:timing>
    <p:tnLst>
      <p:par>
        <p:cTn id="1" dur="indefinite" restart="never" nodeType="tmRoot"/>
      </p:par>
    </p:tnLst>
  </p:timing>
</p:sldLayout>
</file>

<file path=ppt/slideLayouts/slideLayout63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36630035"/>
      </p:ext>
    </p:extLst>
  </p:cSld>
  <p:clrMapOvr>
    <a:masterClrMapping/>
  </p:clrMapOvr>
  <p:transition>
    <p:fade/>
  </p:transition>
  <p:timing>
    <p:tnLst>
      <p:par>
        <p:cTn id="1" dur="indefinite" restart="never" nodeType="tmRoot"/>
      </p:par>
    </p:tnLst>
  </p:timing>
  <p:hf hdr="0" ftr="0" dt="0"/>
</p:sldLayout>
</file>

<file path=ppt/slideLayouts/slideLayout63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63164136"/>
      </p:ext>
    </p:extLst>
  </p:cSld>
  <p:clrMapOvr>
    <a:masterClrMapping/>
  </p:clrMapOvr>
  <p:transition>
    <p:fade/>
  </p:transition>
  <p:timing>
    <p:tnLst>
      <p:par>
        <p:cTn id="1" dur="indefinite" restart="never" nodeType="tmRoot"/>
      </p:par>
    </p:tnLst>
  </p:timing>
</p:sldLayout>
</file>

<file path=ppt/slideLayouts/slideLayout63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84115048"/>
      </p:ext>
    </p:extLst>
  </p:cSld>
  <p:clrMapOvr>
    <a:masterClrMapping/>
  </p:clrMapOvr>
  <p:transition>
    <p:fade/>
  </p:transition>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186289345"/>
      </p:ext>
    </p:extLst>
  </p:cSld>
  <p:clrMapOvr>
    <a:masterClrMapping/>
  </p:clrMapOvr>
  <p:transition spd="slow">
    <p:fade/>
  </p:transition>
</p:sldLayout>
</file>

<file path=ppt/slideLayouts/slideLayout64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50590710"/>
      </p:ext>
    </p:extLst>
  </p:cSld>
  <p:clrMapOvr>
    <a:masterClrMapping/>
  </p:clrMapOvr>
  <p:transition>
    <p:fade/>
  </p:transition>
  <p:timing>
    <p:tnLst>
      <p:par>
        <p:cTn id="1" dur="indefinite" restart="never" nodeType="tmRoot"/>
      </p:par>
    </p:tnLst>
  </p:timing>
</p:sldLayout>
</file>

<file path=ppt/slideLayouts/slideLayout64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317518517"/>
      </p:ext>
    </p:extLst>
  </p:cSld>
  <p:clrMapOvr>
    <a:masterClrMapping/>
  </p:clrMapOvr>
  <p:transition>
    <p:fade/>
  </p:transition>
  <p:timing>
    <p:tnLst>
      <p:par>
        <p:cTn id="1" dur="indefinite" restart="never" nodeType="tmRoot"/>
      </p:par>
    </p:tnLst>
  </p:timing>
</p:sldLayout>
</file>

<file path=ppt/slideLayouts/slideLayout64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994720913"/>
      </p:ext>
    </p:extLst>
  </p:cSld>
  <p:clrMapOvr>
    <a:masterClrMapping/>
  </p:clrMapOvr>
  <p:transition>
    <p:fade/>
  </p:transition>
  <p:timing>
    <p:tnLst>
      <p:par>
        <p:cTn id="1" dur="indefinite" restart="never" nodeType="tmRoot"/>
      </p:par>
    </p:tnLst>
  </p:timing>
</p:sldLayout>
</file>

<file path=ppt/slideLayouts/slideLayout643.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70814855"/>
      </p:ext>
    </p:extLst>
  </p:cSld>
  <p:clrMapOvr>
    <a:masterClrMapping/>
  </p:clrMapOvr>
  <p:transition spd="slow">
    <p:fade/>
  </p:transition>
  <p:timing>
    <p:tnLst>
      <p:par>
        <p:cTn id="1" dur="indefinite" restart="never" nodeType="tmRoot"/>
      </p:par>
    </p:tnLst>
  </p:timing>
  <p:hf hdr="0" ftr="0" dt="0"/>
</p:sldLayout>
</file>

<file path=ppt/slideLayouts/slideLayout644.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45453926"/>
      </p:ext>
    </p:extLst>
  </p:cSld>
  <p:clrMapOvr>
    <a:masterClrMapping/>
  </p:clrMapOvr>
  <p:transition>
    <p:fade/>
  </p:transition>
  <p:timing>
    <p:tnLst>
      <p:par>
        <p:cTn id="1" dur="indefinite" restart="never" nodeType="tmRoot"/>
      </p:par>
    </p:tnLst>
  </p:timing>
</p:sldLayout>
</file>

<file path=ppt/slideLayouts/slideLayout645.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2912983352"/>
      </p:ext>
    </p:extLst>
  </p:cSld>
  <p:clrMapOvr>
    <a:masterClrMapping/>
  </p:clrMapOvr>
  <p:transition>
    <p:fade/>
  </p:transition>
  <p:timing>
    <p:tnLst>
      <p:par>
        <p:cTn id="1" dur="indefinite" restart="never" nodeType="tmRoot"/>
      </p:par>
    </p:tnLst>
  </p:timing>
  <p:hf hdr="0" ftr="0" dt="0"/>
</p:sldLayout>
</file>

<file path=ppt/slideLayouts/slideLayout64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56241004"/>
      </p:ext>
    </p:extLst>
  </p:cSld>
  <p:clrMapOvr>
    <a:masterClrMapping/>
  </p:clrMapOvr>
  <p:transition>
    <p:fade/>
  </p:transition>
  <p:timing>
    <p:tnLst>
      <p:par>
        <p:cTn id="1" dur="indefinite" restart="never" nodeType="tmRoot"/>
      </p:par>
    </p:tnLst>
  </p:timing>
</p:sldLayout>
</file>

<file path=ppt/slideLayouts/slideLayout647.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04069653"/>
      </p:ext>
    </p:extLst>
  </p:cSld>
  <p:clrMapOvr>
    <a:masterClrMapping/>
  </p:clrMapOvr>
  <p:transition spd="slow">
    <p:fade/>
  </p:transition>
  <p:timing>
    <p:tnLst>
      <p:par>
        <p:cTn id="1" dur="indefinite" restart="never" nodeType="tmRoot"/>
      </p:par>
    </p:tnLst>
  </p:timing>
</p:sldLayout>
</file>

<file path=ppt/slideLayouts/slideLayout648.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30383793"/>
      </p:ext>
    </p:extLst>
  </p:cSld>
  <p:clrMapOvr>
    <a:masterClrMapping/>
  </p:clrMapOvr>
  <p:transition spd="slow">
    <p:fade/>
  </p:transition>
  <p:timing>
    <p:tnLst>
      <p:par>
        <p:cTn id="1" dur="indefinite" restart="never" nodeType="tmRoot"/>
      </p:par>
    </p:tnLst>
  </p:timing>
</p:sldLayout>
</file>

<file path=ppt/slideLayouts/slideLayout649.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65855635"/>
      </p:ext>
    </p:extLst>
  </p:cSld>
  <p:clrMapOvr>
    <a:masterClrMapping/>
  </p:clrMapOvr>
  <p:transition spd="slow">
    <p:fade/>
  </p:transition>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94416805"/>
      </p:ext>
    </p:extLst>
  </p:cSld>
  <p:clrMapOvr>
    <a:masterClrMapping/>
  </p:clrMapOvr>
  <p:transition spd="slow">
    <p:fade/>
  </p:transition>
  <p:timing>
    <p:tnLst>
      <p:par>
        <p:cTn id="1" dur="indefinite" restart="never" nodeType="tmRoot"/>
      </p:par>
    </p:tnLst>
  </p:timing>
  <p:hf hdr="0" ftr="0" dt="0"/>
</p:sldLayout>
</file>

<file path=ppt/slideLayouts/slideLayout650.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501039631"/>
      </p:ext>
    </p:extLst>
  </p:cSld>
  <p:clrMapOvr>
    <a:masterClrMapping/>
  </p:clrMapOvr>
  <p:transition spd="slow">
    <p:fade/>
  </p:transition>
  <p:timing>
    <p:tnLst>
      <p:par>
        <p:cTn id="1" dur="indefinite" restart="never" nodeType="tmRoot"/>
      </p:par>
    </p:tnLst>
  </p:timing>
</p:sldLayout>
</file>

<file path=ppt/slideLayouts/slideLayout651.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000759430"/>
      </p:ext>
    </p:extLst>
  </p:cSld>
  <p:clrMapOvr>
    <a:masterClrMapping/>
  </p:clrMapOvr>
  <p:transition spd="slow">
    <p:fade/>
  </p:transition>
  <p:timing>
    <p:tnLst>
      <p:par>
        <p:cTn id="1" dur="indefinite" restart="never" nodeType="tmRoot"/>
      </p:par>
    </p:tnLst>
  </p:timing>
</p:sldLayout>
</file>

<file path=ppt/slideLayouts/slideLayout652.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09222305"/>
      </p:ext>
    </p:extLst>
  </p:cSld>
  <p:clrMapOvr>
    <a:masterClrMapping/>
  </p:clrMapOvr>
  <p:transition spd="slow">
    <p:fade/>
  </p:transition>
  <p:timing>
    <p:tnLst>
      <p:par>
        <p:cTn id="1" dur="indefinite" restart="never" nodeType="tmRoot"/>
      </p:par>
    </p:tnLst>
  </p:timing>
</p:sldLayout>
</file>

<file path=ppt/slideLayouts/slideLayout653.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141472413"/>
      </p:ext>
    </p:extLst>
  </p:cSld>
  <p:clrMapOvr>
    <a:masterClrMapping/>
  </p:clrMapOvr>
  <p:transition spd="slow">
    <p:fade/>
  </p:transition>
  <p:timing>
    <p:tnLst>
      <p:par>
        <p:cTn id="1" dur="indefinite" restart="never" nodeType="tmRoot"/>
      </p:par>
    </p:tnLst>
  </p:timing>
</p:sldLayout>
</file>

<file path=ppt/slideLayouts/slideLayout65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409624767"/>
      </p:ext>
    </p:extLst>
  </p:cSld>
  <p:clrMapOvr>
    <a:masterClrMapping/>
  </p:clrMapOvr>
  <p:transition>
    <p:fade/>
  </p:transition>
  <p:timing>
    <p:tnLst>
      <p:par>
        <p:cTn id="1" dur="indefinite" restart="never" nodeType="tmRoot"/>
      </p:par>
    </p:tnLst>
  </p:timing>
</p:sldLayout>
</file>

<file path=ppt/slideLayouts/slideLayout65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269820136"/>
      </p:ext>
    </p:extLst>
  </p:cSld>
  <p:clrMapOvr>
    <a:masterClrMapping/>
  </p:clrMapOvr>
  <p:transition>
    <p:fade/>
  </p:transition>
  <p:timing>
    <p:tnLst>
      <p:par>
        <p:cTn id="1" dur="indefinite" restart="never" nodeType="tmRoot"/>
      </p:par>
    </p:tnLst>
  </p:timing>
</p:sldLayout>
</file>

<file path=ppt/slideLayouts/slideLayout65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3977066"/>
      </p:ext>
    </p:extLst>
  </p:cSld>
  <p:clrMapOvr>
    <a:masterClrMapping/>
  </p:clrMapOvr>
  <p:transition>
    <p:fade/>
  </p:transition>
  <p:timing>
    <p:tnLst>
      <p:par>
        <p:cTn id="1" dur="indefinite" restart="never" nodeType="tmRoot"/>
      </p:par>
    </p:tnLst>
  </p:timing>
  <p:hf hdr="0" ftr="0" dt="0"/>
</p:sldLayout>
</file>

<file path=ppt/slideLayouts/slideLayout65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22118357"/>
      </p:ext>
    </p:extLst>
  </p:cSld>
  <p:clrMapOvr>
    <a:masterClrMapping/>
  </p:clrMapOvr>
  <p:transition>
    <p:fade/>
  </p:transition>
  <p:timing>
    <p:tnLst>
      <p:par>
        <p:cTn id="1" dur="indefinite" restart="never" nodeType="tmRoot"/>
      </p:par>
    </p:tnLst>
  </p:timing>
</p:sldLayout>
</file>

<file path=ppt/slideLayouts/slideLayout658.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496456573"/>
      </p:ext>
    </p:extLst>
  </p:cSld>
  <p:clrMapOvr>
    <a:masterClrMapping/>
  </p:clrMapOvr>
  <p:transition>
    <p:fade/>
  </p:transition>
  <p:timing>
    <p:tnLst>
      <p:par>
        <p:cTn id="1" dur="indefinite" restart="never" nodeType="tmRoot"/>
      </p:par>
    </p:tnLst>
  </p:timing>
</p:sldLayout>
</file>

<file path=ppt/slideLayouts/slideLayout659.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41692330"/>
      </p:ext>
    </p:extLst>
  </p:cSld>
  <p:clrMapOvr>
    <a:masterClrMapping/>
  </p:clrMapOvr>
  <p:transition>
    <p:fade/>
  </p:transition>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4772883"/>
      </p:ext>
    </p:extLst>
  </p:cSld>
  <p:clrMapOvr>
    <a:masterClrMapping/>
  </p:clrMapOvr>
  <p:transition spd="slow">
    <p:fade/>
  </p:transition>
  <p:timing>
    <p:tnLst>
      <p:par>
        <p:cTn id="1" dur="indefinite" restart="never" nodeType="tmRoot"/>
      </p:par>
    </p:tnLst>
  </p:timing>
</p:sldLayout>
</file>

<file path=ppt/slideLayouts/slideLayout6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66843402"/>
      </p:ext>
    </p:extLst>
  </p:cSld>
  <p:clrMapOvr>
    <a:masterClrMapping/>
  </p:clrMapOvr>
  <p:transition>
    <p:fade/>
  </p:transition>
  <p:timing>
    <p:tnLst>
      <p:par>
        <p:cTn id="1" dur="indefinite" restart="never" nodeType="tmRoot"/>
      </p:par>
    </p:tnLst>
  </p:timing>
</p:sldLayout>
</file>

<file path=ppt/slideLayouts/slideLayout66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676223526"/>
      </p:ext>
    </p:extLst>
  </p:cSld>
  <p:clrMapOvr>
    <a:masterClrMapping/>
  </p:clrMapOvr>
  <p:transition>
    <p:fade/>
  </p:transition>
  <p:timing>
    <p:tnLst>
      <p:par>
        <p:cTn id="1" dur="indefinite" restart="never" nodeType="tmRoot"/>
      </p:par>
    </p:tnLst>
  </p:timing>
</p:sldLayout>
</file>

<file path=ppt/slideLayouts/slideLayout662.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1599415"/>
      </p:ext>
    </p:extLst>
  </p:cSld>
  <p:clrMapOvr>
    <a:masterClrMapping/>
  </p:clrMapOvr>
  <p:transition spd="slow">
    <p:fade/>
  </p:transition>
  <p:timing>
    <p:tnLst>
      <p:par>
        <p:cTn id="1" dur="indefinite" restart="never" nodeType="tmRoot"/>
      </p:par>
    </p:tnLst>
  </p:timing>
  <p:hf hdr="0" ftr="0" dt="0"/>
</p:sldLayout>
</file>

<file path=ppt/slideLayouts/slideLayout663.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56369413"/>
      </p:ext>
    </p:extLst>
  </p:cSld>
  <p:clrMapOvr>
    <a:masterClrMapping/>
  </p:clrMapOvr>
  <p:transition>
    <p:fade/>
  </p:transition>
  <p:timing>
    <p:tnLst>
      <p:par>
        <p:cTn id="1" dur="indefinite" restart="never" nodeType="tmRoot"/>
      </p:par>
    </p:tnLst>
  </p:timing>
</p:sldLayout>
</file>

<file path=ppt/slideLayouts/slideLayout664.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867458315"/>
      </p:ext>
    </p:extLst>
  </p:cSld>
  <p:clrMapOvr>
    <a:masterClrMapping/>
  </p:clrMapOvr>
  <p:transition>
    <p:fade/>
  </p:transition>
  <p:timing>
    <p:tnLst>
      <p:par>
        <p:cTn id="1" dur="indefinite" restart="never" nodeType="tmRoot"/>
      </p:par>
    </p:tnLst>
  </p:timing>
  <p:hf hdr="0" ftr="0" dt="0"/>
</p:sldLayout>
</file>

<file path=ppt/slideLayouts/slideLayout665.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35126754"/>
      </p:ext>
    </p:extLst>
  </p:cSld>
  <p:clrMapOvr>
    <a:masterClrMapping/>
  </p:clrMapOvr>
  <p:transition>
    <p:fade/>
  </p:transition>
  <p:timing>
    <p:tnLst>
      <p:par>
        <p:cTn id="1" dur="indefinite" restart="never" nodeType="tmRoot"/>
      </p:par>
    </p:tnLst>
  </p:timing>
</p:sldLayout>
</file>

<file path=ppt/slideLayouts/slideLayout666.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138005601"/>
      </p:ext>
    </p:extLst>
  </p:cSld>
  <p:clrMapOvr>
    <a:masterClrMapping/>
  </p:clrMapOvr>
  <p:transition spd="slow">
    <p:fade/>
  </p:transition>
  <p:timing>
    <p:tnLst>
      <p:par>
        <p:cTn id="1" dur="indefinite" restart="never" nodeType="tmRoot"/>
      </p:par>
    </p:tnLst>
  </p:timing>
</p:sldLayout>
</file>

<file path=ppt/slideLayouts/slideLayout667.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30017525"/>
      </p:ext>
    </p:extLst>
  </p:cSld>
  <p:clrMapOvr>
    <a:masterClrMapping/>
  </p:clrMapOvr>
  <p:transition spd="slow">
    <p:fade/>
  </p:transition>
  <p:timing>
    <p:tnLst>
      <p:par>
        <p:cTn id="1" dur="indefinite" restart="never" nodeType="tmRoot"/>
      </p:par>
    </p:tnLst>
  </p:timing>
</p:sldLayout>
</file>

<file path=ppt/slideLayouts/slideLayout668.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242998065"/>
      </p:ext>
    </p:extLst>
  </p:cSld>
  <p:clrMapOvr>
    <a:masterClrMapping/>
  </p:clrMapOvr>
  <p:transition spd="slow">
    <p:fade/>
  </p:transition>
  <p:timing>
    <p:tnLst>
      <p:par>
        <p:cTn id="1" dur="indefinite" restart="never" nodeType="tmRoot"/>
      </p:par>
    </p:tnLst>
  </p:timing>
</p:sldLayout>
</file>

<file path=ppt/slideLayouts/slideLayout669.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79891251"/>
      </p:ext>
    </p:extLst>
  </p:cSld>
  <p:clrMapOvr>
    <a:masterClrMapping/>
  </p:clrMapOvr>
  <p:transition spd="slow">
    <p:fade/>
  </p:transition>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685752279"/>
      </p:ext>
    </p:extLst>
  </p:cSld>
  <p:clrMapOvr>
    <a:masterClrMapping/>
  </p:clrMapOvr>
  <p:transition spd="slow">
    <p:fade/>
  </p:transition>
  <p:timing>
    <p:tnLst>
      <p:par>
        <p:cTn id="1" dur="indefinite" restart="never" nodeType="tmRoot"/>
      </p:par>
    </p:tnLst>
  </p:timing>
</p:sldLayout>
</file>

<file path=ppt/slideLayouts/slideLayout670.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36084027"/>
      </p:ext>
    </p:extLst>
  </p:cSld>
  <p:clrMapOvr>
    <a:masterClrMapping/>
  </p:clrMapOvr>
  <p:transition spd="slow">
    <p:fade/>
  </p:transition>
  <p:timing>
    <p:tnLst>
      <p:par>
        <p:cTn id="1" dur="indefinite" restart="never" nodeType="tmRoot"/>
      </p:par>
    </p:tnLst>
  </p:timing>
</p:sldLayout>
</file>

<file path=ppt/slideLayouts/slideLayout671.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884884201"/>
      </p:ext>
    </p:extLst>
  </p:cSld>
  <p:clrMapOvr>
    <a:masterClrMapping/>
  </p:clrMapOvr>
  <p:transition spd="slow">
    <p:fade/>
  </p:transition>
  <p:timing>
    <p:tnLst>
      <p:par>
        <p:cTn id="1" dur="indefinite" restart="never" nodeType="tmRoot"/>
      </p:par>
    </p:tnLst>
  </p:timing>
</p:sldLayout>
</file>

<file path=ppt/slideLayouts/slideLayout672.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52710459"/>
      </p:ext>
    </p:extLst>
  </p:cSld>
  <p:clrMapOvr>
    <a:masterClrMapping/>
  </p:clrMapOvr>
  <p:transition spd="slow">
    <p:fade/>
  </p:transition>
  <p:timing>
    <p:tnLst>
      <p:par>
        <p:cTn id="1" dur="indefinite" restart="never" nodeType="tmRoot"/>
      </p:par>
    </p:tnLst>
  </p:timing>
</p:sldLayout>
</file>

<file path=ppt/slideLayouts/slideLayout67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447201510"/>
      </p:ext>
    </p:extLst>
  </p:cSld>
  <p:clrMapOvr>
    <a:masterClrMapping/>
  </p:clrMapOvr>
  <p:transition>
    <p:fade/>
  </p:transition>
  <p:timing>
    <p:tnLst>
      <p:par>
        <p:cTn id="1" dur="indefinite" restart="never" nodeType="tmRoot"/>
      </p:par>
    </p:tnLst>
  </p:timing>
</p:sldLayout>
</file>

<file path=ppt/slideLayouts/slideLayout674.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993099981"/>
      </p:ext>
    </p:extLst>
  </p:cSld>
  <p:clrMapOvr>
    <a:masterClrMapping/>
  </p:clrMapOvr>
  <p:transition>
    <p:fade/>
  </p:transition>
  <p:timing>
    <p:tnLst>
      <p:par>
        <p:cTn id="1" dur="indefinite" restart="never" nodeType="tmRoot"/>
      </p:par>
    </p:tnLst>
  </p:timing>
</p:sldLayout>
</file>

<file path=ppt/slideLayouts/slideLayout67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56185455"/>
      </p:ext>
    </p:extLst>
  </p:cSld>
  <p:clrMapOvr>
    <a:masterClrMapping/>
  </p:clrMapOvr>
  <p:transition>
    <p:fade/>
  </p:transition>
  <p:timing>
    <p:tnLst>
      <p:par>
        <p:cTn id="1" dur="indefinite" restart="never" nodeType="tmRoot"/>
      </p:par>
    </p:tnLst>
  </p:timing>
  <p:hf hdr="0" ftr="0" dt="0"/>
</p:sldLayout>
</file>

<file path=ppt/slideLayouts/slideLayout67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9102335"/>
      </p:ext>
    </p:extLst>
  </p:cSld>
  <p:clrMapOvr>
    <a:masterClrMapping/>
  </p:clrMapOvr>
  <p:transition>
    <p:fade/>
  </p:transition>
  <p:timing>
    <p:tnLst>
      <p:par>
        <p:cTn id="1" dur="indefinite" restart="never" nodeType="tmRoot"/>
      </p:par>
    </p:tnLst>
  </p:timing>
</p:sldLayout>
</file>

<file path=ppt/slideLayouts/slideLayout67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323763298"/>
      </p:ext>
    </p:extLst>
  </p:cSld>
  <p:clrMapOvr>
    <a:masterClrMapping/>
  </p:clrMapOvr>
  <p:transition>
    <p:fade/>
  </p:transition>
  <p:timing>
    <p:tnLst>
      <p:par>
        <p:cTn id="1" dur="indefinite" restart="never" nodeType="tmRoot"/>
      </p:par>
    </p:tnLst>
  </p:timing>
</p:sldLayout>
</file>

<file path=ppt/slideLayouts/slideLayout67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93355799"/>
      </p:ext>
    </p:extLst>
  </p:cSld>
  <p:clrMapOvr>
    <a:masterClrMapping/>
  </p:clrMapOvr>
  <p:transition>
    <p:fade/>
  </p:transition>
  <p:timing>
    <p:tnLst>
      <p:par>
        <p:cTn id="1" dur="indefinite" restart="never" nodeType="tmRoot"/>
      </p:par>
    </p:tnLst>
  </p:timing>
</p:sldLayout>
</file>

<file path=ppt/slideLayouts/slideLayout67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730734713"/>
      </p:ext>
    </p:extLst>
  </p:cSld>
  <p:clrMapOvr>
    <a:masterClrMapping/>
  </p:clrMapOvr>
  <p:transition>
    <p:fade/>
  </p:transition>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029066317"/>
      </p:ext>
    </p:extLst>
  </p:cSld>
  <p:clrMapOvr>
    <a:masterClrMapping/>
  </p:clrMapOvr>
  <p:transition spd="slow">
    <p:fade/>
  </p:transition>
</p:sldLayout>
</file>

<file path=ppt/slideLayouts/slideLayout68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764039617"/>
      </p:ext>
    </p:extLst>
  </p:cSld>
  <p:clrMapOvr>
    <a:masterClrMapping/>
  </p:clrMapOvr>
  <p:transition>
    <p:fade/>
  </p:transition>
  <p:timing>
    <p:tnLst>
      <p:par>
        <p:cTn id="1" dur="indefinite" restart="never" nodeType="tmRoot"/>
      </p:par>
    </p:tnLst>
  </p:timing>
</p:sldLayout>
</file>

<file path=ppt/slideLayouts/slideLayout681.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74945232"/>
      </p:ext>
    </p:extLst>
  </p:cSld>
  <p:clrMapOvr>
    <a:masterClrMapping/>
  </p:clrMapOvr>
  <p:transition spd="slow">
    <p:fade/>
  </p:transition>
  <p:timing>
    <p:tnLst>
      <p:par>
        <p:cTn id="1" dur="indefinite" restart="never" nodeType="tmRoot"/>
      </p:par>
    </p:tnLst>
  </p:timing>
  <p:hf hdr="0" ftr="0" dt="0"/>
</p:sldLayout>
</file>

<file path=ppt/slideLayouts/slideLayout682.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60412782"/>
      </p:ext>
    </p:extLst>
  </p:cSld>
  <p:clrMapOvr>
    <a:masterClrMapping/>
  </p:clrMapOvr>
  <p:transition>
    <p:fade/>
  </p:transition>
  <p:timing>
    <p:tnLst>
      <p:par>
        <p:cTn id="1" dur="indefinite" restart="never" nodeType="tmRoot"/>
      </p:par>
    </p:tnLst>
  </p:timing>
</p:sldLayout>
</file>

<file path=ppt/slideLayouts/slideLayout683.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573982086"/>
      </p:ext>
    </p:extLst>
  </p:cSld>
  <p:clrMapOvr>
    <a:masterClrMapping/>
  </p:clrMapOvr>
  <p:transition>
    <p:fade/>
  </p:transition>
  <p:timing>
    <p:tnLst>
      <p:par>
        <p:cTn id="1" dur="indefinite" restart="never" nodeType="tmRoot"/>
      </p:par>
    </p:tnLst>
  </p:timing>
  <p:hf hdr="0" ftr="0" dt="0"/>
</p:sldLayout>
</file>

<file path=ppt/slideLayouts/slideLayout684.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702104695"/>
      </p:ext>
    </p:extLst>
  </p:cSld>
  <p:clrMapOvr>
    <a:masterClrMapping/>
  </p:clrMapOvr>
  <p:transition>
    <p:fade/>
  </p:transition>
  <p:timing>
    <p:tnLst>
      <p:par>
        <p:cTn id="1" dur="indefinite" restart="never" nodeType="tmRoot"/>
      </p:par>
    </p:tnLst>
  </p:timing>
</p:sldLayout>
</file>

<file path=ppt/slideLayouts/slideLayout685.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3328439"/>
      </p:ext>
    </p:extLst>
  </p:cSld>
  <p:clrMapOvr>
    <a:masterClrMapping/>
  </p:clrMapOvr>
  <p:transition spd="slow">
    <p:fade/>
  </p:transition>
  <p:timing>
    <p:tnLst>
      <p:par>
        <p:cTn id="1" dur="indefinite" restart="never" nodeType="tmRoot"/>
      </p:par>
    </p:tnLst>
  </p:timing>
</p:sldLayout>
</file>

<file path=ppt/slideLayouts/slideLayout686.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393883823"/>
      </p:ext>
    </p:extLst>
  </p:cSld>
  <p:clrMapOvr>
    <a:masterClrMapping/>
  </p:clrMapOvr>
  <p:transition spd="slow">
    <p:fade/>
  </p:transition>
  <p:timing>
    <p:tnLst>
      <p:par>
        <p:cTn id="1" dur="indefinite" restart="never" nodeType="tmRoot"/>
      </p:par>
    </p:tnLst>
  </p:timing>
</p:sldLayout>
</file>

<file path=ppt/slideLayouts/slideLayout687.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12899871"/>
      </p:ext>
    </p:extLst>
  </p:cSld>
  <p:clrMapOvr>
    <a:masterClrMapping/>
  </p:clrMapOvr>
  <p:transition spd="slow">
    <p:fade/>
  </p:transition>
  <p:timing>
    <p:tnLst>
      <p:par>
        <p:cTn id="1" dur="indefinite" restart="never" nodeType="tmRoot"/>
      </p:par>
    </p:tnLst>
  </p:timing>
</p:sldLayout>
</file>

<file path=ppt/slideLayouts/slideLayout688.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57410270"/>
      </p:ext>
    </p:extLst>
  </p:cSld>
  <p:clrMapOvr>
    <a:masterClrMapping/>
  </p:clrMapOvr>
  <p:transition spd="slow">
    <p:fade/>
  </p:transition>
  <p:timing>
    <p:tnLst>
      <p:par>
        <p:cTn id="1" dur="indefinite" restart="never" nodeType="tmRoot"/>
      </p:par>
    </p:tnLst>
  </p:timing>
</p:sldLayout>
</file>

<file path=ppt/slideLayouts/slideLayout689.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6176022"/>
      </p:ext>
    </p:extLst>
  </p:cSld>
  <p:clrMapOvr>
    <a:masterClrMapping/>
  </p:clrMapOvr>
  <p:transition spd="slow">
    <p:fade/>
  </p:transition>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753269192"/>
      </p:ext>
    </p:extLst>
  </p:cSld>
  <p:clrMapOvr>
    <a:masterClrMapping/>
  </p:clrMapOvr>
  <p:transition spd="slow">
    <p:fade/>
  </p:transition>
</p:sldLayout>
</file>

<file path=ppt/slideLayouts/slideLayout690.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48236294"/>
      </p:ext>
    </p:extLst>
  </p:cSld>
  <p:clrMapOvr>
    <a:masterClrMapping/>
  </p:clrMapOvr>
  <p:transition spd="slow">
    <p:fade/>
  </p:transition>
  <p:timing>
    <p:tnLst>
      <p:par>
        <p:cTn id="1" dur="indefinite" restart="never" nodeType="tmRoot"/>
      </p:par>
    </p:tnLst>
  </p:timing>
</p:sldLayout>
</file>

<file path=ppt/slideLayouts/slideLayout691.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302618214"/>
      </p:ext>
    </p:extLst>
  </p:cSld>
  <p:clrMapOvr>
    <a:masterClrMapping/>
  </p:clrMapOvr>
  <p:transition spd="slow">
    <p:fade/>
  </p:transition>
  <p:timing>
    <p:tnLst>
      <p:par>
        <p:cTn id="1" dur="indefinite" restart="never" nodeType="tmRoot"/>
      </p:par>
    </p:tnLst>
  </p:timing>
</p:sldLayout>
</file>

<file path=ppt/slideLayouts/slideLayout69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383103625"/>
      </p:ext>
    </p:extLst>
  </p:cSld>
  <p:clrMapOvr>
    <a:masterClrMapping/>
  </p:clrMapOvr>
  <p:transition>
    <p:fade/>
  </p:transition>
  <p:timing>
    <p:tnLst>
      <p:par>
        <p:cTn id="1" dur="indefinite" restart="never" nodeType="tmRoot"/>
      </p:par>
    </p:tnLst>
  </p:timing>
</p:sldLayout>
</file>

<file path=ppt/slideLayouts/slideLayout693.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1524129891"/>
      </p:ext>
    </p:extLst>
  </p:cSld>
  <p:clrMapOvr>
    <a:masterClrMapping/>
  </p:clrMapOvr>
  <p:transition>
    <p:fade/>
  </p:transition>
  <p:timing>
    <p:tnLst>
      <p:par>
        <p:cTn id="1" dur="indefinite" restart="never" nodeType="tmRoot"/>
      </p:par>
    </p:tnLst>
  </p:timing>
</p:sldLayout>
</file>

<file path=ppt/slideLayouts/slideLayout69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33172918"/>
      </p:ext>
    </p:extLst>
  </p:cSld>
  <p:clrMapOvr>
    <a:masterClrMapping/>
  </p:clrMapOvr>
  <p:transition>
    <p:fade/>
  </p:transition>
  <p:timing>
    <p:tnLst>
      <p:par>
        <p:cTn id="1" dur="indefinite" restart="never" nodeType="tmRoot"/>
      </p:par>
    </p:tnLst>
  </p:timing>
  <p:hf hdr="0" ftr="0" dt="0"/>
</p:sldLayout>
</file>

<file path=ppt/slideLayouts/slideLayout69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709013549"/>
      </p:ext>
    </p:extLst>
  </p:cSld>
  <p:clrMapOvr>
    <a:masterClrMapping/>
  </p:clrMapOvr>
  <p:transition>
    <p:fade/>
  </p:transition>
  <p:timing>
    <p:tnLst>
      <p:par>
        <p:cTn id="1" dur="indefinite" restart="never" nodeType="tmRoot"/>
      </p:par>
    </p:tnLst>
  </p:timing>
</p:sldLayout>
</file>

<file path=ppt/slideLayouts/slideLayout69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040070556"/>
      </p:ext>
    </p:extLst>
  </p:cSld>
  <p:clrMapOvr>
    <a:masterClrMapping/>
  </p:clrMapOvr>
  <p:transition>
    <p:fade/>
  </p:transition>
  <p:timing>
    <p:tnLst>
      <p:par>
        <p:cTn id="1" dur="indefinite" restart="never" nodeType="tmRoot"/>
      </p:par>
    </p:tnLst>
  </p:timing>
</p:sldLayout>
</file>

<file path=ppt/slideLayouts/slideLayout697.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12901200"/>
      </p:ext>
    </p:extLst>
  </p:cSld>
  <p:clrMapOvr>
    <a:masterClrMapping/>
  </p:clrMapOvr>
  <p:transition>
    <p:fade/>
  </p:transition>
  <p:timing>
    <p:tnLst>
      <p:par>
        <p:cTn id="1" dur="indefinite" restart="never" nodeType="tmRoot"/>
      </p:par>
    </p:tnLst>
  </p:timing>
</p:sldLayout>
</file>

<file path=ppt/slideLayouts/slideLayout69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564018392"/>
      </p:ext>
    </p:extLst>
  </p:cSld>
  <p:clrMapOvr>
    <a:masterClrMapping/>
  </p:clrMapOvr>
  <p:transition>
    <p:fade/>
  </p:transition>
  <p:timing>
    <p:tnLst>
      <p:par>
        <p:cTn id="1" dur="indefinite" restart="never" nodeType="tmRoot"/>
      </p:par>
    </p:tnLst>
  </p:timing>
</p:sldLayout>
</file>

<file path=ppt/slideLayouts/slideLayout69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60525806"/>
      </p:ext>
    </p:extLst>
  </p:cSld>
  <p:clrMapOvr>
    <a:masterClrMapping/>
  </p:clrMapOvr>
  <p:transition>
    <p:fade/>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cSld>
  <p:clrMapOvr>
    <a:masterClrMapping/>
  </p:clrMapOvr>
  <p:transition spd="slow">
    <p:fade/>
  </p:transition>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52622165"/>
      </p:ext>
    </p:extLst>
  </p:cSld>
  <p:clrMapOvr>
    <a:masterClrMapping/>
  </p:clrMapOvr>
  <p:transition spd="slow">
    <p:fade/>
  </p:transition>
</p:sldLayout>
</file>

<file path=ppt/slideLayouts/slideLayout700.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756271226"/>
      </p:ext>
    </p:extLst>
  </p:cSld>
  <p:clrMapOvr>
    <a:masterClrMapping/>
  </p:clrMapOvr>
  <p:transition spd="slow">
    <p:fade/>
  </p:transition>
  <p:timing>
    <p:tnLst>
      <p:par>
        <p:cTn id="1" dur="indefinite" restart="never" nodeType="tmRoot"/>
      </p:par>
    </p:tnLst>
  </p:timing>
  <p:hf hdr="0" ftr="0" dt="0"/>
</p:sldLayout>
</file>

<file path=ppt/slideLayouts/slideLayout701.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96150583"/>
      </p:ext>
    </p:extLst>
  </p:cSld>
  <p:clrMapOvr>
    <a:masterClrMapping/>
  </p:clrMapOvr>
  <p:transition>
    <p:fade/>
  </p:transition>
  <p:timing>
    <p:tnLst>
      <p:par>
        <p:cTn id="1" dur="indefinite" restart="never" nodeType="tmRoot"/>
      </p:par>
    </p:tnLst>
  </p:timing>
</p:sldLayout>
</file>

<file path=ppt/slideLayouts/slideLayout702.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071816752"/>
      </p:ext>
    </p:extLst>
  </p:cSld>
  <p:clrMapOvr>
    <a:masterClrMapping/>
  </p:clrMapOvr>
  <p:transition>
    <p:fade/>
  </p:transition>
  <p:timing>
    <p:tnLst>
      <p:par>
        <p:cTn id="1" dur="indefinite" restart="never" nodeType="tmRoot"/>
      </p:par>
    </p:tnLst>
  </p:timing>
  <p:hf hdr="0" ftr="0" dt="0"/>
</p:sldLayout>
</file>

<file path=ppt/slideLayouts/slideLayout703.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77288993"/>
      </p:ext>
    </p:extLst>
  </p:cSld>
  <p:clrMapOvr>
    <a:masterClrMapping/>
  </p:clrMapOvr>
  <p:transition>
    <p:fade/>
  </p:transition>
  <p:timing>
    <p:tnLst>
      <p:par>
        <p:cTn id="1" dur="indefinite" restart="never" nodeType="tmRoot"/>
      </p:par>
    </p:tnLst>
  </p:timing>
</p:sldLayout>
</file>

<file path=ppt/slideLayouts/slideLayout704.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057647185"/>
      </p:ext>
    </p:extLst>
  </p:cSld>
  <p:clrMapOvr>
    <a:masterClrMapping/>
  </p:clrMapOvr>
  <p:transition spd="slow">
    <p:fade/>
  </p:transition>
  <p:timing>
    <p:tnLst>
      <p:par>
        <p:cTn id="1" dur="indefinite" restart="never" nodeType="tmRoot"/>
      </p:par>
    </p:tnLst>
  </p:timing>
</p:sldLayout>
</file>

<file path=ppt/slideLayouts/slideLayout705.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519497435"/>
      </p:ext>
    </p:extLst>
  </p:cSld>
  <p:clrMapOvr>
    <a:masterClrMapping/>
  </p:clrMapOvr>
  <p:transition spd="slow">
    <p:fade/>
  </p:transition>
  <p:timing>
    <p:tnLst>
      <p:par>
        <p:cTn id="1" dur="indefinite" restart="never" nodeType="tmRoot"/>
      </p:par>
    </p:tnLst>
  </p:timing>
</p:sldLayout>
</file>

<file path=ppt/slideLayouts/slideLayout706.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709034293"/>
      </p:ext>
    </p:extLst>
  </p:cSld>
  <p:clrMapOvr>
    <a:masterClrMapping/>
  </p:clrMapOvr>
  <p:transition spd="slow">
    <p:fade/>
  </p:transition>
  <p:timing>
    <p:tnLst>
      <p:par>
        <p:cTn id="1" dur="indefinite" restart="never" nodeType="tmRoot"/>
      </p:par>
    </p:tnLst>
  </p:timing>
</p:sldLayout>
</file>

<file path=ppt/slideLayouts/slideLayout707.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86838529"/>
      </p:ext>
    </p:extLst>
  </p:cSld>
  <p:clrMapOvr>
    <a:masterClrMapping/>
  </p:clrMapOvr>
  <p:transition spd="slow">
    <p:fade/>
  </p:transition>
  <p:timing>
    <p:tnLst>
      <p:par>
        <p:cTn id="1" dur="indefinite" restart="never" nodeType="tmRoot"/>
      </p:par>
    </p:tnLst>
  </p:timing>
</p:sldLayout>
</file>

<file path=ppt/slideLayouts/slideLayout708.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3574988"/>
      </p:ext>
    </p:extLst>
  </p:cSld>
  <p:clrMapOvr>
    <a:masterClrMapping/>
  </p:clrMapOvr>
  <p:transition spd="slow">
    <p:fade/>
  </p:transition>
  <p:timing>
    <p:tnLst>
      <p:par>
        <p:cTn id="1" dur="indefinite" restart="never" nodeType="tmRoot"/>
      </p:par>
    </p:tnLst>
  </p:timing>
</p:sldLayout>
</file>

<file path=ppt/slideLayouts/slideLayout709.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11713114"/>
      </p:ext>
    </p:extLst>
  </p:cSld>
  <p:clrMapOvr>
    <a:masterClrMapping/>
  </p:clrMapOvr>
  <p:transition spd="slow">
    <p:fade/>
  </p:transition>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122001243"/>
      </p:ext>
    </p:extLst>
  </p:cSld>
  <p:clrMapOvr>
    <a:masterClrMapping/>
  </p:clrMapOvr>
  <p:transition spd="slow">
    <p:fade/>
  </p:transition>
  <p:timing>
    <p:tnLst>
      <p:par>
        <p:cTn id="1" dur="indefinite" restart="never" nodeType="tmRoot"/>
      </p:par>
    </p:tnLst>
  </p:timing>
</p:sldLayout>
</file>

<file path=ppt/slideLayouts/slideLayout710.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91751325"/>
      </p:ext>
    </p:extLst>
  </p:cSld>
  <p:clrMapOvr>
    <a:masterClrMapping/>
  </p:clrMapOvr>
  <p:transition spd="slow">
    <p:fade/>
  </p:transition>
  <p:timing>
    <p:tnLst>
      <p:par>
        <p:cTn id="1" dur="indefinite" restart="never" nodeType="tmRoot"/>
      </p:par>
    </p:tnLst>
  </p:timing>
</p:sldLayout>
</file>

<file path=ppt/slideLayouts/slideLayout71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776230697"/>
      </p:ext>
    </p:extLst>
  </p:cSld>
  <p:clrMapOvr>
    <a:masterClrMapping/>
  </p:clrMapOvr>
  <p:transition>
    <p:fade/>
  </p:transition>
  <p:timing>
    <p:tnLst>
      <p:par>
        <p:cTn id="1" dur="indefinite" restart="never" nodeType="tmRoot"/>
      </p:par>
    </p:tnLst>
  </p:timing>
</p:sldLayout>
</file>

<file path=ppt/slideLayouts/slideLayout712.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067283624"/>
      </p:ext>
    </p:extLst>
  </p:cSld>
  <p:clrMapOvr>
    <a:masterClrMapping/>
  </p:clrMapOvr>
  <p:transition>
    <p:fade/>
  </p:transition>
  <p:timing>
    <p:tnLst>
      <p:par>
        <p:cTn id="1" dur="indefinite" restart="never" nodeType="tmRoot"/>
      </p:par>
    </p:tnLst>
  </p:timing>
</p:sldLayout>
</file>

<file path=ppt/slideLayouts/slideLayout71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04247443"/>
      </p:ext>
    </p:extLst>
  </p:cSld>
  <p:clrMapOvr>
    <a:masterClrMapping/>
  </p:clrMapOvr>
  <p:transition>
    <p:fade/>
  </p:transition>
  <p:timing>
    <p:tnLst>
      <p:par>
        <p:cTn id="1" dur="indefinite" restart="never" nodeType="tmRoot"/>
      </p:par>
    </p:tnLst>
  </p:timing>
  <p:hf hdr="0" ftr="0" dt="0"/>
</p:sldLayout>
</file>

<file path=ppt/slideLayouts/slideLayout71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41379859"/>
      </p:ext>
    </p:extLst>
  </p:cSld>
  <p:clrMapOvr>
    <a:masterClrMapping/>
  </p:clrMapOvr>
  <p:transition>
    <p:fade/>
  </p:transition>
  <p:timing>
    <p:tnLst>
      <p:par>
        <p:cTn id="1" dur="indefinite" restart="never" nodeType="tmRoot"/>
      </p:par>
    </p:tnLst>
  </p:timing>
</p:sldLayout>
</file>

<file path=ppt/slideLayouts/slideLayout71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04450099"/>
      </p:ext>
    </p:extLst>
  </p:cSld>
  <p:clrMapOvr>
    <a:masterClrMapping/>
  </p:clrMapOvr>
  <p:transition>
    <p:fade/>
  </p:transition>
  <p:timing>
    <p:tnLst>
      <p:par>
        <p:cTn id="1" dur="indefinite" restart="never" nodeType="tmRoot"/>
      </p:par>
    </p:tnLst>
  </p:timing>
</p:sldLayout>
</file>

<file path=ppt/slideLayouts/slideLayout71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3128460"/>
      </p:ext>
    </p:extLst>
  </p:cSld>
  <p:clrMapOvr>
    <a:masterClrMapping/>
  </p:clrMapOvr>
  <p:transition>
    <p:fade/>
  </p:transition>
  <p:timing>
    <p:tnLst>
      <p:par>
        <p:cTn id="1" dur="indefinite" restart="never" nodeType="tmRoot"/>
      </p:par>
    </p:tnLst>
  </p:timing>
</p:sldLayout>
</file>

<file path=ppt/slideLayouts/slideLayout7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370775878"/>
      </p:ext>
    </p:extLst>
  </p:cSld>
  <p:clrMapOvr>
    <a:masterClrMapping/>
  </p:clrMapOvr>
  <p:transition>
    <p:fade/>
  </p:transition>
  <p:timing>
    <p:tnLst>
      <p:par>
        <p:cTn id="1" dur="indefinite" restart="never" nodeType="tmRoot"/>
      </p:par>
    </p:tnLst>
  </p:timing>
</p:sldLayout>
</file>

<file path=ppt/slideLayouts/slideLayout7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234653355"/>
      </p:ext>
    </p:extLst>
  </p:cSld>
  <p:clrMapOvr>
    <a:masterClrMapping/>
  </p:clrMapOvr>
  <p:transition>
    <p:fade/>
  </p:transition>
  <p:timing>
    <p:tnLst>
      <p:par>
        <p:cTn id="1" dur="indefinite" restart="never" nodeType="tmRoot"/>
      </p:par>
    </p:tnLst>
  </p:timing>
</p:sldLayout>
</file>

<file path=ppt/slideLayouts/slideLayout719.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78076352"/>
      </p:ext>
    </p:extLst>
  </p:cSld>
  <p:clrMapOvr>
    <a:masterClrMapping/>
  </p:clrMapOvr>
  <p:transition spd="slow">
    <p:fade/>
  </p:transition>
  <p:timing>
    <p:tnLst>
      <p:par>
        <p:cTn id="1" dur="indefinite" restart="never" nodeType="tmRoot"/>
      </p:par>
    </p:tnLst>
  </p:timing>
  <p:hf hdr="0" ftr="0" dt="0"/>
</p:sldLayout>
</file>

<file path=ppt/slideLayouts/slideLayout72.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008035046"/>
      </p:ext>
    </p:extLst>
  </p:cSld>
  <p:clrMapOvr>
    <a:masterClrMapping/>
  </p:clrMapOvr>
  <p:transition spd="slow">
    <p:fade/>
  </p:transition>
  <p:timing>
    <p:tnLst>
      <p:par>
        <p:cTn id="1" dur="indefinite" restart="never" nodeType="tmRoot"/>
      </p:par>
    </p:tnLst>
  </p:timing>
</p:sldLayout>
</file>

<file path=ppt/slideLayouts/slideLayout720.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024402020"/>
      </p:ext>
    </p:extLst>
  </p:cSld>
  <p:clrMapOvr>
    <a:masterClrMapping/>
  </p:clrMapOvr>
  <p:transition>
    <p:fade/>
  </p:transition>
  <p:timing>
    <p:tnLst>
      <p:par>
        <p:cTn id="1" dur="indefinite" restart="never" nodeType="tmRoot"/>
      </p:par>
    </p:tnLst>
  </p:timing>
</p:sldLayout>
</file>

<file path=ppt/slideLayouts/slideLayout721.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649437735"/>
      </p:ext>
    </p:extLst>
  </p:cSld>
  <p:clrMapOvr>
    <a:masterClrMapping/>
  </p:clrMapOvr>
  <p:transition>
    <p:fade/>
  </p:transition>
  <p:timing>
    <p:tnLst>
      <p:par>
        <p:cTn id="1" dur="indefinite" restart="never" nodeType="tmRoot"/>
      </p:par>
    </p:tnLst>
  </p:timing>
  <p:hf hdr="0" ftr="0" dt="0"/>
</p:sldLayout>
</file>

<file path=ppt/slideLayouts/slideLayout72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311942989"/>
      </p:ext>
    </p:extLst>
  </p:cSld>
  <p:clrMapOvr>
    <a:masterClrMapping/>
  </p:clrMapOvr>
  <p:transition>
    <p:fade/>
  </p:transition>
  <p:timing>
    <p:tnLst>
      <p:par>
        <p:cTn id="1" dur="indefinite" restart="never" nodeType="tmRoot"/>
      </p:par>
    </p:tnLst>
  </p:timing>
</p:sldLayout>
</file>

<file path=ppt/slideLayouts/slideLayout72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02623623"/>
      </p:ext>
    </p:extLst>
  </p:cSld>
  <p:clrMapOvr>
    <a:masterClrMapping/>
  </p:clrMapOvr>
  <p:transition spd="slow">
    <p:fade/>
  </p:transition>
  <p:timing>
    <p:tnLst>
      <p:par>
        <p:cTn id="1" dur="indefinite" restart="never" nodeType="tmRoot"/>
      </p:par>
    </p:tnLst>
  </p:timing>
</p:sldLayout>
</file>

<file path=ppt/slideLayouts/slideLayout724.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92654387"/>
      </p:ext>
    </p:extLst>
  </p:cSld>
  <p:clrMapOvr>
    <a:masterClrMapping/>
  </p:clrMapOvr>
  <p:transition spd="slow">
    <p:fade/>
  </p:transition>
  <p:timing>
    <p:tnLst>
      <p:par>
        <p:cTn id="1" dur="indefinite" restart="never" nodeType="tmRoot"/>
      </p:par>
    </p:tnLst>
  </p:timing>
</p:sldLayout>
</file>

<file path=ppt/slideLayouts/slideLayout725.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09351664"/>
      </p:ext>
    </p:extLst>
  </p:cSld>
  <p:clrMapOvr>
    <a:masterClrMapping/>
  </p:clrMapOvr>
  <p:transition spd="slow">
    <p:fade/>
  </p:transition>
  <p:timing>
    <p:tnLst>
      <p:par>
        <p:cTn id="1" dur="indefinite" restart="never" nodeType="tmRoot"/>
      </p:par>
    </p:tnLst>
  </p:timing>
</p:sldLayout>
</file>

<file path=ppt/slideLayouts/slideLayout726.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99237640"/>
      </p:ext>
    </p:extLst>
  </p:cSld>
  <p:clrMapOvr>
    <a:masterClrMapping/>
  </p:clrMapOvr>
  <p:transition spd="slow">
    <p:fade/>
  </p:transition>
  <p:timing>
    <p:tnLst>
      <p:par>
        <p:cTn id="1" dur="indefinite" restart="never" nodeType="tmRoot"/>
      </p:par>
    </p:tnLst>
  </p:timing>
</p:sldLayout>
</file>

<file path=ppt/slideLayouts/slideLayout727.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537300213"/>
      </p:ext>
    </p:extLst>
  </p:cSld>
  <p:clrMapOvr>
    <a:masterClrMapping/>
  </p:clrMapOvr>
  <p:transition spd="slow">
    <p:fade/>
  </p:transition>
  <p:timing>
    <p:tnLst>
      <p:par>
        <p:cTn id="1" dur="indefinite" restart="never" nodeType="tmRoot"/>
      </p:par>
    </p:tnLst>
  </p:timing>
</p:sldLayout>
</file>

<file path=ppt/slideLayouts/slideLayout728.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611316356"/>
      </p:ext>
    </p:extLst>
  </p:cSld>
  <p:clrMapOvr>
    <a:masterClrMapping/>
  </p:clrMapOvr>
  <p:transition spd="slow">
    <p:fade/>
  </p:transition>
  <p:timing>
    <p:tnLst>
      <p:par>
        <p:cTn id="1" dur="indefinite" restart="never" nodeType="tmRoot"/>
      </p:par>
    </p:tnLst>
  </p:timing>
</p:sldLayout>
</file>

<file path=ppt/slideLayouts/slideLayout729.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38894029"/>
      </p:ext>
    </p:extLst>
  </p:cSld>
  <p:clrMapOvr>
    <a:masterClrMapping/>
  </p:clrMapOvr>
  <p:transition spd="slow">
    <p:fade/>
  </p:transition>
  <p:timing>
    <p:tnLst>
      <p:par>
        <p:cTn id="1" dur="indefinite" restart="never" nodeType="tmRoot"/>
      </p:par>
    </p:tnLst>
  </p:timing>
</p:sldLayout>
</file>

<file path=ppt/slideLayouts/slideLayout73.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649511983"/>
      </p:ext>
    </p:extLst>
  </p:cSld>
  <p:clrMapOvr>
    <a:masterClrMapping/>
  </p:clrMapOvr>
  <p:transition spd="slow">
    <p:fade/>
  </p:transition>
  <p:timing>
    <p:tnLst>
      <p:par>
        <p:cTn id="1" dur="indefinite" restart="never" nodeType="tmRoot"/>
      </p:par>
    </p:tnLst>
  </p:timing>
</p:sldLayout>
</file>

<file path=ppt/slideLayouts/slideLayout73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235368838"/>
      </p:ext>
    </p:extLst>
  </p:cSld>
  <p:clrMapOvr>
    <a:masterClrMapping/>
  </p:clrMapOvr>
  <p:transition>
    <p:fade/>
  </p:transition>
  <p:timing>
    <p:tnLst>
      <p:par>
        <p:cTn id="1" dur="indefinite" restart="never" nodeType="tmRoot"/>
      </p:par>
    </p:tnLst>
  </p:timing>
</p:sldLayout>
</file>

<file path=ppt/slideLayouts/slideLayout731.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025922371"/>
      </p:ext>
    </p:extLst>
  </p:cSld>
  <p:clrMapOvr>
    <a:masterClrMapping/>
  </p:clrMapOvr>
  <p:transition>
    <p:fade/>
  </p:transition>
  <p:timing>
    <p:tnLst>
      <p:par>
        <p:cTn id="1" dur="indefinite" restart="never" nodeType="tmRoot"/>
      </p:par>
    </p:tnLst>
  </p:timing>
</p:sldLayout>
</file>

<file path=ppt/slideLayouts/slideLayout73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743460"/>
      </p:ext>
    </p:extLst>
  </p:cSld>
  <p:clrMapOvr>
    <a:masterClrMapping/>
  </p:clrMapOvr>
  <p:transition>
    <p:fade/>
  </p:transition>
  <p:timing>
    <p:tnLst>
      <p:par>
        <p:cTn id="1" dur="indefinite" restart="never" nodeType="tmRoot"/>
      </p:par>
    </p:tnLst>
  </p:timing>
  <p:hf hdr="0" ftr="0" dt="0"/>
</p:sldLayout>
</file>

<file path=ppt/slideLayouts/slideLayout73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44063496"/>
      </p:ext>
    </p:extLst>
  </p:cSld>
  <p:clrMapOvr>
    <a:masterClrMapping/>
  </p:clrMapOvr>
  <p:transition>
    <p:fade/>
  </p:transition>
  <p:timing>
    <p:tnLst>
      <p:par>
        <p:cTn id="1" dur="indefinite" restart="never" nodeType="tmRoot"/>
      </p:par>
    </p:tnLst>
  </p:timing>
</p:sldLayout>
</file>

<file path=ppt/slideLayouts/slideLayout73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05625400"/>
      </p:ext>
    </p:extLst>
  </p:cSld>
  <p:clrMapOvr>
    <a:masterClrMapping/>
  </p:clrMapOvr>
  <p:transition>
    <p:fade/>
  </p:transition>
  <p:timing>
    <p:tnLst>
      <p:par>
        <p:cTn id="1" dur="indefinite" restart="never" nodeType="tmRoot"/>
      </p:par>
    </p:tnLst>
  </p:timing>
</p:sldLayout>
</file>

<file path=ppt/slideLayouts/slideLayout73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040895611"/>
      </p:ext>
    </p:extLst>
  </p:cSld>
  <p:clrMapOvr>
    <a:masterClrMapping/>
  </p:clrMapOvr>
  <p:transition>
    <p:fade/>
  </p:transition>
  <p:timing>
    <p:tnLst>
      <p:par>
        <p:cTn id="1" dur="indefinite" restart="never" nodeType="tmRoot"/>
      </p:par>
    </p:tnLst>
  </p:timing>
</p:sldLayout>
</file>

<file path=ppt/slideLayouts/slideLayout73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64312357"/>
      </p:ext>
    </p:extLst>
  </p:cSld>
  <p:clrMapOvr>
    <a:masterClrMapping/>
  </p:clrMapOvr>
  <p:transition>
    <p:fade/>
  </p:transition>
  <p:timing>
    <p:tnLst>
      <p:par>
        <p:cTn id="1" dur="indefinite" restart="never" nodeType="tmRoot"/>
      </p:par>
    </p:tnLst>
  </p:timing>
</p:sldLayout>
</file>

<file path=ppt/slideLayouts/slideLayout73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289847788"/>
      </p:ext>
    </p:extLst>
  </p:cSld>
  <p:clrMapOvr>
    <a:masterClrMapping/>
  </p:clrMapOvr>
  <p:transition>
    <p:fade/>
  </p:transition>
  <p:timing>
    <p:tnLst>
      <p:par>
        <p:cTn id="1" dur="indefinite" restart="never" nodeType="tmRoot"/>
      </p:par>
    </p:tnLst>
  </p:timing>
</p:sldLayout>
</file>

<file path=ppt/slideLayouts/slideLayout738.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44873023"/>
      </p:ext>
    </p:extLst>
  </p:cSld>
  <p:clrMapOvr>
    <a:masterClrMapping/>
  </p:clrMapOvr>
  <p:transition spd="slow">
    <p:fade/>
  </p:transition>
  <p:timing>
    <p:tnLst>
      <p:par>
        <p:cTn id="1" dur="indefinite" restart="never" nodeType="tmRoot"/>
      </p:par>
    </p:tnLst>
  </p:timing>
  <p:hf hdr="0" ftr="0" dt="0"/>
</p:sldLayout>
</file>

<file path=ppt/slideLayouts/slideLayout739.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39121783"/>
      </p:ext>
    </p:extLst>
  </p:cSld>
  <p:clrMapOvr>
    <a:masterClrMapping/>
  </p:clrMapOvr>
  <p:transition>
    <p:fade/>
  </p:transition>
  <p:timing>
    <p:tnLst>
      <p:par>
        <p:cTn id="1" dur="indefinite" restart="never" nodeType="tmRoot"/>
      </p:par>
    </p:tnLst>
  </p:timing>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21667622"/>
      </p:ext>
    </p:extLst>
  </p:cSld>
  <p:clrMapOvr>
    <a:masterClrMapping/>
  </p:clrMapOvr>
  <p:transition spd="slow">
    <p:fade/>
  </p:transition>
</p:sldLayout>
</file>

<file path=ppt/slideLayouts/slideLayout740.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500121728"/>
      </p:ext>
    </p:extLst>
  </p:cSld>
  <p:clrMapOvr>
    <a:masterClrMapping/>
  </p:clrMapOvr>
  <p:transition>
    <p:fade/>
  </p:transition>
  <p:timing>
    <p:tnLst>
      <p:par>
        <p:cTn id="1" dur="indefinite" restart="never" nodeType="tmRoot"/>
      </p:par>
    </p:tnLst>
  </p:timing>
  <p:hf hdr="0" ftr="0" dt="0"/>
</p:sldLayout>
</file>

<file path=ppt/slideLayouts/slideLayout741.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04308934"/>
      </p:ext>
    </p:extLst>
  </p:cSld>
  <p:clrMapOvr>
    <a:masterClrMapping/>
  </p:clrMapOvr>
  <p:transition>
    <p:fade/>
  </p:transition>
  <p:timing>
    <p:tnLst>
      <p:par>
        <p:cTn id="1" dur="indefinite" restart="never" nodeType="tmRoot"/>
      </p:par>
    </p:tnLst>
  </p:timing>
</p:sldLayout>
</file>

<file path=ppt/slideLayouts/slideLayout742.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322229508"/>
      </p:ext>
    </p:extLst>
  </p:cSld>
  <p:clrMapOvr>
    <a:masterClrMapping/>
  </p:clrMapOvr>
  <p:transition spd="slow">
    <p:fade/>
  </p:transition>
  <p:timing>
    <p:tnLst>
      <p:par>
        <p:cTn id="1" dur="indefinite" restart="never" nodeType="tmRoot"/>
      </p:par>
    </p:tnLst>
  </p:timing>
</p:sldLayout>
</file>

<file path=ppt/slideLayouts/slideLayout743.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786290579"/>
      </p:ext>
    </p:extLst>
  </p:cSld>
  <p:clrMapOvr>
    <a:masterClrMapping/>
  </p:clrMapOvr>
  <p:transition spd="slow">
    <p:fade/>
  </p:transition>
  <p:timing>
    <p:tnLst>
      <p:par>
        <p:cTn id="1" dur="indefinite" restart="never" nodeType="tmRoot"/>
      </p:par>
    </p:tnLst>
  </p:timing>
</p:sldLayout>
</file>

<file path=ppt/slideLayouts/slideLayout744.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550012833"/>
      </p:ext>
    </p:extLst>
  </p:cSld>
  <p:clrMapOvr>
    <a:masterClrMapping/>
  </p:clrMapOvr>
  <p:transition spd="slow">
    <p:fade/>
  </p:transition>
  <p:timing>
    <p:tnLst>
      <p:par>
        <p:cTn id="1" dur="indefinite" restart="never" nodeType="tmRoot"/>
      </p:par>
    </p:tnLst>
  </p:timing>
</p:sldLayout>
</file>

<file path=ppt/slideLayouts/slideLayout745.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8798128"/>
      </p:ext>
    </p:extLst>
  </p:cSld>
  <p:clrMapOvr>
    <a:masterClrMapping/>
  </p:clrMapOvr>
  <p:transition spd="slow">
    <p:fade/>
  </p:transition>
  <p:timing>
    <p:tnLst>
      <p:par>
        <p:cTn id="1" dur="indefinite" restart="never" nodeType="tmRoot"/>
      </p:par>
    </p:tnLst>
  </p:timing>
</p:sldLayout>
</file>

<file path=ppt/slideLayouts/slideLayout746.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056702371"/>
      </p:ext>
    </p:extLst>
  </p:cSld>
  <p:clrMapOvr>
    <a:masterClrMapping/>
  </p:clrMapOvr>
  <p:transition spd="slow">
    <p:fade/>
  </p:transition>
  <p:timing>
    <p:tnLst>
      <p:par>
        <p:cTn id="1" dur="indefinite" restart="never" nodeType="tmRoot"/>
      </p:par>
    </p:tnLst>
  </p:timing>
</p:sldLayout>
</file>

<file path=ppt/slideLayouts/slideLayout747.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641559285"/>
      </p:ext>
    </p:extLst>
  </p:cSld>
  <p:clrMapOvr>
    <a:masterClrMapping/>
  </p:clrMapOvr>
  <p:transition spd="slow">
    <p:fade/>
  </p:transition>
  <p:timing>
    <p:tnLst>
      <p:par>
        <p:cTn id="1" dur="indefinite" restart="never" nodeType="tmRoot"/>
      </p:par>
    </p:tnLst>
  </p:timing>
</p:sldLayout>
</file>

<file path=ppt/slideLayouts/slideLayout748.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13815813"/>
      </p:ext>
    </p:extLst>
  </p:cSld>
  <p:clrMapOvr>
    <a:masterClrMapping/>
  </p:clrMapOvr>
  <p:transition spd="slow">
    <p:fade/>
  </p:transition>
  <p:timing>
    <p:tnLst>
      <p:par>
        <p:cTn id="1" dur="indefinite" restart="never" nodeType="tmRoot"/>
      </p:par>
    </p:tnLst>
  </p:timing>
</p:sldLayout>
</file>

<file path=ppt/slideLayouts/slideLayout74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170297723"/>
      </p:ext>
    </p:extLst>
  </p:cSld>
  <p:clrMapOvr>
    <a:masterClrMapping/>
  </p:clrMapOvr>
  <p:transition>
    <p:fade/>
  </p:transition>
  <p:timing>
    <p:tnLst>
      <p:par>
        <p:cTn id="1" dur="indefinite" restart="never" nodeType="tmRoot"/>
      </p:par>
    </p:tnLst>
  </p:timing>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10297967"/>
      </p:ext>
    </p:extLst>
  </p:cSld>
  <p:clrMapOvr>
    <a:masterClrMapping/>
  </p:clrMapOvr>
  <p:transition spd="slow">
    <p:fade/>
  </p:transition>
</p:sldLayout>
</file>

<file path=ppt/slideLayouts/slideLayout75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4275683342"/>
      </p:ext>
    </p:extLst>
  </p:cSld>
  <p:clrMapOvr>
    <a:masterClrMapping/>
  </p:clrMapOvr>
  <p:transition>
    <p:fade/>
  </p:transition>
  <p:timing>
    <p:tnLst>
      <p:par>
        <p:cTn id="1" dur="indefinite" restart="never" nodeType="tmRoot"/>
      </p:par>
    </p:tnLst>
  </p:timing>
</p:sldLayout>
</file>

<file path=ppt/slideLayouts/slideLayout75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23995763"/>
      </p:ext>
    </p:extLst>
  </p:cSld>
  <p:clrMapOvr>
    <a:masterClrMapping/>
  </p:clrMapOvr>
  <p:transition>
    <p:fade/>
  </p:transition>
  <p:timing>
    <p:tnLst>
      <p:par>
        <p:cTn id="1" dur="indefinite" restart="never" nodeType="tmRoot"/>
      </p:par>
    </p:tnLst>
  </p:timing>
  <p:hf hdr="0" ftr="0" dt="0"/>
</p:sldLayout>
</file>

<file path=ppt/slideLayouts/slideLayout75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976054011"/>
      </p:ext>
    </p:extLst>
  </p:cSld>
  <p:clrMapOvr>
    <a:masterClrMapping/>
  </p:clrMapOvr>
  <p:transition>
    <p:fade/>
  </p:transition>
  <p:timing>
    <p:tnLst>
      <p:par>
        <p:cTn id="1" dur="indefinite" restart="never" nodeType="tmRoot"/>
      </p:par>
    </p:tnLst>
  </p:timing>
</p:sldLayout>
</file>

<file path=ppt/slideLayouts/slideLayout75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21895888"/>
      </p:ext>
    </p:extLst>
  </p:cSld>
  <p:clrMapOvr>
    <a:masterClrMapping/>
  </p:clrMapOvr>
  <p:transition>
    <p:fade/>
  </p:transition>
  <p:timing>
    <p:tnLst>
      <p:par>
        <p:cTn id="1" dur="indefinite" restart="never" nodeType="tmRoot"/>
      </p:par>
    </p:tnLst>
  </p:timing>
</p:sldLayout>
</file>

<file path=ppt/slideLayouts/slideLayout75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952114508"/>
      </p:ext>
    </p:extLst>
  </p:cSld>
  <p:clrMapOvr>
    <a:masterClrMapping/>
  </p:clrMapOvr>
  <p:transition>
    <p:fade/>
  </p:transition>
  <p:timing>
    <p:tnLst>
      <p:par>
        <p:cTn id="1" dur="indefinite" restart="never" nodeType="tmRoot"/>
      </p:par>
    </p:tnLst>
  </p:timing>
</p:sldLayout>
</file>

<file path=ppt/slideLayouts/slideLayout75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819935775"/>
      </p:ext>
    </p:extLst>
  </p:cSld>
  <p:clrMapOvr>
    <a:masterClrMapping/>
  </p:clrMapOvr>
  <p:transition>
    <p:fade/>
  </p:transition>
  <p:timing>
    <p:tnLst>
      <p:par>
        <p:cTn id="1" dur="indefinite" restart="never" nodeType="tmRoot"/>
      </p:par>
    </p:tnLst>
  </p:timing>
</p:sldLayout>
</file>

<file path=ppt/slideLayouts/slideLayout75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318020982"/>
      </p:ext>
    </p:extLst>
  </p:cSld>
  <p:clrMapOvr>
    <a:masterClrMapping/>
  </p:clrMapOvr>
  <p:transition>
    <p:fade/>
  </p:transition>
  <p:timing>
    <p:tnLst>
      <p:par>
        <p:cTn id="1" dur="indefinite" restart="never" nodeType="tmRoot"/>
      </p:par>
    </p:tnLst>
  </p:timing>
</p:sldLayout>
</file>

<file path=ppt/slideLayouts/slideLayout75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75006669"/>
      </p:ext>
    </p:extLst>
  </p:cSld>
  <p:clrMapOvr>
    <a:masterClrMapping/>
  </p:clrMapOvr>
  <p:transition spd="slow">
    <p:fade/>
  </p:transition>
  <p:timing>
    <p:tnLst>
      <p:par>
        <p:cTn id="1" dur="indefinite" restart="never" nodeType="tmRoot"/>
      </p:par>
    </p:tnLst>
  </p:timing>
  <p:hf hdr="0" ftr="0" dt="0"/>
</p:sldLayout>
</file>

<file path=ppt/slideLayouts/slideLayout75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4975819"/>
      </p:ext>
    </p:extLst>
  </p:cSld>
  <p:clrMapOvr>
    <a:masterClrMapping/>
  </p:clrMapOvr>
  <p:transition>
    <p:fade/>
  </p:transition>
  <p:timing>
    <p:tnLst>
      <p:par>
        <p:cTn id="1" dur="indefinite" restart="never" nodeType="tmRoot"/>
      </p:par>
    </p:tnLst>
  </p:timing>
</p:sldLayout>
</file>

<file path=ppt/slideLayouts/slideLayout75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4289191165"/>
      </p:ext>
    </p:extLst>
  </p:cSld>
  <p:clrMapOvr>
    <a:masterClrMapping/>
  </p:clrMapOvr>
  <p:transition>
    <p:fade/>
  </p:transition>
  <p:timing>
    <p:tnLst>
      <p:par>
        <p:cTn id="1" dur="indefinite" restart="never" nodeType="tmRoot"/>
      </p:par>
    </p:tnLst>
  </p:timing>
  <p:hf hdr="0" ftr="0" dt="0"/>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424034283"/>
      </p:ext>
    </p:extLst>
  </p:cSld>
  <p:clrMapOvr>
    <a:masterClrMapping/>
  </p:clrMapOvr>
  <p:transition spd="slow">
    <p:fade/>
  </p:transition>
</p:sldLayout>
</file>

<file path=ppt/slideLayouts/slideLayout76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29754434"/>
      </p:ext>
    </p:extLst>
  </p:cSld>
  <p:clrMapOvr>
    <a:masterClrMapping/>
  </p:clrMapOvr>
  <p:transition>
    <p:fade/>
  </p:transition>
  <p:timing>
    <p:tnLst>
      <p:par>
        <p:cTn id="1" dur="indefinite" restart="never" nodeType="tmRoot"/>
      </p:par>
    </p:tnLst>
  </p:timing>
</p:sldLayout>
</file>

<file path=ppt/slideLayouts/slideLayout76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35953249"/>
      </p:ext>
    </p:extLst>
  </p:cSld>
  <p:clrMapOvr>
    <a:masterClrMapping/>
  </p:clrMapOvr>
  <p:transition spd="slow">
    <p:fade/>
  </p:transition>
  <p:timing>
    <p:tnLst>
      <p:par>
        <p:cTn id="1" dur="indefinite" restart="never" nodeType="tmRoot"/>
      </p:par>
    </p:tnLst>
  </p:timing>
</p:sldLayout>
</file>

<file path=ppt/slideLayouts/slideLayout76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06921444"/>
      </p:ext>
    </p:extLst>
  </p:cSld>
  <p:clrMapOvr>
    <a:masterClrMapping/>
  </p:clrMapOvr>
  <p:transition spd="slow">
    <p:fade/>
  </p:transition>
  <p:timing>
    <p:tnLst>
      <p:par>
        <p:cTn id="1" dur="indefinite" restart="never" nodeType="tmRoot"/>
      </p:par>
    </p:tnLst>
  </p:timing>
</p:sldLayout>
</file>

<file path=ppt/slideLayouts/slideLayout76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865558766"/>
      </p:ext>
    </p:extLst>
  </p:cSld>
  <p:clrMapOvr>
    <a:masterClrMapping/>
  </p:clrMapOvr>
  <p:transition spd="slow">
    <p:fade/>
  </p:transition>
  <p:timing>
    <p:tnLst>
      <p:par>
        <p:cTn id="1" dur="indefinite" restart="never" nodeType="tmRoot"/>
      </p:par>
    </p:tnLst>
  </p:timing>
</p:sldLayout>
</file>

<file path=ppt/slideLayouts/slideLayout76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570488294"/>
      </p:ext>
    </p:extLst>
  </p:cSld>
  <p:clrMapOvr>
    <a:masterClrMapping/>
  </p:clrMapOvr>
  <p:transition spd="slow">
    <p:fade/>
  </p:transition>
  <p:timing>
    <p:tnLst>
      <p:par>
        <p:cTn id="1" dur="indefinite" restart="never" nodeType="tmRoot"/>
      </p:par>
    </p:tnLst>
  </p:timing>
</p:sldLayout>
</file>

<file path=ppt/slideLayouts/slideLayout76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30062337"/>
      </p:ext>
    </p:extLst>
  </p:cSld>
  <p:clrMapOvr>
    <a:masterClrMapping/>
  </p:clrMapOvr>
  <p:transition spd="slow">
    <p:fade/>
  </p:transition>
  <p:timing>
    <p:tnLst>
      <p:par>
        <p:cTn id="1" dur="indefinite" restart="never" nodeType="tmRoot"/>
      </p:par>
    </p:tnLst>
  </p:timing>
</p:sldLayout>
</file>

<file path=ppt/slideLayouts/slideLayout76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784548389"/>
      </p:ext>
    </p:extLst>
  </p:cSld>
  <p:clrMapOvr>
    <a:masterClrMapping/>
  </p:clrMapOvr>
  <p:transition spd="slow">
    <p:fade/>
  </p:transition>
  <p:timing>
    <p:tnLst>
      <p:par>
        <p:cTn id="1" dur="indefinite" restart="never" nodeType="tmRoot"/>
      </p:par>
    </p:tnLst>
  </p:timing>
</p:sldLayout>
</file>

<file path=ppt/slideLayouts/slideLayout76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91508725"/>
      </p:ext>
    </p:extLst>
  </p:cSld>
  <p:clrMapOvr>
    <a:masterClrMapping/>
  </p:clrMapOvr>
  <p:transition spd="slow">
    <p:fade/>
  </p:transition>
  <p:timing>
    <p:tnLst>
      <p:par>
        <p:cTn id="1" dur="indefinite" restart="never" nodeType="tmRoot"/>
      </p:par>
    </p:tnLst>
  </p:timing>
</p:sldLayout>
</file>

<file path=ppt/slideLayouts/slideLayout76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126124511"/>
      </p:ext>
    </p:extLst>
  </p:cSld>
  <p:clrMapOvr>
    <a:masterClrMapping/>
  </p:clrMapOvr>
  <p:transition>
    <p:fade/>
  </p:transition>
</p:sldLayout>
</file>

<file path=ppt/slideLayouts/slideLayout76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29777508"/>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997724257"/>
      </p:ext>
    </p:extLst>
  </p:cSld>
  <p:clrMapOvr>
    <a:masterClrMapping/>
  </p:clrMapOvr>
  <p:transition spd="slow">
    <p:fade/>
  </p:transition>
</p:sldLayout>
</file>

<file path=ppt/slideLayouts/slideLayout770.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8031425"/>
      </p:ext>
    </p:extLst>
  </p:cSld>
  <p:clrMapOvr>
    <a:masterClrMapping/>
  </p:clrMapOvr>
  <p:transition>
    <p:fade/>
  </p:transition>
</p:sldLayout>
</file>

<file path=ppt/slideLayouts/slideLayout771.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60434"/>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987715104"/>
      </p:ext>
    </p:extLst>
  </p:cSld>
  <p:clrMapOvr>
    <a:masterClrMapping/>
  </p:clrMapOvr>
  <p:transition>
    <p:fade/>
  </p:transition>
</p:sldLayout>
</file>

<file path=ppt/slideLayouts/slideLayout77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88676260"/>
      </p:ext>
    </p:extLst>
  </p:cSld>
  <p:clrMapOvr>
    <a:masterClrMapping/>
  </p:clrMapOvr>
  <p:transition>
    <p:fade/>
  </p:transition>
</p:sldLayout>
</file>

<file path=ppt/slideLayouts/slideLayout77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916556540"/>
      </p:ext>
    </p:extLst>
  </p:cSld>
  <p:clrMapOvr>
    <a:masterClrMapping/>
  </p:clrMapOvr>
  <p:transition>
    <p:fade/>
  </p:transition>
</p:sldLayout>
</file>

<file path=ppt/slideLayouts/slideLayout77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178431930"/>
      </p:ext>
    </p:extLst>
  </p:cSld>
  <p:clrMapOvr>
    <a:masterClrMapping/>
  </p:clrMapOvr>
  <p:transition>
    <p:fade/>
  </p:transition>
</p:sldLayout>
</file>

<file path=ppt/slideLayouts/slideLayout77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821872609"/>
      </p:ext>
    </p:extLst>
  </p:cSld>
  <p:clrMapOvr>
    <a:masterClrMapping/>
  </p:clrMapOvr>
  <p:transition>
    <p:fade/>
  </p:transition>
</p:sldLayout>
</file>

<file path=ppt/slideLayouts/slideLayout776.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345588259"/>
      </p:ext>
    </p:extLst>
  </p:cSld>
  <p:clrMapOvr>
    <a:masterClrMapping/>
  </p:clrMapOvr>
  <p:transition>
    <p:fade/>
  </p:transition>
</p:sldLayout>
</file>

<file path=ppt/slideLayouts/slideLayout777.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936075194"/>
      </p:ext>
    </p:extLst>
  </p:cSld>
  <p:clrMapOvr>
    <a:masterClrMapping/>
  </p:clrMapOvr>
  <p:transition>
    <p:fade/>
  </p:transition>
</p:sldLayout>
</file>

<file path=ppt/slideLayouts/slideLayout77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24397827"/>
      </p:ext>
    </p:extLst>
  </p:cSld>
  <p:clrMapOvr>
    <a:masterClrMapping/>
  </p:clrMapOvr>
  <p:transition>
    <p:fade/>
  </p:transition>
</p:sldLayout>
</file>

<file path=ppt/slideLayouts/slideLayout779.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199"/>
            <a:ext cx="9302750" cy="1752600"/>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3184365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65094848"/>
      </p:ext>
    </p:extLst>
  </p:cSld>
  <p:clrMapOvr>
    <a:masterClrMapping/>
  </p:clrMapOvr>
  <p:transition spd="slow">
    <p:fade/>
  </p:transition>
  <p:timing>
    <p:tnLst>
      <p:par>
        <p:cTn id="1" dur="indefinite" restart="never" nodeType="tmRoot"/>
      </p:par>
    </p:tnLst>
  </p:timing>
</p:sldLayout>
</file>

<file path=ppt/slideLayouts/slideLayout780.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974249800"/>
      </p:ext>
    </p:extLst>
  </p:cSld>
  <p:clrMapOvr>
    <a:masterClrMapping/>
  </p:clrMapOvr>
  <p:transition>
    <p:fade/>
  </p:transition>
</p:sldLayout>
</file>

<file path=ppt/slideLayouts/slideLayout781.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28348110"/>
      </p:ext>
    </p:extLst>
  </p:cSld>
  <p:clrMapOvr>
    <a:masterClrMapping/>
  </p:clrMapOvr>
  <p:transition>
    <p:fade/>
  </p:transition>
</p:sldLayout>
</file>

<file path=ppt/slideLayouts/slideLayout782.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45769830"/>
      </p:ext>
    </p:extLst>
  </p:cSld>
  <p:clrMapOvr>
    <a:masterClrMapping/>
  </p:clrMapOvr>
  <p:transition>
    <p:fade/>
  </p:transition>
</p:sldLayout>
</file>

<file path=ppt/slideLayouts/slideLayout783.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246056419"/>
      </p:ext>
    </p:extLst>
  </p:cSld>
  <p:clrMapOvr>
    <a:masterClrMapping/>
  </p:clrMapOvr>
  <p:transition>
    <p:fade/>
  </p:transition>
</p:sldLayout>
</file>

<file path=ppt/slideLayouts/slideLayout784.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4177003303"/>
      </p:ext>
    </p:extLst>
  </p:cSld>
  <p:clrMapOvr>
    <a:masterClrMapping/>
  </p:clrMapOvr>
  <p:timing>
    <p:tnLst>
      <p:par>
        <p:cTn id="1" dur="indefinite" restart="never" nodeType="tmRoot"/>
      </p:par>
    </p:tnLst>
  </p:timing>
</p:sldLayout>
</file>

<file path=ppt/slideLayouts/slideLayout78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848732676"/>
      </p:ext>
    </p:extLst>
  </p:cSld>
  <p:clrMapOvr>
    <a:masterClrMapping/>
  </p:clrMapOvr>
  <p:transition>
    <p:fade/>
  </p:transition>
</p:sldLayout>
</file>

<file path=ppt/slideLayouts/slideLayout78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56844371"/>
      </p:ext>
    </p:extLst>
  </p:cSld>
  <p:clrMapOvr>
    <a:masterClrMapping/>
  </p:clrMapOvr>
  <p:transition>
    <p:fade/>
  </p:transition>
</p:sldLayout>
</file>

<file path=ppt/slideLayouts/slideLayout787.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220291736"/>
      </p:ext>
    </p:extLst>
  </p:cSld>
  <p:clrMapOvr>
    <a:masterClrMapping/>
  </p:clrMapOvr>
  <p:transition>
    <p:fade/>
  </p:transition>
</p:sldLayout>
</file>

<file path=ppt/slideLayouts/slideLayout788.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60434"/>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16004275"/>
      </p:ext>
    </p:extLst>
  </p:cSld>
  <p:clrMapOvr>
    <a:masterClrMapping/>
  </p:clrMapOvr>
  <p:transition>
    <p:fade/>
  </p:transition>
</p:sldLayout>
</file>

<file path=ppt/slideLayouts/slideLayout78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848635600"/>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1212438680"/>
      </p:ext>
    </p:extLst>
  </p:cSld>
  <p:clrMapOvr>
    <a:masterClrMapping/>
  </p:clrMapOvr>
  <p:transition>
    <p:fade/>
  </p:transition>
  <p:timing>
    <p:tnLst>
      <p:par>
        <p:cTn id="1" dur="indefinite" restart="never" nodeType="tmRoot"/>
      </p:par>
    </p:tnLst>
  </p:timing>
  <p:hf hdr="0" ftr="0" dt="0"/>
</p:sldLayout>
</file>

<file path=ppt/slideLayouts/slideLayout79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27801542"/>
      </p:ext>
    </p:extLst>
  </p:cSld>
  <p:clrMapOvr>
    <a:masterClrMapping/>
  </p:clrMapOvr>
  <p:transition>
    <p:fade/>
  </p:transition>
</p:sldLayout>
</file>

<file path=ppt/slideLayouts/slideLayout79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84706064"/>
      </p:ext>
    </p:extLst>
  </p:cSld>
  <p:clrMapOvr>
    <a:masterClrMapping/>
  </p:clrMapOvr>
  <p:transition>
    <p:fade/>
  </p:transition>
</p:sldLayout>
</file>

<file path=ppt/slideLayouts/slideLayout79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40846051"/>
      </p:ext>
    </p:extLst>
  </p:cSld>
  <p:clrMapOvr>
    <a:masterClrMapping/>
  </p:clrMapOvr>
  <p:transition>
    <p:fade/>
  </p:transition>
</p:sldLayout>
</file>

<file path=ppt/slideLayouts/slideLayout793.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8973522"/>
      </p:ext>
    </p:extLst>
  </p:cSld>
  <p:clrMapOvr>
    <a:masterClrMapping/>
  </p:clrMapOvr>
  <p:transition>
    <p:fade/>
  </p:transition>
</p:sldLayout>
</file>

<file path=ppt/slideLayouts/slideLayout794.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198211359"/>
      </p:ext>
    </p:extLst>
  </p:cSld>
  <p:clrMapOvr>
    <a:masterClrMapping/>
  </p:clrMapOvr>
  <p:transition>
    <p:fade/>
  </p:transition>
</p:sldLayout>
</file>

<file path=ppt/slideLayouts/slideLayout79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240929890"/>
      </p:ext>
    </p:extLst>
  </p:cSld>
  <p:clrMapOvr>
    <a:masterClrMapping/>
  </p:clrMapOvr>
  <p:transition>
    <p:fade/>
  </p:transition>
</p:sldLayout>
</file>

<file path=ppt/slideLayouts/slideLayout796.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199"/>
            <a:ext cx="9302750" cy="1752600"/>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100617861"/>
      </p:ext>
    </p:extLst>
  </p:cSld>
  <p:clrMapOvr>
    <a:masterClrMapping/>
  </p:clrMapOvr>
  <p:transition>
    <p:fade/>
  </p:transition>
</p:sldLayout>
</file>

<file path=ppt/slideLayouts/slideLayout797.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438719988"/>
      </p:ext>
    </p:extLst>
  </p:cSld>
  <p:clrMapOvr>
    <a:masterClrMapping/>
  </p:clrMapOvr>
  <p:transition>
    <p:fade/>
  </p:transition>
</p:sldLayout>
</file>

<file path=ppt/slideLayouts/slideLayout798.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070392225"/>
      </p:ext>
    </p:extLst>
  </p:cSld>
  <p:clrMapOvr>
    <a:masterClrMapping/>
  </p:clrMapOvr>
  <p:transition>
    <p:fade/>
  </p:transition>
</p:sldLayout>
</file>

<file path=ppt/slideLayouts/slideLayout799.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6259595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cSld>
  <p:clrMapOvr>
    <a:masterClrMapping/>
  </p:clrMapOvr>
  <p:transition spd="slow">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962179896"/>
      </p:ext>
    </p:extLst>
  </p:cSld>
  <p:clrMapOvr>
    <a:masterClrMapping/>
  </p:clrMapOvr>
  <p:transition>
    <p:fade/>
  </p:transition>
</p:sldLayout>
</file>

<file path=ppt/slideLayouts/slideLayout800.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799755882"/>
      </p:ext>
    </p:extLst>
  </p:cSld>
  <p:clrMapOvr>
    <a:masterClrMapping/>
  </p:clrMapOvr>
  <p:transition>
    <p:fade/>
  </p:transition>
</p:sldLayout>
</file>

<file path=ppt/slideLayouts/slideLayout801.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9" name="TextBox 8"/>
          <p:cNvSpPr txBox="1"/>
          <p:nvPr userDrawn="1"/>
        </p:nvSpPr>
        <p:spPr>
          <a:xfrm>
            <a:off x="7940259" y="6501541"/>
            <a:ext cx="1084521" cy="246221"/>
          </a:xfrm>
          <a:prstGeom prst="rect">
            <a:avLst/>
          </a:prstGeom>
          <a:noFill/>
        </p:spPr>
        <p:txBody>
          <a:bodyPr wrap="square" rtlCol="0">
            <a:spAutoFit/>
          </a:bodyPr>
          <a:lstStyle/>
          <a:p>
            <a:pPr fontAlgn="auto">
              <a:spcBef>
                <a:spcPts val="0"/>
              </a:spcBef>
              <a:spcAft>
                <a:spcPts val="0"/>
              </a:spcAft>
              <a:defRPr/>
            </a:pPr>
            <a:r>
              <a:rPr lang="en-US" sz="1000" dirty="0" smtClean="0">
                <a:solidFill>
                  <a:srgbClr val="E6C4E2"/>
                </a:solidFill>
              </a:rPr>
              <a:t>|</a:t>
            </a:r>
            <a:r>
              <a:rPr lang="en-US" sz="1000" dirty="0" smtClean="0">
                <a:solidFill>
                  <a:prstClr val="white"/>
                </a:solidFill>
              </a:rPr>
              <a:t> </a:t>
            </a:r>
            <a:r>
              <a:rPr lang="en-US" sz="1000" dirty="0" smtClean="0">
                <a:solidFill>
                  <a:srgbClr val="0C3E70"/>
                </a:solidFill>
              </a:rPr>
              <a:t>brattle.com</a:t>
            </a:r>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18660020"/>
      </p:ext>
    </p:extLst>
  </p:cSld>
  <p:clrMapOvr>
    <a:masterClrMapping/>
  </p:clrMapOvr>
  <p:timing>
    <p:tnLst>
      <p:par>
        <p:cTn id="1" dur="indefinite" restart="never" nodeType="tmRoot"/>
      </p:par>
    </p:tnLst>
  </p:timing>
</p:sldLayout>
</file>

<file path=ppt/slideLayouts/slideLayout80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fontAlgn="auto">
              <a:spcBef>
                <a:spcPts val="0"/>
              </a:spcBef>
              <a:spcAft>
                <a:spcPts val="0"/>
              </a:spcAft>
            </a:pPr>
            <a:fld id="{7A37C76E-89DA-4ED5-A436-13A1ABC61839}" type="slidenum">
              <a:rPr>
                <a:solidFill>
                  <a:prstClr val="white"/>
                </a:solidFill>
                <a:latin typeface="Calibri"/>
              </a:rPr>
              <a:pPr algn="ctr" fontAlgn="auto">
                <a:spcBef>
                  <a:spcPts val="0"/>
                </a:spcBef>
                <a:spcAft>
                  <a:spcPts val="0"/>
                </a:spcAft>
              </a:pPr>
              <a:t>‹#›</a:t>
            </a:fld>
            <a:endParaRPr dirty="0">
              <a:solidFill>
                <a:prstClr val="white"/>
              </a:solidFill>
              <a:latin typeface="Calibri"/>
            </a:endParaRPr>
          </a:p>
        </p:txBody>
      </p:sp>
    </p:spTree>
    <p:extLst>
      <p:ext uri="{BB962C8B-B14F-4D97-AF65-F5344CB8AC3E}">
        <p14:creationId xmlns:p14="http://schemas.microsoft.com/office/powerpoint/2010/main" val="3898051341"/>
      </p:ext>
    </p:extLst>
  </p:cSld>
  <p:clrMapOvr>
    <a:masterClrMapping/>
  </p:clrMapOvr>
  <p:transition>
    <p:fade/>
  </p:transition>
</p:sldLayout>
</file>

<file path=ppt/slideLayouts/slideLayout803.xml><?xml version="1.0" encoding="utf-8"?>
<p:sldLayout xmlns:a="http://schemas.openxmlformats.org/drawingml/2006/main" xmlns:r="http://schemas.openxmlformats.org/officeDocument/2006/relationships" xmlns:p="http://schemas.openxmlformats.org/presentationml/2006/main">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381000"/>
            <a:ext cx="8229600" cy="609600"/>
          </a:xfrm>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71140" y="6475622"/>
            <a:ext cx="685800" cy="365125"/>
          </a:xfrm>
          <a:prstGeom prst="rect">
            <a:avLst/>
          </a:prstGeom>
          <a:ln/>
        </p:spPr>
        <p:txBody>
          <a:bodyPr/>
          <a:lstStyle>
            <a:lvl1pPr algn="ctr">
              <a:defRPr lang="en-US" smtClean="0"/>
            </a:lvl1pPr>
          </a:lstStyle>
          <a:p>
            <a:pPr fontAlgn="auto">
              <a:spcBef>
                <a:spcPts val="0"/>
              </a:spcBef>
              <a:spcAft>
                <a:spcPts val="0"/>
              </a:spcAft>
            </a:pPr>
            <a:fld id="{BBD5DA8B-909A-4A9A-84AE-26D515D4E1A6}" type="slidenum">
              <a:rPr>
                <a:solidFill>
                  <a:prstClr val="white"/>
                </a:solidFill>
                <a:latin typeface="Calibri"/>
              </a:rPr>
              <a:pPr fontAlgn="auto">
                <a:spcBef>
                  <a:spcPts val="0"/>
                </a:spcBef>
                <a:spcAft>
                  <a:spcPts val="0"/>
                </a:spcAft>
              </a:pPr>
              <a:t>‹#›</a:t>
            </a:fld>
            <a:endParaRPr dirty="0">
              <a:solidFill>
                <a:prstClr val="white"/>
              </a:solidFill>
              <a:latin typeface="Calibri"/>
            </a:endParaRPr>
          </a:p>
        </p:txBody>
      </p:sp>
    </p:spTree>
    <p:extLst>
      <p:ext uri="{BB962C8B-B14F-4D97-AF65-F5344CB8AC3E}">
        <p14:creationId xmlns:p14="http://schemas.microsoft.com/office/powerpoint/2010/main" val="49959000"/>
      </p:ext>
    </p:extLst>
  </p:cSld>
  <p:clrMapOvr>
    <a:masterClrMapping/>
  </p:clrMapOvr>
  <p:transition>
    <p:fade/>
  </p:transition>
  <p:timing>
    <p:tnLst>
      <p:par>
        <p:cTn id="1" dur="indefinite" restart="never" nodeType="tmRoot"/>
      </p:par>
    </p:tnLst>
  </p:timing>
</p:sldLayout>
</file>

<file path=ppt/slideLayouts/slideLayout804.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210862"/>
          </a:xfrm>
        </p:spPr>
        <p:txBody>
          <a:bodyPr/>
          <a:lstStyle>
            <a:lvl1pPr>
              <a:lnSpc>
                <a:spcPct val="90000"/>
              </a:lnSpc>
              <a:defRPr/>
            </a:lvl1pPr>
            <a:lvl2pPr>
              <a:lnSpc>
                <a:spcPct val="90000"/>
              </a:lnSpc>
              <a:defRPr/>
            </a:lvl2pPr>
            <a:lvl3pPr>
              <a:lnSpc>
                <a:spcPct val="90000"/>
              </a:lnSpc>
              <a:defRPr/>
            </a:lvl3pPr>
            <a:lvl4pPr>
              <a:lnSpc>
                <a:spcPct val="90000"/>
              </a:lnSpc>
              <a:defRPr/>
            </a:lvl4pPr>
            <a:lvl5pPr>
              <a:lnSpc>
                <a:spcPct val="90000"/>
              </a:lnSpc>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685163333"/>
      </p:ext>
    </p:extLst>
  </p:cSld>
  <p:clrMapOvr>
    <a:masterClrMapping/>
  </p:clrMapOvr>
  <p:transition>
    <p:fade/>
  </p:transition>
</p:sldLayout>
</file>

<file path=ppt/slideLayouts/slideLayout80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Tree>
    <p:extLst>
      <p:ext uri="{BB962C8B-B14F-4D97-AF65-F5344CB8AC3E}">
        <p14:creationId xmlns:p14="http://schemas.microsoft.com/office/powerpoint/2010/main" val="1650164356"/>
      </p:ext>
    </p:extLst>
  </p:cSld>
  <p:clrMapOvr>
    <a:masterClrMapping/>
  </p:clrMapOvr>
  <p:transition>
    <p:fade/>
  </p:transition>
</p:sldLayout>
</file>

<file path=ppt/slideLayouts/slideLayout80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5" name="Slide Number Placeholder 40"/>
          <p:cNvSpPr>
            <a:spLocks noGrp="1"/>
          </p:cNvSpPr>
          <p:nvPr userDrawn="1">
            <p:ph type="sldNum" sz="quarter" idx="11"/>
          </p:nvPr>
        </p:nvSpPr>
        <p:spPr>
          <a:ln/>
        </p:spPr>
        <p:txBody>
          <a:bodyPr/>
          <a:lstStyle>
            <a:lvl1pPr>
              <a:defRPr/>
            </a:lvl1pPr>
          </a:lstStyle>
          <a:p>
            <a:pPr>
              <a:defRPr/>
            </a:pPr>
            <a:fld id="{8EBDCBD4-65BB-488D-AB04-E3B701B04AD9}"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515553116"/>
      </p:ext>
    </p:extLst>
  </p:cSld>
  <p:clrMapOvr>
    <a:masterClrMapping/>
  </p:clrMapOvr>
  <p:transition>
    <p:fade/>
  </p:transition>
</p:sldLayout>
</file>

<file path=ppt/slideLayouts/slideLayout807.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1809726"/>
          </a:xfrm>
        </p:spPr>
        <p:txBody>
          <a:bodyPr/>
          <a:lstStyle>
            <a:lvl1pPr>
              <a:lnSpc>
                <a:spcPct val="90000"/>
              </a:lnSpc>
              <a:defRPr sz="2800">
                <a:effectLst>
                  <a:outerShdw blurRad="38100" dist="38100" dir="2700000" algn="tl">
                    <a:srgbClr val="000000">
                      <a:alpha val="43137"/>
                    </a:srgbClr>
                  </a:outerShdw>
                </a:effectLst>
              </a:defRPr>
            </a:lvl1pPr>
            <a:lvl2pPr>
              <a:lnSpc>
                <a:spcPct val="90000"/>
              </a:lnSpc>
              <a:buClr>
                <a:srgbClr val="D8B25C"/>
              </a:buClr>
              <a:buFont typeface="Calibri" pitchFamily="34" charset="0"/>
              <a:buChar char="•"/>
              <a:defRPr sz="2400">
                <a:solidFill>
                  <a:srgbClr val="D8B25C"/>
                </a:solidFill>
                <a:effectLst>
                  <a:outerShdw blurRad="38100" dist="38100" dir="2700000" algn="tl">
                    <a:srgbClr val="000000">
                      <a:alpha val="43137"/>
                    </a:srgbClr>
                  </a:outerShdw>
                </a:effectLst>
              </a:defRPr>
            </a:lvl2pPr>
            <a:lvl3pPr>
              <a:lnSpc>
                <a:spcPct val="90000"/>
              </a:lnSpc>
              <a:buClr>
                <a:srgbClr val="A5AB81"/>
              </a:buClr>
              <a:buFont typeface="Calibri" pitchFamily="34" charset="0"/>
              <a:buChar char="•"/>
              <a:defRPr sz="2000">
                <a:solidFill>
                  <a:srgbClr val="A5AB81"/>
                </a:solidFill>
                <a:effectLst>
                  <a:outerShdw blurRad="38100" dist="38100" dir="2700000" algn="tl">
                    <a:srgbClr val="000000">
                      <a:alpha val="43137"/>
                    </a:srgbClr>
                  </a:outerShdw>
                </a:effectLst>
              </a:defRPr>
            </a:lvl3pPr>
            <a:lvl4pPr>
              <a:lnSpc>
                <a:spcPct val="90000"/>
              </a:lnSpc>
              <a:buClr>
                <a:srgbClr val="DD8047"/>
              </a:buClr>
              <a:buFont typeface="Calibri" pitchFamily="34" charset="0"/>
              <a:buChar char="•"/>
              <a:defRPr sz="2000">
                <a:solidFill>
                  <a:srgbClr val="DD8047"/>
                </a:solidFill>
                <a:effectLst>
                  <a:outerShdw blurRad="38100" dist="38100" dir="2700000" algn="tl">
                    <a:srgbClr val="000000">
                      <a:alpha val="43137"/>
                    </a:srgbClr>
                  </a:outerShdw>
                </a:effectLst>
              </a:defRPr>
            </a:lvl4pPr>
            <a:lvl5pPr>
              <a:lnSpc>
                <a:spcPct val="90000"/>
              </a:lnSpc>
              <a:buClr>
                <a:schemeClr val="tx1"/>
              </a:buClr>
              <a:buFont typeface="Calibri" pitchFamily="34" charset="0"/>
              <a:buChar char="•"/>
              <a:defRPr sz="2000">
                <a:effectLst>
                  <a:outerShdw blurRad="38100" dist="38100" dir="2700000" algn="tl">
                    <a:srgbClr val="000000">
                      <a:alpha val="43137"/>
                    </a:srgbClr>
                  </a:outerShdw>
                </a:effectLst>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1"/>
          </p:nvPr>
        </p:nvSpPr>
        <p:spPr>
          <a:ln/>
        </p:spPr>
        <p:txBody>
          <a:bodyPr/>
          <a:lstStyle>
            <a:lvl1pPr>
              <a:defRPr/>
            </a:lvl1pPr>
          </a:lstStyle>
          <a:p>
            <a:pPr>
              <a:defRPr/>
            </a:pPr>
            <a:fld id="{BBD5DA8B-909A-4A9A-84AE-26D515D4E1A6}"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426522935"/>
      </p:ext>
    </p:extLst>
  </p:cSld>
  <p:clrMapOvr>
    <a:masterClrMapping/>
  </p:clrMapOvr>
  <p:transition>
    <p:fade/>
  </p:transition>
</p:sldLayout>
</file>

<file path=ppt/slideLayouts/slideLayout80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210862"/>
          </a:xfrm>
        </p:spPr>
        <p:txBody>
          <a:bodyPr/>
          <a:lstStyle>
            <a:lvl1pPr>
              <a:lnSpc>
                <a:spcPct val="90000"/>
              </a:lnSpc>
              <a:defRPr/>
            </a:lvl1pPr>
            <a:lvl2pPr>
              <a:lnSpc>
                <a:spcPct val="90000"/>
              </a:lnSpc>
              <a:defRPr/>
            </a:lvl2pPr>
            <a:lvl3pPr>
              <a:lnSpc>
                <a:spcPct val="90000"/>
              </a:lnSpc>
              <a:defRPr/>
            </a:lvl3pPr>
            <a:lvl4pPr>
              <a:lnSpc>
                <a:spcPct val="90000"/>
              </a:lnSpc>
              <a:defRPr/>
            </a:lvl4pPr>
            <a:lvl5pPr>
              <a:lnSpc>
                <a:spcPct val="90000"/>
              </a:lnSpc>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0"/>
          </p:nvPr>
        </p:nvSpPr>
        <p:spPr>
          <a:ln/>
        </p:spPr>
        <p:txBody>
          <a:bodyPr/>
          <a:lstStyle>
            <a:lvl1pPr>
              <a:defRPr/>
            </a:lvl1pPr>
          </a:lstStyle>
          <a:p>
            <a:pPr>
              <a:defRPr/>
            </a:pPr>
            <a:fld id="{7A37C76E-89DA-4ED5-A436-13A1ABC61839}"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536856119"/>
      </p:ext>
    </p:extLst>
  </p:cSld>
  <p:clrMapOvr>
    <a:masterClrMapping/>
  </p:clrMapOvr>
  <p:transition>
    <p:fade/>
  </p:transition>
</p:sldLayout>
</file>

<file path=ppt/slideLayouts/slideLayout80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129814"/>
          </a:xfrm>
        </p:spPr>
        <p:txBody>
          <a:bodyPr/>
          <a:lstStyle>
            <a:lvl1pPr marL="339976" indent="-339976">
              <a:lnSpc>
                <a:spcPct val="90000"/>
              </a:lnSpc>
              <a:defRPr sz="2800"/>
            </a:lvl1pPr>
            <a:lvl2pPr marL="673338" indent="-325424">
              <a:lnSpc>
                <a:spcPct val="90000"/>
              </a:lnSpc>
              <a:defRPr sz="2400"/>
            </a:lvl2pPr>
            <a:lvl3pPr marL="953785" indent="-288384">
              <a:lnSpc>
                <a:spcPct val="90000"/>
              </a:lnSpc>
              <a:defRPr sz="2000"/>
            </a:lvl3pPr>
            <a:lvl4pPr marL="1227618" indent="-273833">
              <a:lnSpc>
                <a:spcPct val="90000"/>
              </a:lnSpc>
              <a:defRPr sz="1800"/>
            </a:lvl4pPr>
            <a:lvl5pPr marL="1516002" indent="-280447">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800600" y="1752600"/>
            <a:ext cx="4114800" cy="2129814"/>
          </a:xfrm>
        </p:spPr>
        <p:txBody>
          <a:bodyPr/>
          <a:lstStyle>
            <a:lvl1pPr marL="347914" indent="-347914">
              <a:lnSpc>
                <a:spcPct val="90000"/>
              </a:lnSpc>
              <a:defRPr sz="2800"/>
            </a:lvl1pPr>
            <a:lvl2pPr marL="673338" indent="-339976">
              <a:lnSpc>
                <a:spcPct val="90000"/>
              </a:lnSpc>
              <a:defRPr sz="2400"/>
            </a:lvl2pPr>
            <a:lvl3pPr marL="961722" indent="-302936">
              <a:lnSpc>
                <a:spcPct val="90000"/>
              </a:lnSpc>
              <a:defRPr sz="2000"/>
            </a:lvl3pPr>
            <a:lvl4pPr marL="1227618" indent="-265896">
              <a:lnSpc>
                <a:spcPct val="90000"/>
              </a:lnSpc>
              <a:defRPr sz="1800"/>
            </a:lvl4pPr>
            <a:lvl5pPr marL="1516002" indent="-273833">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Slide Number Placeholder 40"/>
          <p:cNvSpPr>
            <a:spLocks noGrp="1"/>
          </p:cNvSpPr>
          <p:nvPr userDrawn="1">
            <p:ph type="sldNum" sz="quarter" idx="10"/>
          </p:nvPr>
        </p:nvSpPr>
        <p:spPr>
          <a:ln/>
        </p:spPr>
        <p:txBody>
          <a:bodyPr/>
          <a:lstStyle>
            <a:lvl1pPr>
              <a:defRPr/>
            </a:lvl1pPr>
          </a:lstStyle>
          <a:p>
            <a:pPr>
              <a:defRPr/>
            </a:pPr>
            <a:fld id="{3DFBC173-1671-44B1-A06E-7549F2C55DEE}"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021089132"/>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096442154"/>
      </p:ext>
    </p:extLst>
  </p:cSld>
  <p:clrMapOvr>
    <a:masterClrMapping/>
  </p:clrMapOvr>
  <p:transition>
    <p:fade/>
  </p:transition>
</p:sldLayout>
</file>

<file path=ppt/slideLayouts/slideLayout81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1537344"/>
          </a:xfrm>
        </p:spPr>
        <p:txBody>
          <a:bodyPr/>
          <a:lstStyle>
            <a:lvl1pPr marL="281770" indent="-281770">
              <a:defRPr sz="2300"/>
            </a:lvl1pPr>
            <a:lvl2pPr marL="562218" indent="-265896">
              <a:defRPr sz="2000"/>
            </a:lvl2pPr>
            <a:lvl3pPr marL="813562" indent="-243407">
              <a:defRPr sz="1800"/>
            </a:lvl3pPr>
            <a:lvl4pPr marL="1050354" indent="-228856">
              <a:defRPr sz="1700"/>
            </a:lvl4pPr>
            <a:lvl5pPr marL="1279210" indent="-206367">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1537344"/>
          </a:xfrm>
        </p:spPr>
        <p:txBody>
          <a:bodyPr/>
          <a:lstStyle>
            <a:lvl1pPr marL="296321" indent="-296321">
              <a:defRPr sz="2300"/>
            </a:lvl1pPr>
            <a:lvl2pPr marL="570155" indent="-273833">
              <a:defRPr sz="2000"/>
            </a:lvl2pPr>
            <a:lvl3pPr marL="821499" indent="-244730">
              <a:defRPr sz="1800"/>
            </a:lvl3pPr>
            <a:lvl4pPr marL="1050354" indent="-236793">
              <a:defRPr sz="1700"/>
            </a:lvl4pPr>
            <a:lvl5pPr marL="1279210" indent="-220919">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Slide Number Placeholder 40"/>
          <p:cNvSpPr>
            <a:spLocks noGrp="1"/>
          </p:cNvSpPr>
          <p:nvPr userDrawn="1">
            <p:ph type="sldNum" sz="quarter" idx="10"/>
          </p:nvPr>
        </p:nvSpPr>
        <p:spPr>
          <a:ln/>
        </p:spPr>
        <p:txBody>
          <a:bodyPr/>
          <a:lstStyle>
            <a:lvl1pPr>
              <a:defRPr/>
            </a:lvl1pPr>
          </a:lstStyle>
          <a:p>
            <a:pPr>
              <a:defRPr/>
            </a:pPr>
            <a:fld id="{B8A68BE1-E79A-493F-A3E4-BC137EBD7937}"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32087596"/>
      </p:ext>
    </p:extLst>
  </p:cSld>
  <p:clrMapOvr>
    <a:masterClrMapping/>
  </p:clrMapOvr>
  <p:transition>
    <p:fade/>
  </p:transition>
</p:sldLayout>
</file>

<file path=ppt/slideLayouts/slideLayout81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lide Number Placeholder 40"/>
          <p:cNvSpPr>
            <a:spLocks noGrp="1"/>
          </p:cNvSpPr>
          <p:nvPr userDrawn="1">
            <p:ph type="sldNum" sz="quarter" idx="10"/>
          </p:nvPr>
        </p:nvSpPr>
        <p:spPr>
          <a:ln/>
        </p:spPr>
        <p:txBody>
          <a:bodyPr/>
          <a:lstStyle>
            <a:lvl1pPr>
              <a:defRPr/>
            </a:lvl1pPr>
          </a:lstStyle>
          <a:p>
            <a:pPr>
              <a:defRPr/>
            </a:pPr>
            <a:fld id="{C60DA7DF-59B3-4AAB-AF35-62DB844E63F6}"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861050842"/>
      </p:ext>
    </p:extLst>
  </p:cSld>
  <p:clrMapOvr>
    <a:masterClrMapping/>
  </p:clrMapOvr>
  <p:transition>
    <p:fade/>
  </p:transition>
</p:sldLayout>
</file>

<file path=ppt/slideLayouts/slideLayout8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40"/>
          <p:cNvSpPr>
            <a:spLocks noGrp="1"/>
          </p:cNvSpPr>
          <p:nvPr userDrawn="1">
            <p:ph type="sldNum" sz="quarter" idx="10"/>
          </p:nvPr>
        </p:nvSpPr>
        <p:spPr>
          <a:ln/>
        </p:spPr>
        <p:txBody>
          <a:bodyPr/>
          <a:lstStyle>
            <a:lvl1pPr>
              <a:defRPr/>
            </a:lvl1pPr>
          </a:lstStyle>
          <a:p>
            <a:pPr>
              <a:defRPr/>
            </a:pPr>
            <a:fld id="{A7005702-AB44-4A1F-BAC8-6B47F143A6F2}"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908987705"/>
      </p:ext>
    </p:extLst>
  </p:cSld>
  <p:clrMapOvr>
    <a:masterClrMapping/>
  </p:clrMapOvr>
  <p:transition>
    <p:fade/>
  </p:transition>
</p:sldLayout>
</file>

<file path=ppt/slideLayouts/slideLayout813.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2" name="Slide Number Placeholder 40"/>
          <p:cNvSpPr>
            <a:spLocks noGrp="1"/>
          </p:cNvSpPr>
          <p:nvPr userDrawn="1">
            <p:ph type="sldNum" sz="quarter" idx="10"/>
          </p:nvPr>
        </p:nvSpPr>
        <p:spPr>
          <a:ln/>
        </p:spPr>
        <p:txBody>
          <a:bodyPr/>
          <a:lstStyle>
            <a:lvl1pPr>
              <a:defRPr/>
            </a:lvl1pPr>
          </a:lstStyle>
          <a:p>
            <a:pPr>
              <a:defRPr/>
            </a:pPr>
            <a:fld id="{D6B8F18D-E1A5-4CC6-8B84-B71AD3CE8D25}"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35174544"/>
      </p:ext>
    </p:extLst>
  </p:cSld>
  <p:clrMapOvr>
    <a:masterClrMapping/>
  </p:clrMapOvr>
  <p:transition>
    <p:fade/>
  </p:transition>
</p:sldLayout>
</file>

<file path=ppt/slideLayouts/slideLayout814.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752600"/>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40"/>
          <p:cNvSpPr>
            <a:spLocks noGrp="1"/>
          </p:cNvSpPr>
          <p:nvPr userDrawn="1">
            <p:ph type="sldNum" sz="quarter" idx="11"/>
          </p:nvPr>
        </p:nvSpPr>
        <p:spPr/>
        <p:txBody>
          <a:bodyPr/>
          <a:lstStyle>
            <a:lvl1pPr algn="ctr">
              <a:defRPr/>
            </a:lvl1pPr>
          </a:lstStyle>
          <a:p>
            <a:pPr>
              <a:defRPr/>
            </a:pPr>
            <a:fld id="{9F680577-31CE-462A-9F71-2CD0129DEE85}"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940436131"/>
      </p:ext>
    </p:extLst>
  </p:cSld>
  <p:clrMapOvr>
    <a:masterClrMapping/>
  </p:clrMapOvr>
  <p:transition>
    <p:fade/>
  </p:transition>
</p:sldLayout>
</file>

<file path=ppt/slideLayouts/slideLayout815.xml><?xml version="1.0" encoding="utf-8"?>
<p:sldLayout xmlns:a="http://schemas.openxmlformats.org/drawingml/2006/main" xmlns:r="http://schemas.openxmlformats.org/officeDocument/2006/relationships" xmlns:p="http://schemas.openxmlformats.org/presentationml/2006/main" preserve="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411553"/>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6"/>
          <p:cNvSpPr>
            <a:spLocks noGrp="1"/>
          </p:cNvSpPr>
          <p:nvPr>
            <p:ph type="body" sz="quarter" idx="11"/>
          </p:nvPr>
        </p:nvSpPr>
        <p:spPr>
          <a:xfrm>
            <a:off x="0" y="6238875"/>
            <a:ext cx="9144001" cy="619125"/>
          </a:xfrm>
          <a:solidFill>
            <a:srgbClr val="FFFF99"/>
          </a:solidFill>
        </p:spPr>
        <p:txBody>
          <a:bodyPr lIns="152394" tIns="76197" rIns="152394" bIns="76197" anchor="b">
            <a:noAutofit/>
          </a:bodyPr>
          <a:lstStyle>
            <a:lvl1pPr algn="r">
              <a:buFont typeface="Arial" pitchFamily="34" charset="0"/>
              <a:buNone/>
              <a:defRPr>
                <a:solidFill>
                  <a:srgbClr val="000000"/>
                </a:solidFill>
                <a:effectLst/>
                <a:latin typeface="+mj-lt"/>
              </a:defRPr>
            </a:lvl1pPr>
          </a:lstStyle>
          <a:p>
            <a:pPr lvl="0"/>
            <a:r>
              <a:rPr lang="en-US" smtClean="0"/>
              <a:t>Click to edit Master text styles</a:t>
            </a:r>
          </a:p>
        </p:txBody>
      </p:sp>
    </p:spTree>
    <p:extLst>
      <p:ext uri="{BB962C8B-B14F-4D97-AF65-F5344CB8AC3E}">
        <p14:creationId xmlns:p14="http://schemas.microsoft.com/office/powerpoint/2010/main" val="3403719328"/>
      </p:ext>
    </p:extLst>
  </p:cSld>
  <p:clrMapOvr>
    <a:masterClrMapping/>
  </p:clrMapOvr>
  <p:transition>
    <p:fade/>
  </p:transition>
</p:sldLayout>
</file>

<file path=ppt/slideLayouts/slideLayout816.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5" name="Slide Number Placeholder 40"/>
          <p:cNvSpPr>
            <a:spLocks noGrp="1"/>
          </p:cNvSpPr>
          <p:nvPr userDrawn="1">
            <p:ph type="sldNum" sz="quarter" idx="11"/>
          </p:nvPr>
        </p:nvSpPr>
        <p:spPr>
          <a:ln/>
        </p:spPr>
        <p:txBody>
          <a:bodyPr/>
          <a:lstStyle>
            <a:lvl1pPr>
              <a:defRPr/>
            </a:lvl1pPr>
          </a:lstStyle>
          <a:p>
            <a:pPr>
              <a:defRPr/>
            </a:pPr>
            <a:fld id="{0DCB6569-3946-4B47-A298-C053FB2ABEA1}"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294810274"/>
      </p:ext>
    </p:extLst>
  </p:cSld>
  <p:clrMapOvr>
    <a:masterClrMapping/>
  </p:clrMapOvr>
  <p:transition>
    <p:fade/>
  </p:transition>
</p:sldLayout>
</file>

<file path=ppt/slideLayouts/slideLayout817.xml><?xml version="1.0" encoding="utf-8"?>
<p:sldLayout xmlns:a="http://schemas.openxmlformats.org/drawingml/2006/main" xmlns:r="http://schemas.openxmlformats.org/officeDocument/2006/relationships" xmlns:p="http://schemas.openxmlformats.org/presentationml/2006/main" type="tbl">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able Placeholder 2"/>
          <p:cNvSpPr>
            <a:spLocks noGrp="1"/>
          </p:cNvSpPr>
          <p:nvPr>
            <p:ph type="tbl" idx="1"/>
          </p:nvPr>
        </p:nvSpPr>
        <p:spPr>
          <a:xfrm>
            <a:off x="457200" y="1600200"/>
            <a:ext cx="8229600" cy="4525963"/>
          </a:xfrm>
        </p:spPr>
        <p:txBody>
          <a:bodyPr/>
          <a:lstStyle/>
          <a:p>
            <a:endParaRPr lang="en-US" dirty="0"/>
          </a:p>
        </p:txBody>
      </p:sp>
      <p:sp>
        <p:nvSpPr>
          <p:cNvPr id="4" name="Date Placeholder 3"/>
          <p:cNvSpPr>
            <a:spLocks noGrp="1"/>
          </p:cNvSpPr>
          <p:nvPr>
            <p:ph type="dt" sz="half" idx="10"/>
          </p:nvPr>
        </p:nvSpPr>
        <p:spPr>
          <a:xfrm>
            <a:off x="457200" y="6245225"/>
            <a:ext cx="2133600" cy="476250"/>
          </a:xfrm>
          <a:prstGeom prst="rect">
            <a:avLst/>
          </a:prstGeom>
        </p:spPr>
        <p:txBody>
          <a:bodyPr/>
          <a:lstStyle>
            <a:lvl1pPr>
              <a:defRPr/>
            </a:lvl1pPr>
          </a:lstStyle>
          <a:p>
            <a:endParaRPr lang="en-US" dirty="0">
              <a:solidFill>
                <a:prstClr val="white"/>
              </a:solidFill>
            </a:endParaRPr>
          </a:p>
        </p:txBody>
      </p:sp>
      <p:sp>
        <p:nvSpPr>
          <p:cNvPr id="5" name="Footer Placeholder 4"/>
          <p:cNvSpPr>
            <a:spLocks noGrp="1"/>
          </p:cNvSpPr>
          <p:nvPr>
            <p:ph type="ftr" sz="quarter" idx="11"/>
          </p:nvPr>
        </p:nvSpPr>
        <p:spPr>
          <a:xfrm>
            <a:off x="3124200" y="6245225"/>
            <a:ext cx="2895600" cy="476250"/>
          </a:xfrm>
          <a:prstGeom prst="rect">
            <a:avLst/>
          </a:prstGeom>
        </p:spPr>
        <p:txBody>
          <a:bodyPr/>
          <a:lstStyle>
            <a:lvl1pPr>
              <a:defRPr/>
            </a:lvl1pPr>
          </a:lstStyle>
          <a:p>
            <a:endParaRPr lang="en-US" dirty="0">
              <a:solidFill>
                <a:prstClr val="white"/>
              </a:solidFill>
            </a:endParaRPr>
          </a:p>
        </p:txBody>
      </p:sp>
      <p:sp>
        <p:nvSpPr>
          <p:cNvPr id="6" name="Slide Number Placeholder 5"/>
          <p:cNvSpPr>
            <a:spLocks noGrp="1"/>
          </p:cNvSpPr>
          <p:nvPr>
            <p:ph type="sldNum" sz="quarter" idx="12"/>
          </p:nvPr>
        </p:nvSpPr>
        <p:spPr>
          <a:xfrm>
            <a:off x="6553200" y="6245225"/>
            <a:ext cx="2133600" cy="476250"/>
          </a:xfrm>
        </p:spPr>
        <p:txBody>
          <a:bodyPr/>
          <a:lstStyle>
            <a:lvl1pPr>
              <a:defRPr/>
            </a:lvl1pPr>
          </a:lstStyle>
          <a:p>
            <a:fld id="{7EAF69A2-DD2B-4B89-A02F-A82FFCEC206C}" type="slidenum">
              <a:rPr lang="en-US">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879129451"/>
      </p:ext>
    </p:extLst>
  </p:cSld>
  <p:clrMapOvr>
    <a:masterClrMapping/>
  </p:clrMapOvr>
</p:sldLayout>
</file>

<file path=ppt/slideLayouts/slideLayout818.xml><?xml version="1.0" encoding="utf-8"?>
<p:sldLayout xmlns:a="http://schemas.openxmlformats.org/drawingml/2006/main" xmlns:r="http://schemas.openxmlformats.org/officeDocument/2006/relationships" xmlns:p="http://schemas.openxmlformats.org/presentationml/2006/main" type="chart">
  <p:cSld name="1_Title and Chart">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762000" y="152400"/>
            <a:ext cx="7772400" cy="1143000"/>
          </a:xfrm>
          <a:prstGeom prst="rect">
            <a:avLst/>
          </a:prstGeom>
        </p:spPr>
        <p:txBody>
          <a:bodyPr/>
          <a:lstStyle/>
          <a:p>
            <a:r>
              <a:rPr lang="en-US" smtClean="0"/>
              <a:t>Click to edit Master title style</a:t>
            </a:r>
            <a:endParaRPr lang="en-US"/>
          </a:p>
        </p:txBody>
      </p:sp>
      <p:sp>
        <p:nvSpPr>
          <p:cNvPr id="3" name="Chart Placeholder 2"/>
          <p:cNvSpPr>
            <a:spLocks noGrp="1"/>
          </p:cNvSpPr>
          <p:nvPr>
            <p:ph type="chart" idx="1"/>
          </p:nvPr>
        </p:nvSpPr>
        <p:spPr>
          <a:xfrm>
            <a:off x="685800" y="1371600"/>
            <a:ext cx="7772400" cy="4724400"/>
          </a:xfrm>
          <a:prstGeom prst="rect">
            <a:avLst/>
          </a:prstGeom>
        </p:spPr>
        <p:txBody>
          <a:bodyPr/>
          <a:lstStyle/>
          <a:p>
            <a:pPr lvl="0"/>
            <a:endParaRPr lang="en-US" noProof="0" dirty="0"/>
          </a:p>
        </p:txBody>
      </p:sp>
      <p:sp>
        <p:nvSpPr>
          <p:cNvPr id="4" name="Slide Number Placeholder 7"/>
          <p:cNvSpPr>
            <a:spLocks noGrp="1"/>
          </p:cNvSpPr>
          <p:nvPr>
            <p:ph type="sldNum" sz="quarter" idx="10"/>
          </p:nvPr>
        </p:nvSpPr>
        <p:spPr>
          <a:xfrm>
            <a:off x="8534400" y="6464300"/>
            <a:ext cx="685800" cy="365125"/>
          </a:xfrm>
        </p:spPr>
        <p:txBody>
          <a:bodyPr/>
          <a:lstStyle>
            <a:lvl1pPr algn="ctr" eaLnBrk="0" hangingPunct="0">
              <a:defRPr sz="2000">
                <a:effectLst>
                  <a:outerShdw blurRad="50800" dist="38100" dir="2700000" algn="tl" rotWithShape="0">
                    <a:prstClr val="black"/>
                  </a:outerShdw>
                </a:effectLst>
                <a:latin typeface="Arial" charset="0"/>
                <a:cs typeface="+mn-cs"/>
              </a:defRPr>
            </a:lvl1pPr>
          </a:lstStyle>
          <a:p>
            <a:pPr>
              <a:defRPr/>
            </a:pPr>
            <a:fld id="{A06604B9-C888-4016-B9B4-D15F00514384}"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053062367"/>
      </p:ext>
    </p:extLst>
  </p:cSld>
  <p:clrMapOvr>
    <a:masterClrMapping/>
  </p:clrMapOvr>
  <p:transition/>
</p:sldLayout>
</file>

<file path=ppt/slideLayouts/slideLayout819.xml><?xml version="1.0" encoding="utf-8"?>
<p:sldLayout xmlns:a="http://schemas.openxmlformats.org/drawingml/2006/main" xmlns:r="http://schemas.openxmlformats.org/officeDocument/2006/relationships" xmlns:p="http://schemas.openxmlformats.org/presentationml/2006/main" type="picTx">
  <p:cSld name="Picture with Caption">
    <p:spTree>
      <p:nvGrpSpPr>
        <p:cNvPr id="1" name=""/>
        <p:cNvGrpSpPr/>
        <p:nvPr/>
      </p:nvGrpSpPr>
      <p:grpSpPr>
        <a:xfrm>
          <a:off x="0" y="0"/>
          <a:ext cx="0" cy="0"/>
          <a:chOff x="0" y="0"/>
          <a:chExt cx="0" cy="0"/>
        </a:xfrm>
      </p:grpSpPr>
      <p:sp>
        <p:nvSpPr>
          <p:cNvPr id="5" name="Straight Connector 4"/>
          <p:cNvSpPr>
            <a:spLocks noChangeShapeType="1"/>
          </p:cNvSpPr>
          <p:nvPr/>
        </p:nvSpPr>
        <p:spPr bwMode="auto">
          <a:xfrm>
            <a:off x="152400" y="533400"/>
            <a:ext cx="8832850"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wrap="none" anchor="ctr"/>
          <a:lstStyle/>
          <a:p>
            <a:pPr>
              <a:defRPr/>
            </a:pPr>
            <a:endParaRPr lang="en-US" dirty="0">
              <a:solidFill>
                <a:prstClr val="white"/>
              </a:solidFill>
            </a:endParaRPr>
          </a:p>
        </p:txBody>
      </p:sp>
      <p:sp>
        <p:nvSpPr>
          <p:cNvPr id="6" name="Rectangle 5"/>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7" name="Rectangle 6"/>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8" name="Rectangle 7"/>
          <p:cNvSpPr>
            <a:spLocks noChangeArrowheads="1"/>
          </p:cNvSpPr>
          <p:nvPr/>
        </p:nvSpPr>
        <p:spPr bwMode="white">
          <a:xfrm>
            <a:off x="0" y="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9" name="Rectangle 8"/>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10" name="Rectangle 9"/>
          <p:cNvSpPr>
            <a:spLocks noChangeArrowheads="1"/>
          </p:cNvSpPr>
          <p:nvPr/>
        </p:nvSpPr>
        <p:spPr bwMode="auto">
          <a:xfrm>
            <a:off x="152400" y="152400"/>
            <a:ext cx="8832850" cy="301625"/>
          </a:xfrm>
          <a:prstGeom prst="rect">
            <a:avLst/>
          </a:prstGeom>
          <a:solidFill>
            <a:schemeClr val="accent3"/>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11" name="Rectangle 10"/>
          <p:cNvSpPr/>
          <p:nvPr/>
        </p:nvSpPr>
        <p:spPr>
          <a:xfrm>
            <a:off x="152400" y="609600"/>
            <a:ext cx="2743200" cy="5867400"/>
          </a:xfrm>
          <a:prstGeom prst="rect">
            <a:avLst/>
          </a:prstGeom>
          <a:solidFill>
            <a:schemeClr val="accent1"/>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a:defRPr/>
            </a:pPr>
            <a:endParaRPr lang="en-US" dirty="0">
              <a:solidFill>
                <a:prstClr val="white"/>
              </a:solidFill>
            </a:endParaRPr>
          </a:p>
        </p:txBody>
      </p:sp>
      <p:sp>
        <p:nvSpPr>
          <p:cNvPr id="12" name="Rectangle 11"/>
          <p:cNvSpPr>
            <a:spLocks noChangeArrowheads="1"/>
          </p:cNvSpPr>
          <p:nvPr/>
        </p:nvSpPr>
        <p:spPr bwMode="auto">
          <a:xfrm>
            <a:off x="152400" y="155575"/>
            <a:ext cx="8832850" cy="6546850"/>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13" name="Oval 12"/>
          <p:cNvSpPr/>
          <p:nvPr/>
        </p:nvSpPr>
        <p:spPr>
          <a:xfrm>
            <a:off x="1295400" y="228600"/>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a:defRPr/>
            </a:pPr>
            <a:endParaRPr lang="en-US" dirty="0">
              <a:solidFill>
                <a:prstClr val="white"/>
              </a:solidFill>
            </a:endParaRPr>
          </a:p>
        </p:txBody>
      </p:sp>
      <p:sp>
        <p:nvSpPr>
          <p:cNvPr id="14" name="Oval 13"/>
          <p:cNvSpPr/>
          <p:nvPr/>
        </p:nvSpPr>
        <p:spPr>
          <a:xfrm>
            <a:off x="1390650" y="323850"/>
            <a:ext cx="419100" cy="419100"/>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a:defRPr/>
            </a:pPr>
            <a:endParaRPr lang="en-US" dirty="0">
              <a:solidFill>
                <a:prstClr val="white"/>
              </a:solidFill>
            </a:endParaRPr>
          </a:p>
        </p:txBody>
      </p:sp>
      <p:sp>
        <p:nvSpPr>
          <p:cNvPr id="15" name="Rectangle 14"/>
          <p:cNvSpPr>
            <a:spLocks noChangeArrowheads="1"/>
          </p:cNvSpPr>
          <p:nvPr/>
        </p:nvSpPr>
        <p:spPr bwMode="auto">
          <a:xfrm>
            <a:off x="149225" y="6388100"/>
            <a:ext cx="8832850" cy="309563"/>
          </a:xfrm>
          <a:prstGeom prst="rect">
            <a:avLst/>
          </a:prstGeom>
          <a:solidFill>
            <a:schemeClr val="accent3"/>
          </a:solidFill>
          <a:ln w="9525" cap="flat" cmpd="sng" algn="ctr">
            <a:noFill/>
            <a:prstDash val="solid"/>
            <a:miter lim="800000"/>
            <a:headEnd type="none" w="med" len="med"/>
            <a:tailEnd type="none" w="med" len="med"/>
          </a:ln>
          <a:effectLst/>
        </p:spPr>
        <p:txBody>
          <a:bodyPr wrap="none" anchor="ctr"/>
          <a:lstStyle/>
          <a:p>
            <a:pPr>
              <a:defRPr/>
            </a:pPr>
            <a:endParaRPr lang="en-US" dirty="0">
              <a:solidFill>
                <a:prstClr val="white"/>
              </a:solidFill>
            </a:endParaRPr>
          </a:p>
        </p:txBody>
      </p:sp>
      <p:sp>
        <p:nvSpPr>
          <p:cNvPr id="2" name="Title 1"/>
          <p:cNvSpPr>
            <a:spLocks noGrp="1"/>
          </p:cNvSpPr>
          <p:nvPr>
            <p:ph type="title"/>
          </p:nvPr>
        </p:nvSpPr>
        <p:spPr>
          <a:xfrm>
            <a:off x="3000375" y="5029200"/>
            <a:ext cx="5867400" cy="1219200"/>
          </a:xfrm>
        </p:spPr>
        <p:txBody>
          <a:bodyPr>
            <a:noAutofit/>
          </a:bodyPr>
          <a:lstStyle>
            <a:lvl1pPr algn="l">
              <a:buNone/>
              <a:defRPr sz="2400" b="1">
                <a:solidFill>
                  <a:schemeClr val="tx2"/>
                </a:solidFill>
              </a:defRPr>
            </a:lvl1pPr>
          </a:lstStyle>
          <a:p>
            <a:r>
              <a:rPr lang="en-US" smtClean="0"/>
              <a:t>Click to edit Master title style</a:t>
            </a:r>
            <a:endParaRPr lang="en-US"/>
          </a:p>
        </p:txBody>
      </p:sp>
      <p:sp>
        <p:nvSpPr>
          <p:cNvPr id="3" name="Picture Placeholder 2"/>
          <p:cNvSpPr>
            <a:spLocks noGrp="1"/>
          </p:cNvSpPr>
          <p:nvPr>
            <p:ph type="pic" idx="1"/>
          </p:nvPr>
        </p:nvSpPr>
        <p:spPr>
          <a:xfrm>
            <a:off x="3000375" y="609600"/>
            <a:ext cx="5867400" cy="4267200"/>
          </a:xfrm>
        </p:spPr>
        <p:txBody>
          <a:bodyPr>
            <a:normAutofit/>
          </a:bodyPr>
          <a:lstStyle>
            <a:lvl1pPr marL="0" indent="0">
              <a:buNone/>
              <a:defRPr sz="3200"/>
            </a:lvl1pPr>
          </a:lstStyle>
          <a:p>
            <a:pPr lvl="0"/>
            <a:r>
              <a:rPr lang="en-US" noProof="0" dirty="0" smtClean="0"/>
              <a:t>Click icon to add picture</a:t>
            </a:r>
            <a:endParaRPr lang="en-US" noProof="0" dirty="0"/>
          </a:p>
        </p:txBody>
      </p:sp>
      <p:sp>
        <p:nvSpPr>
          <p:cNvPr id="4" name="Text Placeholder 3"/>
          <p:cNvSpPr>
            <a:spLocks noGrp="1"/>
          </p:cNvSpPr>
          <p:nvPr>
            <p:ph type="body" sz="half" idx="2"/>
          </p:nvPr>
        </p:nvSpPr>
        <p:spPr>
          <a:xfrm>
            <a:off x="381000" y="990600"/>
            <a:ext cx="2438400" cy="5257800"/>
          </a:xfrm>
        </p:spPr>
        <p:txBody>
          <a:bodyPr/>
          <a:lstStyle>
            <a:lvl1pPr marL="0" indent="0">
              <a:spcAft>
                <a:spcPts val="1000"/>
              </a:spcAft>
              <a:buFontTx/>
              <a:buNone/>
              <a:defRPr sz="1600">
                <a:solidFill>
                  <a:srgbClr val="FFFFFF"/>
                </a:solidFill>
              </a:defRPr>
            </a:lvl1pPr>
            <a:lvl2pPr>
              <a:defRPr sz="1200"/>
            </a:lvl2pPr>
            <a:lvl3pPr>
              <a:defRPr sz="1000"/>
            </a:lvl3pPr>
            <a:lvl4pPr>
              <a:defRPr sz="900"/>
            </a:lvl4pPr>
            <a:lvl5pPr>
              <a:defRPr sz="900"/>
            </a:lvl5pPr>
          </a:lstStyle>
          <a:p>
            <a:pPr lvl="0"/>
            <a:r>
              <a:rPr lang="en-US" smtClean="0"/>
              <a:t>Click to edit Master text styles</a:t>
            </a:r>
          </a:p>
        </p:txBody>
      </p:sp>
      <p:sp>
        <p:nvSpPr>
          <p:cNvPr id="16" name="Slide Number Placeholder 6"/>
          <p:cNvSpPr>
            <a:spLocks noGrp="1"/>
          </p:cNvSpPr>
          <p:nvPr>
            <p:ph type="sldNum" sz="quarter" idx="10"/>
          </p:nvPr>
        </p:nvSpPr>
        <p:spPr>
          <a:xfrm>
            <a:off x="1371600" y="312738"/>
            <a:ext cx="457200" cy="441325"/>
          </a:xfrm>
        </p:spPr>
        <p:txBody>
          <a:bodyPr/>
          <a:lstStyle>
            <a:lvl1pPr>
              <a:defRPr/>
            </a:lvl1pPr>
          </a:lstStyle>
          <a:p>
            <a:pPr>
              <a:defRPr/>
            </a:pPr>
            <a:fld id="{CDED97C0-4F0B-42D9-996E-C13901B20189}" type="slidenum">
              <a:rPr lang="en-US">
                <a:solidFill>
                  <a:prstClr val="white"/>
                </a:solidFill>
              </a:rPr>
              <a:pPr>
                <a:defRPr/>
              </a:pPr>
              <a:t>‹#›</a:t>
            </a:fld>
            <a:endParaRPr lang="en-US" dirty="0">
              <a:solidFill>
                <a:prstClr val="white"/>
              </a:solidFill>
            </a:endParaRPr>
          </a:p>
        </p:txBody>
      </p:sp>
      <p:sp>
        <p:nvSpPr>
          <p:cNvPr id="17" name="Date Placeholder 4"/>
          <p:cNvSpPr>
            <a:spLocks noGrp="1"/>
          </p:cNvSpPr>
          <p:nvPr>
            <p:ph type="dt" sz="half" idx="11"/>
          </p:nvPr>
        </p:nvSpPr>
        <p:spPr>
          <a:xfrm>
            <a:off x="5788025" y="6405563"/>
            <a:ext cx="3044825" cy="365125"/>
          </a:xfrm>
          <a:prstGeom prst="rect">
            <a:avLst/>
          </a:prstGeom>
        </p:spPr>
        <p:txBody>
          <a:bodyPr/>
          <a:lstStyle>
            <a:lvl1pPr>
              <a:defRPr/>
            </a:lvl1pPr>
          </a:lstStyle>
          <a:p>
            <a:pPr>
              <a:defRPr/>
            </a:pPr>
            <a:endParaRPr lang="en-US" dirty="0">
              <a:solidFill>
                <a:prstClr val="white"/>
              </a:solidFill>
            </a:endParaRPr>
          </a:p>
        </p:txBody>
      </p:sp>
      <p:sp>
        <p:nvSpPr>
          <p:cNvPr id="18" name="Footer Placeholder 5"/>
          <p:cNvSpPr>
            <a:spLocks noGrp="1"/>
          </p:cNvSpPr>
          <p:nvPr>
            <p:ph type="ftr" sz="quarter" idx="12"/>
          </p:nvPr>
        </p:nvSpPr>
        <p:spPr>
          <a:xfrm>
            <a:off x="301625" y="6410325"/>
            <a:ext cx="3584575" cy="366713"/>
          </a:xfrm>
          <a:prstGeom prst="rect">
            <a:avLst/>
          </a:prstGeom>
        </p:spPr>
        <p:txBody>
          <a:bodyPr/>
          <a:lstStyle>
            <a:lvl1pPr>
              <a:defRPr/>
            </a:lvl1pPr>
          </a:lstStyle>
          <a:p>
            <a:pPr>
              <a:defRPr/>
            </a:pPr>
            <a:endParaRPr lang="en-US" dirty="0">
              <a:solidFill>
                <a:prstClr val="white"/>
              </a:solidFill>
            </a:endParaRPr>
          </a:p>
        </p:txBody>
      </p:sp>
    </p:spTree>
    <p:extLst>
      <p:ext uri="{BB962C8B-B14F-4D97-AF65-F5344CB8AC3E}">
        <p14:creationId xmlns:p14="http://schemas.microsoft.com/office/powerpoint/2010/main" val="2232617188"/>
      </p:ext>
    </p:extLst>
  </p:cSld>
  <p:clrMapOvr>
    <a:masterClrMapping/>
  </p:clrMapOvr>
  <p:timing>
    <p:tnLst>
      <p:par>
        <p:cTn id="1" dur="indefinite" restart="never" nodeType="tmRoot"/>
      </p:par>
    </p:tnLst>
  </p:timing>
</p:sldLayout>
</file>

<file path=ppt/slideLayouts/slideLayout8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359920305"/>
      </p:ext>
    </p:extLst>
  </p:cSld>
  <p:clrMapOvr>
    <a:masterClrMapping/>
  </p:clrMapOvr>
  <p:transition spd="slow">
    <p:fade/>
  </p:transition>
</p:sldLayout>
</file>

<file path=ppt/slideLayouts/slideLayout820.xml><?xml version="1.0" encoding="utf-8"?>
<p:sldLayout xmlns:a="http://schemas.openxmlformats.org/drawingml/2006/main" xmlns:r="http://schemas.openxmlformats.org/officeDocument/2006/relationships" xmlns:p="http://schemas.openxmlformats.org/presentationml/2006/main" type="objAndTx">
  <p:cSld name="Title, Content and Text">
    <p:spTree>
      <p:nvGrpSpPr>
        <p:cNvPr id="1" name=""/>
        <p:cNvGrpSpPr/>
        <p:nvPr/>
      </p:nvGrpSpPr>
      <p:grpSpPr>
        <a:xfrm>
          <a:off x="0" y="0"/>
          <a:ext cx="0" cy="0"/>
          <a:chOff x="0" y="0"/>
          <a:chExt cx="0" cy="0"/>
        </a:xfrm>
      </p:grpSpPr>
      <p:sp>
        <p:nvSpPr>
          <p:cNvPr id="2" name="Title 1"/>
          <p:cNvSpPr>
            <a:spLocks noGrp="1"/>
          </p:cNvSpPr>
          <p:nvPr>
            <p:ph type="title"/>
          </p:nvPr>
        </p:nvSpPr>
        <p:spPr>
          <a:xfrm>
            <a:off x="2819400" y="609600"/>
            <a:ext cx="6096000" cy="1143000"/>
          </a:xfrm>
        </p:spPr>
        <p:txBody>
          <a:bodyPr/>
          <a:lstStyle/>
          <a:p>
            <a:r>
              <a:rPr lang="en-US" smtClean="0"/>
              <a:t>Click to edit Master title style</a:t>
            </a:r>
            <a:endParaRPr lang="en-US"/>
          </a:p>
        </p:txBody>
      </p:sp>
      <p:sp>
        <p:nvSpPr>
          <p:cNvPr id="3" name="Content Placeholder 2"/>
          <p:cNvSpPr>
            <a:spLocks noGrp="1"/>
          </p:cNvSpPr>
          <p:nvPr>
            <p:ph sz="half" idx="1"/>
          </p:nvPr>
        </p:nvSpPr>
        <p:spPr>
          <a:xfrm>
            <a:off x="2819400" y="1981200"/>
            <a:ext cx="29718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943600" y="1981200"/>
            <a:ext cx="29718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5"/>
          <p:cNvSpPr>
            <a:spLocks noGrp="1" noChangeArrowheads="1"/>
          </p:cNvSpPr>
          <p:nvPr>
            <p:ph type="dt" sz="half" idx="10"/>
          </p:nvPr>
        </p:nvSpPr>
        <p:spPr>
          <a:xfrm>
            <a:off x="304800" y="6248400"/>
            <a:ext cx="19050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6" name="Rectangle 6"/>
          <p:cNvSpPr>
            <a:spLocks noGrp="1" noChangeArrowheads="1"/>
          </p:cNvSpPr>
          <p:nvPr>
            <p:ph type="ftr" sz="quarter" idx="11"/>
          </p:nvPr>
        </p:nvSpPr>
        <p:spPr>
          <a:xfrm>
            <a:off x="3581400" y="6248400"/>
            <a:ext cx="28956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7" name="Rectangle 7"/>
          <p:cNvSpPr>
            <a:spLocks noGrp="1" noChangeArrowheads="1"/>
          </p:cNvSpPr>
          <p:nvPr>
            <p:ph type="sldNum" sz="quarter" idx="12"/>
          </p:nvPr>
        </p:nvSpPr>
        <p:spPr>
          <a:xfrm>
            <a:off x="7010400" y="6248400"/>
            <a:ext cx="1905000" cy="457200"/>
          </a:xfrm>
          <a:prstGeom prst="rect">
            <a:avLst/>
          </a:prstGeom>
        </p:spPr>
        <p:txBody>
          <a:bodyPr/>
          <a:lstStyle>
            <a:lvl1pPr>
              <a:defRPr>
                <a:latin typeface="Arial" charset="0"/>
              </a:defRPr>
            </a:lvl1pPr>
          </a:lstStyle>
          <a:p>
            <a:pPr>
              <a:defRPr/>
            </a:pPr>
            <a:fld id="{591057C9-902A-4F58-8FAA-772E13F95BA2}" type="slidenum">
              <a:rPr lang="en-US" altLang="en-US">
                <a:solidFill>
                  <a:prstClr val="white"/>
                </a:solidFill>
              </a:rPr>
              <a:pPr>
                <a:defRPr/>
              </a:pPr>
              <a:t>‹#›</a:t>
            </a:fld>
            <a:endParaRPr lang="en-US" altLang="en-US" dirty="0">
              <a:solidFill>
                <a:prstClr val="white"/>
              </a:solidFill>
            </a:endParaRPr>
          </a:p>
        </p:txBody>
      </p:sp>
    </p:spTree>
    <p:extLst>
      <p:ext uri="{BB962C8B-B14F-4D97-AF65-F5344CB8AC3E}">
        <p14:creationId xmlns:p14="http://schemas.microsoft.com/office/powerpoint/2010/main" val="185252194"/>
      </p:ext>
    </p:extLst>
  </p:cSld>
  <p:clrMapOvr>
    <a:masterClrMapping/>
  </p:clrMapOvr>
  <p:transition/>
</p:sldLayout>
</file>

<file path=ppt/slideLayouts/slideLayout821.xml><?xml version="1.0" encoding="utf-8"?>
<p:sldLayout xmlns:a="http://schemas.openxmlformats.org/drawingml/2006/main" xmlns:r="http://schemas.openxmlformats.org/officeDocument/2006/relationships" xmlns:p="http://schemas.openxmlformats.org/presentationml/2006/main" type="txAndTwoObj">
  <p:cSld name="Title, Text, and 2 Content">
    <p:spTree>
      <p:nvGrpSpPr>
        <p:cNvPr id="1" name=""/>
        <p:cNvGrpSpPr/>
        <p:nvPr/>
      </p:nvGrpSpPr>
      <p:grpSpPr>
        <a:xfrm>
          <a:off x="0" y="0"/>
          <a:ext cx="0" cy="0"/>
          <a:chOff x="0" y="0"/>
          <a:chExt cx="0" cy="0"/>
        </a:xfrm>
      </p:grpSpPr>
      <p:sp>
        <p:nvSpPr>
          <p:cNvPr id="2" name="Title 1"/>
          <p:cNvSpPr>
            <a:spLocks noGrp="1"/>
          </p:cNvSpPr>
          <p:nvPr>
            <p:ph type="title"/>
          </p:nvPr>
        </p:nvSpPr>
        <p:spPr>
          <a:xfrm>
            <a:off x="2819400" y="609600"/>
            <a:ext cx="60960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2819400" y="1981200"/>
            <a:ext cx="29718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quarter" idx="2"/>
          </p:nvPr>
        </p:nvSpPr>
        <p:spPr>
          <a:xfrm>
            <a:off x="5943600" y="1981200"/>
            <a:ext cx="2971800" cy="1981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Content Placeholder 4"/>
          <p:cNvSpPr>
            <a:spLocks noGrp="1"/>
          </p:cNvSpPr>
          <p:nvPr>
            <p:ph sz="quarter" idx="3"/>
          </p:nvPr>
        </p:nvSpPr>
        <p:spPr>
          <a:xfrm>
            <a:off x="5943600" y="4114800"/>
            <a:ext cx="2971800" cy="1981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Date Placeholder 5"/>
          <p:cNvSpPr>
            <a:spLocks noGrp="1" noChangeArrowheads="1"/>
          </p:cNvSpPr>
          <p:nvPr>
            <p:ph type="dt" sz="half" idx="10"/>
          </p:nvPr>
        </p:nvSpPr>
        <p:spPr>
          <a:xfrm>
            <a:off x="304800" y="6248400"/>
            <a:ext cx="19050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7" name="Footer Placeholder 6"/>
          <p:cNvSpPr>
            <a:spLocks noGrp="1" noChangeArrowheads="1"/>
          </p:cNvSpPr>
          <p:nvPr>
            <p:ph type="ftr" sz="quarter" idx="11"/>
          </p:nvPr>
        </p:nvSpPr>
        <p:spPr>
          <a:xfrm>
            <a:off x="3581400" y="6248400"/>
            <a:ext cx="28956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8" name="Slide Number Placeholder 7"/>
          <p:cNvSpPr>
            <a:spLocks noGrp="1" noChangeArrowheads="1"/>
          </p:cNvSpPr>
          <p:nvPr>
            <p:ph type="sldNum" sz="quarter" idx="12"/>
          </p:nvPr>
        </p:nvSpPr>
        <p:spPr>
          <a:xfrm>
            <a:off x="7010400" y="6248400"/>
            <a:ext cx="1905000" cy="457200"/>
          </a:xfrm>
          <a:prstGeom prst="rect">
            <a:avLst/>
          </a:prstGeom>
        </p:spPr>
        <p:txBody>
          <a:bodyPr/>
          <a:lstStyle>
            <a:lvl1pPr>
              <a:defRPr>
                <a:latin typeface="Arial" charset="0"/>
              </a:defRPr>
            </a:lvl1pPr>
          </a:lstStyle>
          <a:p>
            <a:pPr>
              <a:defRPr/>
            </a:pPr>
            <a:fld id="{EDC582D9-C887-48CB-8572-17C18FB0C353}" type="slidenum">
              <a:rPr lang="en-US" altLang="en-US">
                <a:solidFill>
                  <a:prstClr val="white"/>
                </a:solidFill>
              </a:rPr>
              <a:pPr>
                <a:defRPr/>
              </a:pPr>
              <a:t>‹#›</a:t>
            </a:fld>
            <a:endParaRPr lang="en-US" altLang="en-US" dirty="0">
              <a:solidFill>
                <a:prstClr val="white"/>
              </a:solidFill>
            </a:endParaRPr>
          </a:p>
        </p:txBody>
      </p:sp>
    </p:spTree>
    <p:extLst>
      <p:ext uri="{BB962C8B-B14F-4D97-AF65-F5344CB8AC3E}">
        <p14:creationId xmlns:p14="http://schemas.microsoft.com/office/powerpoint/2010/main" val="140003469"/>
      </p:ext>
    </p:extLst>
  </p:cSld>
  <p:clrMapOvr>
    <a:masterClrMapping/>
  </p:clrMapOvr>
  <p:transition/>
</p:sldLayout>
</file>

<file path=ppt/slideLayouts/slideLayout822.xml><?xml version="1.0" encoding="utf-8"?>
<p:sldLayout xmlns:a="http://schemas.openxmlformats.org/drawingml/2006/main" xmlns:r="http://schemas.openxmlformats.org/officeDocument/2006/relationships" xmlns:p="http://schemas.openxmlformats.org/presentationml/2006/main" type="txAndObj">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819400" y="609600"/>
            <a:ext cx="60960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2819400" y="1981200"/>
            <a:ext cx="29718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5943600" y="1981200"/>
            <a:ext cx="29718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5"/>
          <p:cNvSpPr>
            <a:spLocks noGrp="1" noChangeArrowheads="1"/>
          </p:cNvSpPr>
          <p:nvPr>
            <p:ph type="dt" sz="half" idx="10"/>
          </p:nvPr>
        </p:nvSpPr>
        <p:spPr>
          <a:xfrm>
            <a:off x="304800" y="6248400"/>
            <a:ext cx="19050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6" name="Rectangle 6"/>
          <p:cNvSpPr>
            <a:spLocks noGrp="1" noChangeArrowheads="1"/>
          </p:cNvSpPr>
          <p:nvPr>
            <p:ph type="ftr" sz="quarter" idx="11"/>
          </p:nvPr>
        </p:nvSpPr>
        <p:spPr>
          <a:xfrm>
            <a:off x="3581400" y="6248400"/>
            <a:ext cx="2895600" cy="457200"/>
          </a:xfrm>
          <a:prstGeom prst="rect">
            <a:avLst/>
          </a:prstGeom>
        </p:spPr>
        <p:txBody>
          <a:bodyPr/>
          <a:lstStyle>
            <a:lvl1pPr>
              <a:defRPr>
                <a:latin typeface="Arial" charset="0"/>
              </a:defRPr>
            </a:lvl1pPr>
          </a:lstStyle>
          <a:p>
            <a:pPr>
              <a:defRPr/>
            </a:pPr>
            <a:endParaRPr lang="en-US" altLang="en-US" dirty="0">
              <a:solidFill>
                <a:prstClr val="white"/>
              </a:solidFill>
            </a:endParaRPr>
          </a:p>
        </p:txBody>
      </p:sp>
      <p:sp>
        <p:nvSpPr>
          <p:cNvPr id="7" name="Rectangle 7"/>
          <p:cNvSpPr>
            <a:spLocks noGrp="1" noChangeArrowheads="1"/>
          </p:cNvSpPr>
          <p:nvPr>
            <p:ph type="sldNum" sz="quarter" idx="12"/>
          </p:nvPr>
        </p:nvSpPr>
        <p:spPr>
          <a:xfrm>
            <a:off x="7010400" y="6248400"/>
            <a:ext cx="1905000" cy="457200"/>
          </a:xfrm>
          <a:prstGeom prst="rect">
            <a:avLst/>
          </a:prstGeom>
        </p:spPr>
        <p:txBody>
          <a:bodyPr/>
          <a:lstStyle>
            <a:lvl1pPr>
              <a:defRPr>
                <a:latin typeface="Arial" charset="0"/>
              </a:defRPr>
            </a:lvl1pPr>
          </a:lstStyle>
          <a:p>
            <a:pPr>
              <a:defRPr/>
            </a:pPr>
            <a:fld id="{7E7253D1-E3D2-4173-BF64-DF6E1F4D8927}" type="slidenum">
              <a:rPr lang="en-US" altLang="en-US">
                <a:solidFill>
                  <a:prstClr val="white"/>
                </a:solidFill>
              </a:rPr>
              <a:pPr>
                <a:defRPr/>
              </a:pPr>
              <a:t>‹#›</a:t>
            </a:fld>
            <a:endParaRPr lang="en-US" altLang="en-US" dirty="0">
              <a:solidFill>
                <a:prstClr val="white"/>
              </a:solidFill>
            </a:endParaRPr>
          </a:p>
        </p:txBody>
      </p:sp>
    </p:spTree>
    <p:extLst>
      <p:ext uri="{BB962C8B-B14F-4D97-AF65-F5344CB8AC3E}">
        <p14:creationId xmlns:p14="http://schemas.microsoft.com/office/powerpoint/2010/main" val="4153284719"/>
      </p:ext>
    </p:extLst>
  </p:cSld>
  <p:clrMapOvr>
    <a:masterClrMapping/>
  </p:clrMapOvr>
  <p:transition/>
</p:sldLayout>
</file>

<file path=ppt/slideLayouts/slideLayout823.xml><?xml version="1.0" encoding="utf-8"?>
<p:sldLayout xmlns:a="http://schemas.openxmlformats.org/drawingml/2006/main" xmlns:r="http://schemas.openxmlformats.org/officeDocument/2006/relationships" xmlns:p="http://schemas.openxmlformats.org/presentationml/2006/main" type="dgm">
  <p:cSld name="Title and Diagram or Organization Chart">
    <p:spTree>
      <p:nvGrpSpPr>
        <p:cNvPr id="1" name=""/>
        <p:cNvGrpSpPr/>
        <p:nvPr/>
      </p:nvGrpSpPr>
      <p:grpSpPr>
        <a:xfrm>
          <a:off x="0" y="0"/>
          <a:ext cx="0" cy="0"/>
          <a:chOff x="0" y="0"/>
          <a:chExt cx="0" cy="0"/>
        </a:xfrm>
      </p:grpSpPr>
      <p:sp>
        <p:nvSpPr>
          <p:cNvPr id="2" name="Title 1"/>
          <p:cNvSpPr>
            <a:spLocks noGrp="1"/>
          </p:cNvSpPr>
          <p:nvPr>
            <p:ph type="title"/>
          </p:nvPr>
        </p:nvSpPr>
        <p:spPr>
          <a:xfrm>
            <a:off x="685800" y="152400"/>
            <a:ext cx="7772400" cy="1143000"/>
          </a:xfrm>
        </p:spPr>
        <p:txBody>
          <a:bodyPr/>
          <a:lstStyle/>
          <a:p>
            <a:r>
              <a:rPr lang="en-US" smtClean="0"/>
              <a:t>Click to edit Master title style</a:t>
            </a:r>
            <a:endParaRPr lang="en-US"/>
          </a:p>
        </p:txBody>
      </p:sp>
      <p:sp>
        <p:nvSpPr>
          <p:cNvPr id="3" name="SmartArt Placeholder 2"/>
          <p:cNvSpPr>
            <a:spLocks noGrp="1"/>
          </p:cNvSpPr>
          <p:nvPr>
            <p:ph type="dgm" idx="1"/>
          </p:nvPr>
        </p:nvSpPr>
        <p:spPr>
          <a:xfrm>
            <a:off x="685800" y="1981200"/>
            <a:ext cx="7772400" cy="4114800"/>
          </a:xfrm>
        </p:spPr>
        <p:txBody>
          <a:bodyPr/>
          <a:lstStyle/>
          <a:p>
            <a:endParaRPr lang="en-US" dirty="0"/>
          </a:p>
        </p:txBody>
      </p:sp>
    </p:spTree>
    <p:extLst>
      <p:ext uri="{BB962C8B-B14F-4D97-AF65-F5344CB8AC3E}">
        <p14:creationId xmlns:p14="http://schemas.microsoft.com/office/powerpoint/2010/main" val="1650833871"/>
      </p:ext>
    </p:extLst>
  </p:cSld>
  <p:clrMapOvr>
    <a:masterClrMapping/>
  </p:clrMapOvr>
  <p:transition spd="med">
    <p:pull dir="ld"/>
  </p:transition>
</p:sldLayout>
</file>

<file path=ppt/slideLayouts/slideLayout824.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685800" y="152400"/>
            <a:ext cx="7772400" cy="59436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342195008"/>
      </p:ext>
    </p:extLst>
  </p:cSld>
  <p:clrMapOvr>
    <a:masterClrMapping/>
  </p:clrMapOvr>
  <p:transition spd="med">
    <p:pull dir="ld"/>
  </p:transition>
</p:sldLayout>
</file>

<file path=ppt/slideLayouts/slideLayout825.xml><?xml version="1.0" encoding="utf-8"?>
<p:sldLayout xmlns:a="http://schemas.openxmlformats.org/drawingml/2006/main" xmlns:r="http://schemas.openxmlformats.org/officeDocument/2006/relationships" xmlns:p="http://schemas.openxmlformats.org/presentationml/2006/main" type="txAndClipArt">
  <p:cSld name="Title, Text and Clip Art">
    <p:spTree>
      <p:nvGrpSpPr>
        <p:cNvPr id="1" name=""/>
        <p:cNvGrpSpPr/>
        <p:nvPr/>
      </p:nvGrpSpPr>
      <p:grpSpPr>
        <a:xfrm>
          <a:off x="0" y="0"/>
          <a:ext cx="0" cy="0"/>
          <a:chOff x="0" y="0"/>
          <a:chExt cx="0" cy="0"/>
        </a:xfrm>
      </p:grpSpPr>
      <p:sp>
        <p:nvSpPr>
          <p:cNvPr id="2" name="Title 1"/>
          <p:cNvSpPr>
            <a:spLocks noGrp="1"/>
          </p:cNvSpPr>
          <p:nvPr>
            <p:ph type="title"/>
          </p:nvPr>
        </p:nvSpPr>
        <p:spPr>
          <a:xfrm>
            <a:off x="685800" y="115888"/>
            <a:ext cx="7772400" cy="116205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381000" y="2133600"/>
            <a:ext cx="41910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lipArt Placeholder 3"/>
          <p:cNvSpPr>
            <a:spLocks noGrp="1"/>
          </p:cNvSpPr>
          <p:nvPr>
            <p:ph type="clipArt" sz="half" idx="2"/>
          </p:nvPr>
        </p:nvSpPr>
        <p:spPr>
          <a:xfrm>
            <a:off x="4724400" y="2133600"/>
            <a:ext cx="4191000" cy="4114800"/>
          </a:xfrm>
        </p:spPr>
        <p:txBody>
          <a:bodyPr/>
          <a:lstStyle/>
          <a:p>
            <a:pPr lvl="0"/>
            <a:endParaRPr lang="en-US" noProof="0" dirty="0" smtClean="0"/>
          </a:p>
        </p:txBody>
      </p:sp>
      <p:sp>
        <p:nvSpPr>
          <p:cNvPr id="5" name="Rectangle 2"/>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endParaRPr lang="en-US" dirty="0">
              <a:solidFill>
                <a:prstClr val="white"/>
              </a:solidFill>
            </a:endParaRPr>
          </a:p>
        </p:txBody>
      </p:sp>
      <p:sp>
        <p:nvSpPr>
          <p:cNvPr id="6" name="Rectangle 3"/>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prstClr val="white"/>
              </a:solidFill>
            </a:endParaRPr>
          </a:p>
        </p:txBody>
      </p:sp>
      <p:sp>
        <p:nvSpPr>
          <p:cNvPr id="7" name="Rectangle 4"/>
          <p:cNvSpPr>
            <a:spLocks noGrp="1" noChangeArrowheads="1"/>
          </p:cNvSpPr>
          <p:nvPr>
            <p:ph type="sldNum" sz="quarter" idx="12"/>
          </p:nvPr>
        </p:nvSpPr>
        <p:spPr>
          <a:ln/>
        </p:spPr>
        <p:txBody>
          <a:bodyPr/>
          <a:lstStyle>
            <a:lvl1pPr>
              <a:defRPr/>
            </a:lvl1pPr>
          </a:lstStyle>
          <a:p>
            <a:pPr>
              <a:defRPr/>
            </a:pPr>
            <a:fld id="{4570EF29-6386-4701-9116-0332524D243E}"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673336862"/>
      </p:ext>
    </p:extLst>
  </p:cSld>
  <p:clrMapOvr>
    <a:masterClrMapping/>
  </p:clrMapOvr>
  <p:transition>
    <p:dissolve/>
  </p:transition>
</p:sldLayout>
</file>

<file path=ppt/slideLayouts/slideLayout826.xml><?xml version="1.0" encoding="utf-8"?>
<p:sldLayout xmlns:a="http://schemas.openxmlformats.org/drawingml/2006/main" xmlns:r="http://schemas.openxmlformats.org/officeDocument/2006/relationships" xmlns:p="http://schemas.openxmlformats.org/presentationml/2006/main" type="chartAndTx">
  <p:cSld name="Title, Chart and Text">
    <p:spTree>
      <p:nvGrpSpPr>
        <p:cNvPr id="1" name=""/>
        <p:cNvGrpSpPr/>
        <p:nvPr/>
      </p:nvGrpSpPr>
      <p:grpSpPr>
        <a:xfrm>
          <a:off x="0" y="0"/>
          <a:ext cx="0" cy="0"/>
          <a:chOff x="0" y="0"/>
          <a:chExt cx="0" cy="0"/>
        </a:xfrm>
      </p:grpSpPr>
      <p:sp>
        <p:nvSpPr>
          <p:cNvPr id="2" name="Title 1"/>
          <p:cNvSpPr>
            <a:spLocks noGrp="1"/>
          </p:cNvSpPr>
          <p:nvPr>
            <p:ph type="title"/>
          </p:nvPr>
        </p:nvSpPr>
        <p:spPr>
          <a:xfrm>
            <a:off x="685800" y="115888"/>
            <a:ext cx="7772400" cy="1162050"/>
          </a:xfrm>
        </p:spPr>
        <p:txBody>
          <a:bodyPr/>
          <a:lstStyle/>
          <a:p>
            <a:r>
              <a:rPr lang="en-US" smtClean="0"/>
              <a:t>Click to edit Master title style</a:t>
            </a:r>
            <a:endParaRPr lang="en-US"/>
          </a:p>
        </p:txBody>
      </p:sp>
      <p:sp>
        <p:nvSpPr>
          <p:cNvPr id="3" name="Chart Placeholder 2"/>
          <p:cNvSpPr>
            <a:spLocks noGrp="1"/>
          </p:cNvSpPr>
          <p:nvPr>
            <p:ph type="chart" sz="half" idx="1"/>
          </p:nvPr>
        </p:nvSpPr>
        <p:spPr>
          <a:xfrm>
            <a:off x="381000" y="2133600"/>
            <a:ext cx="4191000" cy="4114800"/>
          </a:xfrm>
        </p:spPr>
        <p:txBody>
          <a:bodyPr/>
          <a:lstStyle/>
          <a:p>
            <a:pPr lvl="0"/>
            <a:endParaRPr lang="en-US" noProof="0" dirty="0" smtClean="0"/>
          </a:p>
        </p:txBody>
      </p:sp>
      <p:sp>
        <p:nvSpPr>
          <p:cNvPr id="4" name="Text Placeholder 3"/>
          <p:cNvSpPr>
            <a:spLocks noGrp="1"/>
          </p:cNvSpPr>
          <p:nvPr>
            <p:ph type="body" sz="half" idx="2"/>
          </p:nvPr>
        </p:nvSpPr>
        <p:spPr>
          <a:xfrm>
            <a:off x="4724400" y="2133600"/>
            <a:ext cx="41910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2"/>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endParaRPr lang="en-US" dirty="0">
              <a:solidFill>
                <a:prstClr val="white"/>
              </a:solidFill>
            </a:endParaRPr>
          </a:p>
        </p:txBody>
      </p:sp>
      <p:sp>
        <p:nvSpPr>
          <p:cNvPr id="6" name="Rectangle 3"/>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prstClr val="white"/>
              </a:solidFill>
            </a:endParaRPr>
          </a:p>
        </p:txBody>
      </p:sp>
      <p:sp>
        <p:nvSpPr>
          <p:cNvPr id="7" name="Rectangle 4"/>
          <p:cNvSpPr>
            <a:spLocks noGrp="1" noChangeArrowheads="1"/>
          </p:cNvSpPr>
          <p:nvPr>
            <p:ph type="sldNum" sz="quarter" idx="12"/>
          </p:nvPr>
        </p:nvSpPr>
        <p:spPr>
          <a:ln/>
        </p:spPr>
        <p:txBody>
          <a:bodyPr/>
          <a:lstStyle>
            <a:lvl1pPr>
              <a:defRPr/>
            </a:lvl1pPr>
          </a:lstStyle>
          <a:p>
            <a:pPr>
              <a:defRPr/>
            </a:pPr>
            <a:fld id="{3A232F8E-1B52-4DD4-8004-DD9B4FD0D5F8}"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517479543"/>
      </p:ext>
    </p:extLst>
  </p:cSld>
  <p:clrMapOvr>
    <a:masterClrMapping/>
  </p:clrMapOvr>
  <p:transition>
    <p:dissolve/>
  </p:transition>
</p:sldLayout>
</file>

<file path=ppt/slideLayouts/slideLayout827.xml><?xml version="1.0" encoding="utf-8"?>
<p:sldLayout xmlns:a="http://schemas.openxmlformats.org/drawingml/2006/main" xmlns:r="http://schemas.openxmlformats.org/officeDocument/2006/relationships" xmlns:p="http://schemas.openxmlformats.org/presentationml/2006/main" type="txAndChart">
  <p:cSld name="Title, Text and Chart">
    <p:spTree>
      <p:nvGrpSpPr>
        <p:cNvPr id="1" name=""/>
        <p:cNvGrpSpPr/>
        <p:nvPr/>
      </p:nvGrpSpPr>
      <p:grpSpPr>
        <a:xfrm>
          <a:off x="0" y="0"/>
          <a:ext cx="0" cy="0"/>
          <a:chOff x="0" y="0"/>
          <a:chExt cx="0" cy="0"/>
        </a:xfrm>
      </p:grpSpPr>
      <p:sp>
        <p:nvSpPr>
          <p:cNvPr id="2" name="Title 1"/>
          <p:cNvSpPr>
            <a:spLocks noGrp="1"/>
          </p:cNvSpPr>
          <p:nvPr>
            <p:ph type="title"/>
          </p:nvPr>
        </p:nvSpPr>
        <p:spPr>
          <a:xfrm>
            <a:off x="685800" y="115888"/>
            <a:ext cx="7772400" cy="116205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381000" y="2133600"/>
            <a:ext cx="41910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hart Placeholder 3"/>
          <p:cNvSpPr>
            <a:spLocks noGrp="1"/>
          </p:cNvSpPr>
          <p:nvPr>
            <p:ph type="chart" sz="half" idx="2"/>
          </p:nvPr>
        </p:nvSpPr>
        <p:spPr>
          <a:xfrm>
            <a:off x="4724400" y="2133600"/>
            <a:ext cx="4191000" cy="4114800"/>
          </a:xfrm>
        </p:spPr>
        <p:txBody>
          <a:bodyPr/>
          <a:lstStyle/>
          <a:p>
            <a:pPr lvl="0"/>
            <a:endParaRPr lang="en-US" noProof="0" dirty="0" smtClean="0"/>
          </a:p>
        </p:txBody>
      </p:sp>
      <p:sp>
        <p:nvSpPr>
          <p:cNvPr id="5" name="Rectangle 2"/>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endParaRPr lang="en-US" dirty="0">
              <a:solidFill>
                <a:prstClr val="white"/>
              </a:solidFill>
            </a:endParaRPr>
          </a:p>
        </p:txBody>
      </p:sp>
      <p:sp>
        <p:nvSpPr>
          <p:cNvPr id="6" name="Rectangle 3"/>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prstClr val="white"/>
              </a:solidFill>
            </a:endParaRPr>
          </a:p>
        </p:txBody>
      </p:sp>
      <p:sp>
        <p:nvSpPr>
          <p:cNvPr id="7" name="Rectangle 4"/>
          <p:cNvSpPr>
            <a:spLocks noGrp="1" noChangeArrowheads="1"/>
          </p:cNvSpPr>
          <p:nvPr>
            <p:ph type="sldNum" sz="quarter" idx="12"/>
          </p:nvPr>
        </p:nvSpPr>
        <p:spPr>
          <a:ln/>
        </p:spPr>
        <p:txBody>
          <a:bodyPr/>
          <a:lstStyle>
            <a:lvl1pPr>
              <a:defRPr/>
            </a:lvl1pPr>
          </a:lstStyle>
          <a:p>
            <a:pPr>
              <a:defRPr/>
            </a:pPr>
            <a:fld id="{666D1D25-F5E1-4A65-AE6B-0D96FE34B4B2}"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330846154"/>
      </p:ext>
    </p:extLst>
  </p:cSld>
  <p:clrMapOvr>
    <a:masterClrMapping/>
  </p:clrMapOvr>
  <p:transition>
    <p:dissolve/>
  </p:transition>
</p:sldLayout>
</file>

<file path=ppt/slideLayouts/slideLayout828.xml><?xml version="1.0" encoding="utf-8"?>
<p:sldLayout xmlns:a="http://schemas.openxmlformats.org/drawingml/2006/main" xmlns:r="http://schemas.openxmlformats.org/officeDocument/2006/relationships" xmlns:p="http://schemas.openxmlformats.org/presentationml/2006/main" type="txAndMedia">
  <p:cSld name="Title, Text and Media Clip">
    <p:spTree>
      <p:nvGrpSpPr>
        <p:cNvPr id="1" name=""/>
        <p:cNvGrpSpPr/>
        <p:nvPr/>
      </p:nvGrpSpPr>
      <p:grpSpPr>
        <a:xfrm>
          <a:off x="0" y="0"/>
          <a:ext cx="0" cy="0"/>
          <a:chOff x="0" y="0"/>
          <a:chExt cx="0" cy="0"/>
        </a:xfrm>
      </p:grpSpPr>
      <p:sp>
        <p:nvSpPr>
          <p:cNvPr id="2" name="Title 1"/>
          <p:cNvSpPr>
            <a:spLocks noGrp="1"/>
          </p:cNvSpPr>
          <p:nvPr>
            <p:ph type="title"/>
          </p:nvPr>
        </p:nvSpPr>
        <p:spPr>
          <a:xfrm>
            <a:off x="685800" y="115888"/>
            <a:ext cx="7772400" cy="116205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381000" y="2133600"/>
            <a:ext cx="4191000" cy="4114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Media Placeholder 3"/>
          <p:cNvSpPr>
            <a:spLocks noGrp="1"/>
          </p:cNvSpPr>
          <p:nvPr>
            <p:ph type="media" sz="half" idx="2"/>
          </p:nvPr>
        </p:nvSpPr>
        <p:spPr>
          <a:xfrm>
            <a:off x="4724400" y="2133600"/>
            <a:ext cx="4191000" cy="4114800"/>
          </a:xfrm>
        </p:spPr>
        <p:txBody>
          <a:bodyPr/>
          <a:lstStyle/>
          <a:p>
            <a:pPr lvl="0"/>
            <a:endParaRPr lang="en-US" noProof="0" dirty="0" smtClean="0"/>
          </a:p>
        </p:txBody>
      </p:sp>
      <p:sp>
        <p:nvSpPr>
          <p:cNvPr id="5" name="Rectangle 2"/>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endParaRPr lang="en-US" dirty="0">
              <a:solidFill>
                <a:prstClr val="white"/>
              </a:solidFill>
            </a:endParaRPr>
          </a:p>
        </p:txBody>
      </p:sp>
      <p:sp>
        <p:nvSpPr>
          <p:cNvPr id="6" name="Rectangle 3"/>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prstClr val="white"/>
              </a:solidFill>
            </a:endParaRPr>
          </a:p>
        </p:txBody>
      </p:sp>
      <p:sp>
        <p:nvSpPr>
          <p:cNvPr id="7" name="Rectangle 4"/>
          <p:cNvSpPr>
            <a:spLocks noGrp="1" noChangeArrowheads="1"/>
          </p:cNvSpPr>
          <p:nvPr>
            <p:ph type="sldNum" sz="quarter" idx="12"/>
          </p:nvPr>
        </p:nvSpPr>
        <p:spPr>
          <a:ln/>
        </p:spPr>
        <p:txBody>
          <a:bodyPr/>
          <a:lstStyle>
            <a:lvl1pPr>
              <a:defRPr/>
            </a:lvl1pPr>
          </a:lstStyle>
          <a:p>
            <a:pPr>
              <a:defRPr/>
            </a:pPr>
            <a:fld id="{80C36417-297C-484E-BBDD-8D9C24B1B0E0}"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874091213"/>
      </p:ext>
    </p:extLst>
  </p:cSld>
  <p:clrMapOvr>
    <a:masterClrMapping/>
  </p:clrMapOvr>
  <p:transition>
    <p:dissolve/>
  </p:transition>
</p:sldLayout>
</file>

<file path=ppt/slideLayouts/slideLayout829.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28600" y="304800"/>
            <a:ext cx="8382000" cy="664797"/>
          </a:xfrm>
        </p:spPr>
        <p:txBody>
          <a:bodyPr/>
          <a:lstStyle>
            <a:lvl1pPr>
              <a:defRPr sz="4800"/>
            </a:lvl1pPr>
          </a:lstStyle>
          <a:p>
            <a:r>
              <a:rPr lang="en-US" dirty="0" smtClean="0"/>
              <a:t>Slide Tit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517853209"/>
      </p:ext>
    </p:extLst>
  </p:cSld>
  <p:clrMapOvr>
    <a:masterClrMapping/>
  </p:clrMapOvr>
  <p:transition/>
  <p:timing>
    <p:tnLst>
      <p:par>
        <p:cTn id="1" dur="indefinite" restart="never" nodeType="tmRoot"/>
      </p:par>
    </p:tnLst>
  </p:timing>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1975449440"/>
      </p:ext>
    </p:extLst>
  </p:cSld>
  <p:clrMapOvr>
    <a:masterClrMapping/>
  </p:clrMapOvr>
  <p:transition spd="slow">
    <p:fade/>
  </p:transition>
</p:sldLayout>
</file>

<file path=ppt/slideLayouts/slideLayout830.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28600" y="304800"/>
            <a:ext cx="8382000" cy="664797"/>
          </a:xfrm>
        </p:spPr>
        <p:txBody>
          <a:bodyPr/>
          <a:lstStyle>
            <a:lvl1pPr>
              <a:defRPr sz="4800"/>
            </a:lvl1pPr>
          </a:lstStyle>
          <a:p>
            <a:r>
              <a:rPr lang="en-US" dirty="0" smtClean="0"/>
              <a:t>Slide Tit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279769937"/>
      </p:ext>
    </p:extLst>
  </p:cSld>
  <p:clrMapOvr>
    <a:masterClrMapping/>
  </p:clrMapOvr>
  <p:transition/>
</p:sldLayout>
</file>

<file path=ppt/slideLayouts/slideLayout831.xml><?xml version="1.0" encoding="utf-8"?>
<p:sldLayout xmlns:a="http://schemas.openxmlformats.org/drawingml/2006/main" xmlns:r="http://schemas.openxmlformats.org/officeDocument/2006/relationships" xmlns:p="http://schemas.openxmlformats.org/presentationml/2006/main" userDrawn="1">
  <p:cSld name="Transition">
    <p:spTree>
      <p:nvGrpSpPr>
        <p:cNvPr id="1" name=""/>
        <p:cNvGrpSpPr/>
        <p:nvPr/>
      </p:nvGrpSpPr>
      <p:grpSpPr>
        <a:xfrm>
          <a:off x="0" y="0"/>
          <a:ext cx="0" cy="0"/>
          <a:chOff x="0" y="0"/>
          <a:chExt cx="0" cy="0"/>
        </a:xfrm>
      </p:grpSpPr>
      <p:pic>
        <p:nvPicPr>
          <p:cNvPr id="3" name="Picture 3" descr="Background Seal.png"/>
          <p:cNvPicPr>
            <a:picLocks noChangeAspect="1"/>
          </p:cNvPicPr>
          <p:nvPr userDrawn="1"/>
        </p:nvPicPr>
        <p:blipFill>
          <a:blip r:embed="rId2" cstate="print"/>
          <a:srcRect/>
          <a:stretch>
            <a:fillRect/>
          </a:stretch>
        </p:blipFill>
        <p:spPr bwMode="auto">
          <a:xfrm>
            <a:off x="3124200" y="1125538"/>
            <a:ext cx="6019800" cy="5732462"/>
          </a:xfrm>
          <a:prstGeom prst="rect">
            <a:avLst/>
          </a:prstGeom>
          <a:noFill/>
          <a:ln w="9525">
            <a:noFill/>
            <a:miter lim="800000"/>
            <a:headEnd/>
            <a:tailEnd/>
          </a:ln>
        </p:spPr>
      </p:pic>
      <p:sp>
        <p:nvSpPr>
          <p:cNvPr id="4" name="Rounded Rectangle 3"/>
          <p:cNvSpPr/>
          <p:nvPr userDrawn="1"/>
        </p:nvSpPr>
        <p:spPr bwMode="auto">
          <a:xfrm>
            <a:off x="1143000" y="1600200"/>
            <a:ext cx="7315200" cy="2057400"/>
          </a:xfrm>
          <a:prstGeom prst="roundRect">
            <a:avLst>
              <a:gd name="adj" fmla="val 9033"/>
            </a:avLst>
          </a:prstGeom>
          <a:gradFill>
            <a:gsLst>
              <a:gs pos="0">
                <a:schemeClr val="accent1">
                  <a:shade val="15000"/>
                  <a:satMod val="180000"/>
                  <a:alpha val="75000"/>
                </a:schemeClr>
              </a:gs>
              <a:gs pos="50000">
                <a:schemeClr val="accent1">
                  <a:shade val="45000"/>
                  <a:satMod val="170000"/>
                  <a:alpha val="75000"/>
                </a:schemeClr>
              </a:gs>
              <a:gs pos="70000">
                <a:schemeClr val="accent1">
                  <a:tint val="99000"/>
                  <a:shade val="65000"/>
                  <a:satMod val="155000"/>
                  <a:alpha val="75000"/>
                </a:schemeClr>
              </a:gs>
              <a:gs pos="100000">
                <a:schemeClr val="accent1">
                  <a:tint val="95500"/>
                  <a:shade val="100000"/>
                  <a:satMod val="155000"/>
                  <a:alpha val="75000"/>
                </a:schemeClr>
              </a:gs>
            </a:gsLst>
          </a:gra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lIns="91436" tIns="45718" rIns="91436" bIns="45718" anchor="ctr"/>
          <a:lstStyle/>
          <a:p>
            <a:pPr algn="ctr" defTabSz="914099" fontAlgn="auto">
              <a:spcBef>
                <a:spcPts val="0"/>
              </a:spcBef>
              <a:spcAft>
                <a:spcPts val="0"/>
              </a:spcAft>
              <a:defRPr/>
            </a:pPr>
            <a:endParaRPr lang="en-US" sz="5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cs typeface="Arial" charset="0"/>
            </a:endParaRPr>
          </a:p>
        </p:txBody>
      </p:sp>
      <p:sp>
        <p:nvSpPr>
          <p:cNvPr id="7" name="Title 6"/>
          <p:cNvSpPr>
            <a:spLocks noGrp="1"/>
          </p:cNvSpPr>
          <p:nvPr>
            <p:ph type="title"/>
          </p:nvPr>
        </p:nvSpPr>
        <p:spPr>
          <a:xfrm>
            <a:off x="1295400" y="1828800"/>
            <a:ext cx="7010400" cy="1676400"/>
          </a:xfrm>
        </p:spPr>
        <p:txBody>
          <a:bodyPr/>
          <a:lstStyle/>
          <a:p>
            <a:r>
              <a:rPr lang="en-US" smtClean="0"/>
              <a:t>Click to edit Master title style</a:t>
            </a:r>
            <a:endParaRPr lang="en-US" dirty="0"/>
          </a:p>
        </p:txBody>
      </p:sp>
    </p:spTree>
    <p:extLst>
      <p:ext uri="{BB962C8B-B14F-4D97-AF65-F5344CB8AC3E}">
        <p14:creationId xmlns:p14="http://schemas.microsoft.com/office/powerpoint/2010/main" val="682422349"/>
      </p:ext>
    </p:extLst>
  </p:cSld>
  <p:clrMapOvr>
    <a:masterClrMapping/>
  </p:clrMapOvr>
  <p:transition>
    <p:fade/>
  </p:transition>
</p:sldLayout>
</file>

<file path=ppt/slideLayouts/slideLayout832.xml><?xml version="1.0" encoding="utf-8"?>
<p:sldLayout xmlns:a="http://schemas.openxmlformats.org/drawingml/2006/main" xmlns:r="http://schemas.openxmlformats.org/officeDocument/2006/relationships" xmlns:p="http://schemas.openxmlformats.org/presentationml/2006/main" type="objOverTx">
  <p:cSld name="Title and Content over Text">
    <p:spTree>
      <p:nvGrpSpPr>
        <p:cNvPr id="1" name=""/>
        <p:cNvGrpSpPr/>
        <p:nvPr/>
      </p:nvGrpSpPr>
      <p:grpSpPr>
        <a:xfrm>
          <a:off x="0" y="0"/>
          <a:ext cx="0" cy="0"/>
          <a:chOff x="0" y="0"/>
          <a:chExt cx="0" cy="0"/>
        </a:xfrm>
      </p:grpSpPr>
      <p:sp>
        <p:nvSpPr>
          <p:cNvPr id="2" name="Title 1"/>
          <p:cNvSpPr>
            <a:spLocks noGrp="1"/>
          </p:cNvSpPr>
          <p:nvPr>
            <p:ph type="title"/>
          </p:nvPr>
        </p:nvSpPr>
        <p:spPr>
          <a:xfrm>
            <a:off x="0" y="152400"/>
            <a:ext cx="9144000" cy="914400"/>
          </a:xfrm>
        </p:spPr>
        <p:txBody>
          <a:bodyPr/>
          <a:lstStyle/>
          <a:p>
            <a:r>
              <a:rPr lang="en-US" smtClean="0"/>
              <a:t>Click to edit Master title style</a:t>
            </a:r>
            <a:endParaRPr lang="en-US"/>
          </a:p>
        </p:txBody>
      </p:sp>
      <p:sp>
        <p:nvSpPr>
          <p:cNvPr id="3" name="Content Placeholder 2"/>
          <p:cNvSpPr>
            <a:spLocks noGrp="1"/>
          </p:cNvSpPr>
          <p:nvPr>
            <p:ph sz="half" idx="1"/>
          </p:nvPr>
        </p:nvSpPr>
        <p:spPr>
          <a:xfrm>
            <a:off x="685800" y="1371600"/>
            <a:ext cx="7772400" cy="2286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85800" y="3810000"/>
            <a:ext cx="7772400" cy="2286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686779302"/>
      </p:ext>
    </p:extLst>
  </p:cSld>
  <p:clrMapOvr>
    <a:masterClrMapping/>
  </p:clrMapOvr>
</p:sldLayout>
</file>

<file path=ppt/slideLayouts/slideLayout833.xml><?xml version="1.0" encoding="utf-8"?>
<p:sldLayout xmlns:a="http://schemas.openxmlformats.org/drawingml/2006/main" xmlns:r="http://schemas.openxmlformats.org/officeDocument/2006/relationships" xmlns:p="http://schemas.openxmlformats.org/presentationml/2006/main" userDrawn="1">
  <p:cSld name="Graph">
    <p:spTree>
      <p:nvGrpSpPr>
        <p:cNvPr id="1" name=""/>
        <p:cNvGrpSpPr/>
        <p:nvPr/>
      </p:nvGrpSpPr>
      <p:grpSpPr>
        <a:xfrm>
          <a:off x="0" y="0"/>
          <a:ext cx="0" cy="0"/>
          <a:chOff x="0" y="0"/>
          <a:chExt cx="0" cy="0"/>
        </a:xfrm>
      </p:grpSpPr>
      <p:sp>
        <p:nvSpPr>
          <p:cNvPr id="2" name="Title 1"/>
          <p:cNvSpPr>
            <a:spLocks noGrp="1"/>
          </p:cNvSpPr>
          <p:nvPr>
            <p:ph type="title"/>
          </p:nvPr>
        </p:nvSpPr>
        <p:spPr>
          <a:xfrm>
            <a:off x="457200" y="704088"/>
            <a:ext cx="8229600" cy="664797"/>
          </a:xfrm>
        </p:spPr>
        <p:txBody>
          <a:bodyPr/>
          <a:lstStyle>
            <a:lvl1pPr>
              <a:defRPr/>
            </a:lvl1pPr>
          </a:lstStyle>
          <a:p>
            <a:r>
              <a:rPr lang="en-US" smtClean="0"/>
              <a:t>Click to edit Master title style</a:t>
            </a:r>
            <a:endParaRPr lang="en-US" dirty="0"/>
          </a:p>
        </p:txBody>
      </p:sp>
      <p:sp>
        <p:nvSpPr>
          <p:cNvPr id="9" name="Chart Placeholder 8"/>
          <p:cNvSpPr>
            <a:spLocks noGrp="1"/>
          </p:cNvSpPr>
          <p:nvPr>
            <p:ph type="chart" sz="quarter" idx="10"/>
          </p:nvPr>
        </p:nvSpPr>
        <p:spPr>
          <a:xfrm>
            <a:off x="1295400" y="1828800"/>
            <a:ext cx="6172200" cy="4343400"/>
          </a:xfrm>
        </p:spPr>
        <p:txBody>
          <a:bodyPr/>
          <a:lstStyle/>
          <a:p>
            <a:pPr lvl="0"/>
            <a:r>
              <a:rPr lang="en-US" noProof="0" dirty="0" smtClean="0"/>
              <a:t>Click icon to add chart</a:t>
            </a:r>
            <a:endParaRPr lang="en-US" noProof="0" dirty="0"/>
          </a:p>
        </p:txBody>
      </p:sp>
    </p:spTree>
    <p:extLst>
      <p:ext uri="{BB962C8B-B14F-4D97-AF65-F5344CB8AC3E}">
        <p14:creationId xmlns:p14="http://schemas.microsoft.com/office/powerpoint/2010/main" val="3265634429"/>
      </p:ext>
    </p:extLst>
  </p:cSld>
  <p:clrMapOvr>
    <a:masterClrMapping/>
  </p:clrMapOvr>
  <p:transition spd="med">
    <p:fade/>
  </p:transition>
  <p:timing>
    <p:tnLst>
      <p:par>
        <p:cTn id="1" dur="indefinite" restart="never" nodeType="tmRoot"/>
      </p:par>
    </p:tnLst>
  </p:timing>
</p:sldLayout>
</file>

<file path=ppt/slideLayouts/slideLayout834.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28600" y="304801"/>
            <a:ext cx="8763000" cy="761999"/>
          </a:xfrm>
        </p:spPr>
        <p:txBody>
          <a:bodyPr/>
          <a:lstStyle>
            <a:lvl1pPr>
              <a:defRPr sz="5400"/>
            </a:lvl1pPr>
          </a:lstStyle>
          <a:p>
            <a:r>
              <a:rPr lang="en-US" dirty="0" smtClean="0"/>
              <a:t>Slide Title</a:t>
            </a:r>
            <a:br>
              <a:rPr lang="en-US" dirty="0" smtClean="0"/>
            </a:br>
            <a:endParaRPr lang="en-US" dirty="0"/>
          </a:p>
        </p:txBody>
      </p:sp>
      <p:sp>
        <p:nvSpPr>
          <p:cNvPr id="8" name="Text Placeholder 7"/>
          <p:cNvSpPr>
            <a:spLocks noGrp="1"/>
          </p:cNvSpPr>
          <p:nvPr>
            <p:ph type="body" sz="quarter" idx="11" hasCustomPrompt="1"/>
          </p:nvPr>
        </p:nvSpPr>
        <p:spPr>
          <a:xfrm>
            <a:off x="304800" y="1066800"/>
            <a:ext cx="8763000" cy="498598"/>
          </a:xfrm>
        </p:spPr>
        <p:txBody>
          <a:bodyPr/>
          <a:lstStyle>
            <a:lvl1pPr algn="ctr">
              <a:defRPr sz="3200"/>
            </a:lvl1pPr>
          </a:lstStyle>
          <a:p>
            <a:pPr lvl="0"/>
            <a:r>
              <a:rPr lang="en-US" sz="3600" dirty="0" smtClean="0">
                <a:solidFill>
                  <a:schemeClr val="tx2"/>
                </a:solidFill>
              </a:rPr>
              <a:t> Subtitle color</a:t>
            </a:r>
            <a:endParaRPr lang="en-US" dirty="0"/>
          </a:p>
        </p:txBody>
      </p:sp>
      <p:sp>
        <p:nvSpPr>
          <p:cNvPr id="5" name="Text Placeholder 4"/>
          <p:cNvSpPr>
            <a:spLocks noGrp="1"/>
          </p:cNvSpPr>
          <p:nvPr>
            <p:ph type="body" sz="quarter" idx="12"/>
          </p:nvPr>
        </p:nvSpPr>
        <p:spPr>
          <a:xfrm>
            <a:off x="304800" y="1676400"/>
            <a:ext cx="8305800" cy="2462213"/>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sz="3600"/>
            </a:lvl1pPr>
            <a:lvl2pPr>
              <a:defRPr sz="3200">
                <a:solidFill>
                  <a:schemeClr val="accent4"/>
                </a:solidFill>
              </a:defRPr>
            </a:lvl2pPr>
            <a:lvl3pPr>
              <a:defRPr sz="2800">
                <a:solidFill>
                  <a:schemeClr val="accent3"/>
                </a:solidFill>
              </a:defRPr>
            </a:lvl3pPr>
            <a:lvl4pPr>
              <a:defRPr sz="2800">
                <a:solidFill>
                  <a:schemeClr val="accent2"/>
                </a:solidFill>
              </a:defRPr>
            </a:lvl4pPr>
            <a:lvl5pPr>
              <a:defRPr sz="2800">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955057793"/>
      </p:ext>
    </p:extLst>
  </p:cSld>
  <p:clrMapOvr>
    <a:masterClrMapping/>
  </p:clrMapOvr>
  <p:transition>
    <p:fade/>
  </p:transition>
  <p:timing>
    <p:tnLst>
      <p:par>
        <p:cTn id="1" dur="indefinite" restart="never" nodeType="tmRoot"/>
      </p:par>
    </p:tnLst>
  </p:timing>
</p:sldLayout>
</file>

<file path=ppt/slideLayouts/slideLayout835.xml><?xml version="1.0" encoding="utf-8"?>
<p:sldLayout xmlns:a="http://schemas.openxmlformats.org/drawingml/2006/main" xmlns:r="http://schemas.openxmlformats.org/officeDocument/2006/relationships" xmlns:p="http://schemas.openxmlformats.org/presentationml/2006/main" showMasterSp="0" type="objTx">
  <p:cSld name="Content with Caption">
    <p:bg>
      <p:bgRef idx="1003">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914400" y="4876800"/>
            <a:ext cx="7481776" cy="457200"/>
          </a:xfrm>
        </p:spPr>
        <p:txBody>
          <a:bodyPr anchor="t">
            <a:noAutofit/>
            <a:sp3d prstMaterial="softEdge">
              <a:bevelT w="0" h="0"/>
            </a:sp3d>
          </a:bodyPr>
          <a:lstStyle>
            <a:lvl1pPr algn="r">
              <a:buNone/>
              <a:defRPr sz="2500" b="0">
                <a:solidFill>
                  <a:schemeClr val="accent1"/>
                </a:solidFill>
                <a:effectLst/>
              </a:defRPr>
            </a:lvl1pPr>
            <a:extLst/>
          </a:lstStyle>
          <a:p>
            <a:r>
              <a:rPr lang="en-US" smtClean="0"/>
              <a:t>Click to edit Master title style</a:t>
            </a:r>
            <a:endParaRPr lang="en-US"/>
          </a:p>
        </p:txBody>
      </p:sp>
      <p:sp>
        <p:nvSpPr>
          <p:cNvPr id="3" name="Text Placeholder 2"/>
          <p:cNvSpPr>
            <a:spLocks noGrp="1"/>
          </p:cNvSpPr>
          <p:nvPr>
            <p:ph type="body" idx="2"/>
          </p:nvPr>
        </p:nvSpPr>
        <p:spPr>
          <a:xfrm>
            <a:off x="4419600" y="5355102"/>
            <a:ext cx="3974592" cy="914400"/>
          </a:xfrm>
        </p:spPr>
        <p:txBody>
          <a:bodyPr/>
          <a:lstStyle>
            <a:lvl1pPr marL="0" indent="0" algn="r">
              <a:buNone/>
              <a:defRPr sz="1600"/>
            </a:lvl1pPr>
            <a:lvl2pPr>
              <a:buNone/>
              <a:defRPr sz="1200"/>
            </a:lvl2pPr>
            <a:lvl3pPr>
              <a:buNone/>
              <a:defRPr sz="1000"/>
            </a:lvl3pPr>
            <a:lvl4pPr>
              <a:buNone/>
              <a:defRPr sz="900"/>
            </a:lvl4pPr>
            <a:lvl5pPr>
              <a:buNone/>
              <a:defRPr sz="900"/>
            </a:lvl5pPr>
            <a:extLst/>
          </a:lstStyle>
          <a:p>
            <a:pPr lvl="0"/>
            <a:r>
              <a:rPr lang="en-US" smtClean="0"/>
              <a:t>Click to edit Master text styles</a:t>
            </a:r>
          </a:p>
        </p:txBody>
      </p:sp>
      <p:sp>
        <p:nvSpPr>
          <p:cNvPr id="4" name="Content Placeholder 3"/>
          <p:cNvSpPr>
            <a:spLocks noGrp="1"/>
          </p:cNvSpPr>
          <p:nvPr>
            <p:ph sz="half" idx="1"/>
          </p:nvPr>
        </p:nvSpPr>
        <p:spPr>
          <a:xfrm>
            <a:off x="914400" y="274320"/>
            <a:ext cx="7479792" cy="4572000"/>
          </a:xfrm>
        </p:spPr>
        <p:txBody>
          <a:bodyPr/>
          <a:lstStyle>
            <a:lvl1pPr>
              <a:defRPr sz="3200"/>
            </a:lvl1pPr>
            <a:lvl2pPr>
              <a:defRPr sz="2800"/>
            </a:lvl2pPr>
            <a:lvl3pPr>
              <a:defRPr sz="2400"/>
            </a:lvl3pPr>
            <a:lvl4pPr>
              <a:defRPr sz="2000"/>
            </a:lvl4pPr>
            <a:lvl5pPr>
              <a:defRPr sz="2000"/>
            </a:lvl5pPr>
            <a:extLs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a:xfrm>
            <a:off x="6727825" y="6408738"/>
            <a:ext cx="1919288" cy="365125"/>
          </a:xfrm>
          <a:prstGeom prst="rect">
            <a:avLst/>
          </a:prstGeom>
        </p:spPr>
        <p:txBody>
          <a:bodyPr/>
          <a:lstStyle>
            <a:lvl1pPr>
              <a:defRPr/>
            </a:lvl1pPr>
            <a:extLst/>
          </a:lstStyle>
          <a:p>
            <a:pPr>
              <a:defRPr/>
            </a:pPr>
            <a:fld id="{C7C3FABC-1FD7-4BC5-A438-9C16F4CDA90C}" type="datetimeFigureOut">
              <a:rPr lang="en-US">
                <a:solidFill>
                  <a:prstClr val="black"/>
                </a:solidFill>
              </a:rPr>
              <a:pPr>
                <a:defRPr/>
              </a:pPr>
              <a:t>4/26/2016</a:t>
            </a:fld>
            <a:endParaRPr lang="en-US" dirty="0">
              <a:solidFill>
                <a:prstClr val="black"/>
              </a:solidFill>
            </a:endParaRPr>
          </a:p>
        </p:txBody>
      </p:sp>
      <p:sp>
        <p:nvSpPr>
          <p:cNvPr id="6" name="Footer Placeholder 5"/>
          <p:cNvSpPr>
            <a:spLocks noGrp="1"/>
          </p:cNvSpPr>
          <p:nvPr>
            <p:ph type="ftr" sz="quarter" idx="11"/>
          </p:nvPr>
        </p:nvSpPr>
        <p:spPr>
          <a:xfrm>
            <a:off x="4379913" y="6408738"/>
            <a:ext cx="2351087" cy="365125"/>
          </a:xfrm>
          <a:prstGeom prst="rect">
            <a:avLst/>
          </a:prstGeom>
        </p:spPr>
        <p:txBody>
          <a:bodyPr/>
          <a:lstStyle>
            <a:lvl1pPr>
              <a:defRPr/>
            </a:lvl1pPr>
            <a:extLst/>
          </a:lstStyle>
          <a:p>
            <a:pPr>
              <a:defRPr/>
            </a:pPr>
            <a:endParaRPr lang="en-US" dirty="0">
              <a:solidFill>
                <a:prstClr val="black"/>
              </a:solidFill>
            </a:endParaRPr>
          </a:p>
        </p:txBody>
      </p:sp>
      <p:sp>
        <p:nvSpPr>
          <p:cNvPr id="7" name="Slide Number Placeholder 6"/>
          <p:cNvSpPr>
            <a:spLocks noGrp="1"/>
          </p:cNvSpPr>
          <p:nvPr>
            <p:ph type="sldNum" sz="quarter" idx="12"/>
          </p:nvPr>
        </p:nvSpPr>
        <p:spPr/>
        <p:txBody>
          <a:bodyPr/>
          <a:lstStyle>
            <a:lvl1pPr>
              <a:defRPr/>
            </a:lvl1pPr>
            <a:extLst/>
          </a:lstStyle>
          <a:p>
            <a:pPr>
              <a:defRPr/>
            </a:pPr>
            <a:fld id="{276FE43C-2438-42C1-82E2-B169F72693F9}" type="slidenum">
              <a:rPr lang="en-US">
                <a:solidFill>
                  <a:prstClr val="black"/>
                </a:solidFill>
              </a:rPr>
              <a:pPr>
                <a:defRPr/>
              </a:pPr>
              <a:t>‹#›</a:t>
            </a:fld>
            <a:endParaRPr lang="en-US" dirty="0">
              <a:solidFill>
                <a:prstClr val="black"/>
              </a:solidFill>
            </a:endParaRPr>
          </a:p>
        </p:txBody>
      </p:sp>
    </p:spTree>
    <p:extLst>
      <p:ext uri="{BB962C8B-B14F-4D97-AF65-F5344CB8AC3E}">
        <p14:creationId xmlns:p14="http://schemas.microsoft.com/office/powerpoint/2010/main" val="3231769835"/>
      </p:ext>
    </p:extLst>
  </p:cSld>
  <p:clrMapOvr>
    <a:overrideClrMapping bg1="lt1" tx1="dk1" bg2="lt2" tx2="dk2" accent1="accent1" accent2="accent2" accent3="accent3" accent4="accent4" accent5="accent5" accent6="accent6" hlink="hlink" folHlink="folHlink"/>
  </p:clrMapOvr>
</p:sldLayout>
</file>

<file path=ppt/slideLayouts/slideLayout83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Tree>
    <p:extLst>
      <p:ext uri="{BB962C8B-B14F-4D97-AF65-F5344CB8AC3E}">
        <p14:creationId xmlns:p14="http://schemas.microsoft.com/office/powerpoint/2010/main" val="97902217"/>
      </p:ext>
    </p:extLst>
  </p:cSld>
  <p:clrMapOvr>
    <a:masterClrMapping/>
  </p:clrMapOvr>
  <p:transition>
    <p:fade/>
  </p:transition>
  <p:timing>
    <p:tnLst>
      <p:par>
        <p:cTn id="1" dur="indefinite" restart="never" nodeType="tmRoot"/>
      </p:par>
    </p:tnLst>
  </p:timing>
</p:sldLayout>
</file>

<file path=ppt/slideLayouts/slideLayout837.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579312460"/>
      </p:ext>
    </p:extLst>
  </p:cSld>
  <p:clrMapOvr>
    <a:masterClrMapping/>
  </p:clrMapOvr>
  <p:transition>
    <p:fade/>
  </p:transition>
  <p:timing>
    <p:tnLst>
      <p:par>
        <p:cTn id="1" dur="indefinite" restart="never" nodeType="tmRoot"/>
      </p:par>
    </p:tnLst>
  </p:timing>
</p:sldLayout>
</file>

<file path=ppt/slideLayouts/slideLayout838.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0" y="381000"/>
            <a:ext cx="91440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p:spPr>
        <p:txBody>
          <a:bodyPr/>
          <a:lstStyle>
            <a:lvl1pPr algn="l" defTabSz="912813" rtl="0" eaLnBrk="0" fontAlgn="base" hangingPunct="0">
              <a:lnSpc>
                <a:spcPct val="90000"/>
              </a:lnSpc>
              <a:spcBef>
                <a:spcPts val="0"/>
              </a:spcBef>
              <a:spcAft>
                <a:spcPts val="1200"/>
              </a:spcAft>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ts val="0"/>
              </a:spcBef>
              <a:spcAft>
                <a:spcPts val="1200"/>
              </a:spcAft>
              <a:buClr>
                <a:srgbClr val="D8B25C"/>
              </a:buClr>
              <a:buFont typeface="Calibri" pitchFamily="34" charset="0"/>
              <a:buChar char="•"/>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ts val="0"/>
              </a:spcBef>
              <a:spcAft>
                <a:spcPts val="1200"/>
              </a:spcAft>
              <a:buClr>
                <a:srgbClr val="A5AB81"/>
              </a:buClr>
              <a:buFont typeface="Calibri" pitchFamily="34" charset="0"/>
              <a:buChar char="•"/>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ts val="0"/>
              </a:spcBef>
              <a:spcAft>
                <a:spcPts val="1200"/>
              </a:spcAft>
              <a:buClr>
                <a:srgbClr val="DD8047"/>
              </a:buClr>
              <a:buFont typeface="Calibri" pitchFamily="34" charset="0"/>
              <a:buChar char="•"/>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ts val="0"/>
              </a:spcBef>
              <a:spcAft>
                <a:spcPts val="1200"/>
              </a:spcAft>
              <a:buClr>
                <a:schemeClr val="tx1"/>
              </a:buClr>
              <a:buFont typeface="Calibri" pitchFamily="34" charset="0"/>
              <a:buChar char="•"/>
              <a:defRPr lang="en-US" sz="2400" kern="1200" dirty="0">
                <a:solidFill>
                  <a:schemeClr val="tx1"/>
                </a:solidFill>
                <a:effectLst>
                  <a:outerShdw blurRad="38100" dist="38100" dir="2700000" algn="tl">
                    <a:srgbClr val="000000">
                      <a:alpha val="43137"/>
                    </a:srgbClr>
                  </a:outerShdw>
                </a:effectLst>
                <a:latin typeface="+mn-lt"/>
                <a:ea typeface="+mn-ea"/>
                <a:cs typeface="+mn-cs"/>
              </a:defRPr>
            </a:lvl5pPr>
          </a:lstStyle>
          <a:p>
            <a:pPr lvl="0"/>
            <a:r>
              <a:rPr lang="en-US" dirty="0" smtClean="0"/>
              <a:t>Click to edit Master text styles</a:t>
            </a:r>
          </a:p>
          <a:p>
            <a:pPr marL="914400" lvl="1" indent="-396875" algn="l" defTabSz="912813" rtl="0" eaLnBrk="0" fontAlgn="base" hangingPunct="0">
              <a:lnSpc>
                <a:spcPct val="90000"/>
              </a:lnSpc>
              <a:spcBef>
                <a:spcPts val="0"/>
              </a:spcBef>
              <a:spcAft>
                <a:spcPts val="1200"/>
              </a:spcAft>
              <a:buBlip>
                <a:blip r:embed="rId2"/>
              </a:buBlip>
            </a:pPr>
            <a:r>
              <a:rPr lang="en-US" dirty="0" smtClean="0"/>
              <a:t>Second level</a:t>
            </a:r>
          </a:p>
          <a:p>
            <a:pPr marL="1258888" lvl="2" indent="-344488" algn="l" defTabSz="912813" rtl="0" eaLnBrk="0" fontAlgn="base" hangingPunct="0">
              <a:lnSpc>
                <a:spcPct val="90000"/>
              </a:lnSpc>
              <a:spcBef>
                <a:spcPts val="0"/>
              </a:spcBef>
              <a:spcAft>
                <a:spcPts val="1200"/>
              </a:spcAft>
              <a:buBlip>
                <a:blip r:embed="rId2"/>
              </a:buBlip>
            </a:pPr>
            <a:r>
              <a:rPr lang="en-US" dirty="0" smtClean="0"/>
              <a:t>Third level</a:t>
            </a:r>
          </a:p>
          <a:p>
            <a:pPr marL="1604963" lvl="3" indent="-346075" algn="l" defTabSz="912813" rtl="0" eaLnBrk="0" fontAlgn="base" hangingPunct="0">
              <a:lnSpc>
                <a:spcPct val="90000"/>
              </a:lnSpc>
              <a:spcBef>
                <a:spcPts val="0"/>
              </a:spcBef>
              <a:spcAft>
                <a:spcPts val="1200"/>
              </a:spcAft>
              <a:buBlip>
                <a:blip r:embed="rId2"/>
              </a:buBlip>
            </a:pPr>
            <a:r>
              <a:rPr lang="en-US" dirty="0" smtClean="0"/>
              <a:t>Fourth level</a:t>
            </a:r>
          </a:p>
          <a:p>
            <a:pPr marL="1941513" lvl="4" indent="-336550" algn="l" defTabSz="912813" rtl="0" eaLnBrk="0" fontAlgn="base" hangingPunct="0">
              <a:lnSpc>
                <a:spcPct val="90000"/>
              </a:lnSpc>
              <a:spcBef>
                <a:spcPts val="0"/>
              </a:spcBef>
              <a:spcAft>
                <a:spcPts val="1200"/>
              </a:spcAft>
              <a:buBlip>
                <a:blip r:embed="rId2"/>
              </a:buBlip>
            </a:pPr>
            <a:r>
              <a:rPr lang="en-US" dirty="0" smtClean="0"/>
              <a:t>Fifth level</a:t>
            </a:r>
            <a:endParaRPr lang="en-US" dirty="0"/>
          </a:p>
        </p:txBody>
      </p:sp>
      <p:sp>
        <p:nvSpPr>
          <p:cNvPr id="5" name="Rectangle 8"/>
          <p:cNvSpPr>
            <a:spLocks noChangeArrowheads="1"/>
          </p:cNvSpPr>
          <p:nvPr userDrawn="1"/>
        </p:nvSpPr>
        <p:spPr bwMode="auto">
          <a:xfrm>
            <a:off x="7291388" y="6359525"/>
            <a:ext cx="1544637" cy="498475"/>
          </a:xfrm>
          <a:prstGeom prst="rect">
            <a:avLst/>
          </a:prstGeom>
          <a:noFill/>
          <a:ln w="9525">
            <a:noFill/>
            <a:miter lim="800000"/>
            <a:headEnd/>
            <a:tailEnd/>
          </a:ln>
          <a:effectLst/>
        </p:spPr>
        <p:txBody>
          <a:bodyPr anchor="ctr"/>
          <a:lstStyle/>
          <a:p>
            <a:pPr algn="r" eaLnBrk="0" hangingPunct="0">
              <a:defRPr/>
            </a:pPr>
            <a:r>
              <a:rPr lang="en-US" sz="1400" dirty="0" smtClean="0">
                <a:ln w="3175">
                  <a:noFill/>
                </a:ln>
                <a:solidFill>
                  <a:srgbClr val="6EA0B0"/>
                </a:solidFill>
                <a:latin typeface="Calibri"/>
              </a:rPr>
              <a:t>October 8, 2013</a:t>
            </a:r>
            <a:endParaRPr lang="en-US" sz="1400" dirty="0">
              <a:ln w="3175">
                <a:noFill/>
              </a:ln>
              <a:solidFill>
                <a:srgbClr val="6EA0B0"/>
              </a:solidFill>
              <a:latin typeface="Calibri"/>
            </a:endParaRPr>
          </a:p>
        </p:txBody>
      </p:sp>
      <p:sp>
        <p:nvSpPr>
          <p:cNvPr id="7" name="Rectangle 8"/>
          <p:cNvSpPr>
            <a:spLocks noChangeArrowheads="1"/>
          </p:cNvSpPr>
          <p:nvPr userDrawn="1"/>
        </p:nvSpPr>
        <p:spPr bwMode="auto">
          <a:xfrm>
            <a:off x="152399" y="6359525"/>
            <a:ext cx="7427495" cy="498475"/>
          </a:xfrm>
          <a:prstGeom prst="rect">
            <a:avLst/>
          </a:prstGeom>
          <a:noFill/>
          <a:ln w="9525">
            <a:noFill/>
            <a:miter lim="800000"/>
            <a:headEnd/>
            <a:tailEnd/>
          </a:ln>
          <a:effectLst/>
        </p:spPr>
        <p:txBody>
          <a:bodyPr anchor="ctr"/>
          <a:lstStyle/>
          <a:p>
            <a:pPr eaLnBrk="0" hangingPunct="0">
              <a:defRPr/>
            </a:pPr>
            <a:r>
              <a:rPr lang="en-US" sz="1400" dirty="0">
                <a:ln w="3175">
                  <a:noFill/>
                </a:ln>
                <a:solidFill>
                  <a:srgbClr val="6EA0B0"/>
                </a:solidFill>
                <a:latin typeface="Calibri"/>
              </a:rPr>
              <a:t>Real Property  Development and Management </a:t>
            </a:r>
            <a:r>
              <a:rPr lang="en-US" sz="1400" dirty="0" smtClean="0">
                <a:ln w="3175">
                  <a:noFill/>
                </a:ln>
                <a:solidFill>
                  <a:srgbClr val="6EA0B0"/>
                </a:solidFill>
                <a:latin typeface="Calibri"/>
              </a:rPr>
              <a:t>Group	Item 6a</a:t>
            </a:r>
            <a:endParaRPr lang="en-US" sz="1400" dirty="0">
              <a:ln w="3175">
                <a:noFill/>
              </a:ln>
              <a:solidFill>
                <a:srgbClr val="6EA0B0"/>
              </a:solidFill>
              <a:latin typeface="Calibri"/>
            </a:endParaRPr>
          </a:p>
        </p:txBody>
      </p:sp>
    </p:spTree>
    <p:extLst>
      <p:ext uri="{BB962C8B-B14F-4D97-AF65-F5344CB8AC3E}">
        <p14:creationId xmlns:p14="http://schemas.microsoft.com/office/powerpoint/2010/main" val="3933723544"/>
      </p:ext>
    </p:extLst>
  </p:cSld>
  <p:clrMapOvr>
    <a:masterClrMapping/>
  </p:clrMapOvr>
  <p:transition>
    <p:fade/>
  </p:transition>
</p:sldLayout>
</file>

<file path=ppt/slideLayouts/slideLayout83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0" y="381000"/>
            <a:ext cx="9144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533400" y="1752600"/>
            <a:ext cx="8382000" cy="2332946"/>
          </a:xfrm>
        </p:spPr>
        <p:txBody>
          <a:bodyPr/>
          <a:lstStyle>
            <a:lvl1pPr>
              <a:lnSpc>
                <a:spcPct val="90000"/>
              </a:lnSpc>
              <a:spcBef>
                <a:spcPts val="0"/>
              </a:spcBef>
              <a:spcAft>
                <a:spcPts val="1200"/>
              </a:spcAft>
              <a:defRPr/>
            </a:lvl1pPr>
            <a:lvl2pPr>
              <a:lnSpc>
                <a:spcPct val="90000"/>
              </a:lnSpc>
              <a:spcBef>
                <a:spcPts val="0"/>
              </a:spcBef>
              <a:spcAft>
                <a:spcPts val="1200"/>
              </a:spcAft>
              <a:defRPr sz="2400"/>
            </a:lvl2pPr>
            <a:lvl3pPr>
              <a:lnSpc>
                <a:spcPct val="90000"/>
              </a:lnSpc>
              <a:spcBef>
                <a:spcPts val="0"/>
              </a:spcBef>
              <a:spcAft>
                <a:spcPts val="1200"/>
              </a:spcAft>
              <a:defRPr sz="2400"/>
            </a:lvl3pPr>
            <a:lvl4pPr>
              <a:lnSpc>
                <a:spcPct val="90000"/>
              </a:lnSpc>
              <a:spcBef>
                <a:spcPts val="0"/>
              </a:spcBef>
              <a:spcAft>
                <a:spcPts val="1200"/>
              </a:spcAft>
              <a:defRPr sz="2400"/>
            </a:lvl4pPr>
            <a:lvl5pPr>
              <a:lnSpc>
                <a:spcPct val="90000"/>
              </a:lnSpc>
              <a:spcBef>
                <a:spcPts val="0"/>
              </a:spcBef>
              <a:spcAft>
                <a:spcPts val="1200"/>
              </a:spcAft>
              <a:defRPr sz="2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13774871"/>
      </p:ext>
    </p:extLst>
  </p:cSld>
  <p:clrMapOvr>
    <a:masterClrMapping/>
  </p:clrMapOvr>
  <p:transition>
    <p:fade/>
  </p:transition>
  <p:timing>
    <p:tnLst>
      <p:par>
        <p:cTn id="1" dur="indefinite" restart="never" nodeType="tmRoot"/>
      </p:par>
    </p:tnLst>
  </p:timing>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31918616"/>
      </p:ext>
    </p:extLst>
  </p:cSld>
  <p:clrMapOvr>
    <a:masterClrMapping/>
  </p:clrMapOvr>
  <p:transition spd="slow">
    <p:fade/>
  </p:transition>
  <p:timing>
    <p:tnLst>
      <p:par>
        <p:cTn id="1" dur="indefinite" restart="never" nodeType="tmRoot"/>
      </p:par>
    </p:tnLst>
  </p:timing>
</p:sldLayout>
</file>

<file path=ppt/slideLayouts/slideLayout84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0" y="381202"/>
            <a:ext cx="9144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129814"/>
          </a:xfrm>
        </p:spPr>
        <p:txBody>
          <a:bodyPr/>
          <a:lstStyle>
            <a:lvl1pPr marL="339976" indent="-339976">
              <a:lnSpc>
                <a:spcPct val="90000"/>
              </a:lnSpc>
              <a:defRPr sz="2800"/>
            </a:lvl1pPr>
            <a:lvl2pPr marL="673338" indent="-325424">
              <a:lnSpc>
                <a:spcPct val="90000"/>
              </a:lnSpc>
              <a:defRPr sz="2400"/>
            </a:lvl2pPr>
            <a:lvl3pPr marL="953785" indent="-288384">
              <a:lnSpc>
                <a:spcPct val="90000"/>
              </a:lnSpc>
              <a:defRPr sz="2000"/>
            </a:lvl3pPr>
            <a:lvl4pPr marL="1227618" indent="-273833">
              <a:lnSpc>
                <a:spcPct val="90000"/>
              </a:lnSpc>
              <a:defRPr sz="1800"/>
            </a:lvl4pPr>
            <a:lvl5pPr marL="1516002" indent="-280447">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800600" y="1752600"/>
            <a:ext cx="4114800" cy="2129814"/>
          </a:xfrm>
        </p:spPr>
        <p:txBody>
          <a:bodyPr/>
          <a:lstStyle>
            <a:lvl1pPr marL="347914" indent="-347914">
              <a:lnSpc>
                <a:spcPct val="90000"/>
              </a:lnSpc>
              <a:defRPr sz="2800"/>
            </a:lvl1pPr>
            <a:lvl2pPr marL="673338" indent="-339976">
              <a:lnSpc>
                <a:spcPct val="90000"/>
              </a:lnSpc>
              <a:defRPr sz="2400"/>
            </a:lvl2pPr>
            <a:lvl3pPr marL="961722" indent="-302936">
              <a:lnSpc>
                <a:spcPct val="90000"/>
              </a:lnSpc>
              <a:defRPr sz="2000"/>
            </a:lvl3pPr>
            <a:lvl4pPr marL="1227618" indent="-265896">
              <a:lnSpc>
                <a:spcPct val="90000"/>
              </a:lnSpc>
              <a:defRPr sz="1800"/>
            </a:lvl4pPr>
            <a:lvl5pPr marL="1516002" indent="-273833">
              <a:lnSpc>
                <a:spcPct val="90000"/>
              </a:lnSpc>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340935707"/>
      </p:ext>
    </p:extLst>
  </p:cSld>
  <p:clrMapOvr>
    <a:masterClrMapping/>
  </p:clrMapOvr>
  <p:transition>
    <p:fade/>
  </p:transition>
</p:sldLayout>
</file>

<file path=ppt/slideLayouts/slideLayout84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1537344"/>
          </a:xfrm>
        </p:spPr>
        <p:txBody>
          <a:bodyPr/>
          <a:lstStyle>
            <a:lvl1pPr marL="281770" indent="-281770">
              <a:defRPr sz="2300"/>
            </a:lvl1pPr>
            <a:lvl2pPr marL="562218" indent="-265896">
              <a:defRPr sz="2000"/>
            </a:lvl2pPr>
            <a:lvl3pPr marL="813562" indent="-243407">
              <a:defRPr sz="1800"/>
            </a:lvl3pPr>
            <a:lvl4pPr marL="1050354" indent="-228856">
              <a:defRPr sz="1700"/>
            </a:lvl4pPr>
            <a:lvl5pPr marL="1279210" indent="-206367">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1537344"/>
          </a:xfrm>
        </p:spPr>
        <p:txBody>
          <a:bodyPr/>
          <a:lstStyle>
            <a:lvl1pPr marL="296321" indent="-296321">
              <a:defRPr sz="2300"/>
            </a:lvl1pPr>
            <a:lvl2pPr marL="570155" indent="-273833">
              <a:defRPr sz="2000"/>
            </a:lvl2pPr>
            <a:lvl3pPr marL="821499" indent="-244730">
              <a:defRPr sz="1800"/>
            </a:lvl3pPr>
            <a:lvl4pPr marL="1050354" indent="-236793">
              <a:defRPr sz="1700"/>
            </a:lvl4pPr>
            <a:lvl5pPr marL="1279210" indent="-220919">
              <a:defRPr sz="17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499628167"/>
      </p:ext>
    </p:extLst>
  </p:cSld>
  <p:clrMapOvr>
    <a:masterClrMapping/>
  </p:clrMapOvr>
  <p:transition>
    <p:fade/>
  </p:transition>
</p:sldLayout>
</file>

<file path=ppt/slideLayouts/slideLayout84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0" y="477838"/>
            <a:ext cx="9144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59472881"/>
      </p:ext>
    </p:extLst>
  </p:cSld>
  <p:clrMapOvr>
    <a:masterClrMapping/>
  </p:clrMapOvr>
  <p:transition>
    <p:fade/>
  </p:transition>
</p:sldLayout>
</file>

<file path=ppt/slideLayouts/slideLayout8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575137433"/>
      </p:ext>
    </p:extLst>
  </p:cSld>
  <p:clrMapOvr>
    <a:masterClrMapping/>
  </p:clrMapOvr>
  <p:transition>
    <p:fade/>
  </p:transition>
</p:sldLayout>
</file>

<file path=ppt/slideLayouts/slideLayout844.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74903464"/>
      </p:ext>
    </p:extLst>
  </p:cSld>
  <p:clrMapOvr>
    <a:masterClrMapping/>
  </p:clrMapOvr>
  <p:transition>
    <p:fade/>
  </p:transition>
</p:sldLayout>
</file>

<file path=ppt/slideLayouts/slideLayout845.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752600"/>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50097832"/>
      </p:ext>
    </p:extLst>
  </p:cSld>
  <p:clrMapOvr>
    <a:masterClrMapping/>
  </p:clrMapOvr>
  <p:transition>
    <p:fade/>
  </p:transition>
</p:sldLayout>
</file>

<file path=ppt/slideLayouts/slideLayout846.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white">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411553"/>
            <a:ext cx="8382000" cy="2200602"/>
          </a:xfrm>
        </p:spPr>
        <p:txBody>
          <a:bodyPr/>
          <a:lstStyle>
            <a:lvl1pPr>
              <a:buClr>
                <a:schemeClr val="tx1"/>
              </a:buClr>
              <a:buSzPct val="70000"/>
              <a:buFont typeface="Wingdings" pitchFamily="2" charset="2"/>
              <a:buChar char="l"/>
              <a:defRPr/>
            </a:lvl1pPr>
            <a:lvl2pPr>
              <a:buClr>
                <a:schemeClr val="tx1"/>
              </a:buClr>
              <a:buSzPct val="70000"/>
              <a:buFont typeface="Wingdings" pitchFamily="2" charset="2"/>
              <a:buChar char="l"/>
              <a:defRPr/>
            </a:lvl2pPr>
            <a:lvl3pPr>
              <a:buClr>
                <a:schemeClr val="tx1"/>
              </a:buClr>
              <a:buSzPct val="70000"/>
              <a:buFont typeface="Wingdings" pitchFamily="2" charset="2"/>
              <a:buChar char="l"/>
              <a:defRPr/>
            </a:lvl3pPr>
            <a:lvl4pPr>
              <a:buClr>
                <a:schemeClr val="tx1"/>
              </a:buClr>
              <a:buSzPct val="70000"/>
              <a:buFont typeface="Wingdings" pitchFamily="2" charset="2"/>
              <a:buChar char="l"/>
              <a:defRPr/>
            </a:lvl4pPr>
            <a:lvl5pPr>
              <a:buClr>
                <a:schemeClr val="tx1"/>
              </a:buClr>
              <a:buSzPct val="70000"/>
              <a:buFont typeface="Wingdings" pitchFamily="2" charset="2"/>
              <a:buChar char="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45445044"/>
      </p:ext>
    </p:extLst>
  </p:cSld>
  <p:clrMapOvr>
    <a:masterClrMapping/>
  </p:clrMapOvr>
  <p:transition>
    <p:fade/>
  </p:transition>
</p:sldLayout>
</file>

<file path=ppt/slideLayouts/slideLayout847.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l">
              <a:buFont typeface="Arial" pitchFamily="34" charset="0"/>
              <a:buNone/>
              <a:defRPr kumimoji="0" lang="en-US" sz="54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1502466465"/>
      </p:ext>
    </p:extLst>
  </p:cSld>
  <p:clrMapOvr>
    <a:masterClrMapping/>
  </p:clrMapOvr>
  <p:transition>
    <p:fade/>
  </p:transition>
</p:sldLayout>
</file>

<file path=ppt/slideLayouts/slideLayout848.xml><?xml version="1.0" encoding="utf-8"?>
<p:sldLayout xmlns:a="http://schemas.openxmlformats.org/drawingml/2006/main" xmlns:r="http://schemas.openxmlformats.org/officeDocument/2006/relationships" xmlns:p="http://schemas.openxmlformats.org/presentationml/2006/main" type="tbl">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able Placeholder 2"/>
          <p:cNvSpPr>
            <a:spLocks noGrp="1"/>
          </p:cNvSpPr>
          <p:nvPr>
            <p:ph type="tbl" idx="1"/>
          </p:nvPr>
        </p:nvSpPr>
        <p:spPr>
          <a:xfrm>
            <a:off x="457200" y="1600200"/>
            <a:ext cx="8229600" cy="4525963"/>
          </a:xfrm>
        </p:spPr>
        <p:txBody>
          <a:bodyPr/>
          <a:lstStyle/>
          <a:p>
            <a:endParaRPr lang="en-US" dirty="0"/>
          </a:p>
        </p:txBody>
      </p:sp>
      <p:sp>
        <p:nvSpPr>
          <p:cNvPr id="4" name="Date Placeholder 3"/>
          <p:cNvSpPr>
            <a:spLocks noGrp="1"/>
          </p:cNvSpPr>
          <p:nvPr>
            <p:ph type="dt" sz="half" idx="10"/>
          </p:nvPr>
        </p:nvSpPr>
        <p:spPr>
          <a:xfrm>
            <a:off x="457200" y="6245225"/>
            <a:ext cx="2133600" cy="476250"/>
          </a:xfrm>
          <a:prstGeom prst="rect">
            <a:avLst/>
          </a:prstGeom>
        </p:spPr>
        <p:txBody>
          <a:bodyPr/>
          <a:lstStyle>
            <a:lvl1pPr>
              <a:defRPr sz="1600">
                <a:latin typeface="+mn-lt"/>
              </a:defRPr>
            </a:lvl1pPr>
          </a:lstStyle>
          <a:p>
            <a:endParaRPr lang="en-US" dirty="0">
              <a:solidFill>
                <a:prstClr val="white"/>
              </a:solidFill>
            </a:endParaRPr>
          </a:p>
        </p:txBody>
      </p:sp>
      <p:sp>
        <p:nvSpPr>
          <p:cNvPr id="5" name="Footer Placeholder 4"/>
          <p:cNvSpPr>
            <a:spLocks noGrp="1"/>
          </p:cNvSpPr>
          <p:nvPr>
            <p:ph type="ftr" sz="quarter" idx="11"/>
          </p:nvPr>
        </p:nvSpPr>
        <p:spPr>
          <a:xfrm>
            <a:off x="3124200" y="6245225"/>
            <a:ext cx="2895600" cy="476250"/>
          </a:xfrm>
          <a:prstGeom prst="rect">
            <a:avLst/>
          </a:prstGeom>
        </p:spPr>
        <p:txBody>
          <a:bodyPr/>
          <a:lstStyle>
            <a:lvl1pPr>
              <a:defRPr sz="1600">
                <a:latin typeface="+mn-lt"/>
              </a:defRPr>
            </a:lvl1pPr>
          </a:lstStyle>
          <a:p>
            <a:endParaRPr lang="en-US" dirty="0">
              <a:solidFill>
                <a:prstClr val="white"/>
              </a:solidFill>
            </a:endParaRPr>
          </a:p>
        </p:txBody>
      </p:sp>
    </p:spTree>
    <p:extLst>
      <p:ext uri="{BB962C8B-B14F-4D97-AF65-F5344CB8AC3E}">
        <p14:creationId xmlns:p14="http://schemas.microsoft.com/office/powerpoint/2010/main" val="189747957"/>
      </p:ext>
    </p:extLst>
  </p:cSld>
  <p:clrMapOvr>
    <a:masterClrMapping/>
  </p:clrMapOvr>
</p:sldLayout>
</file>

<file path=ppt/slideLayouts/slideLayout84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766014249"/>
      </p:ext>
    </p:extLst>
  </p:cSld>
  <p:clrMapOvr>
    <a:masterClrMapping/>
  </p:clrMapOvr>
  <p:transition>
    <p:fade/>
  </p:transition>
  <p:timing>
    <p:tnLst>
      <p:par>
        <p:cTn id="1" dur="indefinite" restart="never" nodeType="tmRoot"/>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808873015"/>
      </p:ext>
    </p:extLst>
  </p:cSld>
  <p:clrMapOvr>
    <a:masterClrMapping/>
  </p:clrMapOvr>
  <p:transition spd="slow">
    <p:fade/>
  </p:transition>
</p:sldLayout>
</file>

<file path=ppt/slideLayouts/slideLayout85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530371934"/>
      </p:ext>
    </p:extLst>
  </p:cSld>
  <p:clrMapOvr>
    <a:masterClrMapping/>
  </p:clrMapOvr>
  <p:transition>
    <p:fade/>
  </p:transition>
  <p:timing>
    <p:tnLst>
      <p:par>
        <p:cTn id="1" dur="indefinite" restart="never" nodeType="tmRoot"/>
      </p:par>
    </p:tnLst>
  </p:timing>
</p:sldLayout>
</file>

<file path=ppt/slideLayouts/slideLayout85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209244092"/>
      </p:ext>
    </p:extLst>
  </p:cSld>
  <p:clrMapOvr>
    <a:masterClrMapping/>
  </p:clrMapOvr>
  <p:transition>
    <p:fade/>
  </p:transition>
  <p:timing>
    <p:tnLst>
      <p:par>
        <p:cTn id="1" dur="indefinite" restart="never" nodeType="tmRoot"/>
      </p:par>
    </p:tnLst>
  </p:timing>
  <p:hf hdr="0" ftr="0" dt="0"/>
</p:sldLayout>
</file>

<file path=ppt/slideLayouts/slideLayout85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53363653"/>
      </p:ext>
    </p:extLst>
  </p:cSld>
  <p:clrMapOvr>
    <a:masterClrMapping/>
  </p:clrMapOvr>
  <p:transition>
    <p:fade/>
  </p:transition>
  <p:timing>
    <p:tnLst>
      <p:par>
        <p:cTn id="1" dur="indefinite" restart="never" nodeType="tmRoot"/>
      </p:par>
    </p:tnLst>
  </p:timing>
</p:sldLayout>
</file>

<file path=ppt/slideLayouts/slideLayout85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98924686"/>
      </p:ext>
    </p:extLst>
  </p:cSld>
  <p:clrMapOvr>
    <a:masterClrMapping/>
  </p:clrMapOvr>
  <p:transition>
    <p:fade/>
  </p:transition>
  <p:timing>
    <p:tnLst>
      <p:par>
        <p:cTn id="1" dur="indefinite" restart="never" nodeType="tmRoot"/>
      </p:par>
    </p:tnLst>
  </p:timing>
</p:sldLayout>
</file>

<file path=ppt/slideLayouts/slideLayout85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14119795"/>
      </p:ext>
    </p:extLst>
  </p:cSld>
  <p:clrMapOvr>
    <a:masterClrMapping/>
  </p:clrMapOvr>
  <p:transition>
    <p:fade/>
  </p:transition>
  <p:timing>
    <p:tnLst>
      <p:par>
        <p:cTn id="1" dur="indefinite" restart="never" nodeType="tmRoot"/>
      </p:par>
    </p:tnLst>
  </p:timing>
</p:sldLayout>
</file>

<file path=ppt/slideLayouts/slideLayout85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4008695700"/>
      </p:ext>
    </p:extLst>
  </p:cSld>
  <p:clrMapOvr>
    <a:masterClrMapping/>
  </p:clrMapOvr>
  <p:transition>
    <p:fade/>
  </p:transition>
  <p:timing>
    <p:tnLst>
      <p:par>
        <p:cTn id="1" dur="indefinite" restart="never" nodeType="tmRoot"/>
      </p:par>
    </p:tnLst>
  </p:timing>
</p:sldLayout>
</file>

<file path=ppt/slideLayouts/slideLayout85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72474670"/>
      </p:ext>
    </p:extLst>
  </p:cSld>
  <p:clrMapOvr>
    <a:masterClrMapping/>
  </p:clrMapOvr>
  <p:transition>
    <p:fade/>
  </p:transition>
  <p:timing>
    <p:tnLst>
      <p:par>
        <p:cTn id="1" dur="indefinite" restart="never" nodeType="tmRoot"/>
      </p:par>
    </p:tnLst>
  </p:timing>
</p:sldLayout>
</file>

<file path=ppt/slideLayouts/slideLayout85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62855556"/>
      </p:ext>
    </p:extLst>
  </p:cSld>
  <p:clrMapOvr>
    <a:masterClrMapping/>
  </p:clrMapOvr>
  <p:transition spd="slow">
    <p:fade/>
  </p:transition>
  <p:timing>
    <p:tnLst>
      <p:par>
        <p:cTn id="1" dur="indefinite" restart="never" nodeType="tmRoot"/>
      </p:par>
    </p:tnLst>
  </p:timing>
  <p:hf hdr="0" ftr="0" dt="0"/>
</p:sldLayout>
</file>

<file path=ppt/slideLayouts/slideLayout85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07532073"/>
      </p:ext>
    </p:extLst>
  </p:cSld>
  <p:clrMapOvr>
    <a:masterClrMapping/>
  </p:clrMapOvr>
  <p:transition>
    <p:fade/>
  </p:transition>
  <p:timing>
    <p:tnLst>
      <p:par>
        <p:cTn id="1" dur="indefinite" restart="never" nodeType="tmRoot"/>
      </p:par>
    </p:tnLst>
  </p:timing>
</p:sldLayout>
</file>

<file path=ppt/slideLayouts/slideLayout85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398627"/>
      </p:ext>
    </p:extLst>
  </p:cSld>
  <p:clrMapOvr>
    <a:masterClrMapping/>
  </p:clrMapOvr>
  <p:transition>
    <p:fade/>
  </p:transition>
  <p:timing>
    <p:tnLst>
      <p:par>
        <p:cTn id="1" dur="indefinite" restart="never" nodeType="tmRoot"/>
      </p:par>
    </p:tnLst>
  </p:timing>
  <p:hf hdr="0" ftr="0" dt="0"/>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735743987"/>
      </p:ext>
    </p:extLst>
  </p:cSld>
  <p:clrMapOvr>
    <a:masterClrMapping/>
  </p:clrMapOvr>
  <p:transition spd="slow">
    <p:fade/>
  </p:transition>
  <p:timing>
    <p:tnLst>
      <p:par>
        <p:cTn id="1" dur="indefinite" restart="never" nodeType="tmRoot"/>
      </p:par>
    </p:tnLst>
  </p:timing>
  <p:hf hdr="0" ftr="0" dt="0"/>
</p:sldLayout>
</file>

<file path=ppt/slideLayouts/slideLayout86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12173517"/>
      </p:ext>
    </p:extLst>
  </p:cSld>
  <p:clrMapOvr>
    <a:masterClrMapping/>
  </p:clrMapOvr>
  <p:transition>
    <p:fade/>
  </p:transition>
  <p:timing>
    <p:tnLst>
      <p:par>
        <p:cTn id="1" dur="indefinite" restart="never" nodeType="tmRoot"/>
      </p:par>
    </p:tnLst>
  </p:timing>
</p:sldLayout>
</file>

<file path=ppt/slideLayouts/slideLayout86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530159260"/>
      </p:ext>
    </p:extLst>
  </p:cSld>
  <p:clrMapOvr>
    <a:masterClrMapping/>
  </p:clrMapOvr>
  <p:transition spd="slow">
    <p:fade/>
  </p:transition>
  <p:timing>
    <p:tnLst>
      <p:par>
        <p:cTn id="1" dur="indefinite" restart="never" nodeType="tmRoot"/>
      </p:par>
    </p:tnLst>
  </p:timing>
</p:sldLayout>
</file>

<file path=ppt/slideLayouts/slideLayout86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26658681"/>
      </p:ext>
    </p:extLst>
  </p:cSld>
  <p:clrMapOvr>
    <a:masterClrMapping/>
  </p:clrMapOvr>
  <p:transition spd="slow">
    <p:fade/>
  </p:transition>
  <p:timing>
    <p:tnLst>
      <p:par>
        <p:cTn id="1" dur="indefinite" restart="never" nodeType="tmRoot"/>
      </p:par>
    </p:tnLst>
  </p:timing>
</p:sldLayout>
</file>

<file path=ppt/slideLayouts/slideLayout86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095623197"/>
      </p:ext>
    </p:extLst>
  </p:cSld>
  <p:clrMapOvr>
    <a:masterClrMapping/>
  </p:clrMapOvr>
  <p:transition spd="slow">
    <p:fade/>
  </p:transition>
  <p:timing>
    <p:tnLst>
      <p:par>
        <p:cTn id="1" dur="indefinite" restart="never" nodeType="tmRoot"/>
      </p:par>
    </p:tnLst>
  </p:timing>
</p:sldLayout>
</file>

<file path=ppt/slideLayouts/slideLayout86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646344067"/>
      </p:ext>
    </p:extLst>
  </p:cSld>
  <p:clrMapOvr>
    <a:masterClrMapping/>
  </p:clrMapOvr>
  <p:transition spd="slow">
    <p:fade/>
  </p:transition>
  <p:timing>
    <p:tnLst>
      <p:par>
        <p:cTn id="1" dur="indefinite" restart="never" nodeType="tmRoot"/>
      </p:par>
    </p:tnLst>
  </p:timing>
</p:sldLayout>
</file>

<file path=ppt/slideLayouts/slideLayout86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748957734"/>
      </p:ext>
    </p:extLst>
  </p:cSld>
  <p:clrMapOvr>
    <a:masterClrMapping/>
  </p:clrMapOvr>
  <p:transition spd="slow">
    <p:fade/>
  </p:transition>
  <p:timing>
    <p:tnLst>
      <p:par>
        <p:cTn id="1" dur="indefinite" restart="never" nodeType="tmRoot"/>
      </p:par>
    </p:tnLst>
  </p:timing>
</p:sldLayout>
</file>

<file path=ppt/slideLayouts/slideLayout86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287136224"/>
      </p:ext>
    </p:extLst>
  </p:cSld>
  <p:clrMapOvr>
    <a:masterClrMapping/>
  </p:clrMapOvr>
  <p:transition spd="slow">
    <p:fade/>
  </p:transition>
  <p:timing>
    <p:tnLst>
      <p:par>
        <p:cTn id="1" dur="indefinite" restart="never" nodeType="tmRoot"/>
      </p:par>
    </p:tnLst>
  </p:timing>
</p:sldLayout>
</file>

<file path=ppt/slideLayouts/slideLayout86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885131720"/>
      </p:ext>
    </p:extLst>
  </p:cSld>
  <p:clrMapOvr>
    <a:masterClrMapping/>
  </p:clrMapOvr>
  <p:transition spd="slow">
    <p:fade/>
  </p:transition>
  <p:timing>
    <p:tnLst>
      <p:par>
        <p:cTn id="1" dur="indefinite" restart="never" nodeType="tmRoot"/>
      </p:par>
    </p:tnLst>
  </p:timing>
</p:sldLayout>
</file>

<file path=ppt/slideLayouts/slideLayout86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272646404"/>
      </p:ext>
    </p:extLst>
  </p:cSld>
  <p:clrMapOvr>
    <a:masterClrMapping/>
  </p:clrMapOvr>
  <p:transition spd="slow">
    <p:fade/>
  </p:transition>
</p:sldLayout>
</file>

<file path=ppt/slideLayouts/slideLayout86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461099604"/>
      </p:ext>
    </p:extLst>
  </p:cSld>
  <p:clrMapOvr>
    <a:masterClrMapping/>
  </p:clrMapOvr>
  <p:transition spd="slow">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67181902"/>
      </p:ext>
    </p:extLst>
  </p:cSld>
  <p:clrMapOvr>
    <a:masterClrMapping/>
  </p:clrMapOvr>
  <p:transition spd="slow">
    <p:fade/>
  </p:transition>
  <p:timing>
    <p:tnLst>
      <p:par>
        <p:cTn id="1" dur="indefinite" restart="never" nodeType="tmRoot"/>
      </p:par>
    </p:tnLst>
  </p:timing>
</p:sldLayout>
</file>

<file path=ppt/slideLayouts/slideLayout870.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430140444"/>
      </p:ext>
    </p:extLst>
  </p:cSld>
  <p:clrMapOvr>
    <a:masterClrMapping/>
  </p:clrMapOvr>
  <p:transition spd="slow">
    <p:fade/>
  </p:transition>
  <p:timing>
    <p:tnLst>
      <p:par>
        <p:cTn id="1" dur="indefinite" restart="never" nodeType="tmRoot"/>
      </p:par>
    </p:tnLst>
  </p:timing>
</p:sldLayout>
</file>

<file path=ppt/slideLayouts/slideLayout871.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97199323"/>
      </p:ext>
    </p:extLst>
  </p:cSld>
  <p:clrMapOvr>
    <a:masterClrMapping/>
  </p:clrMapOvr>
  <p:transition spd="slow">
    <p:fade/>
  </p:transition>
</p:sldLayout>
</file>

<file path=ppt/slideLayouts/slideLayout872.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877440019"/>
      </p:ext>
    </p:extLst>
  </p:cSld>
  <p:clrMapOvr>
    <a:masterClrMapping/>
  </p:clrMapOvr>
  <p:transition spd="slow">
    <p:fade/>
  </p:transition>
  <p:timing>
    <p:tnLst>
      <p:par>
        <p:cTn id="1" dur="indefinite" restart="never" nodeType="tmRoot"/>
      </p:par>
    </p:tnLst>
  </p:timing>
  <p:hf hdr="0" ftr="0" dt="0"/>
</p:sldLayout>
</file>

<file path=ppt/slideLayouts/slideLayout87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25163744"/>
      </p:ext>
    </p:extLst>
  </p:cSld>
  <p:clrMapOvr>
    <a:masterClrMapping/>
  </p:clrMapOvr>
  <p:transition spd="slow">
    <p:fade/>
  </p:transition>
  <p:timing>
    <p:tnLst>
      <p:par>
        <p:cTn id="1" dur="indefinite" restart="never" nodeType="tmRoot"/>
      </p:par>
    </p:tnLst>
  </p:timing>
</p:sldLayout>
</file>

<file path=ppt/slideLayouts/slideLayout87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142680139"/>
      </p:ext>
    </p:extLst>
  </p:cSld>
  <p:clrMapOvr>
    <a:masterClrMapping/>
  </p:clrMapOvr>
  <p:transition spd="slow">
    <p:fade/>
  </p:transition>
  <p:timing>
    <p:tnLst>
      <p:par>
        <p:cTn id="1" dur="indefinite" restart="never" nodeType="tmRoot"/>
      </p:par>
    </p:tnLst>
  </p:timing>
</p:sldLayout>
</file>

<file path=ppt/slideLayouts/slideLayout87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1215037249"/>
      </p:ext>
    </p:extLst>
  </p:cSld>
  <p:clrMapOvr>
    <a:masterClrMapping/>
  </p:clrMapOvr>
  <p:transition spd="slow">
    <p:fade/>
  </p:transition>
</p:sldLayout>
</file>

<file path=ppt/slideLayouts/slideLayout87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843709518"/>
      </p:ext>
    </p:extLst>
  </p:cSld>
  <p:clrMapOvr>
    <a:masterClrMapping/>
  </p:clrMapOvr>
  <p:transition spd="slow">
    <p:fade/>
  </p:transition>
</p:sldLayout>
</file>

<file path=ppt/slideLayouts/slideLayout87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02150112"/>
      </p:ext>
    </p:extLst>
  </p:cSld>
  <p:clrMapOvr>
    <a:masterClrMapping/>
  </p:clrMapOvr>
  <p:transition spd="slow">
    <p:fade/>
  </p:transition>
</p:sldLayout>
</file>

<file path=ppt/slideLayouts/slideLayout878.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719705728"/>
      </p:ext>
    </p:extLst>
  </p:cSld>
  <p:clrMapOvr>
    <a:masterClrMapping/>
  </p:clrMapOvr>
  <p:transition spd="slow">
    <p:fade/>
  </p:transition>
  <p:timing>
    <p:tnLst>
      <p:par>
        <p:cTn id="1" dur="indefinite" restart="never" nodeType="tmRoot"/>
      </p:par>
    </p:tnLst>
  </p:timing>
</p:sldLayout>
</file>

<file path=ppt/slideLayouts/slideLayout879.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188952936"/>
      </p:ext>
    </p:extLst>
  </p:cSld>
  <p:clrMapOvr>
    <a:masterClrMapping/>
  </p:clrMapOvr>
  <p:transition spd="slow">
    <p:fade/>
  </p:transition>
  <p:timing>
    <p:tnLst>
      <p:par>
        <p:cTn id="1" dur="indefinite" restart="never" nodeType="tmRoot"/>
      </p:par>
    </p:tnLst>
  </p:timing>
</p:sldLayout>
</file>

<file path=ppt/slideLayouts/slideLayout8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60952061"/>
      </p:ext>
    </p:extLst>
  </p:cSld>
  <p:clrMapOvr>
    <a:masterClrMapping/>
  </p:clrMapOvr>
  <p:transition spd="slow">
    <p:fade/>
  </p:transition>
  <p:timing>
    <p:tnLst>
      <p:par>
        <p:cTn id="1" dur="indefinite" restart="never" nodeType="tmRoot"/>
      </p:par>
    </p:tnLst>
  </p:timing>
</p:sldLayout>
</file>

<file path=ppt/slideLayouts/slideLayout880.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4218340"/>
      </p:ext>
    </p:extLst>
  </p:cSld>
  <p:clrMapOvr>
    <a:masterClrMapping/>
  </p:clrMapOvr>
  <p:transition spd="slow">
    <p:fade/>
  </p:transition>
  <p:timing>
    <p:tnLst>
      <p:par>
        <p:cTn id="1" dur="indefinite" restart="never" nodeType="tmRoot"/>
      </p:par>
    </p:tnLst>
  </p:timing>
</p:sldLayout>
</file>

<file path=ppt/slideLayouts/slideLayout881.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479602882"/>
      </p:ext>
    </p:extLst>
  </p:cSld>
  <p:clrMapOvr>
    <a:masterClrMapping/>
  </p:clrMapOvr>
  <p:transition spd="slow">
    <p:fade/>
  </p:transition>
</p:sldLayout>
</file>

<file path=ppt/slideLayouts/slideLayout882.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888747100"/>
      </p:ext>
    </p:extLst>
  </p:cSld>
  <p:clrMapOvr>
    <a:masterClrMapping/>
  </p:clrMapOvr>
  <p:transition spd="slow">
    <p:fade/>
  </p:transition>
</p:sldLayout>
</file>

<file path=ppt/slideLayouts/slideLayout883.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890189434"/>
      </p:ext>
    </p:extLst>
  </p:cSld>
  <p:clrMapOvr>
    <a:masterClrMapping/>
  </p:clrMapOvr>
  <p:transition spd="slow">
    <p:fade/>
  </p:transition>
</p:sldLayout>
</file>

<file path=ppt/slideLayouts/slideLayout884.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554158"/>
      </p:ext>
    </p:extLst>
  </p:cSld>
  <p:clrMapOvr>
    <a:masterClrMapping/>
  </p:clrMapOvr>
  <p:transition spd="slow">
    <p:fade/>
  </p:transition>
</p:sldLayout>
</file>

<file path=ppt/slideLayouts/slideLayout885.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005456761"/>
      </p:ext>
    </p:extLst>
  </p:cSld>
  <p:clrMapOvr>
    <a:masterClrMapping/>
  </p:clrMapOvr>
  <p:transition spd="slow">
    <p:fade/>
  </p:transition>
  <p:timing>
    <p:tnLst>
      <p:par>
        <p:cTn id="1" dur="indefinite" restart="never" nodeType="tmRoot"/>
      </p:par>
    </p:tnLst>
  </p:timing>
</p:sldLayout>
</file>

<file path=ppt/slideLayouts/slideLayout886.xml><?xml version="1.0" encoding="utf-8"?>
<p:sldLayout xmlns:a="http://schemas.openxmlformats.org/drawingml/2006/main" xmlns:r="http://schemas.openxmlformats.org/officeDocument/2006/relationships" xmlns:p="http://schemas.openxmlformats.org/presentationml/2006/main"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553998"/>
          </a:xfrm>
        </p:spPr>
        <p:txBody>
          <a:bodyPr/>
          <a:lstStyle>
            <a:lvl1pPr>
              <a:defRPr sz="4000"/>
            </a:lvl1pPr>
          </a:lstStyle>
          <a:p>
            <a:r>
              <a:rPr lang="en-US" smtClean="0"/>
              <a:t>Click to edit Master title style</a:t>
            </a:r>
            <a:endParaRPr lang="en-US" dirty="0"/>
          </a:p>
        </p:txBody>
      </p:sp>
    </p:spTree>
    <p:extLst>
      <p:ext uri="{BB962C8B-B14F-4D97-AF65-F5344CB8AC3E}">
        <p14:creationId xmlns:p14="http://schemas.microsoft.com/office/powerpoint/2010/main" val="1163732536"/>
      </p:ext>
    </p:extLst>
  </p:cSld>
  <p:clrMapOvr>
    <a:masterClrMapping/>
  </p:clrMapOvr>
  <p:transition>
    <p:fade/>
  </p:transition>
  <p:timing>
    <p:tnLst>
      <p:par>
        <p:cTn id="1" dur="indefinite" restart="never" nodeType="tmRoot"/>
      </p:par>
    </p:tnLst>
  </p:timing>
  <p:hf hdr="0" ftr="0" dt="0"/>
</p:sldLayout>
</file>

<file path=ppt/slideLayouts/slideLayout88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533689886"/>
      </p:ext>
    </p:extLst>
  </p:cSld>
  <p:clrMapOvr>
    <a:masterClrMapping/>
  </p:clrMapOvr>
  <p:transition>
    <p:fade/>
  </p:transition>
</p:sldLayout>
</file>

<file path=ppt/slideLayouts/slideLayout88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523415422"/>
      </p:ext>
    </p:extLst>
  </p:cSld>
  <p:clrMapOvr>
    <a:masterClrMapping/>
  </p:clrMapOvr>
  <p:transition>
    <p:fade/>
  </p:transition>
</p:sldLayout>
</file>

<file path=ppt/slideLayouts/slideLayout88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506614909"/>
      </p:ext>
    </p:extLst>
  </p:cSld>
  <p:clrMapOvr>
    <a:masterClrMapping/>
  </p:clrMapOvr>
  <p:transition spd="slow">
    <p:fade/>
  </p:transition>
</p:sldLayout>
</file>

<file path=ppt/slideLayouts/slideLayout8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081759763"/>
      </p:ext>
    </p:extLst>
  </p:cSld>
  <p:clrMapOvr>
    <a:masterClrMapping/>
  </p:clrMapOvr>
  <p:transition spd="slow">
    <p:fade/>
  </p:transition>
</p:sldLayout>
</file>

<file path=ppt/slideLayouts/slideLayout89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214289679"/>
      </p:ext>
    </p:extLst>
  </p:cSld>
  <p:clrMapOvr>
    <a:masterClrMapping/>
  </p:clrMapOvr>
  <p:transition spd="slow">
    <p:fade/>
  </p:transition>
</p:sldLayout>
</file>

<file path=ppt/slideLayouts/slideLayout891.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221039346"/>
      </p:ext>
    </p:extLst>
  </p:cSld>
  <p:clrMapOvr>
    <a:masterClrMapping/>
  </p:clrMapOvr>
  <p:transition spd="slow">
    <p:fade/>
  </p:transition>
  <p:timing>
    <p:tnLst>
      <p:par>
        <p:cTn id="1" dur="indefinite" restart="never" nodeType="tmRoot"/>
      </p:par>
    </p:tnLst>
  </p:timing>
</p:sldLayout>
</file>

<file path=ppt/slideLayouts/slideLayout892.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633495688"/>
      </p:ext>
    </p:extLst>
  </p:cSld>
  <p:clrMapOvr>
    <a:masterClrMapping/>
  </p:clrMapOvr>
  <p:transition spd="slow">
    <p:fade/>
  </p:transition>
</p:sldLayout>
</file>

<file path=ppt/slideLayouts/slideLayout893.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017999074"/>
      </p:ext>
    </p:extLst>
  </p:cSld>
  <p:clrMapOvr>
    <a:masterClrMapping/>
  </p:clrMapOvr>
  <p:transition spd="slow">
    <p:fade/>
  </p:transition>
  <p:timing>
    <p:tnLst>
      <p:par>
        <p:cTn id="1" dur="indefinite" restart="never" nodeType="tmRoot"/>
      </p:par>
    </p:tnLst>
  </p:timing>
  <p:hf hdr="0" ftr="0" dt="0"/>
</p:sldLayout>
</file>

<file path=ppt/slideLayouts/slideLayout89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00885998"/>
      </p:ext>
    </p:extLst>
  </p:cSld>
  <p:clrMapOvr>
    <a:masterClrMapping/>
  </p:clrMapOvr>
  <p:transition spd="slow">
    <p:fade/>
  </p:transition>
  <p:timing>
    <p:tnLst>
      <p:par>
        <p:cTn id="1" dur="indefinite" restart="never" nodeType="tmRoot"/>
      </p:par>
    </p:tnLst>
  </p:timing>
</p:sldLayout>
</file>

<file path=ppt/slideLayouts/slideLayout89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323874969"/>
      </p:ext>
    </p:extLst>
  </p:cSld>
  <p:clrMapOvr>
    <a:masterClrMapping/>
  </p:clrMapOvr>
  <p:transition spd="slow">
    <p:fade/>
  </p:transition>
  <p:timing>
    <p:tnLst>
      <p:par>
        <p:cTn id="1" dur="indefinite" restart="never" nodeType="tmRoot"/>
      </p:par>
    </p:tnLst>
  </p:timing>
</p:sldLayout>
</file>

<file path=ppt/slideLayouts/slideLayout89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344279153"/>
      </p:ext>
    </p:extLst>
  </p:cSld>
  <p:clrMapOvr>
    <a:masterClrMapping/>
  </p:clrMapOvr>
  <p:transition spd="slow">
    <p:fade/>
  </p:transition>
</p:sldLayout>
</file>

<file path=ppt/slideLayouts/slideLayout89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348050990"/>
      </p:ext>
    </p:extLst>
  </p:cSld>
  <p:clrMapOvr>
    <a:masterClrMapping/>
  </p:clrMapOvr>
  <p:transition spd="slow">
    <p:fade/>
  </p:transition>
</p:sldLayout>
</file>

<file path=ppt/slideLayouts/slideLayout89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176890989"/>
      </p:ext>
    </p:extLst>
  </p:cSld>
  <p:clrMapOvr>
    <a:masterClrMapping/>
  </p:clrMapOvr>
  <p:transition spd="slow">
    <p:fade/>
  </p:transition>
</p:sldLayout>
</file>

<file path=ppt/slideLayouts/slideLayout899.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523707934"/>
      </p:ext>
    </p:extLst>
  </p:cSld>
  <p:clrMapOvr>
    <a:masterClrMapping/>
  </p:clrMapOvr>
  <p:transition spd="slow">
    <p:fade/>
  </p:transition>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lang="en-US" smtClean="0"/>
              <a:pPr algn="ctr"/>
              <a:t>‹#›</a:t>
            </a:fld>
            <a:endParaRPr lang="en-US" dirty="0"/>
          </a:p>
        </p:txBody>
      </p:sp>
    </p:spTree>
  </p:cSld>
  <p:clrMapOvr>
    <a:masterClrMapping/>
  </p:clrMapOvr>
  <p:transition spd="slow">
    <p:fade/>
  </p:transition>
</p:sldLayout>
</file>

<file path=ppt/slideLayouts/slideLayout9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277113124"/>
      </p:ext>
    </p:extLst>
  </p:cSld>
  <p:clrMapOvr>
    <a:masterClrMapping/>
  </p:clrMapOvr>
  <p:transition spd="slow">
    <p:fade/>
  </p:transition>
</p:sldLayout>
</file>

<file path=ppt/slideLayouts/slideLayout900.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785584240"/>
      </p:ext>
    </p:extLst>
  </p:cSld>
  <p:clrMapOvr>
    <a:masterClrMapping/>
  </p:clrMapOvr>
  <p:transition spd="slow">
    <p:fade/>
  </p:transition>
  <p:timing>
    <p:tnLst>
      <p:par>
        <p:cTn id="1" dur="indefinite" restart="never" nodeType="tmRoot"/>
      </p:par>
    </p:tnLst>
  </p:timing>
</p:sldLayout>
</file>

<file path=ppt/slideLayouts/slideLayout901.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811714989"/>
      </p:ext>
    </p:extLst>
  </p:cSld>
  <p:clrMapOvr>
    <a:masterClrMapping/>
  </p:clrMapOvr>
  <p:transition spd="slow">
    <p:fade/>
  </p:transition>
  <p:timing>
    <p:tnLst>
      <p:par>
        <p:cTn id="1" dur="indefinite" restart="never" nodeType="tmRoot"/>
      </p:par>
    </p:tnLst>
  </p:timing>
</p:sldLayout>
</file>

<file path=ppt/slideLayouts/slideLayout902.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132769733"/>
      </p:ext>
    </p:extLst>
  </p:cSld>
  <p:clrMapOvr>
    <a:masterClrMapping/>
  </p:clrMapOvr>
  <p:transition spd="slow">
    <p:fade/>
  </p:transition>
</p:sldLayout>
</file>

<file path=ppt/slideLayouts/slideLayout903.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810670997"/>
      </p:ext>
    </p:extLst>
  </p:cSld>
  <p:clrMapOvr>
    <a:masterClrMapping/>
  </p:clrMapOvr>
  <p:transition spd="slow">
    <p:fade/>
  </p:transition>
</p:sldLayout>
</file>

<file path=ppt/slideLayouts/slideLayout904.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144191713"/>
      </p:ext>
    </p:extLst>
  </p:cSld>
  <p:clrMapOvr>
    <a:masterClrMapping/>
  </p:clrMapOvr>
  <p:transition spd="slow">
    <p:fade/>
  </p:transition>
</p:sldLayout>
</file>

<file path=ppt/slideLayouts/slideLayout905.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533436292"/>
      </p:ext>
    </p:extLst>
  </p:cSld>
  <p:clrMapOvr>
    <a:masterClrMapping/>
  </p:clrMapOvr>
  <p:transition spd="slow">
    <p:fade/>
  </p:transition>
</p:sldLayout>
</file>

<file path=ppt/slideLayouts/slideLayout906.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247730700"/>
      </p:ext>
    </p:extLst>
  </p:cSld>
  <p:clrMapOvr>
    <a:masterClrMapping/>
  </p:clrMapOvr>
  <p:transition spd="slow">
    <p:fade/>
  </p:transition>
  <p:timing>
    <p:tnLst>
      <p:par>
        <p:cTn id="1" dur="indefinite" restart="never" nodeType="tmRoot"/>
      </p:par>
    </p:tnLst>
  </p:timing>
</p:sldLayout>
</file>

<file path=ppt/slideLayouts/slideLayout90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304800" y="1676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724126678"/>
      </p:ext>
    </p:extLst>
  </p:cSld>
  <p:clrMapOvr>
    <a:masterClrMapping/>
  </p:clrMapOvr>
  <p:transition>
    <p:fade/>
  </p:transition>
</p:sldLayout>
</file>

<file path=ppt/slideLayouts/slideLayout908.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022067286"/>
      </p:ext>
    </p:extLst>
  </p:cSld>
  <p:clrMapOvr>
    <a:masterClrMapping/>
  </p:clrMapOvr>
  <p:transition>
    <p:fade/>
  </p:transition>
</p:sldLayout>
</file>

<file path=ppt/slideLayouts/slideLayout90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682769118"/>
      </p:ext>
    </p:extLst>
  </p:cSld>
  <p:clrMapOvr>
    <a:masterClrMapping/>
  </p:clrMapOvr>
  <p:transition>
    <p:fade/>
  </p:transition>
  <p:timing>
    <p:tnLst>
      <p:par>
        <p:cTn id="1" dur="indefinite" restart="never" nodeType="tmRoot"/>
      </p:par>
    </p:tnLst>
  </p:timing>
</p:sldLayout>
</file>

<file path=ppt/slideLayouts/slideLayout9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435259650"/>
      </p:ext>
    </p:extLst>
  </p:cSld>
  <p:clrMapOvr>
    <a:masterClrMapping/>
  </p:clrMapOvr>
  <p:transition spd="slow">
    <p:fade/>
  </p:transition>
</p:sldLayout>
</file>

<file path=ppt/slideLayouts/slideLayout910.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1169867792"/>
      </p:ext>
    </p:extLst>
  </p:cSld>
  <p:clrMapOvr>
    <a:masterClrMapping/>
  </p:clrMapOvr>
  <p:transition>
    <p:fade/>
  </p:transition>
  <p:timing>
    <p:tnLst>
      <p:par>
        <p:cTn id="1" dur="indefinite" restart="never" nodeType="tmRoot"/>
      </p:par>
    </p:tnLst>
  </p:timing>
</p:sldLayout>
</file>

<file path=ppt/slideLayouts/slideLayout91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63814824"/>
      </p:ext>
    </p:extLst>
  </p:cSld>
  <p:clrMapOvr>
    <a:masterClrMapping/>
  </p:clrMapOvr>
  <p:transition>
    <p:fade/>
  </p:transition>
  <p:timing>
    <p:tnLst>
      <p:par>
        <p:cTn id="1" dur="indefinite" restart="never" nodeType="tmRoot"/>
      </p:par>
    </p:tnLst>
  </p:timing>
  <p:hf hdr="0" ftr="0" dt="0"/>
</p:sldLayout>
</file>

<file path=ppt/slideLayouts/slideLayout91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520941377"/>
      </p:ext>
    </p:extLst>
  </p:cSld>
  <p:clrMapOvr>
    <a:masterClrMapping/>
  </p:clrMapOvr>
  <p:transition>
    <p:fade/>
  </p:transition>
  <p:timing>
    <p:tnLst>
      <p:par>
        <p:cTn id="1" dur="indefinite" restart="never" nodeType="tmRoot"/>
      </p:par>
    </p:tnLst>
  </p:timing>
</p:sldLayout>
</file>

<file path=ppt/slideLayouts/slideLayout91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404958266"/>
      </p:ext>
    </p:extLst>
  </p:cSld>
  <p:clrMapOvr>
    <a:masterClrMapping/>
  </p:clrMapOvr>
  <p:transition>
    <p:fade/>
  </p:transition>
  <p:timing>
    <p:tnLst>
      <p:par>
        <p:cTn id="1" dur="indefinite" restart="never" nodeType="tmRoot"/>
      </p:par>
    </p:tnLst>
  </p:timing>
</p:sldLayout>
</file>

<file path=ppt/slideLayouts/slideLayout91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58655629"/>
      </p:ext>
    </p:extLst>
  </p:cSld>
  <p:clrMapOvr>
    <a:masterClrMapping/>
  </p:clrMapOvr>
  <p:transition>
    <p:fade/>
  </p:transition>
  <p:timing>
    <p:tnLst>
      <p:par>
        <p:cTn id="1" dur="indefinite" restart="never" nodeType="tmRoot"/>
      </p:par>
    </p:tnLst>
  </p:timing>
</p:sldLayout>
</file>

<file path=ppt/slideLayouts/slideLayout9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73820766"/>
      </p:ext>
    </p:extLst>
  </p:cSld>
  <p:clrMapOvr>
    <a:masterClrMapping/>
  </p:clrMapOvr>
  <p:transition>
    <p:fade/>
  </p:transition>
  <p:timing>
    <p:tnLst>
      <p:par>
        <p:cTn id="1" dur="indefinite" restart="never" nodeType="tmRoot"/>
      </p:par>
    </p:tnLst>
  </p:timing>
</p:sldLayout>
</file>

<file path=ppt/slideLayouts/slideLayout9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45787358"/>
      </p:ext>
    </p:extLst>
  </p:cSld>
  <p:clrMapOvr>
    <a:masterClrMapping/>
  </p:clrMapOvr>
  <p:transition>
    <p:fade/>
  </p:transition>
  <p:timing>
    <p:tnLst>
      <p:par>
        <p:cTn id="1" dur="indefinite" restart="never" nodeType="tmRoot"/>
      </p:par>
    </p:tnLst>
  </p:timing>
</p:sldLayout>
</file>

<file path=ppt/slideLayouts/slideLayout91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460764863"/>
      </p:ext>
    </p:extLst>
  </p:cSld>
  <p:clrMapOvr>
    <a:masterClrMapping/>
  </p:clrMapOvr>
  <p:transition spd="slow">
    <p:fade/>
  </p:transition>
  <p:timing>
    <p:tnLst>
      <p:par>
        <p:cTn id="1" dur="indefinite" restart="never" nodeType="tmRoot"/>
      </p:par>
    </p:tnLst>
  </p:timing>
  <p:hf hdr="0" ftr="0" dt="0"/>
</p:sldLayout>
</file>

<file path=ppt/slideLayouts/slideLayout91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003206357"/>
      </p:ext>
    </p:extLst>
  </p:cSld>
  <p:clrMapOvr>
    <a:masterClrMapping/>
  </p:clrMapOvr>
  <p:transition>
    <p:fade/>
  </p:transition>
  <p:timing>
    <p:tnLst>
      <p:par>
        <p:cTn id="1" dur="indefinite" restart="never" nodeType="tmRoot"/>
      </p:par>
    </p:tnLst>
  </p:timing>
</p:sldLayout>
</file>

<file path=ppt/slideLayouts/slideLayout919.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1106082955"/>
      </p:ext>
    </p:extLst>
  </p:cSld>
  <p:clrMapOvr>
    <a:masterClrMapping/>
  </p:clrMapOvr>
  <p:transition>
    <p:fade/>
  </p:transition>
  <p:timing>
    <p:tnLst>
      <p:par>
        <p:cTn id="1" dur="indefinite" restart="never" nodeType="tmRoot"/>
      </p:par>
    </p:tnLst>
  </p:timing>
  <p:hf hdr="0" ftr="0" dt="0"/>
</p:sldLayout>
</file>

<file path=ppt/slideLayouts/slideLayout92.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846914703"/>
      </p:ext>
    </p:extLst>
  </p:cSld>
  <p:clrMapOvr>
    <a:masterClrMapping/>
  </p:clrMapOvr>
  <p:transition spd="slow">
    <p:fade/>
  </p:transition>
  <p:timing>
    <p:tnLst>
      <p:par>
        <p:cTn id="1" dur="indefinite" restart="never" nodeType="tmRoot"/>
      </p:par>
    </p:tnLst>
  </p:timing>
</p:sldLayout>
</file>

<file path=ppt/slideLayouts/slideLayout92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83252792"/>
      </p:ext>
    </p:extLst>
  </p:cSld>
  <p:clrMapOvr>
    <a:masterClrMapping/>
  </p:clrMapOvr>
  <p:transition>
    <p:fade/>
  </p:transition>
  <p:timing>
    <p:tnLst>
      <p:par>
        <p:cTn id="1" dur="indefinite" restart="never" nodeType="tmRoot"/>
      </p:par>
    </p:tnLst>
  </p:timing>
</p:sldLayout>
</file>

<file path=ppt/slideLayouts/slideLayout921.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92604604"/>
      </p:ext>
    </p:extLst>
  </p:cSld>
  <p:clrMapOvr>
    <a:masterClrMapping/>
  </p:clrMapOvr>
  <p:transition spd="slow">
    <p:fade/>
  </p:transition>
  <p:timing>
    <p:tnLst>
      <p:par>
        <p:cTn id="1" dur="indefinite" restart="never" nodeType="tmRoot"/>
      </p:par>
    </p:tnLst>
  </p:timing>
</p:sldLayout>
</file>

<file path=ppt/slideLayouts/slideLayout922.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1170503"/>
      </p:ext>
    </p:extLst>
  </p:cSld>
  <p:clrMapOvr>
    <a:masterClrMapping/>
  </p:clrMapOvr>
  <p:transition spd="slow">
    <p:fade/>
  </p:transition>
  <p:timing>
    <p:tnLst>
      <p:par>
        <p:cTn id="1" dur="indefinite" restart="never" nodeType="tmRoot"/>
      </p:par>
    </p:tnLst>
  </p:timing>
</p:sldLayout>
</file>

<file path=ppt/slideLayouts/slideLayout923.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236790621"/>
      </p:ext>
    </p:extLst>
  </p:cSld>
  <p:clrMapOvr>
    <a:masterClrMapping/>
  </p:clrMapOvr>
  <p:transition spd="slow">
    <p:fade/>
  </p:transition>
  <p:timing>
    <p:tnLst>
      <p:par>
        <p:cTn id="1" dur="indefinite" restart="never" nodeType="tmRoot"/>
      </p:par>
    </p:tnLst>
  </p:timing>
</p:sldLayout>
</file>

<file path=ppt/slideLayouts/slideLayout92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07818585"/>
      </p:ext>
    </p:extLst>
  </p:cSld>
  <p:clrMapOvr>
    <a:masterClrMapping/>
  </p:clrMapOvr>
  <p:transition spd="slow">
    <p:fade/>
  </p:transition>
  <p:timing>
    <p:tnLst>
      <p:par>
        <p:cTn id="1" dur="indefinite" restart="never" nodeType="tmRoot"/>
      </p:par>
    </p:tnLst>
  </p:timing>
</p:sldLayout>
</file>

<file path=ppt/slideLayouts/slideLayout925.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592077525"/>
      </p:ext>
    </p:extLst>
  </p:cSld>
  <p:clrMapOvr>
    <a:masterClrMapping/>
  </p:clrMapOvr>
  <p:transition spd="slow">
    <p:fade/>
  </p:transition>
  <p:timing>
    <p:tnLst>
      <p:par>
        <p:cTn id="1" dur="indefinite" restart="never" nodeType="tmRoot"/>
      </p:par>
    </p:tnLst>
  </p:timing>
</p:sldLayout>
</file>

<file path=ppt/slideLayouts/slideLayout926.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152250917"/>
      </p:ext>
    </p:extLst>
  </p:cSld>
  <p:clrMapOvr>
    <a:masterClrMapping/>
  </p:clrMapOvr>
  <p:transition spd="slow">
    <p:fade/>
  </p:transition>
  <p:timing>
    <p:tnLst>
      <p:par>
        <p:cTn id="1" dur="indefinite" restart="never" nodeType="tmRoot"/>
      </p:par>
    </p:tnLst>
  </p:timing>
</p:sldLayout>
</file>

<file path=ppt/slideLayouts/slideLayout927.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407595757"/>
      </p:ext>
    </p:extLst>
  </p:cSld>
  <p:clrMapOvr>
    <a:masterClrMapping/>
  </p:clrMapOvr>
  <p:transition spd="slow">
    <p:fade/>
  </p:transition>
  <p:timing>
    <p:tnLst>
      <p:par>
        <p:cTn id="1" dur="indefinite" restart="never" nodeType="tmRoot"/>
      </p:par>
    </p:tnLst>
  </p:timing>
</p:sldLayout>
</file>

<file path=ppt/slideLayouts/slideLayout9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314371739"/>
      </p:ext>
    </p:extLst>
  </p:cSld>
  <p:clrMapOvr>
    <a:masterClrMapping/>
  </p:clrMapOvr>
  <p:transition>
    <p:fade/>
  </p:transition>
  <p:timing>
    <p:tnLst>
      <p:par>
        <p:cTn id="1" dur="indefinite" restart="never" nodeType="tmRoot"/>
      </p:par>
    </p:tnLst>
  </p:timing>
</p:sldLayout>
</file>

<file path=ppt/slideLayouts/slideLayout929.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189519926"/>
      </p:ext>
    </p:extLst>
  </p:cSld>
  <p:clrMapOvr>
    <a:masterClrMapping/>
  </p:clrMapOvr>
  <p:transition>
    <p:fade/>
  </p:transition>
  <p:timing>
    <p:tnLst>
      <p:par>
        <p:cTn id="1" dur="indefinite" restart="never" nodeType="tmRoot"/>
      </p:par>
    </p:tnLst>
  </p:timing>
</p:sldLayout>
</file>

<file path=ppt/slideLayouts/slideLayout93.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700193678"/>
      </p:ext>
    </p:extLst>
  </p:cSld>
  <p:clrMapOvr>
    <a:masterClrMapping/>
  </p:clrMapOvr>
  <p:transition spd="slow">
    <p:fade/>
  </p:transition>
  <p:timing>
    <p:tnLst>
      <p:par>
        <p:cTn id="1" dur="indefinite" restart="never" nodeType="tmRoot"/>
      </p:par>
    </p:tnLst>
  </p:timing>
</p:sldLayout>
</file>

<file path=ppt/slideLayouts/slideLayout93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26417581"/>
      </p:ext>
    </p:extLst>
  </p:cSld>
  <p:clrMapOvr>
    <a:masterClrMapping/>
  </p:clrMapOvr>
  <p:transition>
    <p:fade/>
  </p:transition>
  <p:timing>
    <p:tnLst>
      <p:par>
        <p:cTn id="1" dur="indefinite" restart="never" nodeType="tmRoot"/>
      </p:par>
    </p:tnLst>
  </p:timing>
  <p:hf hdr="0" ftr="0" dt="0"/>
</p:sldLayout>
</file>

<file path=ppt/slideLayouts/slideLayout93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84932087"/>
      </p:ext>
    </p:extLst>
  </p:cSld>
  <p:clrMapOvr>
    <a:masterClrMapping/>
  </p:clrMapOvr>
  <p:transition>
    <p:fade/>
  </p:transition>
  <p:timing>
    <p:tnLst>
      <p:par>
        <p:cTn id="1" dur="indefinite" restart="never" nodeType="tmRoot"/>
      </p:par>
    </p:tnLst>
  </p:timing>
</p:sldLayout>
</file>

<file path=ppt/slideLayouts/slideLayout93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74247180"/>
      </p:ext>
    </p:extLst>
  </p:cSld>
  <p:clrMapOvr>
    <a:masterClrMapping/>
  </p:clrMapOvr>
  <p:transition>
    <p:fade/>
  </p:transition>
  <p:timing>
    <p:tnLst>
      <p:par>
        <p:cTn id="1" dur="indefinite" restart="never" nodeType="tmRoot"/>
      </p:par>
    </p:tnLst>
  </p:timing>
</p:sldLayout>
</file>

<file path=ppt/slideLayouts/slideLayout933.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761799223"/>
      </p:ext>
    </p:extLst>
  </p:cSld>
  <p:clrMapOvr>
    <a:masterClrMapping/>
  </p:clrMapOvr>
  <p:transition>
    <p:fade/>
  </p:transition>
  <p:timing>
    <p:tnLst>
      <p:par>
        <p:cTn id="1" dur="indefinite" restart="never" nodeType="tmRoot"/>
      </p:par>
    </p:tnLst>
  </p:timing>
</p:sldLayout>
</file>

<file path=ppt/slideLayouts/slideLayout9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1414139498"/>
      </p:ext>
    </p:extLst>
  </p:cSld>
  <p:clrMapOvr>
    <a:masterClrMapping/>
  </p:clrMapOvr>
  <p:transition>
    <p:fade/>
  </p:transition>
  <p:timing>
    <p:tnLst>
      <p:par>
        <p:cTn id="1" dur="indefinite" restart="never" nodeType="tmRoot"/>
      </p:par>
    </p:tnLst>
  </p:timing>
</p:sldLayout>
</file>

<file path=ppt/slideLayouts/slideLayout9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67105008"/>
      </p:ext>
    </p:extLst>
  </p:cSld>
  <p:clrMapOvr>
    <a:masterClrMapping/>
  </p:clrMapOvr>
  <p:transition>
    <p:fade/>
  </p:transition>
  <p:timing>
    <p:tnLst>
      <p:par>
        <p:cTn id="1" dur="indefinite" restart="never" nodeType="tmRoot"/>
      </p:par>
    </p:tnLst>
  </p:timing>
</p:sldLayout>
</file>

<file path=ppt/slideLayouts/slideLayout936.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8815176"/>
      </p:ext>
    </p:extLst>
  </p:cSld>
  <p:clrMapOvr>
    <a:masterClrMapping/>
  </p:clrMapOvr>
  <p:transition spd="slow">
    <p:fade/>
  </p:transition>
  <p:timing>
    <p:tnLst>
      <p:par>
        <p:cTn id="1" dur="indefinite" restart="never" nodeType="tmRoot"/>
      </p:par>
    </p:tnLst>
  </p:timing>
  <p:hf hdr="0" ftr="0" dt="0"/>
</p:sldLayout>
</file>

<file path=ppt/slideLayouts/slideLayout937.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52418304"/>
      </p:ext>
    </p:extLst>
  </p:cSld>
  <p:clrMapOvr>
    <a:masterClrMapping/>
  </p:clrMapOvr>
  <p:transition>
    <p:fade/>
  </p:transition>
  <p:timing>
    <p:tnLst>
      <p:par>
        <p:cTn id="1" dur="indefinite" restart="never" nodeType="tmRoot"/>
      </p:par>
    </p:tnLst>
  </p:timing>
</p:sldLayout>
</file>

<file path=ppt/slideLayouts/slideLayout938.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887301887"/>
      </p:ext>
    </p:extLst>
  </p:cSld>
  <p:clrMapOvr>
    <a:masterClrMapping/>
  </p:clrMapOvr>
  <p:transition>
    <p:fade/>
  </p:transition>
  <p:timing>
    <p:tnLst>
      <p:par>
        <p:cTn id="1" dur="indefinite" restart="never" nodeType="tmRoot"/>
      </p:par>
    </p:tnLst>
  </p:timing>
  <p:hf hdr="0" ftr="0" dt="0"/>
</p:sldLayout>
</file>

<file path=ppt/slideLayouts/slideLayout939.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934731924"/>
      </p:ext>
    </p:extLst>
  </p:cSld>
  <p:clrMapOvr>
    <a:masterClrMapping/>
  </p:clrMapOvr>
  <p:transition>
    <p:fade/>
  </p:transition>
  <p:timing>
    <p:tnLst>
      <p:par>
        <p:cTn id="1" dur="indefinite" restart="never" nodeType="tmRoot"/>
      </p:par>
    </p:tnLst>
  </p:timing>
</p:sldLayout>
</file>

<file path=ppt/slideLayouts/slideLayout94.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051815037"/>
      </p:ext>
    </p:extLst>
  </p:cSld>
  <p:clrMapOvr>
    <a:masterClrMapping/>
  </p:clrMapOvr>
  <p:transition spd="slow">
    <p:fade/>
  </p:transition>
  <p:timing>
    <p:tnLst>
      <p:par>
        <p:cTn id="1" dur="indefinite" restart="never" nodeType="tmRoot"/>
      </p:par>
    </p:tnLst>
  </p:timing>
</p:sldLayout>
</file>

<file path=ppt/slideLayouts/slideLayout940.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248771058"/>
      </p:ext>
    </p:extLst>
  </p:cSld>
  <p:clrMapOvr>
    <a:masterClrMapping/>
  </p:clrMapOvr>
  <p:transition spd="slow">
    <p:fade/>
  </p:transition>
  <p:timing>
    <p:tnLst>
      <p:par>
        <p:cTn id="1" dur="indefinite" restart="never" nodeType="tmRoot"/>
      </p:par>
    </p:tnLst>
  </p:timing>
</p:sldLayout>
</file>

<file path=ppt/slideLayouts/slideLayout941.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015059913"/>
      </p:ext>
    </p:extLst>
  </p:cSld>
  <p:clrMapOvr>
    <a:masterClrMapping/>
  </p:clrMapOvr>
  <p:transition spd="slow">
    <p:fade/>
  </p:transition>
  <p:timing>
    <p:tnLst>
      <p:par>
        <p:cTn id="1" dur="indefinite" restart="never" nodeType="tmRoot"/>
      </p:par>
    </p:tnLst>
  </p:timing>
</p:sldLayout>
</file>

<file path=ppt/slideLayouts/slideLayout942.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82133408"/>
      </p:ext>
    </p:extLst>
  </p:cSld>
  <p:clrMapOvr>
    <a:masterClrMapping/>
  </p:clrMapOvr>
  <p:transition spd="slow">
    <p:fade/>
  </p:transition>
  <p:timing>
    <p:tnLst>
      <p:par>
        <p:cTn id="1" dur="indefinite" restart="never" nodeType="tmRoot"/>
      </p:par>
    </p:tnLst>
  </p:timing>
</p:sldLayout>
</file>

<file path=ppt/slideLayouts/slideLayout943.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3912156064"/>
      </p:ext>
    </p:extLst>
  </p:cSld>
  <p:clrMapOvr>
    <a:masterClrMapping/>
  </p:clrMapOvr>
  <p:transition spd="slow">
    <p:fade/>
  </p:transition>
  <p:timing>
    <p:tnLst>
      <p:par>
        <p:cTn id="1" dur="indefinite" restart="never" nodeType="tmRoot"/>
      </p:par>
    </p:tnLst>
  </p:timing>
</p:sldLayout>
</file>

<file path=ppt/slideLayouts/slideLayout944.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821183905"/>
      </p:ext>
    </p:extLst>
  </p:cSld>
  <p:clrMapOvr>
    <a:masterClrMapping/>
  </p:clrMapOvr>
  <p:transition spd="slow">
    <p:fade/>
  </p:transition>
  <p:timing>
    <p:tnLst>
      <p:par>
        <p:cTn id="1" dur="indefinite" restart="never" nodeType="tmRoot"/>
      </p:par>
    </p:tnLst>
  </p:timing>
</p:sldLayout>
</file>

<file path=ppt/slideLayouts/slideLayout945.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610445428"/>
      </p:ext>
    </p:extLst>
  </p:cSld>
  <p:clrMapOvr>
    <a:masterClrMapping/>
  </p:clrMapOvr>
  <p:transition spd="slow">
    <p:fade/>
  </p:transition>
  <p:timing>
    <p:tnLst>
      <p:par>
        <p:cTn id="1" dur="indefinite" restart="never" nodeType="tmRoot"/>
      </p:par>
    </p:tnLst>
  </p:timing>
</p:sldLayout>
</file>

<file path=ppt/slideLayouts/slideLayout946.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90403348"/>
      </p:ext>
    </p:extLst>
  </p:cSld>
  <p:clrMapOvr>
    <a:masterClrMapping/>
  </p:clrMapOvr>
  <p:transition spd="slow">
    <p:fade/>
  </p:transition>
  <p:timing>
    <p:tnLst>
      <p:par>
        <p:cTn id="1" dur="indefinite" restart="never" nodeType="tmRoot"/>
      </p:par>
    </p:tnLst>
  </p:timing>
</p:sldLayout>
</file>

<file path=ppt/slideLayouts/slideLayout94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30250" y="1905000"/>
            <a:ext cx="7681913" cy="1523495"/>
          </a:xfrm>
        </p:spPr>
        <p:txBody>
          <a:bodyPr>
            <a:noAutofit/>
          </a:bodyPr>
          <a:lstStyle>
            <a:lvl1pPr algn="ctr">
              <a:lnSpc>
                <a:spcPct val="90000"/>
              </a:lnSpc>
              <a:defRPr sz="5400" b="1"/>
            </a:lvl1pPr>
          </a:lstStyle>
          <a:p>
            <a:r>
              <a:rPr lang="en-US" dirty="0" smtClean="0"/>
              <a:t>Click to edit Master title style</a:t>
            </a:r>
            <a:endParaRPr lang="en-US" dirty="0"/>
          </a:p>
        </p:txBody>
      </p:sp>
      <p:sp>
        <p:nvSpPr>
          <p:cNvPr id="3" name="Subtitle 2"/>
          <p:cNvSpPr>
            <a:spLocks noGrp="1"/>
          </p:cNvSpPr>
          <p:nvPr>
            <p:ph type="subTitle" idx="1"/>
          </p:nvPr>
        </p:nvSpPr>
        <p:spPr>
          <a:xfrm>
            <a:off x="730249" y="4344988"/>
            <a:ext cx="7681913"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411065584"/>
      </p:ext>
    </p:extLst>
  </p:cSld>
  <p:clrMapOvr>
    <a:masterClrMapping/>
  </p:clrMapOvr>
  <p:transition>
    <p:fade/>
  </p:transition>
  <p:timing>
    <p:tnLst>
      <p:par>
        <p:cTn id="1" dur="indefinite" restart="never" nodeType="tmRoot"/>
      </p:par>
    </p:tnLst>
  </p:timing>
</p:sldLayout>
</file>

<file path=ppt/slideLayouts/slideLayout948.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a:xfrm>
            <a:off x="681566" y="1177152"/>
            <a:ext cx="7776634" cy="1523494"/>
          </a:xfrm>
        </p:spPr>
        <p:txBody>
          <a:bodyPr anchor="ctr" anchorCtr="0">
            <a:noAutofit/>
          </a:bodyPr>
          <a:lstStyle>
            <a:lvl1pPr algn="ctr">
              <a:lnSpc>
                <a:spcPct val="90000"/>
              </a:lnSpc>
              <a:defRPr sz="5400"/>
            </a:lvl1pPr>
          </a:lstStyle>
          <a:p>
            <a:r>
              <a:rPr lang="en-US" dirty="0" smtClean="0"/>
              <a:t>Click to edit Master title style</a:t>
            </a:r>
            <a:endParaRPr lang="en-US" dirty="0"/>
          </a:p>
        </p:txBody>
      </p:sp>
      <p:sp>
        <p:nvSpPr>
          <p:cNvPr id="3" name="Subtitle 2"/>
          <p:cNvSpPr>
            <a:spLocks noGrp="1"/>
          </p:cNvSpPr>
          <p:nvPr>
            <p:ph type="subTitle" idx="1"/>
          </p:nvPr>
        </p:nvSpPr>
        <p:spPr>
          <a:xfrm>
            <a:off x="1048279" y="4872335"/>
            <a:ext cx="7043208" cy="461665"/>
          </a:xfrm>
          <a:prstGeom prst="rect">
            <a:avLst/>
          </a:prstGeo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062566" y="3187006"/>
            <a:ext cx="7014634" cy="1384994"/>
          </a:xfrm>
          <a:prstGeom prst="rect">
            <a:avLst/>
          </a:prstGeom>
        </p:spPr>
        <p:txBody>
          <a:bodyPr anchor="t" anchorCtr="0">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6600" b="1" i="1" u="none" strike="noStrike" kern="1200" cap="none" spc="-642"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a:t>
            </a:r>
          </a:p>
        </p:txBody>
      </p:sp>
    </p:spTree>
    <p:extLst>
      <p:ext uri="{BB962C8B-B14F-4D97-AF65-F5344CB8AC3E}">
        <p14:creationId xmlns:p14="http://schemas.microsoft.com/office/powerpoint/2010/main" val="3824012491"/>
      </p:ext>
    </p:extLst>
  </p:cSld>
  <p:clrMapOvr>
    <a:masterClrMapping/>
  </p:clrMapOvr>
  <p:transition>
    <p:fade/>
  </p:transition>
  <p:timing>
    <p:tnLst>
      <p:par>
        <p:cTn id="1" dur="indefinite" restart="never" nodeType="tmRoot"/>
      </p:par>
    </p:tnLst>
  </p:timing>
</p:sldLayout>
</file>

<file path=ppt/slideLayouts/slideLayout94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6" name="Text Placeholder 5"/>
          <p:cNvSpPr>
            <a:spLocks noGrp="1"/>
          </p:cNvSpPr>
          <p:nvPr>
            <p:ph type="body" sz="quarter" idx="10"/>
          </p:nvPr>
        </p:nvSpPr>
        <p:spPr>
          <a:xfrm>
            <a:off x="381000" y="1411552"/>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79431245"/>
      </p:ext>
    </p:extLst>
  </p:cSld>
  <p:clrMapOvr>
    <a:masterClrMapping/>
  </p:clrMapOvr>
  <p:transition>
    <p:fade/>
  </p:transition>
  <p:timing>
    <p:tnLst>
      <p:par>
        <p:cTn id="1" dur="indefinite" restart="never" nodeType="tmRoot"/>
      </p:par>
    </p:tnLst>
  </p:timing>
  <p:hf hdr="0" ftr="0" dt="0"/>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802657333"/>
      </p:ext>
    </p:extLst>
  </p:cSld>
  <p:clrMapOvr>
    <a:masterClrMapping/>
  </p:clrMapOvr>
  <p:transition spd="slow">
    <p:fade/>
  </p:transition>
</p:sldLayout>
</file>

<file path=ppt/slideLayouts/slideLayout95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dirty="0" smtClean="0"/>
              <a:t>Click to edit Master title style</a:t>
            </a:r>
            <a:endParaRPr lang="en-US" dirty="0"/>
          </a:p>
        </p:txBody>
      </p:sp>
      <p:sp>
        <p:nvSpPr>
          <p:cNvPr id="3" name="Content Placeholder 2"/>
          <p:cNvSpPr>
            <a:spLocks noGrp="1"/>
          </p:cNvSpPr>
          <p:nvPr>
            <p:ph idx="1"/>
          </p:nvPr>
        </p:nvSpPr>
        <p:spPr>
          <a:xfrm>
            <a:off x="381000" y="1412875"/>
            <a:ext cx="8382000" cy="2332946"/>
          </a:xfrm>
          <a:prstGeom prst="rect">
            <a:avLst/>
          </a:prstGeom>
        </p:spPr>
        <p:txBody>
          <a:bodyPr/>
          <a:lstStyle>
            <a:lvl1pPr>
              <a:lnSpc>
                <a:spcPct val="90000"/>
              </a:lnSpc>
              <a:spcBef>
                <a:spcPts val="0"/>
              </a:spcBef>
              <a:spcAft>
                <a:spcPts val="1200"/>
              </a:spcAft>
              <a:defRPr sz="2800"/>
            </a:lvl1pPr>
            <a:lvl2pPr>
              <a:lnSpc>
                <a:spcPct val="90000"/>
              </a:lnSpc>
              <a:spcBef>
                <a:spcPts val="0"/>
              </a:spcBef>
              <a:spcAft>
                <a:spcPts val="1200"/>
              </a:spcAft>
              <a:defRPr lang="en-US" sz="2400" kern="1200" dirty="0" smtClean="0">
                <a:solidFill>
                  <a:schemeClr val="accent4"/>
                </a:solidFill>
                <a:latin typeface="+mn-lt"/>
                <a:ea typeface="+mn-ea"/>
                <a:cs typeface="+mn-cs"/>
              </a:defRPr>
            </a:lvl2pPr>
            <a:lvl3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a:lnSpc>
                <a:spcPct val="90000"/>
              </a:lnSpc>
              <a:spcBef>
                <a:spcPts val="0"/>
              </a:spcBef>
              <a:spcAft>
                <a:spcPts val="1200"/>
              </a:spcAft>
              <a:defRPr lang="en-US" sz="2400" kern="1200" dirty="0">
                <a:solidFill>
                  <a:schemeClr val="accent2"/>
                </a:solidFill>
                <a:latin typeface="+mn-lt"/>
                <a:ea typeface="+mn-ea"/>
                <a:cs typeface="+mn-cs"/>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408343113"/>
      </p:ext>
    </p:extLst>
  </p:cSld>
  <p:clrMapOvr>
    <a:masterClrMapping/>
  </p:clrMapOvr>
  <p:transition>
    <p:fade/>
  </p:transition>
  <p:timing>
    <p:tnLst>
      <p:par>
        <p:cTn id="1" dur="indefinite" restart="never" nodeType="tmRoot"/>
      </p:par>
    </p:tnLst>
  </p:timing>
</p:sldLayout>
</file>

<file path=ppt/slideLayouts/slideLayout95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a:lvl1pPr>
          </a:lstStyle>
          <a:p>
            <a:r>
              <a:rPr lang="en-US" smtClean="0"/>
              <a:t>Click to edit Master title style</a:t>
            </a:r>
            <a:endParaRPr lang="en-US"/>
          </a:p>
        </p:txBody>
      </p:sp>
      <p:sp>
        <p:nvSpPr>
          <p:cNvPr id="3" name="Content Placeholder 2"/>
          <p:cNvSpPr>
            <a:spLocks noGrp="1"/>
          </p:cNvSpPr>
          <p:nvPr>
            <p:ph sz="half" idx="1"/>
          </p:nvPr>
        </p:nvSpPr>
        <p:spPr>
          <a:xfrm>
            <a:off x="381000" y="1411553"/>
            <a:ext cx="4114800" cy="2720745"/>
          </a:xfrm>
          <a:prstGeom prst="rect">
            <a:avLst/>
          </a:prstGeom>
        </p:spPr>
        <p:txBody>
          <a:bodyPr/>
          <a:lstStyle>
            <a:lvl1pPr marL="339976" indent="-339976">
              <a:lnSpc>
                <a:spcPct val="90000"/>
              </a:lnSpc>
              <a:spcBef>
                <a:spcPts val="0"/>
              </a:spcBef>
              <a:spcAft>
                <a:spcPts val="1200"/>
              </a:spcAft>
              <a:defRPr sz="2800"/>
            </a:lvl1pPr>
            <a:lvl2pPr marL="673338" indent="-325424">
              <a:lnSpc>
                <a:spcPct val="90000"/>
              </a:lnSpc>
              <a:spcBef>
                <a:spcPts val="0"/>
              </a:spcBef>
              <a:spcAft>
                <a:spcPts val="1200"/>
              </a:spcAft>
              <a:defRPr lang="en-US" sz="2400" kern="1200" dirty="0" smtClean="0">
                <a:solidFill>
                  <a:schemeClr val="accent4"/>
                </a:solidFill>
                <a:latin typeface="+mn-lt"/>
                <a:ea typeface="+mn-ea"/>
                <a:cs typeface="+mn-cs"/>
              </a:defRPr>
            </a:lvl2pPr>
            <a:lvl3pPr marL="953785" indent="-288384">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73833">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80447">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411553"/>
            <a:ext cx="4114800" cy="2720745"/>
          </a:xfrm>
          <a:prstGeom prst="rect">
            <a:avLst/>
          </a:prstGeom>
        </p:spPr>
        <p:txBody>
          <a:bodyPr/>
          <a:lstStyle>
            <a:lvl1pPr marL="347914" indent="-347914">
              <a:lnSpc>
                <a:spcPct val="90000"/>
              </a:lnSpc>
              <a:spcBef>
                <a:spcPts val="0"/>
              </a:spcBef>
              <a:spcAft>
                <a:spcPts val="1200"/>
              </a:spcAft>
              <a:defRPr sz="2800"/>
            </a:lvl1pPr>
            <a:lvl2pPr marL="673338" indent="-339976">
              <a:lnSpc>
                <a:spcPct val="90000"/>
              </a:lnSpc>
              <a:spcBef>
                <a:spcPts val="0"/>
              </a:spcBef>
              <a:spcAft>
                <a:spcPts val="1200"/>
              </a:spcAft>
              <a:defRPr lang="en-US" sz="2400" kern="1200" dirty="0" smtClean="0">
                <a:solidFill>
                  <a:schemeClr val="accent4"/>
                </a:solidFill>
                <a:latin typeface="+mn-lt"/>
                <a:ea typeface="+mn-ea"/>
                <a:cs typeface="+mn-cs"/>
              </a:defRPr>
            </a:lvl2pPr>
            <a:lvl3pPr marL="961722" indent="-30293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227618" indent="-265896">
              <a:lnSpc>
                <a:spcPct val="90000"/>
              </a:lnSpc>
              <a:spcBef>
                <a:spcPts val="0"/>
              </a:spcBef>
              <a:spcAft>
                <a:spcPts val="1200"/>
              </a:spcAft>
              <a:defRPr lang="en-US" sz="24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516002" indent="-273833">
              <a:lnSpc>
                <a:spcPct val="90000"/>
              </a:lnSpc>
              <a:spcBef>
                <a:spcPts val="0"/>
              </a:spcBef>
              <a:spcAft>
                <a:spcPts val="1200"/>
              </a:spcAft>
              <a:defRPr lang="en-US" sz="2400" kern="1200" dirty="0">
                <a:solidFill>
                  <a:schemeClr val="accent2"/>
                </a:solidFill>
                <a:latin typeface="+mn-lt"/>
                <a:ea typeface="+mn-ea"/>
                <a:cs typeface="+mn-cs"/>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39458698"/>
      </p:ext>
    </p:extLst>
  </p:cSld>
  <p:clrMapOvr>
    <a:masterClrMapping/>
  </p:clrMapOvr>
  <p:transition>
    <p:fade/>
  </p:transition>
  <p:timing>
    <p:tnLst>
      <p:par>
        <p:cTn id="1" dur="indefinite" restart="never" nodeType="tmRoot"/>
      </p:par>
    </p:tnLst>
  </p:timing>
</p:sldLayout>
</file>

<file path=ppt/slideLayouts/slideLayout952.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1000" y="230188"/>
            <a:ext cx="8382000" cy="609398"/>
          </a:xfrm>
        </p:spPr>
        <p:txBody>
          <a:bodyPr/>
          <a:lstStyle>
            <a:lvl1pPr algn="r">
              <a:defRPr sz="4400" b="1"/>
            </a:lvl1pPr>
          </a:lstStyle>
          <a:p>
            <a:r>
              <a:rPr lang="en-US" smtClean="0"/>
              <a:t>Click to edit Master title style</a:t>
            </a:r>
            <a:endParaRPr lang="en-US" dirty="0"/>
          </a:p>
        </p:txBody>
      </p:sp>
      <p:sp>
        <p:nvSpPr>
          <p:cNvPr id="3" name="Text Placeholder 2"/>
          <p:cNvSpPr>
            <a:spLocks noGrp="1"/>
          </p:cNvSpPr>
          <p:nvPr>
            <p:ph type="body" idx="1"/>
          </p:nvPr>
        </p:nvSpPr>
        <p:spPr>
          <a:xfrm>
            <a:off x="381000" y="1411553"/>
            <a:ext cx="4114800"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380999" y="2174875"/>
            <a:ext cx="4114800" cy="2055947"/>
          </a:xfrm>
          <a:prstGeom prst="rect">
            <a:avLst/>
          </a:prstGeom>
        </p:spPr>
        <p:txBody>
          <a:bodyPr/>
          <a:lstStyle>
            <a:lvl1pPr marL="281770" indent="-281770">
              <a:spcBef>
                <a:spcPts val="0"/>
              </a:spcBef>
              <a:spcAft>
                <a:spcPts val="1200"/>
              </a:spcAft>
              <a:defRPr sz="2400"/>
            </a:lvl1pPr>
            <a:lvl2pPr marL="562218" indent="-265896">
              <a:spcBef>
                <a:spcPts val="0"/>
              </a:spcBef>
              <a:spcAft>
                <a:spcPts val="1200"/>
              </a:spcAft>
              <a:defRPr lang="en-US" sz="2000" kern="1200" dirty="0" smtClean="0">
                <a:solidFill>
                  <a:schemeClr val="accent4"/>
                </a:solidFill>
                <a:latin typeface="+mn-lt"/>
                <a:ea typeface="+mn-ea"/>
                <a:cs typeface="+mn-cs"/>
              </a:defRPr>
            </a:lvl2pPr>
            <a:lvl3pPr marL="813562" indent="-243407">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28856">
              <a:spcBef>
                <a:spcPts val="0"/>
              </a:spcBef>
              <a:spcAft>
                <a:spcPts val="1200"/>
              </a:spcAft>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06367">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981" y="1411553"/>
            <a:ext cx="4117019" cy="692498"/>
          </a:xfrm>
          <a:prstGeom prst="rect">
            <a:avLst/>
          </a:prstGeo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117974" cy="2055947"/>
          </a:xfrm>
          <a:prstGeom prst="rect">
            <a:avLst/>
          </a:prstGeom>
        </p:spPr>
        <p:txBody>
          <a:bodyPr/>
          <a:lstStyle>
            <a:lvl1pPr marL="296321" indent="-296321">
              <a:spcBef>
                <a:spcPts val="0"/>
              </a:spcBef>
              <a:spcAft>
                <a:spcPts val="1200"/>
              </a:spcAft>
              <a:defRPr sz="2400"/>
            </a:lvl1pPr>
            <a:lvl2pPr marL="570155" indent="-273833">
              <a:spcBef>
                <a:spcPts val="0"/>
              </a:spcBef>
              <a:spcAft>
                <a:spcPts val="1200"/>
              </a:spcAft>
              <a:defRPr lang="en-US" sz="2000" kern="1200" dirty="0" smtClean="0">
                <a:solidFill>
                  <a:schemeClr val="accent4"/>
                </a:solidFill>
                <a:latin typeface="+mn-lt"/>
                <a:ea typeface="+mn-ea"/>
                <a:cs typeface="+mn-cs"/>
              </a:defRPr>
            </a:lvl2pPr>
            <a:lvl3pPr marL="821499" indent="-244730"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3pPr>
            <a:lvl4pPr marL="1050354" indent="-236793" algn="l" defTabSz="914363" rtl="0" eaLnBrk="1" latinLnBrk="0" hangingPunct="1">
              <a:lnSpc>
                <a:spcPct val="90000"/>
              </a:lnSpc>
              <a:spcBef>
                <a:spcPts val="0"/>
              </a:spcBef>
              <a:spcAft>
                <a:spcPts val="1200"/>
              </a:spcAft>
              <a:buFontTx/>
              <a:buBlip>
                <a:blip r:embed="rId2"/>
              </a:buBlip>
              <a:defRPr lang="en-US" sz="2000" kern="1200" dirty="0" smtClean="0">
                <a:solidFill>
                  <a:schemeClr val="accent3"/>
                </a:solidFill>
                <a:effectLst>
                  <a:outerShdw blurRad="38100" dist="38100" dir="2700000" algn="tl">
                    <a:srgbClr val="000000">
                      <a:alpha val="43137"/>
                    </a:srgbClr>
                  </a:outerShdw>
                </a:effectLst>
                <a:latin typeface="+mn-lt"/>
                <a:ea typeface="+mn-ea"/>
                <a:cs typeface="+mn-cs"/>
              </a:defRPr>
            </a:lvl4pPr>
            <a:lvl5pPr marL="1279210" indent="-220919">
              <a:spcBef>
                <a:spcPts val="0"/>
              </a:spcBef>
              <a:spcAft>
                <a:spcPts val="1200"/>
              </a:spcAft>
              <a:defRPr lang="en-US" sz="2000" kern="1200" dirty="0">
                <a:solidFill>
                  <a:schemeClr val="accent2"/>
                </a:solidFill>
                <a:latin typeface="+mn-lt"/>
                <a:ea typeface="+mn-ea"/>
                <a:cs typeface="+mn-cs"/>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155998607"/>
      </p:ext>
    </p:extLst>
  </p:cSld>
  <p:clrMapOvr>
    <a:masterClrMapping/>
  </p:clrMapOvr>
  <p:transition>
    <p:fade/>
  </p:transition>
  <p:timing>
    <p:tnLst>
      <p:par>
        <p:cTn id="1" dur="indefinite" restart="never" nodeType="tmRoot"/>
      </p:par>
    </p:tnLst>
  </p:timing>
</p:sldLayout>
</file>

<file path=ppt/slideLayouts/slideLayout9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8600" y="3020301"/>
            <a:ext cx="8382000" cy="664797"/>
          </a:xfrm>
        </p:spPr>
        <p:txBody>
          <a:bodyPr anchor="ctr" anchorCtr="0"/>
          <a:lstStyle>
            <a:lvl1pPr algn="ctr">
              <a:defRPr sz="4800" b="1"/>
            </a:lvl1pPr>
          </a:lstStyle>
          <a:p>
            <a:r>
              <a:rPr lang="en-US" smtClean="0"/>
              <a:t>Click to edit Master title style</a:t>
            </a:r>
            <a:endParaRPr lang="en-US"/>
          </a:p>
        </p:txBody>
      </p:sp>
    </p:spTree>
    <p:extLst>
      <p:ext uri="{BB962C8B-B14F-4D97-AF65-F5344CB8AC3E}">
        <p14:creationId xmlns:p14="http://schemas.microsoft.com/office/powerpoint/2010/main" val="2381397612"/>
      </p:ext>
    </p:extLst>
  </p:cSld>
  <p:clrMapOvr>
    <a:masterClrMapping/>
  </p:clrMapOvr>
  <p:transition>
    <p:fade/>
  </p:transition>
  <p:timing>
    <p:tnLst>
      <p:par>
        <p:cTn id="1" dur="indefinite" restart="never" nodeType="tmRoot"/>
      </p:par>
    </p:tnLst>
  </p:timing>
</p:sldLayout>
</file>

<file path=ppt/slideLayouts/slideLayout9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25429540"/>
      </p:ext>
    </p:extLst>
  </p:cSld>
  <p:clrMapOvr>
    <a:masterClrMapping/>
  </p:clrMapOvr>
  <p:transition>
    <p:fade/>
  </p:transition>
  <p:timing>
    <p:tnLst>
      <p:par>
        <p:cTn id="1" dur="indefinite" restart="never" nodeType="tmRoot"/>
      </p:par>
    </p:tnLst>
  </p:timing>
</p:sldLayout>
</file>

<file path=ppt/slideLayouts/slideLayout955.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398"/>
          </a:xfrm>
          <a:effectLst>
            <a:outerShdw blurRad="50800" dist="38100" dir="2700000" algn="tl" rotWithShape="0">
              <a:prstClr val="black"/>
            </a:outerShdw>
          </a:effectLst>
        </p:spPr>
        <p:txBody>
          <a:bodyPr vert="horz" wrap="square" lIns="0" tIns="0" rIns="0" bIns="0" rtlCol="0" anchor="t">
            <a:spAutoFit/>
          </a:bodyPr>
          <a:lstStyle>
            <a:lvl1pPr>
              <a:defRPr lang="en-US" sz="4400" b="1"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7" name="Text Placeholder 4"/>
          <p:cNvSpPr>
            <a:spLocks noGrp="1"/>
          </p:cNvSpPr>
          <p:nvPr>
            <p:ph type="body" sz="quarter" idx="11"/>
          </p:nvPr>
        </p:nvSpPr>
        <p:spPr>
          <a:xfrm>
            <a:off x="419100" y="2286000"/>
            <a:ext cx="8305800" cy="2166747"/>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3"/>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160272828"/>
      </p:ext>
    </p:extLst>
  </p:cSld>
  <p:clrMapOvr>
    <a:masterClrMapping/>
  </p:clrMapOvr>
  <p:transition spd="slow">
    <p:fade/>
  </p:transition>
  <p:timing>
    <p:tnLst>
      <p:par>
        <p:cTn id="1" dur="indefinite" restart="never" nodeType="tmRoot"/>
      </p:par>
    </p:tnLst>
  </p:timing>
  <p:hf hdr="0" ftr="0" dt="0"/>
</p:sldLayout>
</file>

<file path=ppt/slideLayouts/slideLayout956.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09398"/>
          </a:xfrm>
        </p:spPr>
        <p:txBody>
          <a:bodyPr/>
          <a:lstStyle>
            <a:lvl1pPr algn="r">
              <a:defRPr sz="4400" b="1"/>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142240821"/>
      </p:ext>
    </p:extLst>
  </p:cSld>
  <p:clrMapOvr>
    <a:masterClrMapping/>
  </p:clrMapOvr>
  <p:transition>
    <p:fade/>
  </p:transition>
  <p:timing>
    <p:tnLst>
      <p:par>
        <p:cTn id="1" dur="indefinite" restart="never" nodeType="tmRoot"/>
      </p:par>
    </p:tnLst>
  </p:timing>
</p:sldLayout>
</file>

<file path=ppt/slideLayouts/slideLayout957.xml><?xml version="1.0" encoding="utf-8"?>
<p:sldLayout xmlns:a="http://schemas.openxmlformats.org/drawingml/2006/main" xmlns:r="http://schemas.openxmlformats.org/officeDocument/2006/relationships" xmlns:p="http://schemas.openxmlformats.org/presentationml/2006/main" preserve="1" userDrawn="1">
  <p:cSld name="Text">
    <p:spTree>
      <p:nvGrpSpPr>
        <p:cNvPr id="1" name=""/>
        <p:cNvGrpSpPr/>
        <p:nvPr/>
      </p:nvGrpSpPr>
      <p:grpSpPr>
        <a:xfrm>
          <a:off x="0" y="0"/>
          <a:ext cx="0" cy="0"/>
          <a:chOff x="0" y="0"/>
          <a:chExt cx="0" cy="0"/>
        </a:xfrm>
      </p:grpSpPr>
      <p:sp>
        <p:nvSpPr>
          <p:cNvPr id="2" name="Title 1"/>
          <p:cNvSpPr>
            <a:spLocks noGrp="1"/>
          </p:cNvSpPr>
          <p:nvPr>
            <p:ph type="title"/>
          </p:nvPr>
        </p:nvSpPr>
        <p:spPr>
          <a:xfrm>
            <a:off x="228600" y="436602"/>
            <a:ext cx="8382000" cy="609398"/>
          </a:xfrm>
        </p:spPr>
        <p:txBody>
          <a:bodyPr/>
          <a:lstStyle>
            <a:lvl1pPr algn="r">
              <a:defRPr sz="4400" b="1"/>
            </a:lvl1pPr>
          </a:lstStyle>
          <a:p>
            <a:r>
              <a:rPr lang="en-US" dirty="0" smtClean="0"/>
              <a:t>Click to edit Master title style</a:t>
            </a:r>
            <a:endParaRPr lang="en-US" dirty="0"/>
          </a:p>
        </p:txBody>
      </p:sp>
    </p:spTree>
    <p:extLst>
      <p:ext uri="{BB962C8B-B14F-4D97-AF65-F5344CB8AC3E}">
        <p14:creationId xmlns:p14="http://schemas.microsoft.com/office/powerpoint/2010/main" val="3872784341"/>
      </p:ext>
    </p:extLst>
  </p:cSld>
  <p:clrMapOvr>
    <a:masterClrMapping/>
  </p:clrMapOvr>
  <p:transition>
    <p:fade/>
  </p:transition>
  <p:timing>
    <p:tnLst>
      <p:par>
        <p:cTn id="1" dur="indefinite" restart="never" nodeType="tmRoot"/>
      </p:par>
    </p:tnLst>
  </p:timing>
  <p:hf hdr="0" ftr="0" dt="0"/>
</p:sldLayout>
</file>

<file path=ppt/slideLayouts/slideLayout958.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r">
              <a:defRPr sz="4400" b="1"/>
            </a:lvl1pPr>
          </a:lstStyle>
          <a:p>
            <a:r>
              <a:rPr lang="en-US" dirty="0" smtClean="0"/>
              <a:t>Click to edit Master title style</a:t>
            </a:r>
            <a:endParaRPr lang="en-US" dirty="0"/>
          </a:p>
        </p:txBody>
      </p:sp>
      <p:sp>
        <p:nvSpPr>
          <p:cNvPr id="8" name="Text Placeholder 4"/>
          <p:cNvSpPr>
            <a:spLocks noGrp="1"/>
          </p:cNvSpPr>
          <p:nvPr>
            <p:ph type="body" sz="quarter" idx="11"/>
          </p:nvPr>
        </p:nvSpPr>
        <p:spPr>
          <a:xfrm>
            <a:off x="457200" y="1676400"/>
            <a:ext cx="8305800" cy="2332946"/>
          </a:xfrm>
          <a:prstGeom prst="rect">
            <a:avLst/>
          </a:prstGeom>
        </p:spPr>
        <p:txBody>
          <a:bodyPr/>
          <a:lstStyle>
            <a:lvl1pPr marL="396875" marR="0" indent="-396875" algn="l" defTabSz="914363" rtl="0" eaLnBrk="1" fontAlgn="auto" latinLnBrk="0" hangingPunct="1">
              <a:lnSpc>
                <a:spcPct val="90000"/>
              </a:lnSpc>
              <a:spcBef>
                <a:spcPts val="0"/>
              </a:spcBef>
              <a:spcAft>
                <a:spcPts val="1200"/>
              </a:spcAft>
              <a:buClrTx/>
              <a:buSzTx/>
              <a:buFontTx/>
              <a:buBlip>
                <a:blip r:embed="rId2"/>
              </a:buBlip>
              <a:tabLst/>
              <a:defRPr sz="2800"/>
            </a:lvl1pPr>
            <a:lvl2pPr>
              <a:spcBef>
                <a:spcPts val="0"/>
              </a:spcBef>
              <a:spcAft>
                <a:spcPts val="1200"/>
              </a:spcAft>
              <a:defRPr sz="2400">
                <a:solidFill>
                  <a:schemeClr val="accent4"/>
                </a:solidFill>
              </a:defRPr>
            </a:lvl2pPr>
            <a:lvl3pPr>
              <a:spcBef>
                <a:spcPts val="0"/>
              </a:spcBef>
              <a:spcAft>
                <a:spcPts val="1200"/>
              </a:spcAft>
              <a:defRPr sz="2400">
                <a:solidFill>
                  <a:schemeClr val="accent3"/>
                </a:solidFill>
              </a:defRPr>
            </a:lvl3pPr>
            <a:lvl4pPr>
              <a:spcBef>
                <a:spcPts val="0"/>
              </a:spcBef>
              <a:spcAft>
                <a:spcPts val="1200"/>
              </a:spcAft>
              <a:defRPr sz="2400">
                <a:solidFill>
                  <a:schemeClr val="accent2"/>
                </a:solidFill>
              </a:defRPr>
            </a:lvl4pPr>
            <a:lvl5pPr>
              <a:spcBef>
                <a:spcPts val="0"/>
              </a:spcBef>
              <a:spcAft>
                <a:spcPts val="1200"/>
              </a:spcAft>
              <a:defRPr sz="2400">
                <a:solidFill>
                  <a:schemeClr val="accent6"/>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23781125"/>
      </p:ext>
    </p:extLst>
  </p:cSld>
  <p:clrMapOvr>
    <a:masterClrMapping/>
  </p:clrMapOvr>
  <p:transition>
    <p:fade/>
  </p:transition>
  <p:timing>
    <p:tnLst>
      <p:par>
        <p:cTn id="1" dur="indefinite" restart="never" nodeType="tmRoot"/>
      </p:par>
    </p:tnLst>
  </p:timing>
</p:sldLayout>
</file>

<file path=ppt/slideLayouts/slideLayout959.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963932189"/>
      </p:ext>
    </p:extLst>
  </p:cSld>
  <p:clrMapOvr>
    <a:masterClrMapping/>
  </p:clrMapOvr>
  <p:transition spd="slow">
    <p:fade/>
  </p:transition>
  <p:timing>
    <p:tnLst>
      <p:par>
        <p:cTn id="1" dur="indefinite" restart="never" nodeType="tmRoot"/>
      </p:par>
    </p:tnLst>
  </p:timing>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225875129"/>
      </p:ext>
    </p:extLst>
  </p:cSld>
  <p:clrMapOvr>
    <a:masterClrMapping/>
  </p:clrMapOvr>
  <p:transition spd="slow">
    <p:fade/>
  </p:transition>
</p:sldLayout>
</file>

<file path=ppt/slideLayouts/slideLayout960.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594532625"/>
      </p:ext>
    </p:extLst>
  </p:cSld>
  <p:clrMapOvr>
    <a:masterClrMapping/>
  </p:clrMapOvr>
  <p:transition spd="slow">
    <p:fade/>
  </p:transition>
  <p:timing>
    <p:tnLst>
      <p:par>
        <p:cTn id="1" dur="indefinite" restart="never" nodeType="tmRoot"/>
      </p:par>
    </p:tnLst>
  </p:timing>
</p:sldLayout>
</file>

<file path=ppt/slideLayouts/slideLayout96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172404933"/>
      </p:ext>
    </p:extLst>
  </p:cSld>
  <p:clrMapOvr>
    <a:masterClrMapping/>
  </p:clrMapOvr>
  <p:transition spd="slow">
    <p:fade/>
  </p:transition>
  <p:timing>
    <p:tnLst>
      <p:par>
        <p:cTn id="1" dur="indefinite" restart="never" nodeType="tmRoot"/>
      </p:par>
    </p:tnLst>
  </p:timing>
</p:sldLayout>
</file>

<file path=ppt/slideLayouts/slideLayout962.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4175475919"/>
      </p:ext>
    </p:extLst>
  </p:cSld>
  <p:clrMapOvr>
    <a:masterClrMapping/>
  </p:clrMapOvr>
  <p:transition spd="slow">
    <p:fade/>
  </p:transition>
  <p:timing>
    <p:tnLst>
      <p:par>
        <p:cTn id="1" dur="indefinite" restart="never" nodeType="tmRoot"/>
      </p:par>
    </p:tnLst>
  </p:timing>
</p:sldLayout>
</file>

<file path=ppt/slideLayouts/slideLayout963.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230145735"/>
      </p:ext>
    </p:extLst>
  </p:cSld>
  <p:clrMapOvr>
    <a:masterClrMapping/>
  </p:clrMapOvr>
  <p:transition spd="slow">
    <p:fade/>
  </p:transition>
  <p:timing>
    <p:tnLst>
      <p:par>
        <p:cTn id="1" dur="indefinite" restart="never" nodeType="tmRoot"/>
      </p:par>
    </p:tnLst>
  </p:timing>
</p:sldLayout>
</file>

<file path=ppt/slideLayouts/slideLayout964.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427510908"/>
      </p:ext>
    </p:extLst>
  </p:cSld>
  <p:clrMapOvr>
    <a:masterClrMapping/>
  </p:clrMapOvr>
  <p:transition spd="slow">
    <p:fade/>
  </p:transition>
  <p:timing>
    <p:tnLst>
      <p:par>
        <p:cTn id="1" dur="indefinite" restart="never" nodeType="tmRoot"/>
      </p:par>
    </p:tnLst>
  </p:timing>
</p:sldLayout>
</file>

<file path=ppt/slideLayouts/slideLayout96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798766711"/>
      </p:ext>
    </p:extLst>
  </p:cSld>
  <p:clrMapOvr>
    <a:masterClrMapping/>
  </p:clrMapOvr>
  <p:transition spd="slow">
    <p:fade/>
  </p:transition>
</p:sldLayout>
</file>

<file path=ppt/slideLayouts/slideLayout966.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4140920259"/>
      </p:ext>
    </p:extLst>
  </p:cSld>
  <p:clrMapOvr>
    <a:masterClrMapping/>
  </p:clrMapOvr>
  <p:transition spd="slow">
    <p:fade/>
  </p:transition>
</p:sldLayout>
</file>

<file path=ppt/slideLayouts/slideLayout967.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726739432"/>
      </p:ext>
    </p:extLst>
  </p:cSld>
  <p:clrMapOvr>
    <a:masterClrMapping/>
  </p:clrMapOvr>
  <p:transition spd="slow">
    <p:fade/>
  </p:transition>
  <p:timing>
    <p:tnLst>
      <p:par>
        <p:cTn id="1" dur="indefinite" restart="never" nodeType="tmRoot"/>
      </p:par>
    </p:tnLst>
  </p:timing>
</p:sldLayout>
</file>

<file path=ppt/slideLayouts/slideLayout968.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Tree>
    <p:extLst>
      <p:ext uri="{BB962C8B-B14F-4D97-AF65-F5344CB8AC3E}">
        <p14:creationId xmlns:p14="http://schemas.microsoft.com/office/powerpoint/2010/main" val="2343005300"/>
      </p:ext>
    </p:extLst>
  </p:cSld>
  <p:clrMapOvr>
    <a:masterClrMapping/>
  </p:clrMapOvr>
  <p:transition spd="slow">
    <p:fade/>
  </p:transition>
</p:sldLayout>
</file>

<file path=ppt/slideLayouts/slideLayout969.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581466538"/>
      </p:ext>
    </p:extLst>
  </p:cSld>
  <p:clrMapOvr>
    <a:masterClrMapping/>
  </p:clrMapOvr>
  <p:transition spd="slow">
    <p:fade/>
  </p:transition>
  <p:timing>
    <p:tnLst>
      <p:par>
        <p:cTn id="1" dur="indefinite" restart="never" nodeType="tmRoot"/>
      </p:par>
    </p:tnLst>
  </p:timing>
  <p:hf hdr="0" ftr="0" dt="0"/>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3491831542"/>
      </p:ext>
    </p:extLst>
  </p:cSld>
  <p:clrMapOvr>
    <a:masterClrMapping/>
  </p:clrMapOvr>
  <p:transition spd="slow">
    <p:fade/>
  </p:transition>
</p:sldLayout>
</file>

<file path=ppt/slideLayouts/slideLayout97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41440"/>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Tree>
    <p:extLst>
      <p:ext uri="{BB962C8B-B14F-4D97-AF65-F5344CB8AC3E}">
        <p14:creationId xmlns:p14="http://schemas.microsoft.com/office/powerpoint/2010/main" val="1365221140"/>
      </p:ext>
    </p:extLst>
  </p:cSld>
  <p:clrMapOvr>
    <a:masterClrMapping/>
  </p:clrMapOvr>
  <p:transition spd="slow">
    <p:fade/>
  </p:transition>
  <p:timing>
    <p:tnLst>
      <p:par>
        <p:cTn id="1" dur="indefinite" restart="never" nodeType="tmRoot"/>
      </p:par>
    </p:tnLst>
  </p:timing>
</p:sldLayout>
</file>

<file path=ppt/slideLayouts/slideLayout97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459399569"/>
      </p:ext>
    </p:extLst>
  </p:cSld>
  <p:clrMapOvr>
    <a:masterClrMapping/>
  </p:clrMapOvr>
  <p:transition spd="slow">
    <p:fade/>
  </p:transition>
  <p:timing>
    <p:tnLst>
      <p:par>
        <p:cTn id="1" dur="indefinite" restart="never" nodeType="tmRoot"/>
      </p:par>
    </p:tnLst>
  </p:timing>
</p:sldLayout>
</file>

<file path=ppt/slideLayouts/slideLayout97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Tree>
    <p:extLst>
      <p:ext uri="{BB962C8B-B14F-4D97-AF65-F5344CB8AC3E}">
        <p14:creationId xmlns:p14="http://schemas.microsoft.com/office/powerpoint/2010/main" val="2700647768"/>
      </p:ext>
    </p:extLst>
  </p:cSld>
  <p:clrMapOvr>
    <a:masterClrMapping/>
  </p:clrMapOvr>
  <p:transition spd="slow">
    <p:fade/>
  </p:transition>
</p:sldLayout>
</file>

<file path=ppt/slideLayouts/slideLayout97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075995708"/>
      </p:ext>
    </p:extLst>
  </p:cSld>
  <p:clrMapOvr>
    <a:masterClrMapping/>
  </p:clrMapOvr>
  <p:transition spd="slow">
    <p:fade/>
  </p:transition>
</p:sldLayout>
</file>

<file path=ppt/slideLayouts/slideLayout97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98210872"/>
      </p:ext>
    </p:extLst>
  </p:cSld>
  <p:clrMapOvr>
    <a:masterClrMapping/>
  </p:clrMapOvr>
  <p:transition spd="slow">
    <p:fade/>
  </p:transition>
</p:sldLayout>
</file>

<file path=ppt/slideLayouts/slideLayout975.xml><?xml version="1.0" encoding="utf-8"?>
<p:sldLayout xmlns:a="http://schemas.openxmlformats.org/drawingml/2006/main" xmlns:r="http://schemas.openxmlformats.org/officeDocument/2006/relationships" xmlns:p="http://schemas.openxmlformats.org/presentationml/2006/main" type="titleOnly" preserve="1">
  <p:cSld name="3_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938520850"/>
      </p:ext>
    </p:extLst>
  </p:cSld>
  <p:clrMapOvr>
    <a:masterClrMapping/>
  </p:clrMapOvr>
  <p:transition spd="slow">
    <p:fade/>
  </p:transition>
  <p:timing>
    <p:tnLst>
      <p:par>
        <p:cTn id="1" dur="indefinite" restart="never" nodeType="tmRoot"/>
      </p:par>
    </p:tnLst>
  </p:timing>
</p:sldLayout>
</file>

<file path=ppt/slideLayouts/slideLayout976.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nchor="ctr" anchorCtr="0"/>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Slide Number Placeholder 32"/>
          <p:cNvSpPr txBox="1">
            <a:spLocks noGrp="1"/>
          </p:cNvSpPr>
          <p:nvPr userDrawn="1"/>
        </p:nvSpPr>
        <p:spPr bwMode="auto">
          <a:xfrm>
            <a:off x="8467531" y="6477000"/>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89398758"/>
      </p:ext>
    </p:extLst>
  </p:cSld>
  <p:clrMapOvr>
    <a:masterClrMapping/>
  </p:clrMapOvr>
  <p:transition spd="slow">
    <p:fade/>
  </p:transition>
  <p:timing>
    <p:tnLst>
      <p:par>
        <p:cTn id="1" dur="indefinite" restart="never" nodeType="tmRoot"/>
      </p:par>
    </p:tnLst>
  </p:timing>
</p:sldLayout>
</file>

<file path=ppt/slideLayouts/slideLayout977.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3055051"/>
            <a:ext cx="8229600" cy="747897"/>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5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7" name="Slide Number Placeholder 32"/>
          <p:cNvSpPr txBox="1">
            <a:spLocks noGrp="1"/>
          </p:cNvSpPr>
          <p:nvPr userDrawn="1"/>
        </p:nvSpPr>
        <p:spPr bwMode="auto">
          <a:xfrm>
            <a:off x="8458200" y="6483774"/>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62998282"/>
      </p:ext>
    </p:extLst>
  </p:cSld>
  <p:clrMapOvr>
    <a:masterClrMapping/>
  </p:clrMapOvr>
  <p:transition spd="slow">
    <p:fade/>
  </p:transition>
  <p:timing>
    <p:tnLst>
      <p:par>
        <p:cTn id="1" dur="indefinite" restart="never" nodeType="tmRoot"/>
      </p:par>
    </p:tnLst>
  </p:timing>
</p:sldLayout>
</file>

<file path=ppt/slideLayouts/slideLayout978.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613688216"/>
      </p:ext>
    </p:extLst>
  </p:cSld>
  <p:clrMapOvr>
    <a:masterClrMapping/>
  </p:clrMapOvr>
  <p:transition spd="slow">
    <p:fade/>
  </p:transition>
</p:sldLayout>
</file>

<file path=ppt/slideLayouts/slideLayout979.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659272950"/>
      </p:ext>
    </p:extLst>
  </p:cSld>
  <p:clrMapOvr>
    <a:masterClrMapping/>
  </p:clrMapOvr>
  <p:transition spd="slow">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1671841611"/>
      </p:ext>
    </p:extLst>
  </p:cSld>
  <p:clrMapOvr>
    <a:masterClrMapping/>
  </p:clrMapOvr>
  <p:transition spd="slow">
    <p:fade/>
  </p:transition>
</p:sldLayout>
</file>

<file path=ppt/slideLayouts/slideLayout980.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Tree>
    <p:extLst>
      <p:ext uri="{BB962C8B-B14F-4D97-AF65-F5344CB8AC3E}">
        <p14:creationId xmlns:p14="http://schemas.microsoft.com/office/powerpoint/2010/main" val="2769352953"/>
      </p:ext>
    </p:extLst>
  </p:cSld>
  <p:clrMapOvr>
    <a:masterClrMapping/>
  </p:clrMapOvr>
  <p:transition spd="slow">
    <p:fade/>
  </p:transition>
</p:sldLayout>
</file>

<file path=ppt/slideLayouts/slideLayout981.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Tree>
    <p:extLst>
      <p:ext uri="{BB962C8B-B14F-4D97-AF65-F5344CB8AC3E}">
        <p14:creationId xmlns:p14="http://schemas.microsoft.com/office/powerpoint/2010/main" val="3571485372"/>
      </p:ext>
    </p:extLst>
  </p:cSld>
  <p:clrMapOvr>
    <a:masterClrMapping/>
  </p:clrMapOvr>
  <p:transition spd="slow">
    <p:fade/>
  </p:transition>
</p:sldLayout>
</file>

<file path=ppt/slideLayouts/slideLayout982.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1663051400"/>
      </p:ext>
    </p:extLst>
  </p:cSld>
  <p:clrMapOvr>
    <a:masterClrMapping/>
  </p:clrMapOvr>
  <p:transition spd="slow">
    <p:fade/>
  </p:transition>
  <p:timing>
    <p:tnLst>
      <p:par>
        <p:cTn id="1" dur="indefinite" restart="never" nodeType="tmRoot"/>
      </p:par>
    </p:tnLst>
  </p:timing>
</p:sldLayout>
</file>

<file path=ppt/slideLayouts/slideLayout983.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0"/>
            <a:ext cx="8382000" cy="664797"/>
          </a:xfrm>
        </p:spPr>
        <p:txBody>
          <a:bodyPr/>
          <a:lstStyle>
            <a:lvl1pPr>
              <a:defRPr sz="4800"/>
            </a:lvl1pPr>
          </a:lstStyle>
          <a:p>
            <a:r>
              <a:rPr lang="en-US" smtClean="0"/>
              <a:t>Click to edit Master title style</a:t>
            </a:r>
            <a:endParaRPr lang="en-US" dirty="0"/>
          </a:p>
        </p:txBody>
      </p:sp>
      <p:sp>
        <p:nvSpPr>
          <p:cNvPr id="5" name="Text Placeholder 4"/>
          <p:cNvSpPr>
            <a:spLocks noGrp="1"/>
          </p:cNvSpPr>
          <p:nvPr>
            <p:ph type="body" sz="quarter" idx="11"/>
          </p:nvPr>
        </p:nvSpPr>
        <p:spPr>
          <a:xfrm>
            <a:off x="304800" y="1219200"/>
            <a:ext cx="8305800" cy="2135969"/>
          </a:xfrm>
        </p:spPr>
        <p:txBody>
          <a:bodyPr/>
          <a:lstStyle>
            <a:lvl1pPr marL="396875" marR="0" indent="-396875" algn="l" defTabSz="914363" rtl="0" eaLnBrk="1" fontAlgn="auto" latinLnBrk="0" hangingPunct="1">
              <a:lnSpc>
                <a:spcPct val="90000"/>
              </a:lnSpc>
              <a:spcBef>
                <a:spcPct val="20000"/>
              </a:spcBef>
              <a:spcAft>
                <a:spcPts val="0"/>
              </a:spcAft>
              <a:buClrTx/>
              <a:buSzTx/>
              <a:buFontTx/>
              <a:buBlip>
                <a:blip r:embed="rId2"/>
              </a:buBlip>
              <a:tabLst/>
              <a:defRPr/>
            </a:lvl1pPr>
            <a:lvl2pPr>
              <a:defRPr>
                <a:solidFill>
                  <a:schemeClr val="accent4"/>
                </a:solidFill>
              </a:defRPr>
            </a:lvl2pPr>
            <a:lvl3pPr>
              <a:defRPr>
                <a:solidFill>
                  <a:schemeClr val="accent3"/>
                </a:solidFill>
              </a:defRPr>
            </a:lvl3pPr>
            <a:lvl4pPr>
              <a:defRPr>
                <a:solidFill>
                  <a:schemeClr val="accent2"/>
                </a:solidFill>
              </a:defRPr>
            </a:lvl4pPr>
            <a:lvl5pPr>
              <a:defRPr>
                <a:solidFill>
                  <a:schemeClr val="accent6"/>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4269440014"/>
      </p:ext>
    </p:extLst>
  </p:cSld>
  <p:clrMapOvr>
    <a:masterClrMapping/>
  </p:clrMapOvr>
  <p:transition>
    <p:fade/>
  </p:transition>
</p:sldLayout>
</file>

<file path=ppt/slideLayouts/slideLayout98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4" descr="Picture1.jpg"/>
          <p:cNvPicPr>
            <a:picLocks noChangeAspect="1"/>
          </p:cNvPicPr>
          <p:nvPr userDrawn="1"/>
        </p:nvPicPr>
        <p:blipFill>
          <a:blip r:embed="rId2" cstate="print"/>
          <a:srcRect/>
          <a:stretch>
            <a:fillRect/>
          </a:stretch>
        </p:blipFill>
        <p:spPr bwMode="auto">
          <a:xfrm>
            <a:off x="0" y="0"/>
            <a:ext cx="9144000" cy="6858000"/>
          </a:xfrm>
          <a:prstGeom prst="rect">
            <a:avLst/>
          </a:prstGeom>
          <a:noFill/>
          <a:ln w="9525">
            <a:noFill/>
            <a:miter lim="800000"/>
            <a:headEnd/>
            <a:tailEnd/>
          </a:ln>
        </p:spPr>
      </p:pic>
      <p:sp>
        <p:nvSpPr>
          <p:cNvPr id="2" name="Title 1"/>
          <p:cNvSpPr>
            <a:spLocks noGrp="1"/>
          </p:cNvSpPr>
          <p:nvPr>
            <p:ph type="ctrTitle"/>
          </p:nvPr>
        </p:nvSpPr>
        <p:spPr bwMode="ltGray">
          <a:xfrm>
            <a:off x="730250" y="1905000"/>
            <a:ext cx="7681913"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bwMode="ltGray">
          <a:xfrm>
            <a:off x="730249" y="4344988"/>
            <a:ext cx="7681913" cy="461665"/>
          </a:xfrm>
        </p:spPr>
        <p:txBody>
          <a:bodyPr>
            <a:noAutofit/>
          </a:bodyPr>
          <a:lstStyle>
            <a:lvl1pPr marL="0" indent="0" algn="ctr">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dirty="0" smtClean="0"/>
              <a:t>Click to edit Master subtitle style</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73079407"/>
      </p:ext>
    </p:extLst>
  </p:cSld>
  <p:clrMapOvr>
    <a:masterClrMapping/>
  </p:clrMapOvr>
  <p:transition spd="slow">
    <p:fade/>
  </p:transition>
</p:sldLayout>
</file>

<file path=ppt/slideLayouts/slideLayout985.xml><?xml version="1.0" encoding="utf-8"?>
<p:sldLayout xmlns:a="http://schemas.openxmlformats.org/drawingml/2006/main" xmlns:r="http://schemas.openxmlformats.org/officeDocument/2006/relationships" xmlns:p="http://schemas.openxmlformats.org/presentationml/2006/main" preserve="1" userDrawn="1">
  <p:cSld name="1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1369219" y="649805"/>
            <a:ext cx="7043208"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8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052594917"/>
      </p:ext>
    </p:extLst>
  </p:cSld>
  <p:clrMapOvr>
    <a:masterClrMapping/>
  </p:clrMapOvr>
  <p:transition spd="slow">
    <p:fade/>
  </p:transition>
</p:sldLayout>
</file>

<file path=ppt/slideLayouts/slideLayout986.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lstStyle>
            <a:lvl1pPr algn="ctr">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a:xfrm>
            <a:off x="533400" y="1828800"/>
            <a:ext cx="82296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1"/>
          </p:nvPr>
        </p:nvSpPr>
        <p:spPr>
          <a:xfrm>
            <a:off x="8458200" y="6492875"/>
            <a:ext cx="685800" cy="365125"/>
          </a:xfrm>
          <a:prstGeom prst="rect">
            <a:avLst/>
          </a:prstGeom>
          <a:ln/>
        </p:spPr>
        <p:txBody>
          <a:bodyPr/>
          <a:lstStyle>
            <a:lvl1pPr>
              <a:defRPr lang="en-US" smtClean="0"/>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511633242"/>
      </p:ext>
    </p:extLst>
  </p:cSld>
  <p:clrMapOvr>
    <a:masterClrMapping/>
  </p:clrMapOvr>
  <p:transition spd="slow">
    <p:fade/>
  </p:transition>
  <p:timing>
    <p:tnLst>
      <p:par>
        <p:cTn id="1" dur="indefinite" restart="never" nodeType="tmRoot"/>
      </p:par>
    </p:tnLst>
  </p:timing>
</p:sldLayout>
</file>

<file path=ppt/slideLayouts/slideLayout987.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pic>
        <p:nvPicPr>
          <p:cNvPr id="5" name="Picture 4"/>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533400" y="381000"/>
            <a:ext cx="8229600" cy="609600"/>
          </a:xfrm>
          <a:effectLst>
            <a:outerShdw blurRad="50800" dist="38100" dir="2700000" algn="tl" rotWithShape="0">
              <a:prstClr val="black"/>
            </a:outerShdw>
          </a:effectLst>
        </p:spPr>
        <p:txBody>
          <a:bodyPr vert="horz" wrap="square" lIns="0" tIns="0" rIns="0" bIns="0" rtlCol="0" anchor="t">
            <a:spAutoFit/>
          </a:bodyPr>
          <a:lstStyle>
            <a:lvl1pPr>
              <a:defRPr lang="en-US" dirty="0">
                <a:effectLst>
                  <a:outerShdw blurRad="50800" dist="38100" dir="2700000" algn="tl" rotWithShape="0">
                    <a:schemeClr val="bg1">
                      <a:alpha val="80000"/>
                    </a:schemeClr>
                  </a:outerShdw>
                </a:effectLst>
                <a:latin typeface="+mn-lt"/>
              </a:defRPr>
            </a:lvl1pPr>
          </a:lstStyle>
          <a:p>
            <a:pPr lvl="0" algn="r"/>
            <a:r>
              <a:rPr lang="en-US" dirty="0" smtClean="0"/>
              <a:t>Click to edit Master title style</a:t>
            </a:r>
            <a:endParaRPr lang="en-US" dirty="0"/>
          </a:p>
        </p:txBody>
      </p:sp>
      <p:sp>
        <p:nvSpPr>
          <p:cNvPr id="6" name="Text Placeholder 5"/>
          <p:cNvSpPr>
            <a:spLocks noGrp="1"/>
          </p:cNvSpPr>
          <p:nvPr>
            <p:ph type="body" sz="quarter" idx="10"/>
          </p:nvPr>
        </p:nvSpPr>
        <p:spPr>
          <a:xfrm>
            <a:off x="533400" y="2076474"/>
            <a:ext cx="82296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8"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851877702"/>
      </p:ext>
    </p:extLst>
  </p:cSld>
  <p:clrMapOvr>
    <a:masterClrMapping/>
  </p:clrMapOvr>
  <p:transition spd="slow">
    <p:fade/>
  </p:transition>
  <p:timing>
    <p:tnLst>
      <p:par>
        <p:cTn id="1" dur="indefinite" restart="never" nodeType="tmRoot"/>
      </p:par>
    </p:tnLst>
  </p:timing>
  <p:hf hdr="0" ftr="0" dt="0"/>
</p:sldLayout>
</file>

<file path=ppt/slideLayouts/slideLayout98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idx="1"/>
          </p:nvPr>
        </p:nvSpPr>
        <p:spPr>
          <a:xfrm>
            <a:off x="533400" y="1752600"/>
            <a:ext cx="8382000" cy="2329869"/>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4" name="Slide Number Placeholder 40"/>
          <p:cNvSpPr>
            <a:spLocks noGrp="1"/>
          </p:cNvSpPr>
          <p:nvPr userDrawn="1">
            <p:ph type="sldNum" sz="quarter" idx="10"/>
          </p:nvPr>
        </p:nvSpPr>
        <p:spPr>
          <a:xfrm>
            <a:off x="8458200" y="6492875"/>
            <a:ext cx="685800" cy="365125"/>
          </a:xfrm>
          <a:prstGeom prst="rect">
            <a:avLst/>
          </a:prstGeom>
          <a:ln/>
        </p:spPr>
        <p:txBody>
          <a:bodyPr/>
          <a:lstStyle>
            <a:lvl1pPr>
              <a:defRPr lang="en-US" smtClean="0"/>
            </a:lvl1pPr>
          </a:lstStyle>
          <a:p>
            <a:pPr algn="ctr"/>
            <a:fld id="{7A37C76E-89DA-4ED5-A436-13A1ABC61839}"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4168612854"/>
      </p:ext>
    </p:extLst>
  </p:cSld>
  <p:clrMapOvr>
    <a:masterClrMapping/>
  </p:clrMapOvr>
  <p:transition spd="slow">
    <p:fade/>
  </p:transition>
</p:sldLayout>
</file>

<file path=ppt/slideLayouts/slideLayout98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bwMode="invGray">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smtClean="0"/>
              <a:t>Click to edit Master title style</a:t>
            </a:r>
            <a:endParaRPr lang="en-US"/>
          </a:p>
        </p:txBody>
      </p:sp>
      <p:sp>
        <p:nvSpPr>
          <p:cNvPr id="3" name="Content Placeholder 2"/>
          <p:cNvSpPr>
            <a:spLocks noGrp="1"/>
          </p:cNvSpPr>
          <p:nvPr>
            <p:ph sz="half" idx="1"/>
          </p:nvPr>
        </p:nvSpPr>
        <p:spPr>
          <a:xfrm>
            <a:off x="5334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4" name="Content Placeholder 3"/>
          <p:cNvSpPr>
            <a:spLocks noGrp="1"/>
          </p:cNvSpPr>
          <p:nvPr>
            <p:ph sz="half" idx="2"/>
          </p:nvPr>
        </p:nvSpPr>
        <p:spPr>
          <a:xfrm>
            <a:off x="4800600" y="1752600"/>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100505668"/>
      </p:ext>
    </p:extLst>
  </p:cSld>
  <p:clrMapOvr>
    <a:masterClrMapping/>
  </p:clrMapOvr>
  <p:transition spd="slow">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userDrawn="1">
  <p:cSld name="Title with Text">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817124" y="634324"/>
            <a:ext cx="7548663" cy="530352"/>
          </a:xfrm>
          <a:prstGeom prst="rect">
            <a:avLst/>
          </a:prstGeom>
        </p:spPr>
        <p:txBody>
          <a:bodyPr wrap="square" lIns="0" anchor="b" anchorCtr="0">
            <a:noAutofit/>
          </a:bodyPr>
          <a:lstStyle>
            <a:lvl1pPr algn="l">
              <a:lnSpc>
                <a:spcPts val="2650"/>
              </a:lnSpc>
              <a:tabLst>
                <a:tab pos="7315200" algn="r"/>
              </a:tabLst>
              <a:defRPr sz="2800" b="1" baseline="0">
                <a:solidFill>
                  <a:srgbClr val="00467F"/>
                </a:solidFill>
                <a:latin typeface="Century Gothic" pitchFamily="34" charset="0"/>
              </a:defRPr>
            </a:lvl1pPr>
          </a:lstStyle>
          <a:p>
            <a:pPr marL="0" lvl="0" algn="l" defTabSz="457200">
              <a:lnSpc>
                <a:spcPts val="2750"/>
              </a:lnSpc>
            </a:pPr>
            <a:r>
              <a:rPr lang="en-US" dirty="0" smtClean="0"/>
              <a:t>Click to edit Master title style</a:t>
            </a:r>
            <a:endParaRPr lang="en-US" dirty="0"/>
          </a:p>
        </p:txBody>
      </p:sp>
      <p:sp>
        <p:nvSpPr>
          <p:cNvPr id="10" name="Rectangle 9"/>
          <p:cNvSpPr/>
          <p:nvPr userDrawn="1"/>
        </p:nvSpPr>
        <p:spPr>
          <a:xfrm>
            <a:off x="7778193" y="6501541"/>
            <a:ext cx="335348" cy="246221"/>
          </a:xfrm>
          <a:prstGeom prst="rect">
            <a:avLst/>
          </a:prstGeom>
        </p:spPr>
        <p:txBody>
          <a:bodyPr wrap="none">
            <a:spAutoFit/>
          </a:bodyPr>
          <a:lstStyle/>
          <a:p>
            <a:pPr algn="r"/>
            <a:fld id="{FB0CAFA3-61E7-4C74-80A9-05418F2CA66E}" type="slidenum">
              <a:rPr lang="en-US" sz="1000" smtClean="0">
                <a:solidFill>
                  <a:srgbClr val="0C3E70"/>
                </a:solidFill>
              </a:rPr>
              <a:pPr algn="r"/>
              <a:t>‹#›</a:t>
            </a:fld>
            <a:endParaRPr lang="en-US" sz="1000" dirty="0">
              <a:solidFill>
                <a:srgbClr val="0C3E70"/>
              </a:solidFill>
            </a:endParaRPr>
          </a:p>
        </p:txBody>
      </p:sp>
      <p:cxnSp>
        <p:nvCxnSpPr>
          <p:cNvPr id="11" name="Straight Connector 10"/>
          <p:cNvCxnSpPr/>
          <p:nvPr userDrawn="1"/>
        </p:nvCxnSpPr>
        <p:spPr>
          <a:xfrm>
            <a:off x="817124" y="1140894"/>
            <a:ext cx="7548664" cy="16526"/>
          </a:xfrm>
          <a:prstGeom prst="line">
            <a:avLst/>
          </a:prstGeom>
          <a:ln w="28575">
            <a:solidFill>
              <a:srgbClr val="CCCDC3"/>
            </a:solidFill>
          </a:ln>
        </p:spPr>
        <p:style>
          <a:lnRef idx="1">
            <a:schemeClr val="accent1"/>
          </a:lnRef>
          <a:fillRef idx="0">
            <a:schemeClr val="accent1"/>
          </a:fillRef>
          <a:effectRef idx="0">
            <a:schemeClr val="accent1"/>
          </a:effectRef>
          <a:fontRef idx="minor">
            <a:schemeClr val="tx1"/>
          </a:fontRef>
        </p:style>
      </p:cxnSp>
      <p:sp>
        <p:nvSpPr>
          <p:cNvPr id="12" name="Text Placeholder 4"/>
          <p:cNvSpPr>
            <a:spLocks noGrp="1"/>
          </p:cNvSpPr>
          <p:nvPr>
            <p:ph type="body" sz="quarter" idx="10"/>
          </p:nvPr>
        </p:nvSpPr>
        <p:spPr>
          <a:xfrm>
            <a:off x="711588" y="1318437"/>
            <a:ext cx="7654200" cy="4291115"/>
          </a:xfrm>
          <a:prstGeom prst="rect">
            <a:avLst/>
          </a:prstGeom>
        </p:spPr>
        <p:txBody>
          <a:bodyPr lIns="0">
            <a:noAutofit/>
          </a:bodyPr>
          <a:lstStyle>
            <a:lvl1pPr marL="117475" indent="-117475" algn="l" defTabSz="457200" rtl="0" eaLnBrk="1" latinLnBrk="0" hangingPunct="1">
              <a:spcBef>
                <a:spcPct val="20000"/>
              </a:spcBef>
              <a:buClr>
                <a:schemeClr val="bg1"/>
              </a:buClr>
              <a:buSzPct val="100000"/>
              <a:buFont typeface="Calibri" pitchFamily="34" charset="0"/>
              <a:buChar char=" "/>
              <a:defRPr lang="en-US" sz="2200" b="1" kern="1200" dirty="0" smtClean="0">
                <a:solidFill>
                  <a:srgbClr val="302F35"/>
                </a:solidFill>
                <a:latin typeface="+mn-lt"/>
                <a:ea typeface="+mn-ea"/>
                <a:cs typeface="+mn-cs"/>
              </a:defRPr>
            </a:lvl1pPr>
            <a:lvl2pPr marL="690563" indent="-223838">
              <a:buClr>
                <a:srgbClr val="71ADB6"/>
              </a:buClr>
              <a:buSzPct val="60000"/>
              <a:buFont typeface="Arial" pitchFamily="34" charset="0"/>
              <a:buChar char="▀"/>
              <a:defRPr lang="en-US" sz="2000" b="0" kern="1200" dirty="0" smtClean="0">
                <a:solidFill>
                  <a:srgbClr val="302F35"/>
                </a:solidFill>
                <a:latin typeface="+mn-lt"/>
                <a:ea typeface="+mn-ea"/>
                <a:cs typeface="+mn-cs"/>
              </a:defRPr>
            </a:lvl2pPr>
            <a:lvl3pPr marL="914400" indent="-233363">
              <a:buClr>
                <a:srgbClr val="71ADB6"/>
              </a:buClr>
              <a:buFont typeface="Calibri" pitchFamily="34" charset="0"/>
              <a:buChar char="−"/>
              <a:defRPr lang="en-US" sz="2000" kern="1200" dirty="0" smtClean="0">
                <a:solidFill>
                  <a:srgbClr val="302F35"/>
                </a:solidFill>
                <a:latin typeface="+mn-lt"/>
                <a:ea typeface="+mn-ea"/>
                <a:cs typeface="+mn-cs"/>
              </a:defRPr>
            </a:lvl3pPr>
            <a:lvl4pPr marL="1152525" indent="-228600" defTabSz="457200">
              <a:buClr>
                <a:srgbClr val="71ADB6"/>
              </a:buClr>
              <a:buSzPct val="80000"/>
              <a:buFont typeface="Wingdings" pitchFamily="2" charset="2"/>
              <a:buChar char="§"/>
              <a:defRPr baseline="0">
                <a:solidFill>
                  <a:srgbClr val="302F35"/>
                </a:solidFill>
              </a:defRPr>
            </a:lvl4pPr>
            <a:lvl5pPr marL="1371600" indent="-233363">
              <a:buClr>
                <a:srgbClr val="71ADB6"/>
              </a:buClr>
              <a:buFont typeface="Arial" pitchFamily="34" charset="0"/>
              <a:buChar char="•"/>
              <a:defRPr lang="en-US" sz="2000" kern="1200" baseline="0" dirty="0">
                <a:solidFill>
                  <a:srgbClr val="302F35"/>
                </a:solidFill>
                <a:latin typeface="+mn-lt"/>
                <a:ea typeface="+mn-ea"/>
                <a:cs typeface="+mn-cs"/>
              </a:defRPr>
            </a:lvl5pPr>
          </a:lstStyle>
          <a:p>
            <a:pPr lvl="0"/>
            <a:r>
              <a:rPr lang="en-US" dirty="0" smtClean="0"/>
              <a:t>Click to edit Master text styles</a:t>
            </a:r>
          </a:p>
        </p:txBody>
      </p:sp>
    </p:spTree>
    <p:extLst>
      <p:ext uri="{BB962C8B-B14F-4D97-AF65-F5344CB8AC3E}">
        <p14:creationId xmlns:p14="http://schemas.microsoft.com/office/powerpoint/2010/main" val="347032995"/>
      </p:ext>
    </p:extLst>
  </p:cSld>
  <p:clrMapOvr>
    <a:masterClrMapping/>
  </p:clrMapOvr>
  <p:transition spd="slow">
    <p:fade/>
  </p:transition>
  <p:timing>
    <p:tnLst>
      <p:par>
        <p:cTn id="1" dur="indefinite" restart="never" nodeType="tmRoot"/>
      </p:par>
    </p:tnLst>
  </p:timing>
</p:sldLayout>
</file>

<file path=ppt/slideLayouts/slideLayout99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533401" y="1752600"/>
            <a:ext cx="4114800"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33400" y="2515922"/>
            <a:ext cx="4114800"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5" name="Text Placeholder 4"/>
          <p:cNvSpPr>
            <a:spLocks noGrp="1"/>
          </p:cNvSpPr>
          <p:nvPr>
            <p:ph type="body" sz="quarter" idx="3"/>
          </p:nvPr>
        </p:nvSpPr>
        <p:spPr>
          <a:xfrm>
            <a:off x="4798381" y="1757802"/>
            <a:ext cx="4117019" cy="692498"/>
          </a:xfrm>
        </p:spPr>
        <p:txBody>
          <a:bodyPr anchor="b"/>
          <a:lstStyle>
            <a:lvl1pPr marL="0" indent="0">
              <a:lnSpc>
                <a:spcPct val="90000"/>
              </a:lnSpc>
              <a:spcBef>
                <a:spcPts val="0"/>
              </a:spcBef>
              <a:buNone/>
              <a:defRPr sz="2500" b="1"/>
            </a:lvl1pPr>
            <a:lvl2pPr marL="457182" indent="0">
              <a:buNone/>
              <a:defRPr sz="2000" b="1"/>
            </a:lvl2pPr>
            <a:lvl3pPr marL="914363" indent="0">
              <a:buNone/>
              <a:defRPr sz="1800" b="1"/>
            </a:lvl3pPr>
            <a:lvl4pPr marL="1371545" indent="0">
              <a:buNone/>
              <a:defRPr sz="1600" b="1"/>
            </a:lvl4pPr>
            <a:lvl5pPr marL="1828727" indent="0">
              <a:buNone/>
              <a:defRPr sz="1600" b="1"/>
            </a:lvl5pPr>
            <a:lvl6pPr marL="2285909" indent="0">
              <a:buNone/>
              <a:defRPr sz="1600" b="1"/>
            </a:lvl6pPr>
            <a:lvl7pPr marL="2743090" indent="0">
              <a:buNone/>
              <a:defRPr sz="1600" b="1"/>
            </a:lvl7pPr>
            <a:lvl8pPr marL="3200272" indent="0">
              <a:buNone/>
              <a:defRPr sz="1600" b="1"/>
            </a:lvl8pPr>
            <a:lvl9pPr marL="3657454"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797426" y="2521124"/>
            <a:ext cx="4117974" cy="2720745"/>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smtClean="0"/>
            </a:lvl1pPr>
            <a:lvl2pPr>
              <a:defRPr lang="en-US" smtClean="0"/>
            </a:lvl2pPr>
            <a:lvl3pPr>
              <a:defRPr lang="en-US" smtClean="0"/>
            </a:lvl3pPr>
            <a:lvl4pPr>
              <a:defRPr lang="en-US" smtClean="0"/>
            </a:lvl4pPr>
            <a:lvl5pPr>
              <a:defRPr lang="en-US" dirty="0"/>
            </a:lvl5p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a:p>
        </p:txBody>
      </p:sp>
      <p:sp>
        <p:nvSpPr>
          <p:cNvPr id="8" name="Slide Number Placeholder 40"/>
          <p:cNvSpPr>
            <a:spLocks noGrp="1"/>
          </p:cNvSpPr>
          <p:nvPr>
            <p:ph type="sldNum" sz="quarter" idx="10"/>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355610833"/>
      </p:ext>
    </p:extLst>
  </p:cSld>
  <p:clrMapOvr>
    <a:masterClrMapping/>
  </p:clrMapOvr>
  <p:transition spd="slow">
    <p:fade/>
  </p:transition>
</p:sldLayout>
</file>

<file path=ppt/slideLayouts/slideLayout99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bwMode="inv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630611688"/>
      </p:ext>
    </p:extLst>
  </p:cSld>
  <p:clrMapOvr>
    <a:masterClrMapping/>
  </p:clrMapOvr>
  <p:transition spd="slow">
    <p:fade/>
  </p:transition>
</p:sldLayout>
</file>

<file path=ppt/slideLayouts/slideLayout992.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sp>
        <p:nvSpPr>
          <p:cNvPr id="2" name="Title 1"/>
          <p:cNvSpPr>
            <a:spLocks noGrp="1"/>
          </p:cNvSpPr>
          <p:nvPr>
            <p:ph type="title"/>
          </p:nvPr>
        </p:nvSpPr>
        <p:spPr bwMode="invGray">
          <a:xfrm>
            <a:off x="457200" y="3124301"/>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86773421"/>
      </p:ext>
    </p:extLst>
  </p:cSld>
  <p:clrMapOvr>
    <a:masterClrMapping/>
  </p:clrMapOvr>
  <p:transition spd="slow">
    <p:fade/>
  </p:transition>
</p:sldLayout>
</file>

<file path=ppt/slideLayouts/slideLayout993.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userDrawn="1"/>
        </p:nvPicPr>
        <p:blipFill>
          <a:blip r:embed="rId2" cstate="print"/>
          <a:srcRect/>
          <a:stretch>
            <a:fillRect/>
          </a:stretch>
        </p:blipFill>
        <p:spPr bwMode="auto">
          <a:xfrm>
            <a:off x="-9144" y="-42672"/>
            <a:ext cx="9153144" cy="6900672"/>
          </a:xfrm>
          <a:prstGeom prst="rect">
            <a:avLst/>
          </a:prstGeom>
          <a:noFill/>
        </p:spPr>
      </p:pic>
      <p:pic>
        <p:nvPicPr>
          <p:cNvPr id="6" name="Picture 4" descr="http://www.tunneltalk.com/images/CAHighSpeedRail/California-Delta-Project-3-Delivery-canals.jpg">
            <a:hlinkClick r:id="rId3"/>
          </p:cNvPr>
          <p:cNvPicPr>
            <a:picLocks noChangeAspect="1" noChangeArrowheads="1"/>
          </p:cNvPicPr>
          <p:nvPr userDrawn="1"/>
        </p:nvPicPr>
        <p:blipFill>
          <a:blip r:embed="rId4" cstate="print">
            <a:extLst>
              <a:ext uri="{BEBA8EAE-BF5A-486C-A8C5-ECC9F3942E4B}">
                <a14:imgProps xmlns:a14="http://schemas.microsoft.com/office/drawing/2010/main">
                  <a14:imgLayer r:embed="rId5">
                    <a14:imgEffect>
                      <a14:backgroundRemoval t="4808" b="97276" l="3151" r="98493"/>
                    </a14:imgEffect>
                    <a14:imgEffect>
                      <a14:colorTemperature colorTemp="11200"/>
                    </a14:imgEffect>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228600" y="0"/>
            <a:ext cx="4855029" cy="6858000"/>
          </a:xfrm>
          <a:prstGeom prst="rect">
            <a:avLst/>
          </a:prstGeom>
          <a:ln>
            <a:noFill/>
          </a:ln>
          <a:effectLst>
            <a:softEdge rad="355600"/>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bwMode="invGray">
          <a:xfrm>
            <a:off x="457200" y="2590800"/>
            <a:ext cx="8229600" cy="1676400"/>
          </a:xfrm>
          <a:effectLst>
            <a:outerShdw blurRad="50800" dist="38100" dir="2700000" algn="tl" rotWithShape="0">
              <a:prstClr val="black"/>
            </a:outerShdw>
          </a:effectLst>
        </p:spPr>
        <p:txBody>
          <a:bodyPr anchor="ct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4"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2491766392"/>
      </p:ext>
    </p:extLst>
  </p:cSld>
  <p:clrMapOvr>
    <a:masterClrMapping/>
  </p:clrMapOvr>
  <p:transition spd="slow">
    <p:fade/>
  </p:transition>
</p:sldLayout>
</file>

<file path=ppt/slideLayouts/slideLayout99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pic>
        <p:nvPicPr>
          <p:cNvPr id="4" name="Picture 3"/>
          <p:cNvPicPr>
            <a:picLocks noChangeAspect="1" noChangeArrowheads="1"/>
          </p:cNvPicPr>
          <p:nvPr userDrawn="1"/>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l="1163" r="1130" b="72802"/>
          <a:stretch/>
        </p:blipFill>
        <p:spPr bwMode="auto">
          <a:xfrm>
            <a:off x="0" y="-13447"/>
            <a:ext cx="9144000" cy="1888102"/>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353173991"/>
      </p:ext>
    </p:extLst>
  </p:cSld>
  <p:clrMapOvr>
    <a:masterClrMapping/>
  </p:clrMapOvr>
  <p:transition spd="slow">
    <p:fade/>
  </p:transition>
</p:sldLayout>
</file>

<file path=ppt/slideLayouts/slideLayout995.xml><?xml version="1.0" encoding="utf-8"?>
<p:sldLayout xmlns:a="http://schemas.openxmlformats.org/drawingml/2006/main" xmlns:r="http://schemas.openxmlformats.org/officeDocument/2006/relationships" xmlns:p="http://schemas.openxmlformats.org/presentationml/2006/main" type="blank" preserve="1">
  <p:cSld name="WALKIN - Prints in GRAYSCALE">
    <p:spTree>
      <p:nvGrpSpPr>
        <p:cNvPr id="1" name=""/>
        <p:cNvGrpSpPr/>
        <p:nvPr/>
      </p:nvGrpSpPr>
      <p:grpSpPr>
        <a:xfrm>
          <a:off x="0" y="0"/>
          <a:ext cx="0" cy="0"/>
          <a:chOff x="0" y="0"/>
          <a:chExt cx="0" cy="0"/>
        </a:xfrm>
      </p:grpSpPr>
      <p:sp>
        <p:nvSpPr>
          <p:cNvPr id="3"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443780046"/>
      </p:ext>
    </p:extLst>
  </p:cSld>
  <p:clrMapOvr>
    <a:masterClrMapping/>
  </p:clrMapOvr>
  <p:transition spd="slow">
    <p:fade/>
  </p:transition>
</p:sldLayout>
</file>

<file path=ppt/slideLayouts/slideLayout996.xml><?xml version="1.0" encoding="utf-8"?>
<p:sldLayout xmlns:a="http://schemas.openxmlformats.org/drawingml/2006/main" xmlns:r="http://schemas.openxmlformats.org/officeDocument/2006/relationships" xmlns:p="http://schemas.openxmlformats.org/presentationml/2006/main" preserve="1">
  <p:cSld name="2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533400" y="477838"/>
            <a:ext cx="82296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533400" y="19050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004143401"/>
      </p:ext>
    </p:extLst>
  </p:cSld>
  <p:clrMapOvr>
    <a:masterClrMapping/>
  </p:clrMapOvr>
  <p:transition spd="slow">
    <p:fade/>
  </p:transition>
</p:sldLayout>
</file>

<file path=ppt/slideLayouts/slideLayout997.xml><?xml version="1.0" encoding="utf-8"?>
<p:sldLayout xmlns:a="http://schemas.openxmlformats.org/drawingml/2006/main" xmlns:r="http://schemas.openxmlformats.org/officeDocument/2006/relationships" xmlns:p="http://schemas.openxmlformats.org/presentationml/2006/main" preserve="1" userDrawn="1">
  <p:cSld name="3_Title and Content">
    <p:bg bwMode="black">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ltGray">
          <a:xfrm>
            <a:off x="381000" y="477838"/>
            <a:ext cx="8382000"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6" name="Text Placeholder 5"/>
          <p:cNvSpPr>
            <a:spLocks noGrp="1"/>
          </p:cNvSpPr>
          <p:nvPr>
            <p:ph type="body" sz="quarter" idx="10"/>
          </p:nvPr>
        </p:nvSpPr>
        <p:spPr bwMode="white">
          <a:xfrm>
            <a:off x="381000" y="1828800"/>
            <a:ext cx="83820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73877612"/>
      </p:ext>
    </p:extLst>
  </p:cSld>
  <p:clrMapOvr>
    <a:masterClrMapping/>
  </p:clrMapOvr>
  <p:transition spd="slow">
    <p:fade/>
  </p:transition>
</p:sldLayout>
</file>

<file path=ppt/slideLayouts/slideLayout998.xml><?xml version="1.0" encoding="utf-8"?>
<p:sldLayout xmlns:a="http://schemas.openxmlformats.org/drawingml/2006/main" xmlns:r="http://schemas.openxmlformats.org/officeDocument/2006/relationships" xmlns:p="http://schemas.openxmlformats.org/presentationml/2006/main" userDrawn="1">
  <p:cSld name="2_Demo, Video etc. &quot;special&quot; slides">
    <p:spTree>
      <p:nvGrpSpPr>
        <p:cNvPr id="1" name=""/>
        <p:cNvGrpSpPr/>
        <p:nvPr/>
      </p:nvGrpSpPr>
      <p:grpSpPr>
        <a:xfrm>
          <a:off x="0" y="0"/>
          <a:ext cx="0" cy="0"/>
          <a:chOff x="0" y="0"/>
          <a:chExt cx="0" cy="0"/>
        </a:xfrm>
      </p:grpSpPr>
      <p:sp>
        <p:nvSpPr>
          <p:cNvPr id="2" name="Title 1"/>
          <p:cNvSpPr>
            <a:spLocks noGrp="1"/>
          </p:cNvSpPr>
          <p:nvPr>
            <p:ph type="ctrTitle"/>
          </p:nvPr>
        </p:nvSpPr>
        <p:spPr bwMode="invGray">
          <a:xfrm>
            <a:off x="685800" y="649805"/>
            <a:ext cx="7726627" cy="609398"/>
          </a:xfrm>
          <a:effectLst>
            <a:outerShdw blurRad="50800" dist="38100" dir="2700000" algn="tl" rotWithShape="0">
              <a:prstClr val="black"/>
            </a:outerShdw>
          </a:effectLst>
        </p:spPr>
        <p:txBody>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68955" y="4344988"/>
            <a:ext cx="7043208" cy="461665"/>
          </a:xfrm>
        </p:spPr>
        <p:txBody>
          <a:bodyPr>
            <a:noAutofit/>
          </a:bodyPr>
          <a:lstStyle>
            <a:lvl1pPr marL="0" indent="0" algn="l">
              <a:lnSpc>
                <a:spcPct val="90000"/>
              </a:lnSpc>
              <a:spcBef>
                <a:spcPts val="0"/>
              </a:spcBef>
              <a:buNone/>
              <a:defRPr>
                <a:solidFill>
                  <a:schemeClr val="tx1">
                    <a:tint val="75000"/>
                  </a:schemeClr>
                </a:solidFill>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p:nvPr>
        </p:nvSpPr>
        <p:spPr>
          <a:xfrm>
            <a:off x="722049" y="2355850"/>
            <a:ext cx="7690114" cy="1384994"/>
          </a:xfrm>
        </p:spPr>
        <p:txBody>
          <a:bodyPr>
            <a:noAutofit/>
            <a:scene3d>
              <a:camera prst="orthographicFront"/>
              <a:lightRig rig="flat" dir="t"/>
            </a:scene3d>
            <a:sp3d extrusionH="88900" contourW="2540">
              <a:bevelT w="38100" h="31750"/>
              <a:contourClr>
                <a:srgbClr val="F4A234"/>
              </a:contourClr>
            </a:sp3d>
          </a:bodyPr>
          <a:lstStyle>
            <a:lvl1pPr marL="0" indent="0" algn="ctr">
              <a:buFont typeface="Arial" pitchFamily="34" charset="0"/>
              <a:buNone/>
              <a:defRPr kumimoji="0" lang="en-US" sz="4400" b="1" i="1" u="none" strike="noStrike" kern="1200" cap="none" spc="0" normalizeH="0" baseline="0" noProof="0" dirty="0" smtClean="0">
                <a:ln w="11430"/>
                <a:gradFill>
                  <a:gsLst>
                    <a:gs pos="0">
                      <a:srgbClr val="FF9929">
                        <a:lumMod val="20000"/>
                        <a:lumOff val="80000"/>
                      </a:srgbClr>
                    </a:gs>
                    <a:gs pos="28000">
                      <a:srgbClr val="F8F57B"/>
                    </a:gs>
                    <a:gs pos="62000">
                      <a:srgbClr val="D5B953"/>
                    </a:gs>
                    <a:gs pos="88000">
                      <a:srgbClr val="D1943B"/>
                    </a:gs>
                  </a:gsLst>
                  <a:lin ang="5400000"/>
                </a:gradFill>
                <a:effectLst>
                  <a:outerShdw blurRad="50800" dist="39000" dir="5460000" algn="tl">
                    <a:srgbClr val="000000">
                      <a:alpha val="38000"/>
                    </a:srgbClr>
                  </a:outerShdw>
                </a:effectLst>
                <a:uLnTx/>
                <a:uFillTx/>
                <a:latin typeface="+mn-lt"/>
                <a:ea typeface="+mn-ea"/>
                <a:cs typeface="+mn-cs"/>
              </a:defRPr>
            </a:lvl1pPr>
          </a:lstStyle>
          <a:p>
            <a:pPr lvl="0"/>
            <a:r>
              <a:rPr lang="en-US" dirty="0" smtClean="0"/>
              <a:t>Click to edit Master text styles</a:t>
            </a:r>
          </a:p>
        </p:txBody>
      </p:sp>
      <p:sp>
        <p:nvSpPr>
          <p:cNvPr id="6"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10037488"/>
      </p:ext>
    </p:extLst>
  </p:cSld>
  <p:clrMapOvr>
    <a:masterClrMapping/>
  </p:clrMapOvr>
  <p:transition spd="slow">
    <p:fade/>
  </p:transition>
</p:sldLayout>
</file>

<file path=ppt/slideLayouts/slideLayout999.xml><?xml version="1.0" encoding="utf-8"?>
<p:sldLayout xmlns:a="http://schemas.openxmlformats.org/drawingml/2006/main" xmlns:r="http://schemas.openxmlformats.org/officeDocument/2006/relationships" xmlns:p="http://schemas.openxmlformats.org/presentationml/2006/main" userDrawn="1">
  <p:cSld name="Text with Subtitle">
    <p:spTree>
      <p:nvGrpSpPr>
        <p:cNvPr id="1" name=""/>
        <p:cNvGrpSpPr/>
        <p:nvPr/>
      </p:nvGrpSpPr>
      <p:grpSpPr>
        <a:xfrm>
          <a:off x="0" y="0"/>
          <a:ext cx="0" cy="0"/>
          <a:chOff x="0" y="0"/>
          <a:chExt cx="0" cy="0"/>
        </a:xfrm>
      </p:grpSpPr>
      <p:sp>
        <p:nvSpPr>
          <p:cNvPr id="2" name="Title 1"/>
          <p:cNvSpPr>
            <a:spLocks noGrp="1"/>
          </p:cNvSpPr>
          <p:nvPr>
            <p:ph type="title"/>
          </p:nvPr>
        </p:nvSpPr>
        <p:spPr>
          <a:xfrm>
            <a:off x="228600" y="304801"/>
            <a:ext cx="8382000" cy="609398"/>
          </a:xfrm>
        </p:spPr>
        <p:txBody>
          <a:bodyPr/>
          <a:lstStyle>
            <a:lvl1pPr algn="ctr">
              <a:defRPr sz="4400"/>
            </a:lvl1pPr>
          </a:lstStyle>
          <a:p>
            <a:r>
              <a:rPr lang="en-US" dirty="0" smtClean="0"/>
              <a:t>Click to edit Master title style</a:t>
            </a:r>
            <a:endParaRPr lang="en-US" dirty="0"/>
          </a:p>
        </p:txBody>
      </p:sp>
      <p:sp>
        <p:nvSpPr>
          <p:cNvPr id="5" name="Text Placeholder 4"/>
          <p:cNvSpPr>
            <a:spLocks noGrp="1"/>
          </p:cNvSpPr>
          <p:nvPr>
            <p:ph type="body" sz="quarter" idx="12"/>
          </p:nvPr>
        </p:nvSpPr>
        <p:spPr>
          <a:xfrm>
            <a:off x="457200" y="2057400"/>
            <a:ext cx="8305800" cy="2332946"/>
          </a:xfrm>
          <a:noFill/>
          <a:ln w="9525">
            <a:noFill/>
            <a:miter lim="800000"/>
            <a:headEnd/>
            <a:tailEnd/>
          </a:ln>
        </p:spPr>
        <p:txBody>
          <a:bodyPr vert="horz" wrap="square" lIns="0" tIns="0" rIns="0" bIns="0" numCol="1" anchor="t" anchorCtr="0" compatLnSpc="1">
            <a:prstTxWarp prst="textNoShape">
              <a:avLst/>
            </a:prstTxWarp>
            <a:sp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endParaRPr lang="en-US" dirty="0"/>
          </a:p>
        </p:txBody>
      </p:sp>
      <p:sp>
        <p:nvSpPr>
          <p:cNvPr id="7"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282462924"/>
      </p:ext>
    </p:extLst>
  </p:cSld>
  <p:clrMapOvr>
    <a:masterClrMapping/>
  </p:clrMapOvr>
  <p:transition spd="slow">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jpe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png"/></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85.xml"/><Relationship Id="rId13" Type="http://schemas.openxmlformats.org/officeDocument/2006/relationships/slideLayout" Target="../slideLayouts/slideLayout190.xml"/><Relationship Id="rId18" Type="http://schemas.openxmlformats.org/officeDocument/2006/relationships/slideLayout" Target="../slideLayouts/slideLayout195.xml"/><Relationship Id="rId3" Type="http://schemas.openxmlformats.org/officeDocument/2006/relationships/slideLayout" Target="../slideLayouts/slideLayout180.xml"/><Relationship Id="rId21" Type="http://schemas.openxmlformats.org/officeDocument/2006/relationships/image" Target="../media/image1.jpeg"/><Relationship Id="rId7" Type="http://schemas.openxmlformats.org/officeDocument/2006/relationships/slideLayout" Target="../slideLayouts/slideLayout184.xml"/><Relationship Id="rId12" Type="http://schemas.openxmlformats.org/officeDocument/2006/relationships/slideLayout" Target="../slideLayouts/slideLayout189.xml"/><Relationship Id="rId17" Type="http://schemas.openxmlformats.org/officeDocument/2006/relationships/slideLayout" Target="../slideLayouts/slideLayout194.xml"/><Relationship Id="rId2" Type="http://schemas.openxmlformats.org/officeDocument/2006/relationships/slideLayout" Target="../slideLayouts/slideLayout179.xml"/><Relationship Id="rId16" Type="http://schemas.openxmlformats.org/officeDocument/2006/relationships/slideLayout" Target="../slideLayouts/slideLayout193.xml"/><Relationship Id="rId20" Type="http://schemas.openxmlformats.org/officeDocument/2006/relationships/theme" Target="../theme/theme10.xml"/><Relationship Id="rId1" Type="http://schemas.openxmlformats.org/officeDocument/2006/relationships/slideLayout" Target="../slideLayouts/slideLayout178.xml"/><Relationship Id="rId6" Type="http://schemas.openxmlformats.org/officeDocument/2006/relationships/slideLayout" Target="../slideLayouts/slideLayout183.xml"/><Relationship Id="rId11" Type="http://schemas.openxmlformats.org/officeDocument/2006/relationships/slideLayout" Target="../slideLayouts/slideLayout188.xml"/><Relationship Id="rId5" Type="http://schemas.openxmlformats.org/officeDocument/2006/relationships/slideLayout" Target="../slideLayouts/slideLayout182.xml"/><Relationship Id="rId15" Type="http://schemas.openxmlformats.org/officeDocument/2006/relationships/slideLayout" Target="../slideLayouts/slideLayout192.xml"/><Relationship Id="rId23" Type="http://schemas.openxmlformats.org/officeDocument/2006/relationships/image" Target="../media/image3.png"/><Relationship Id="rId10" Type="http://schemas.openxmlformats.org/officeDocument/2006/relationships/slideLayout" Target="../slideLayouts/slideLayout187.xml"/><Relationship Id="rId19" Type="http://schemas.openxmlformats.org/officeDocument/2006/relationships/slideLayout" Target="../slideLayouts/slideLayout196.xml"/><Relationship Id="rId4" Type="http://schemas.openxmlformats.org/officeDocument/2006/relationships/slideLayout" Target="../slideLayouts/slideLayout181.xml"/><Relationship Id="rId9" Type="http://schemas.openxmlformats.org/officeDocument/2006/relationships/slideLayout" Target="../slideLayouts/slideLayout186.xml"/><Relationship Id="rId14" Type="http://schemas.openxmlformats.org/officeDocument/2006/relationships/slideLayout" Target="../slideLayouts/slideLayout191.xml"/><Relationship Id="rId22" Type="http://schemas.openxmlformats.org/officeDocument/2006/relationships/image" Target="../media/image2.png"/></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204.xml"/><Relationship Id="rId13" Type="http://schemas.openxmlformats.org/officeDocument/2006/relationships/slideLayout" Target="../slideLayouts/slideLayout209.xml"/><Relationship Id="rId18" Type="http://schemas.openxmlformats.org/officeDocument/2006/relationships/slideLayout" Target="../slideLayouts/slideLayout214.xml"/><Relationship Id="rId3" Type="http://schemas.openxmlformats.org/officeDocument/2006/relationships/slideLayout" Target="../slideLayouts/slideLayout199.xml"/><Relationship Id="rId21" Type="http://schemas.openxmlformats.org/officeDocument/2006/relationships/theme" Target="../theme/theme11.xml"/><Relationship Id="rId7" Type="http://schemas.openxmlformats.org/officeDocument/2006/relationships/slideLayout" Target="../slideLayouts/slideLayout203.xml"/><Relationship Id="rId12" Type="http://schemas.openxmlformats.org/officeDocument/2006/relationships/slideLayout" Target="../slideLayouts/slideLayout208.xml"/><Relationship Id="rId17" Type="http://schemas.openxmlformats.org/officeDocument/2006/relationships/slideLayout" Target="../slideLayouts/slideLayout213.xml"/><Relationship Id="rId2" Type="http://schemas.openxmlformats.org/officeDocument/2006/relationships/slideLayout" Target="../slideLayouts/slideLayout198.xml"/><Relationship Id="rId16" Type="http://schemas.openxmlformats.org/officeDocument/2006/relationships/slideLayout" Target="../slideLayouts/slideLayout212.xml"/><Relationship Id="rId20" Type="http://schemas.openxmlformats.org/officeDocument/2006/relationships/slideLayout" Target="../slideLayouts/slideLayout216.xml"/><Relationship Id="rId1" Type="http://schemas.openxmlformats.org/officeDocument/2006/relationships/slideLayout" Target="../slideLayouts/slideLayout197.xml"/><Relationship Id="rId6" Type="http://schemas.openxmlformats.org/officeDocument/2006/relationships/slideLayout" Target="../slideLayouts/slideLayout202.xml"/><Relationship Id="rId11" Type="http://schemas.openxmlformats.org/officeDocument/2006/relationships/slideLayout" Target="../slideLayouts/slideLayout207.xml"/><Relationship Id="rId24" Type="http://schemas.openxmlformats.org/officeDocument/2006/relationships/image" Target="../media/image3.png"/><Relationship Id="rId5" Type="http://schemas.openxmlformats.org/officeDocument/2006/relationships/slideLayout" Target="../slideLayouts/slideLayout201.xml"/><Relationship Id="rId15" Type="http://schemas.openxmlformats.org/officeDocument/2006/relationships/slideLayout" Target="../slideLayouts/slideLayout211.xml"/><Relationship Id="rId23" Type="http://schemas.openxmlformats.org/officeDocument/2006/relationships/image" Target="../media/image2.png"/><Relationship Id="rId10" Type="http://schemas.openxmlformats.org/officeDocument/2006/relationships/slideLayout" Target="../slideLayouts/slideLayout206.xml"/><Relationship Id="rId19" Type="http://schemas.openxmlformats.org/officeDocument/2006/relationships/slideLayout" Target="../slideLayouts/slideLayout215.xml"/><Relationship Id="rId4" Type="http://schemas.openxmlformats.org/officeDocument/2006/relationships/slideLayout" Target="../slideLayouts/slideLayout200.xml"/><Relationship Id="rId9" Type="http://schemas.openxmlformats.org/officeDocument/2006/relationships/slideLayout" Target="../slideLayouts/slideLayout205.xml"/><Relationship Id="rId14" Type="http://schemas.openxmlformats.org/officeDocument/2006/relationships/slideLayout" Target="../slideLayouts/slideLayout210.xml"/><Relationship Id="rId22" Type="http://schemas.openxmlformats.org/officeDocument/2006/relationships/image" Target="../media/image1.jpeg"/></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224.xml"/><Relationship Id="rId13" Type="http://schemas.openxmlformats.org/officeDocument/2006/relationships/slideLayout" Target="../slideLayouts/slideLayout229.xml"/><Relationship Id="rId18" Type="http://schemas.openxmlformats.org/officeDocument/2006/relationships/slideLayout" Target="../slideLayouts/slideLayout234.xml"/><Relationship Id="rId3" Type="http://schemas.openxmlformats.org/officeDocument/2006/relationships/slideLayout" Target="../slideLayouts/slideLayout219.xml"/><Relationship Id="rId21" Type="http://schemas.openxmlformats.org/officeDocument/2006/relationships/slideLayout" Target="../slideLayouts/slideLayout237.xml"/><Relationship Id="rId7" Type="http://schemas.openxmlformats.org/officeDocument/2006/relationships/slideLayout" Target="../slideLayouts/slideLayout223.xml"/><Relationship Id="rId12" Type="http://schemas.openxmlformats.org/officeDocument/2006/relationships/slideLayout" Target="../slideLayouts/slideLayout228.xml"/><Relationship Id="rId17" Type="http://schemas.openxmlformats.org/officeDocument/2006/relationships/slideLayout" Target="../slideLayouts/slideLayout233.xml"/><Relationship Id="rId25" Type="http://schemas.openxmlformats.org/officeDocument/2006/relationships/image" Target="../media/image3.png"/><Relationship Id="rId2" Type="http://schemas.openxmlformats.org/officeDocument/2006/relationships/slideLayout" Target="../slideLayouts/slideLayout218.xml"/><Relationship Id="rId16" Type="http://schemas.openxmlformats.org/officeDocument/2006/relationships/slideLayout" Target="../slideLayouts/slideLayout232.xml"/><Relationship Id="rId20" Type="http://schemas.openxmlformats.org/officeDocument/2006/relationships/slideLayout" Target="../slideLayouts/slideLayout236.xml"/><Relationship Id="rId1" Type="http://schemas.openxmlformats.org/officeDocument/2006/relationships/slideLayout" Target="../slideLayouts/slideLayout217.xml"/><Relationship Id="rId6" Type="http://schemas.openxmlformats.org/officeDocument/2006/relationships/slideLayout" Target="../slideLayouts/slideLayout222.xml"/><Relationship Id="rId11" Type="http://schemas.openxmlformats.org/officeDocument/2006/relationships/slideLayout" Target="../slideLayouts/slideLayout227.xml"/><Relationship Id="rId24" Type="http://schemas.openxmlformats.org/officeDocument/2006/relationships/image" Target="../media/image2.png"/><Relationship Id="rId5" Type="http://schemas.openxmlformats.org/officeDocument/2006/relationships/slideLayout" Target="../slideLayouts/slideLayout221.xml"/><Relationship Id="rId15" Type="http://schemas.openxmlformats.org/officeDocument/2006/relationships/slideLayout" Target="../slideLayouts/slideLayout231.xml"/><Relationship Id="rId23" Type="http://schemas.openxmlformats.org/officeDocument/2006/relationships/image" Target="../media/image1.jpeg"/><Relationship Id="rId10" Type="http://schemas.openxmlformats.org/officeDocument/2006/relationships/slideLayout" Target="../slideLayouts/slideLayout226.xml"/><Relationship Id="rId19" Type="http://schemas.openxmlformats.org/officeDocument/2006/relationships/slideLayout" Target="../slideLayouts/slideLayout235.xml"/><Relationship Id="rId4" Type="http://schemas.openxmlformats.org/officeDocument/2006/relationships/slideLayout" Target="../slideLayouts/slideLayout220.xml"/><Relationship Id="rId9" Type="http://schemas.openxmlformats.org/officeDocument/2006/relationships/slideLayout" Target="../slideLayouts/slideLayout225.xml"/><Relationship Id="rId14" Type="http://schemas.openxmlformats.org/officeDocument/2006/relationships/slideLayout" Target="../slideLayouts/slideLayout230.xml"/><Relationship Id="rId22" Type="http://schemas.openxmlformats.org/officeDocument/2006/relationships/theme" Target="../theme/theme12.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245.xml"/><Relationship Id="rId13" Type="http://schemas.openxmlformats.org/officeDocument/2006/relationships/slideLayout" Target="../slideLayouts/slideLayout250.xml"/><Relationship Id="rId18" Type="http://schemas.openxmlformats.org/officeDocument/2006/relationships/slideLayout" Target="../slideLayouts/slideLayout255.xml"/><Relationship Id="rId3" Type="http://schemas.openxmlformats.org/officeDocument/2006/relationships/slideLayout" Target="../slideLayouts/slideLayout240.xml"/><Relationship Id="rId21" Type="http://schemas.openxmlformats.org/officeDocument/2006/relationships/slideLayout" Target="../slideLayouts/slideLayout258.xml"/><Relationship Id="rId7" Type="http://schemas.openxmlformats.org/officeDocument/2006/relationships/slideLayout" Target="../slideLayouts/slideLayout244.xml"/><Relationship Id="rId12" Type="http://schemas.openxmlformats.org/officeDocument/2006/relationships/slideLayout" Target="../slideLayouts/slideLayout249.xml"/><Relationship Id="rId17" Type="http://schemas.openxmlformats.org/officeDocument/2006/relationships/slideLayout" Target="../slideLayouts/slideLayout254.xml"/><Relationship Id="rId25" Type="http://schemas.openxmlformats.org/officeDocument/2006/relationships/image" Target="../media/image3.png"/><Relationship Id="rId2" Type="http://schemas.openxmlformats.org/officeDocument/2006/relationships/slideLayout" Target="../slideLayouts/slideLayout239.xml"/><Relationship Id="rId16" Type="http://schemas.openxmlformats.org/officeDocument/2006/relationships/slideLayout" Target="../slideLayouts/slideLayout253.xml"/><Relationship Id="rId20" Type="http://schemas.openxmlformats.org/officeDocument/2006/relationships/slideLayout" Target="../slideLayouts/slideLayout257.xml"/><Relationship Id="rId1" Type="http://schemas.openxmlformats.org/officeDocument/2006/relationships/slideLayout" Target="../slideLayouts/slideLayout238.xml"/><Relationship Id="rId6" Type="http://schemas.openxmlformats.org/officeDocument/2006/relationships/slideLayout" Target="../slideLayouts/slideLayout243.xml"/><Relationship Id="rId11" Type="http://schemas.openxmlformats.org/officeDocument/2006/relationships/slideLayout" Target="../slideLayouts/slideLayout248.xml"/><Relationship Id="rId24" Type="http://schemas.openxmlformats.org/officeDocument/2006/relationships/image" Target="../media/image2.png"/><Relationship Id="rId5" Type="http://schemas.openxmlformats.org/officeDocument/2006/relationships/slideLayout" Target="../slideLayouts/slideLayout242.xml"/><Relationship Id="rId15" Type="http://schemas.openxmlformats.org/officeDocument/2006/relationships/slideLayout" Target="../slideLayouts/slideLayout252.xml"/><Relationship Id="rId23" Type="http://schemas.openxmlformats.org/officeDocument/2006/relationships/image" Target="../media/image1.jpeg"/><Relationship Id="rId10" Type="http://schemas.openxmlformats.org/officeDocument/2006/relationships/slideLayout" Target="../slideLayouts/slideLayout247.xml"/><Relationship Id="rId19" Type="http://schemas.openxmlformats.org/officeDocument/2006/relationships/slideLayout" Target="../slideLayouts/slideLayout256.xml"/><Relationship Id="rId4" Type="http://schemas.openxmlformats.org/officeDocument/2006/relationships/slideLayout" Target="../slideLayouts/slideLayout241.xml"/><Relationship Id="rId9" Type="http://schemas.openxmlformats.org/officeDocument/2006/relationships/slideLayout" Target="../slideLayouts/slideLayout246.xml"/><Relationship Id="rId14" Type="http://schemas.openxmlformats.org/officeDocument/2006/relationships/slideLayout" Target="../slideLayouts/slideLayout251.xml"/><Relationship Id="rId22" Type="http://schemas.openxmlformats.org/officeDocument/2006/relationships/theme" Target="../theme/theme13.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266.xml"/><Relationship Id="rId13" Type="http://schemas.openxmlformats.org/officeDocument/2006/relationships/slideLayout" Target="../slideLayouts/slideLayout271.xml"/><Relationship Id="rId18" Type="http://schemas.openxmlformats.org/officeDocument/2006/relationships/slideLayout" Target="../slideLayouts/slideLayout276.xml"/><Relationship Id="rId3" Type="http://schemas.openxmlformats.org/officeDocument/2006/relationships/slideLayout" Target="../slideLayouts/slideLayout261.xml"/><Relationship Id="rId21" Type="http://schemas.openxmlformats.org/officeDocument/2006/relationships/image" Target="../media/image1.jpeg"/><Relationship Id="rId7" Type="http://schemas.openxmlformats.org/officeDocument/2006/relationships/slideLayout" Target="../slideLayouts/slideLayout265.xml"/><Relationship Id="rId12" Type="http://schemas.openxmlformats.org/officeDocument/2006/relationships/slideLayout" Target="../slideLayouts/slideLayout270.xml"/><Relationship Id="rId17" Type="http://schemas.openxmlformats.org/officeDocument/2006/relationships/slideLayout" Target="../slideLayouts/slideLayout275.xml"/><Relationship Id="rId2" Type="http://schemas.openxmlformats.org/officeDocument/2006/relationships/slideLayout" Target="../slideLayouts/slideLayout260.xml"/><Relationship Id="rId16" Type="http://schemas.openxmlformats.org/officeDocument/2006/relationships/slideLayout" Target="../slideLayouts/slideLayout274.xml"/><Relationship Id="rId20" Type="http://schemas.openxmlformats.org/officeDocument/2006/relationships/theme" Target="../theme/theme14.xml"/><Relationship Id="rId1" Type="http://schemas.openxmlformats.org/officeDocument/2006/relationships/slideLayout" Target="../slideLayouts/slideLayout259.xml"/><Relationship Id="rId6" Type="http://schemas.openxmlformats.org/officeDocument/2006/relationships/slideLayout" Target="../slideLayouts/slideLayout264.xml"/><Relationship Id="rId11" Type="http://schemas.openxmlformats.org/officeDocument/2006/relationships/slideLayout" Target="../slideLayouts/slideLayout269.xml"/><Relationship Id="rId5" Type="http://schemas.openxmlformats.org/officeDocument/2006/relationships/slideLayout" Target="../slideLayouts/slideLayout263.xml"/><Relationship Id="rId15" Type="http://schemas.openxmlformats.org/officeDocument/2006/relationships/slideLayout" Target="../slideLayouts/slideLayout273.xml"/><Relationship Id="rId23" Type="http://schemas.openxmlformats.org/officeDocument/2006/relationships/image" Target="../media/image3.png"/><Relationship Id="rId10" Type="http://schemas.openxmlformats.org/officeDocument/2006/relationships/slideLayout" Target="../slideLayouts/slideLayout268.xml"/><Relationship Id="rId19" Type="http://schemas.openxmlformats.org/officeDocument/2006/relationships/slideLayout" Target="../slideLayouts/slideLayout277.xml"/><Relationship Id="rId4" Type="http://schemas.openxmlformats.org/officeDocument/2006/relationships/slideLayout" Target="../slideLayouts/slideLayout262.xml"/><Relationship Id="rId9" Type="http://schemas.openxmlformats.org/officeDocument/2006/relationships/slideLayout" Target="../slideLayouts/slideLayout267.xml"/><Relationship Id="rId14" Type="http://schemas.openxmlformats.org/officeDocument/2006/relationships/slideLayout" Target="../slideLayouts/slideLayout272.xml"/><Relationship Id="rId22" Type="http://schemas.openxmlformats.org/officeDocument/2006/relationships/image" Target="../media/image2.png"/></Relationships>
</file>

<file path=ppt/slideMasters/_rels/slideMaster15.xml.rels><?xml version="1.0" encoding="UTF-8" standalone="yes"?>
<Relationships xmlns="http://schemas.openxmlformats.org/package/2006/relationships"><Relationship Id="rId3" Type="http://schemas.openxmlformats.org/officeDocument/2006/relationships/theme" Target="../theme/theme15.xml"/><Relationship Id="rId2" Type="http://schemas.openxmlformats.org/officeDocument/2006/relationships/slideLayout" Target="../slideLayouts/slideLayout279.xml"/><Relationship Id="rId1" Type="http://schemas.openxmlformats.org/officeDocument/2006/relationships/slideLayout" Target="../slideLayouts/slideLayout278.xml"/><Relationship Id="rId5" Type="http://schemas.openxmlformats.org/officeDocument/2006/relationships/image" Target="../media/image3.png"/><Relationship Id="rId4" Type="http://schemas.openxmlformats.org/officeDocument/2006/relationships/image" Target="../media/image1.jpeg"/></Relationships>
</file>

<file path=ppt/slideMasters/_rels/slideMaster16.xml.rels><?xml version="1.0" encoding="UTF-8" standalone="yes"?>
<Relationships xmlns="http://schemas.openxmlformats.org/package/2006/relationships"><Relationship Id="rId8" Type="http://schemas.openxmlformats.org/officeDocument/2006/relationships/slideLayout" Target="../slideLayouts/slideLayout287.xml"/><Relationship Id="rId13" Type="http://schemas.openxmlformats.org/officeDocument/2006/relationships/slideLayout" Target="../slideLayouts/slideLayout292.xml"/><Relationship Id="rId3" Type="http://schemas.openxmlformats.org/officeDocument/2006/relationships/slideLayout" Target="../slideLayouts/slideLayout282.xml"/><Relationship Id="rId7" Type="http://schemas.openxmlformats.org/officeDocument/2006/relationships/slideLayout" Target="../slideLayouts/slideLayout286.xml"/><Relationship Id="rId12" Type="http://schemas.openxmlformats.org/officeDocument/2006/relationships/slideLayout" Target="../slideLayouts/slideLayout291.xml"/><Relationship Id="rId2" Type="http://schemas.openxmlformats.org/officeDocument/2006/relationships/slideLayout" Target="../slideLayouts/slideLayout281.xml"/><Relationship Id="rId1" Type="http://schemas.openxmlformats.org/officeDocument/2006/relationships/slideLayout" Target="../slideLayouts/slideLayout280.xml"/><Relationship Id="rId6" Type="http://schemas.openxmlformats.org/officeDocument/2006/relationships/slideLayout" Target="../slideLayouts/slideLayout285.xml"/><Relationship Id="rId11" Type="http://schemas.openxmlformats.org/officeDocument/2006/relationships/slideLayout" Target="../slideLayouts/slideLayout290.xml"/><Relationship Id="rId5" Type="http://schemas.openxmlformats.org/officeDocument/2006/relationships/slideLayout" Target="../slideLayouts/slideLayout284.xml"/><Relationship Id="rId15" Type="http://schemas.openxmlformats.org/officeDocument/2006/relationships/theme" Target="../theme/theme16.xml"/><Relationship Id="rId10" Type="http://schemas.openxmlformats.org/officeDocument/2006/relationships/slideLayout" Target="../slideLayouts/slideLayout289.xml"/><Relationship Id="rId4" Type="http://schemas.openxmlformats.org/officeDocument/2006/relationships/slideLayout" Target="../slideLayouts/slideLayout283.xml"/><Relationship Id="rId9" Type="http://schemas.openxmlformats.org/officeDocument/2006/relationships/slideLayout" Target="../slideLayouts/slideLayout288.xml"/><Relationship Id="rId14" Type="http://schemas.openxmlformats.org/officeDocument/2006/relationships/slideLayout" Target="../slideLayouts/slideLayout293.xml"/></Relationships>
</file>

<file path=ppt/slideMasters/_rels/slideMaster17.xml.rels><?xml version="1.0" encoding="UTF-8" standalone="yes"?>
<Relationships xmlns="http://schemas.openxmlformats.org/package/2006/relationships"><Relationship Id="rId8" Type="http://schemas.openxmlformats.org/officeDocument/2006/relationships/slideLayout" Target="../slideLayouts/slideLayout301.xml"/><Relationship Id="rId13" Type="http://schemas.openxmlformats.org/officeDocument/2006/relationships/slideLayout" Target="../slideLayouts/slideLayout306.xml"/><Relationship Id="rId18" Type="http://schemas.openxmlformats.org/officeDocument/2006/relationships/theme" Target="../theme/theme17.xml"/><Relationship Id="rId3" Type="http://schemas.openxmlformats.org/officeDocument/2006/relationships/slideLayout" Target="../slideLayouts/slideLayout296.xml"/><Relationship Id="rId21" Type="http://schemas.openxmlformats.org/officeDocument/2006/relationships/image" Target="../media/image3.png"/><Relationship Id="rId7" Type="http://schemas.openxmlformats.org/officeDocument/2006/relationships/slideLayout" Target="../slideLayouts/slideLayout300.xml"/><Relationship Id="rId12" Type="http://schemas.openxmlformats.org/officeDocument/2006/relationships/slideLayout" Target="../slideLayouts/slideLayout305.xml"/><Relationship Id="rId17" Type="http://schemas.openxmlformats.org/officeDocument/2006/relationships/slideLayout" Target="../slideLayouts/slideLayout310.xml"/><Relationship Id="rId2" Type="http://schemas.openxmlformats.org/officeDocument/2006/relationships/slideLayout" Target="../slideLayouts/slideLayout295.xml"/><Relationship Id="rId16" Type="http://schemas.openxmlformats.org/officeDocument/2006/relationships/slideLayout" Target="../slideLayouts/slideLayout309.xml"/><Relationship Id="rId20" Type="http://schemas.openxmlformats.org/officeDocument/2006/relationships/image" Target="../media/image2.png"/><Relationship Id="rId1" Type="http://schemas.openxmlformats.org/officeDocument/2006/relationships/slideLayout" Target="../slideLayouts/slideLayout294.xml"/><Relationship Id="rId6" Type="http://schemas.openxmlformats.org/officeDocument/2006/relationships/slideLayout" Target="../slideLayouts/slideLayout299.xml"/><Relationship Id="rId11" Type="http://schemas.openxmlformats.org/officeDocument/2006/relationships/slideLayout" Target="../slideLayouts/slideLayout304.xml"/><Relationship Id="rId5" Type="http://schemas.openxmlformats.org/officeDocument/2006/relationships/slideLayout" Target="../slideLayouts/slideLayout298.xml"/><Relationship Id="rId15" Type="http://schemas.openxmlformats.org/officeDocument/2006/relationships/slideLayout" Target="../slideLayouts/slideLayout308.xml"/><Relationship Id="rId10" Type="http://schemas.openxmlformats.org/officeDocument/2006/relationships/slideLayout" Target="../slideLayouts/slideLayout303.xml"/><Relationship Id="rId19" Type="http://schemas.openxmlformats.org/officeDocument/2006/relationships/image" Target="../media/image1.jpeg"/><Relationship Id="rId4" Type="http://schemas.openxmlformats.org/officeDocument/2006/relationships/slideLayout" Target="../slideLayouts/slideLayout297.xml"/><Relationship Id="rId9" Type="http://schemas.openxmlformats.org/officeDocument/2006/relationships/slideLayout" Target="../slideLayouts/slideLayout302.xml"/><Relationship Id="rId14" Type="http://schemas.openxmlformats.org/officeDocument/2006/relationships/slideLayout" Target="../slideLayouts/slideLayout307.xml"/></Relationships>
</file>

<file path=ppt/slideMasters/_rels/slideMaster18.xml.rels><?xml version="1.0" encoding="UTF-8" standalone="yes"?>
<Relationships xmlns="http://schemas.openxmlformats.org/package/2006/relationships"><Relationship Id="rId8" Type="http://schemas.openxmlformats.org/officeDocument/2006/relationships/slideLayout" Target="../slideLayouts/slideLayout318.xml"/><Relationship Id="rId13" Type="http://schemas.openxmlformats.org/officeDocument/2006/relationships/slideLayout" Target="../slideLayouts/slideLayout323.xml"/><Relationship Id="rId18" Type="http://schemas.openxmlformats.org/officeDocument/2006/relationships/theme" Target="../theme/theme18.xml"/><Relationship Id="rId3" Type="http://schemas.openxmlformats.org/officeDocument/2006/relationships/slideLayout" Target="../slideLayouts/slideLayout313.xml"/><Relationship Id="rId21" Type="http://schemas.openxmlformats.org/officeDocument/2006/relationships/image" Target="../media/image3.png"/><Relationship Id="rId7" Type="http://schemas.openxmlformats.org/officeDocument/2006/relationships/slideLayout" Target="../slideLayouts/slideLayout317.xml"/><Relationship Id="rId12" Type="http://schemas.openxmlformats.org/officeDocument/2006/relationships/slideLayout" Target="../slideLayouts/slideLayout322.xml"/><Relationship Id="rId17" Type="http://schemas.openxmlformats.org/officeDocument/2006/relationships/slideLayout" Target="../slideLayouts/slideLayout327.xml"/><Relationship Id="rId2" Type="http://schemas.openxmlformats.org/officeDocument/2006/relationships/slideLayout" Target="../slideLayouts/slideLayout312.xml"/><Relationship Id="rId16" Type="http://schemas.openxmlformats.org/officeDocument/2006/relationships/slideLayout" Target="../slideLayouts/slideLayout326.xml"/><Relationship Id="rId20" Type="http://schemas.openxmlformats.org/officeDocument/2006/relationships/image" Target="../media/image2.png"/><Relationship Id="rId1" Type="http://schemas.openxmlformats.org/officeDocument/2006/relationships/slideLayout" Target="../slideLayouts/slideLayout311.xml"/><Relationship Id="rId6" Type="http://schemas.openxmlformats.org/officeDocument/2006/relationships/slideLayout" Target="../slideLayouts/slideLayout316.xml"/><Relationship Id="rId11" Type="http://schemas.openxmlformats.org/officeDocument/2006/relationships/slideLayout" Target="../slideLayouts/slideLayout321.xml"/><Relationship Id="rId5" Type="http://schemas.openxmlformats.org/officeDocument/2006/relationships/slideLayout" Target="../slideLayouts/slideLayout315.xml"/><Relationship Id="rId15" Type="http://schemas.openxmlformats.org/officeDocument/2006/relationships/slideLayout" Target="../slideLayouts/slideLayout325.xml"/><Relationship Id="rId10" Type="http://schemas.openxmlformats.org/officeDocument/2006/relationships/slideLayout" Target="../slideLayouts/slideLayout320.xml"/><Relationship Id="rId19" Type="http://schemas.openxmlformats.org/officeDocument/2006/relationships/image" Target="../media/image1.jpeg"/><Relationship Id="rId4" Type="http://schemas.openxmlformats.org/officeDocument/2006/relationships/slideLayout" Target="../slideLayouts/slideLayout314.xml"/><Relationship Id="rId9" Type="http://schemas.openxmlformats.org/officeDocument/2006/relationships/slideLayout" Target="../slideLayouts/slideLayout319.xml"/><Relationship Id="rId14" Type="http://schemas.openxmlformats.org/officeDocument/2006/relationships/slideLayout" Target="../slideLayouts/slideLayout324.xml"/></Relationships>
</file>

<file path=ppt/slideMasters/_rels/slideMaster19.xml.rels><?xml version="1.0" encoding="UTF-8" standalone="yes"?>
<Relationships xmlns="http://schemas.openxmlformats.org/package/2006/relationships"><Relationship Id="rId8" Type="http://schemas.openxmlformats.org/officeDocument/2006/relationships/slideLayout" Target="../slideLayouts/slideLayout335.xml"/><Relationship Id="rId13" Type="http://schemas.openxmlformats.org/officeDocument/2006/relationships/image" Target="../media/image2.png"/><Relationship Id="rId3" Type="http://schemas.openxmlformats.org/officeDocument/2006/relationships/slideLayout" Target="../slideLayouts/slideLayout330.xml"/><Relationship Id="rId7" Type="http://schemas.openxmlformats.org/officeDocument/2006/relationships/slideLayout" Target="../slideLayouts/slideLayout334.xml"/><Relationship Id="rId12" Type="http://schemas.openxmlformats.org/officeDocument/2006/relationships/image" Target="../media/image1.jpeg"/><Relationship Id="rId2" Type="http://schemas.openxmlformats.org/officeDocument/2006/relationships/slideLayout" Target="../slideLayouts/slideLayout329.xml"/><Relationship Id="rId1" Type="http://schemas.openxmlformats.org/officeDocument/2006/relationships/slideLayout" Target="../slideLayouts/slideLayout328.xml"/><Relationship Id="rId6" Type="http://schemas.openxmlformats.org/officeDocument/2006/relationships/slideLayout" Target="../slideLayouts/slideLayout333.xml"/><Relationship Id="rId11" Type="http://schemas.openxmlformats.org/officeDocument/2006/relationships/theme" Target="../theme/theme19.xml"/><Relationship Id="rId5" Type="http://schemas.openxmlformats.org/officeDocument/2006/relationships/slideLayout" Target="../slideLayouts/slideLayout332.xml"/><Relationship Id="rId10" Type="http://schemas.openxmlformats.org/officeDocument/2006/relationships/slideLayout" Target="../slideLayouts/slideLayout337.xml"/><Relationship Id="rId4" Type="http://schemas.openxmlformats.org/officeDocument/2006/relationships/slideLayout" Target="../slideLayouts/slideLayout331.xml"/><Relationship Id="rId9" Type="http://schemas.openxmlformats.org/officeDocument/2006/relationships/slideLayout" Target="../slideLayouts/slideLayout336.xml"/><Relationship Id="rId14" Type="http://schemas.openxmlformats.org/officeDocument/2006/relationships/image" Target="../media/image3.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18" Type="http://schemas.openxmlformats.org/officeDocument/2006/relationships/slideLayout" Target="../slideLayouts/slideLayout37.xml"/><Relationship Id="rId3" Type="http://schemas.openxmlformats.org/officeDocument/2006/relationships/slideLayout" Target="../slideLayouts/slideLayout22.xml"/><Relationship Id="rId21" Type="http://schemas.openxmlformats.org/officeDocument/2006/relationships/image" Target="../media/image1.jpeg"/><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theme" Target="../theme/theme2.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23" Type="http://schemas.openxmlformats.org/officeDocument/2006/relationships/image" Target="../media/image3.png"/><Relationship Id="rId10" Type="http://schemas.openxmlformats.org/officeDocument/2006/relationships/slideLayout" Target="../slideLayouts/slideLayout29.xml"/><Relationship Id="rId19" Type="http://schemas.openxmlformats.org/officeDocument/2006/relationships/slideLayout" Target="../slideLayouts/slideLayout38.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 Id="rId22" Type="http://schemas.openxmlformats.org/officeDocument/2006/relationships/image" Target="../media/image2.png"/></Relationships>
</file>

<file path=ppt/slideMasters/_rels/slideMaster20.xml.rels><?xml version="1.0" encoding="UTF-8" standalone="yes"?>
<Relationships xmlns="http://schemas.openxmlformats.org/package/2006/relationships"><Relationship Id="rId8" Type="http://schemas.openxmlformats.org/officeDocument/2006/relationships/slideLayout" Target="../slideLayouts/slideLayout345.xml"/><Relationship Id="rId13" Type="http://schemas.openxmlformats.org/officeDocument/2006/relationships/slideLayout" Target="../slideLayouts/slideLayout350.xml"/><Relationship Id="rId18" Type="http://schemas.openxmlformats.org/officeDocument/2006/relationships/slideLayout" Target="../slideLayouts/slideLayout355.xml"/><Relationship Id="rId3" Type="http://schemas.openxmlformats.org/officeDocument/2006/relationships/slideLayout" Target="../slideLayouts/slideLayout340.xml"/><Relationship Id="rId21" Type="http://schemas.openxmlformats.org/officeDocument/2006/relationships/slideLayout" Target="../slideLayouts/slideLayout358.xml"/><Relationship Id="rId7" Type="http://schemas.openxmlformats.org/officeDocument/2006/relationships/slideLayout" Target="../slideLayouts/slideLayout344.xml"/><Relationship Id="rId12" Type="http://schemas.openxmlformats.org/officeDocument/2006/relationships/slideLayout" Target="../slideLayouts/slideLayout349.xml"/><Relationship Id="rId17" Type="http://schemas.openxmlformats.org/officeDocument/2006/relationships/slideLayout" Target="../slideLayouts/slideLayout354.xml"/><Relationship Id="rId25" Type="http://schemas.openxmlformats.org/officeDocument/2006/relationships/image" Target="../media/image3.png"/><Relationship Id="rId2" Type="http://schemas.openxmlformats.org/officeDocument/2006/relationships/slideLayout" Target="../slideLayouts/slideLayout339.xml"/><Relationship Id="rId16" Type="http://schemas.openxmlformats.org/officeDocument/2006/relationships/slideLayout" Target="../slideLayouts/slideLayout353.xml"/><Relationship Id="rId20" Type="http://schemas.openxmlformats.org/officeDocument/2006/relationships/slideLayout" Target="../slideLayouts/slideLayout357.xml"/><Relationship Id="rId1" Type="http://schemas.openxmlformats.org/officeDocument/2006/relationships/slideLayout" Target="../slideLayouts/slideLayout338.xml"/><Relationship Id="rId6" Type="http://schemas.openxmlformats.org/officeDocument/2006/relationships/slideLayout" Target="../slideLayouts/slideLayout343.xml"/><Relationship Id="rId11" Type="http://schemas.openxmlformats.org/officeDocument/2006/relationships/slideLayout" Target="../slideLayouts/slideLayout348.xml"/><Relationship Id="rId24" Type="http://schemas.openxmlformats.org/officeDocument/2006/relationships/image" Target="../media/image2.png"/><Relationship Id="rId5" Type="http://schemas.openxmlformats.org/officeDocument/2006/relationships/slideLayout" Target="../slideLayouts/slideLayout342.xml"/><Relationship Id="rId15" Type="http://schemas.openxmlformats.org/officeDocument/2006/relationships/slideLayout" Target="../slideLayouts/slideLayout352.xml"/><Relationship Id="rId23" Type="http://schemas.openxmlformats.org/officeDocument/2006/relationships/image" Target="../media/image1.jpeg"/><Relationship Id="rId10" Type="http://schemas.openxmlformats.org/officeDocument/2006/relationships/slideLayout" Target="../slideLayouts/slideLayout347.xml"/><Relationship Id="rId19" Type="http://schemas.openxmlformats.org/officeDocument/2006/relationships/slideLayout" Target="../slideLayouts/slideLayout356.xml"/><Relationship Id="rId4" Type="http://schemas.openxmlformats.org/officeDocument/2006/relationships/slideLayout" Target="../slideLayouts/slideLayout341.xml"/><Relationship Id="rId9" Type="http://schemas.openxmlformats.org/officeDocument/2006/relationships/slideLayout" Target="../slideLayouts/slideLayout346.xml"/><Relationship Id="rId14" Type="http://schemas.openxmlformats.org/officeDocument/2006/relationships/slideLayout" Target="../slideLayouts/slideLayout351.xml"/><Relationship Id="rId22" Type="http://schemas.openxmlformats.org/officeDocument/2006/relationships/theme" Target="../theme/theme20.xml"/></Relationships>
</file>

<file path=ppt/slideMasters/_rels/slideMaster21.xml.rels><?xml version="1.0" encoding="UTF-8" standalone="yes"?>
<Relationships xmlns="http://schemas.openxmlformats.org/package/2006/relationships"><Relationship Id="rId8" Type="http://schemas.openxmlformats.org/officeDocument/2006/relationships/slideLayout" Target="../slideLayouts/slideLayout366.xml"/><Relationship Id="rId13" Type="http://schemas.openxmlformats.org/officeDocument/2006/relationships/slideLayout" Target="../slideLayouts/slideLayout371.xml"/><Relationship Id="rId18" Type="http://schemas.openxmlformats.org/officeDocument/2006/relationships/slideLayout" Target="../slideLayouts/slideLayout376.xml"/><Relationship Id="rId3" Type="http://schemas.openxmlformats.org/officeDocument/2006/relationships/slideLayout" Target="../slideLayouts/slideLayout361.xml"/><Relationship Id="rId21" Type="http://schemas.openxmlformats.org/officeDocument/2006/relationships/image" Target="../media/image1.jpeg"/><Relationship Id="rId7" Type="http://schemas.openxmlformats.org/officeDocument/2006/relationships/slideLayout" Target="../slideLayouts/slideLayout365.xml"/><Relationship Id="rId12" Type="http://schemas.openxmlformats.org/officeDocument/2006/relationships/slideLayout" Target="../slideLayouts/slideLayout370.xml"/><Relationship Id="rId17" Type="http://schemas.openxmlformats.org/officeDocument/2006/relationships/slideLayout" Target="../slideLayouts/slideLayout375.xml"/><Relationship Id="rId2" Type="http://schemas.openxmlformats.org/officeDocument/2006/relationships/slideLayout" Target="../slideLayouts/slideLayout360.xml"/><Relationship Id="rId16" Type="http://schemas.openxmlformats.org/officeDocument/2006/relationships/slideLayout" Target="../slideLayouts/slideLayout374.xml"/><Relationship Id="rId20" Type="http://schemas.openxmlformats.org/officeDocument/2006/relationships/theme" Target="../theme/theme21.xml"/><Relationship Id="rId1" Type="http://schemas.openxmlformats.org/officeDocument/2006/relationships/slideLayout" Target="../slideLayouts/slideLayout359.xml"/><Relationship Id="rId6" Type="http://schemas.openxmlformats.org/officeDocument/2006/relationships/slideLayout" Target="../slideLayouts/slideLayout364.xml"/><Relationship Id="rId11" Type="http://schemas.openxmlformats.org/officeDocument/2006/relationships/slideLayout" Target="../slideLayouts/slideLayout369.xml"/><Relationship Id="rId5" Type="http://schemas.openxmlformats.org/officeDocument/2006/relationships/slideLayout" Target="../slideLayouts/slideLayout363.xml"/><Relationship Id="rId15" Type="http://schemas.openxmlformats.org/officeDocument/2006/relationships/slideLayout" Target="../slideLayouts/slideLayout373.xml"/><Relationship Id="rId23" Type="http://schemas.openxmlformats.org/officeDocument/2006/relationships/image" Target="../media/image3.png"/><Relationship Id="rId10" Type="http://schemas.openxmlformats.org/officeDocument/2006/relationships/slideLayout" Target="../slideLayouts/slideLayout368.xml"/><Relationship Id="rId19" Type="http://schemas.openxmlformats.org/officeDocument/2006/relationships/slideLayout" Target="../slideLayouts/slideLayout377.xml"/><Relationship Id="rId4" Type="http://schemas.openxmlformats.org/officeDocument/2006/relationships/slideLayout" Target="../slideLayouts/slideLayout362.xml"/><Relationship Id="rId9" Type="http://schemas.openxmlformats.org/officeDocument/2006/relationships/slideLayout" Target="../slideLayouts/slideLayout367.xml"/><Relationship Id="rId14" Type="http://schemas.openxmlformats.org/officeDocument/2006/relationships/slideLayout" Target="../slideLayouts/slideLayout372.xml"/><Relationship Id="rId22" Type="http://schemas.openxmlformats.org/officeDocument/2006/relationships/image" Target="../media/image2.png"/></Relationships>
</file>

<file path=ppt/slideMasters/_rels/slideMaster22.xml.rels><?xml version="1.0" encoding="UTF-8" standalone="yes"?>
<Relationships xmlns="http://schemas.openxmlformats.org/package/2006/relationships"><Relationship Id="rId8" Type="http://schemas.openxmlformats.org/officeDocument/2006/relationships/slideLayout" Target="../slideLayouts/slideLayout385.xml"/><Relationship Id="rId13" Type="http://schemas.openxmlformats.org/officeDocument/2006/relationships/theme" Target="../theme/theme22.xml"/><Relationship Id="rId3" Type="http://schemas.openxmlformats.org/officeDocument/2006/relationships/slideLayout" Target="../slideLayouts/slideLayout380.xml"/><Relationship Id="rId7" Type="http://schemas.openxmlformats.org/officeDocument/2006/relationships/slideLayout" Target="../slideLayouts/slideLayout384.xml"/><Relationship Id="rId12" Type="http://schemas.openxmlformats.org/officeDocument/2006/relationships/slideLayout" Target="../slideLayouts/slideLayout389.xml"/><Relationship Id="rId2" Type="http://schemas.openxmlformats.org/officeDocument/2006/relationships/slideLayout" Target="../slideLayouts/slideLayout379.xml"/><Relationship Id="rId1" Type="http://schemas.openxmlformats.org/officeDocument/2006/relationships/slideLayout" Target="../slideLayouts/slideLayout378.xml"/><Relationship Id="rId6" Type="http://schemas.openxmlformats.org/officeDocument/2006/relationships/slideLayout" Target="../slideLayouts/slideLayout383.xml"/><Relationship Id="rId11" Type="http://schemas.openxmlformats.org/officeDocument/2006/relationships/slideLayout" Target="../slideLayouts/slideLayout388.xml"/><Relationship Id="rId5" Type="http://schemas.openxmlformats.org/officeDocument/2006/relationships/slideLayout" Target="../slideLayouts/slideLayout382.xml"/><Relationship Id="rId15" Type="http://schemas.openxmlformats.org/officeDocument/2006/relationships/image" Target="../media/image3.png"/><Relationship Id="rId10" Type="http://schemas.openxmlformats.org/officeDocument/2006/relationships/slideLayout" Target="../slideLayouts/slideLayout387.xml"/><Relationship Id="rId4" Type="http://schemas.openxmlformats.org/officeDocument/2006/relationships/slideLayout" Target="../slideLayouts/slideLayout381.xml"/><Relationship Id="rId9" Type="http://schemas.openxmlformats.org/officeDocument/2006/relationships/slideLayout" Target="../slideLayouts/slideLayout386.xml"/><Relationship Id="rId14" Type="http://schemas.openxmlformats.org/officeDocument/2006/relationships/image" Target="../media/image1.jpeg"/></Relationships>
</file>

<file path=ppt/slideMasters/_rels/slideMaster23.xml.rels><?xml version="1.0" encoding="UTF-8" standalone="yes"?>
<Relationships xmlns="http://schemas.openxmlformats.org/package/2006/relationships"><Relationship Id="rId8" Type="http://schemas.openxmlformats.org/officeDocument/2006/relationships/slideLayout" Target="../slideLayouts/slideLayout397.xml"/><Relationship Id="rId13" Type="http://schemas.openxmlformats.org/officeDocument/2006/relationships/slideLayout" Target="../slideLayouts/slideLayout402.xml"/><Relationship Id="rId18" Type="http://schemas.openxmlformats.org/officeDocument/2006/relationships/theme" Target="../theme/theme23.xml"/><Relationship Id="rId3" Type="http://schemas.openxmlformats.org/officeDocument/2006/relationships/slideLayout" Target="../slideLayouts/slideLayout392.xml"/><Relationship Id="rId21" Type="http://schemas.openxmlformats.org/officeDocument/2006/relationships/image" Target="../media/image3.png"/><Relationship Id="rId7" Type="http://schemas.openxmlformats.org/officeDocument/2006/relationships/slideLayout" Target="../slideLayouts/slideLayout396.xml"/><Relationship Id="rId12" Type="http://schemas.openxmlformats.org/officeDocument/2006/relationships/slideLayout" Target="../slideLayouts/slideLayout401.xml"/><Relationship Id="rId17" Type="http://schemas.openxmlformats.org/officeDocument/2006/relationships/slideLayout" Target="../slideLayouts/slideLayout406.xml"/><Relationship Id="rId2" Type="http://schemas.openxmlformats.org/officeDocument/2006/relationships/slideLayout" Target="../slideLayouts/slideLayout391.xml"/><Relationship Id="rId16" Type="http://schemas.openxmlformats.org/officeDocument/2006/relationships/slideLayout" Target="../slideLayouts/slideLayout405.xml"/><Relationship Id="rId20" Type="http://schemas.openxmlformats.org/officeDocument/2006/relationships/image" Target="../media/image2.png"/><Relationship Id="rId1" Type="http://schemas.openxmlformats.org/officeDocument/2006/relationships/slideLayout" Target="../slideLayouts/slideLayout390.xml"/><Relationship Id="rId6" Type="http://schemas.openxmlformats.org/officeDocument/2006/relationships/slideLayout" Target="../slideLayouts/slideLayout395.xml"/><Relationship Id="rId11" Type="http://schemas.openxmlformats.org/officeDocument/2006/relationships/slideLayout" Target="../slideLayouts/slideLayout400.xml"/><Relationship Id="rId5" Type="http://schemas.openxmlformats.org/officeDocument/2006/relationships/slideLayout" Target="../slideLayouts/slideLayout394.xml"/><Relationship Id="rId15" Type="http://schemas.openxmlformats.org/officeDocument/2006/relationships/slideLayout" Target="../slideLayouts/slideLayout404.xml"/><Relationship Id="rId10" Type="http://schemas.openxmlformats.org/officeDocument/2006/relationships/slideLayout" Target="../slideLayouts/slideLayout399.xml"/><Relationship Id="rId19" Type="http://schemas.openxmlformats.org/officeDocument/2006/relationships/image" Target="../media/image1.jpeg"/><Relationship Id="rId4" Type="http://schemas.openxmlformats.org/officeDocument/2006/relationships/slideLayout" Target="../slideLayouts/slideLayout393.xml"/><Relationship Id="rId9" Type="http://schemas.openxmlformats.org/officeDocument/2006/relationships/slideLayout" Target="../slideLayouts/slideLayout398.xml"/><Relationship Id="rId14" Type="http://schemas.openxmlformats.org/officeDocument/2006/relationships/slideLayout" Target="../slideLayouts/slideLayout403.xml"/></Relationships>
</file>

<file path=ppt/slideMasters/_rels/slideMaster24.xml.rels><?xml version="1.0" encoding="UTF-8" standalone="yes"?>
<Relationships xmlns="http://schemas.openxmlformats.org/package/2006/relationships"><Relationship Id="rId8" Type="http://schemas.openxmlformats.org/officeDocument/2006/relationships/slideLayout" Target="../slideLayouts/slideLayout414.xml"/><Relationship Id="rId13" Type="http://schemas.openxmlformats.org/officeDocument/2006/relationships/slideLayout" Target="../slideLayouts/slideLayout419.xml"/><Relationship Id="rId18" Type="http://schemas.openxmlformats.org/officeDocument/2006/relationships/slideLayout" Target="../slideLayouts/slideLayout424.xml"/><Relationship Id="rId3" Type="http://schemas.openxmlformats.org/officeDocument/2006/relationships/slideLayout" Target="../slideLayouts/slideLayout409.xml"/><Relationship Id="rId21" Type="http://schemas.openxmlformats.org/officeDocument/2006/relationships/image" Target="../media/image2.png"/><Relationship Id="rId7" Type="http://schemas.openxmlformats.org/officeDocument/2006/relationships/slideLayout" Target="../slideLayouts/slideLayout413.xml"/><Relationship Id="rId12" Type="http://schemas.openxmlformats.org/officeDocument/2006/relationships/slideLayout" Target="../slideLayouts/slideLayout418.xml"/><Relationship Id="rId17" Type="http://schemas.openxmlformats.org/officeDocument/2006/relationships/slideLayout" Target="../slideLayouts/slideLayout423.xml"/><Relationship Id="rId2" Type="http://schemas.openxmlformats.org/officeDocument/2006/relationships/slideLayout" Target="../slideLayouts/slideLayout408.xml"/><Relationship Id="rId16" Type="http://schemas.openxmlformats.org/officeDocument/2006/relationships/slideLayout" Target="../slideLayouts/slideLayout422.xml"/><Relationship Id="rId20" Type="http://schemas.openxmlformats.org/officeDocument/2006/relationships/image" Target="../media/image1.jpeg"/><Relationship Id="rId1" Type="http://schemas.openxmlformats.org/officeDocument/2006/relationships/slideLayout" Target="../slideLayouts/slideLayout407.xml"/><Relationship Id="rId6" Type="http://schemas.openxmlformats.org/officeDocument/2006/relationships/slideLayout" Target="../slideLayouts/slideLayout412.xml"/><Relationship Id="rId11" Type="http://schemas.openxmlformats.org/officeDocument/2006/relationships/slideLayout" Target="../slideLayouts/slideLayout417.xml"/><Relationship Id="rId5" Type="http://schemas.openxmlformats.org/officeDocument/2006/relationships/slideLayout" Target="../slideLayouts/slideLayout411.xml"/><Relationship Id="rId15" Type="http://schemas.openxmlformats.org/officeDocument/2006/relationships/slideLayout" Target="../slideLayouts/slideLayout421.xml"/><Relationship Id="rId10" Type="http://schemas.openxmlformats.org/officeDocument/2006/relationships/slideLayout" Target="../slideLayouts/slideLayout416.xml"/><Relationship Id="rId19" Type="http://schemas.openxmlformats.org/officeDocument/2006/relationships/theme" Target="../theme/theme24.xml"/><Relationship Id="rId4" Type="http://schemas.openxmlformats.org/officeDocument/2006/relationships/slideLayout" Target="../slideLayouts/slideLayout410.xml"/><Relationship Id="rId9" Type="http://schemas.openxmlformats.org/officeDocument/2006/relationships/slideLayout" Target="../slideLayouts/slideLayout415.xml"/><Relationship Id="rId14" Type="http://schemas.openxmlformats.org/officeDocument/2006/relationships/slideLayout" Target="../slideLayouts/slideLayout420.xml"/><Relationship Id="rId22" Type="http://schemas.openxmlformats.org/officeDocument/2006/relationships/image" Target="../media/image3.png"/></Relationships>
</file>

<file path=ppt/slideMasters/_rels/slideMaster25.xml.rels><?xml version="1.0" encoding="UTF-8" standalone="yes"?>
<Relationships xmlns="http://schemas.openxmlformats.org/package/2006/relationships"><Relationship Id="rId8" Type="http://schemas.openxmlformats.org/officeDocument/2006/relationships/slideLayout" Target="../slideLayouts/slideLayout432.xml"/><Relationship Id="rId13" Type="http://schemas.openxmlformats.org/officeDocument/2006/relationships/slideLayout" Target="../slideLayouts/slideLayout437.xml"/><Relationship Id="rId18" Type="http://schemas.openxmlformats.org/officeDocument/2006/relationships/slideLayout" Target="../slideLayouts/slideLayout442.xml"/><Relationship Id="rId3" Type="http://schemas.openxmlformats.org/officeDocument/2006/relationships/slideLayout" Target="../slideLayouts/slideLayout427.xml"/><Relationship Id="rId21" Type="http://schemas.openxmlformats.org/officeDocument/2006/relationships/image" Target="../media/image1.jpeg"/><Relationship Id="rId7" Type="http://schemas.openxmlformats.org/officeDocument/2006/relationships/slideLayout" Target="../slideLayouts/slideLayout431.xml"/><Relationship Id="rId12" Type="http://schemas.openxmlformats.org/officeDocument/2006/relationships/slideLayout" Target="../slideLayouts/slideLayout436.xml"/><Relationship Id="rId17" Type="http://schemas.openxmlformats.org/officeDocument/2006/relationships/slideLayout" Target="../slideLayouts/slideLayout441.xml"/><Relationship Id="rId2" Type="http://schemas.openxmlformats.org/officeDocument/2006/relationships/slideLayout" Target="../slideLayouts/slideLayout426.xml"/><Relationship Id="rId16" Type="http://schemas.openxmlformats.org/officeDocument/2006/relationships/slideLayout" Target="../slideLayouts/slideLayout440.xml"/><Relationship Id="rId20" Type="http://schemas.openxmlformats.org/officeDocument/2006/relationships/theme" Target="../theme/theme25.xml"/><Relationship Id="rId1" Type="http://schemas.openxmlformats.org/officeDocument/2006/relationships/slideLayout" Target="../slideLayouts/slideLayout425.xml"/><Relationship Id="rId6" Type="http://schemas.openxmlformats.org/officeDocument/2006/relationships/slideLayout" Target="../slideLayouts/slideLayout430.xml"/><Relationship Id="rId11" Type="http://schemas.openxmlformats.org/officeDocument/2006/relationships/slideLayout" Target="../slideLayouts/slideLayout435.xml"/><Relationship Id="rId5" Type="http://schemas.openxmlformats.org/officeDocument/2006/relationships/slideLayout" Target="../slideLayouts/slideLayout429.xml"/><Relationship Id="rId15" Type="http://schemas.openxmlformats.org/officeDocument/2006/relationships/slideLayout" Target="../slideLayouts/slideLayout439.xml"/><Relationship Id="rId23" Type="http://schemas.openxmlformats.org/officeDocument/2006/relationships/image" Target="../media/image3.png"/><Relationship Id="rId10" Type="http://schemas.openxmlformats.org/officeDocument/2006/relationships/slideLayout" Target="../slideLayouts/slideLayout434.xml"/><Relationship Id="rId19" Type="http://schemas.openxmlformats.org/officeDocument/2006/relationships/slideLayout" Target="../slideLayouts/slideLayout443.xml"/><Relationship Id="rId4" Type="http://schemas.openxmlformats.org/officeDocument/2006/relationships/slideLayout" Target="../slideLayouts/slideLayout428.xml"/><Relationship Id="rId9" Type="http://schemas.openxmlformats.org/officeDocument/2006/relationships/slideLayout" Target="../slideLayouts/slideLayout433.xml"/><Relationship Id="rId14" Type="http://schemas.openxmlformats.org/officeDocument/2006/relationships/slideLayout" Target="../slideLayouts/slideLayout438.xml"/><Relationship Id="rId22" Type="http://schemas.openxmlformats.org/officeDocument/2006/relationships/image" Target="../media/image2.png"/></Relationships>
</file>

<file path=ppt/slideMasters/_rels/slideMaster26.xml.rels><?xml version="1.0" encoding="UTF-8" standalone="yes"?>
<Relationships xmlns="http://schemas.openxmlformats.org/package/2006/relationships"><Relationship Id="rId8" Type="http://schemas.openxmlformats.org/officeDocument/2006/relationships/slideLayout" Target="../slideLayouts/slideLayout451.xml"/><Relationship Id="rId13" Type="http://schemas.openxmlformats.org/officeDocument/2006/relationships/slideLayout" Target="../slideLayouts/slideLayout456.xml"/><Relationship Id="rId18" Type="http://schemas.openxmlformats.org/officeDocument/2006/relationships/slideLayout" Target="../slideLayouts/slideLayout461.xml"/><Relationship Id="rId3" Type="http://schemas.openxmlformats.org/officeDocument/2006/relationships/slideLayout" Target="../slideLayouts/slideLayout446.xml"/><Relationship Id="rId21" Type="http://schemas.openxmlformats.org/officeDocument/2006/relationships/image" Target="../media/image1.jpeg"/><Relationship Id="rId7" Type="http://schemas.openxmlformats.org/officeDocument/2006/relationships/slideLayout" Target="../slideLayouts/slideLayout450.xml"/><Relationship Id="rId12" Type="http://schemas.openxmlformats.org/officeDocument/2006/relationships/slideLayout" Target="../slideLayouts/slideLayout455.xml"/><Relationship Id="rId17" Type="http://schemas.openxmlformats.org/officeDocument/2006/relationships/slideLayout" Target="../slideLayouts/slideLayout460.xml"/><Relationship Id="rId2" Type="http://schemas.openxmlformats.org/officeDocument/2006/relationships/slideLayout" Target="../slideLayouts/slideLayout445.xml"/><Relationship Id="rId16" Type="http://schemas.openxmlformats.org/officeDocument/2006/relationships/slideLayout" Target="../slideLayouts/slideLayout459.xml"/><Relationship Id="rId20" Type="http://schemas.openxmlformats.org/officeDocument/2006/relationships/theme" Target="../theme/theme26.xml"/><Relationship Id="rId1" Type="http://schemas.openxmlformats.org/officeDocument/2006/relationships/slideLayout" Target="../slideLayouts/slideLayout444.xml"/><Relationship Id="rId6" Type="http://schemas.openxmlformats.org/officeDocument/2006/relationships/slideLayout" Target="../slideLayouts/slideLayout449.xml"/><Relationship Id="rId11" Type="http://schemas.openxmlformats.org/officeDocument/2006/relationships/slideLayout" Target="../slideLayouts/slideLayout454.xml"/><Relationship Id="rId5" Type="http://schemas.openxmlformats.org/officeDocument/2006/relationships/slideLayout" Target="../slideLayouts/slideLayout448.xml"/><Relationship Id="rId15" Type="http://schemas.openxmlformats.org/officeDocument/2006/relationships/slideLayout" Target="../slideLayouts/slideLayout458.xml"/><Relationship Id="rId23" Type="http://schemas.openxmlformats.org/officeDocument/2006/relationships/image" Target="../media/image3.png"/><Relationship Id="rId10" Type="http://schemas.openxmlformats.org/officeDocument/2006/relationships/slideLayout" Target="../slideLayouts/slideLayout453.xml"/><Relationship Id="rId19" Type="http://schemas.openxmlformats.org/officeDocument/2006/relationships/slideLayout" Target="../slideLayouts/slideLayout462.xml"/><Relationship Id="rId4" Type="http://schemas.openxmlformats.org/officeDocument/2006/relationships/slideLayout" Target="../slideLayouts/slideLayout447.xml"/><Relationship Id="rId9" Type="http://schemas.openxmlformats.org/officeDocument/2006/relationships/slideLayout" Target="../slideLayouts/slideLayout452.xml"/><Relationship Id="rId14" Type="http://schemas.openxmlformats.org/officeDocument/2006/relationships/slideLayout" Target="../slideLayouts/slideLayout457.xml"/><Relationship Id="rId22" Type="http://schemas.openxmlformats.org/officeDocument/2006/relationships/image" Target="../media/image2.png"/></Relationships>
</file>

<file path=ppt/slideMasters/_rels/slideMaster27.xml.rels><?xml version="1.0" encoding="UTF-8" standalone="yes"?>
<Relationships xmlns="http://schemas.openxmlformats.org/package/2006/relationships"><Relationship Id="rId8" Type="http://schemas.openxmlformats.org/officeDocument/2006/relationships/slideLayout" Target="../slideLayouts/slideLayout470.xml"/><Relationship Id="rId13" Type="http://schemas.openxmlformats.org/officeDocument/2006/relationships/slideLayout" Target="../slideLayouts/slideLayout475.xml"/><Relationship Id="rId18" Type="http://schemas.openxmlformats.org/officeDocument/2006/relationships/slideLayout" Target="../slideLayouts/slideLayout480.xml"/><Relationship Id="rId3" Type="http://schemas.openxmlformats.org/officeDocument/2006/relationships/slideLayout" Target="../slideLayouts/slideLayout465.xml"/><Relationship Id="rId21" Type="http://schemas.openxmlformats.org/officeDocument/2006/relationships/slideLayout" Target="../slideLayouts/slideLayout483.xml"/><Relationship Id="rId7" Type="http://schemas.openxmlformats.org/officeDocument/2006/relationships/slideLayout" Target="../slideLayouts/slideLayout469.xml"/><Relationship Id="rId12" Type="http://schemas.openxmlformats.org/officeDocument/2006/relationships/slideLayout" Target="../slideLayouts/slideLayout474.xml"/><Relationship Id="rId17" Type="http://schemas.openxmlformats.org/officeDocument/2006/relationships/slideLayout" Target="../slideLayouts/slideLayout479.xml"/><Relationship Id="rId25" Type="http://schemas.openxmlformats.org/officeDocument/2006/relationships/image" Target="../media/image3.png"/><Relationship Id="rId2" Type="http://schemas.openxmlformats.org/officeDocument/2006/relationships/slideLayout" Target="../slideLayouts/slideLayout464.xml"/><Relationship Id="rId16" Type="http://schemas.openxmlformats.org/officeDocument/2006/relationships/slideLayout" Target="../slideLayouts/slideLayout478.xml"/><Relationship Id="rId20" Type="http://schemas.openxmlformats.org/officeDocument/2006/relationships/slideLayout" Target="../slideLayouts/slideLayout482.xml"/><Relationship Id="rId1" Type="http://schemas.openxmlformats.org/officeDocument/2006/relationships/slideLayout" Target="../slideLayouts/slideLayout463.xml"/><Relationship Id="rId6" Type="http://schemas.openxmlformats.org/officeDocument/2006/relationships/slideLayout" Target="../slideLayouts/slideLayout468.xml"/><Relationship Id="rId11" Type="http://schemas.openxmlformats.org/officeDocument/2006/relationships/slideLayout" Target="../slideLayouts/slideLayout473.xml"/><Relationship Id="rId24" Type="http://schemas.openxmlformats.org/officeDocument/2006/relationships/image" Target="../media/image2.png"/><Relationship Id="rId5" Type="http://schemas.openxmlformats.org/officeDocument/2006/relationships/slideLayout" Target="../slideLayouts/slideLayout467.xml"/><Relationship Id="rId15" Type="http://schemas.openxmlformats.org/officeDocument/2006/relationships/slideLayout" Target="../slideLayouts/slideLayout477.xml"/><Relationship Id="rId23" Type="http://schemas.openxmlformats.org/officeDocument/2006/relationships/image" Target="../media/image1.jpeg"/><Relationship Id="rId10" Type="http://schemas.openxmlformats.org/officeDocument/2006/relationships/slideLayout" Target="../slideLayouts/slideLayout472.xml"/><Relationship Id="rId19" Type="http://schemas.openxmlformats.org/officeDocument/2006/relationships/slideLayout" Target="../slideLayouts/slideLayout481.xml"/><Relationship Id="rId4" Type="http://schemas.openxmlformats.org/officeDocument/2006/relationships/slideLayout" Target="../slideLayouts/slideLayout466.xml"/><Relationship Id="rId9" Type="http://schemas.openxmlformats.org/officeDocument/2006/relationships/slideLayout" Target="../slideLayouts/slideLayout471.xml"/><Relationship Id="rId14" Type="http://schemas.openxmlformats.org/officeDocument/2006/relationships/slideLayout" Target="../slideLayouts/slideLayout476.xml"/><Relationship Id="rId22" Type="http://schemas.openxmlformats.org/officeDocument/2006/relationships/theme" Target="../theme/theme27.xml"/></Relationships>
</file>

<file path=ppt/slideMasters/_rels/slideMaster28.xml.rels><?xml version="1.0" encoding="UTF-8" standalone="yes"?>
<Relationships xmlns="http://schemas.openxmlformats.org/package/2006/relationships"><Relationship Id="rId8" Type="http://schemas.openxmlformats.org/officeDocument/2006/relationships/slideLayout" Target="../slideLayouts/slideLayout491.xml"/><Relationship Id="rId13" Type="http://schemas.openxmlformats.org/officeDocument/2006/relationships/theme" Target="../theme/theme28.xml"/><Relationship Id="rId3" Type="http://schemas.openxmlformats.org/officeDocument/2006/relationships/slideLayout" Target="../slideLayouts/slideLayout486.xml"/><Relationship Id="rId7" Type="http://schemas.openxmlformats.org/officeDocument/2006/relationships/slideLayout" Target="../slideLayouts/slideLayout490.xml"/><Relationship Id="rId12" Type="http://schemas.openxmlformats.org/officeDocument/2006/relationships/slideLayout" Target="../slideLayouts/slideLayout495.xml"/><Relationship Id="rId2" Type="http://schemas.openxmlformats.org/officeDocument/2006/relationships/slideLayout" Target="../slideLayouts/slideLayout485.xml"/><Relationship Id="rId16" Type="http://schemas.openxmlformats.org/officeDocument/2006/relationships/image" Target="../media/image3.png"/><Relationship Id="rId1" Type="http://schemas.openxmlformats.org/officeDocument/2006/relationships/slideLayout" Target="../slideLayouts/slideLayout484.xml"/><Relationship Id="rId6" Type="http://schemas.openxmlformats.org/officeDocument/2006/relationships/slideLayout" Target="../slideLayouts/slideLayout489.xml"/><Relationship Id="rId11" Type="http://schemas.openxmlformats.org/officeDocument/2006/relationships/slideLayout" Target="../slideLayouts/slideLayout494.xml"/><Relationship Id="rId5" Type="http://schemas.openxmlformats.org/officeDocument/2006/relationships/slideLayout" Target="../slideLayouts/slideLayout488.xml"/><Relationship Id="rId15" Type="http://schemas.openxmlformats.org/officeDocument/2006/relationships/image" Target="../media/image2.png"/><Relationship Id="rId10" Type="http://schemas.openxmlformats.org/officeDocument/2006/relationships/slideLayout" Target="../slideLayouts/slideLayout493.xml"/><Relationship Id="rId4" Type="http://schemas.openxmlformats.org/officeDocument/2006/relationships/slideLayout" Target="../slideLayouts/slideLayout487.xml"/><Relationship Id="rId9" Type="http://schemas.openxmlformats.org/officeDocument/2006/relationships/slideLayout" Target="../slideLayouts/slideLayout492.xml"/><Relationship Id="rId14" Type="http://schemas.openxmlformats.org/officeDocument/2006/relationships/image" Target="../media/image1.jpeg"/></Relationships>
</file>

<file path=ppt/slideMasters/_rels/slideMaster29.xml.rels><?xml version="1.0" encoding="UTF-8" standalone="yes"?>
<Relationships xmlns="http://schemas.openxmlformats.org/package/2006/relationships"><Relationship Id="rId8" Type="http://schemas.openxmlformats.org/officeDocument/2006/relationships/slideLayout" Target="../slideLayouts/slideLayout503.xml"/><Relationship Id="rId13" Type="http://schemas.openxmlformats.org/officeDocument/2006/relationships/slideLayout" Target="../slideLayouts/slideLayout508.xml"/><Relationship Id="rId18" Type="http://schemas.openxmlformats.org/officeDocument/2006/relationships/slideLayout" Target="../slideLayouts/slideLayout513.xml"/><Relationship Id="rId3" Type="http://schemas.openxmlformats.org/officeDocument/2006/relationships/slideLayout" Target="../slideLayouts/slideLayout498.xml"/><Relationship Id="rId21" Type="http://schemas.openxmlformats.org/officeDocument/2006/relationships/image" Target="../media/image1.jpeg"/><Relationship Id="rId7" Type="http://schemas.openxmlformats.org/officeDocument/2006/relationships/slideLayout" Target="../slideLayouts/slideLayout502.xml"/><Relationship Id="rId12" Type="http://schemas.openxmlformats.org/officeDocument/2006/relationships/slideLayout" Target="../slideLayouts/slideLayout507.xml"/><Relationship Id="rId17" Type="http://schemas.openxmlformats.org/officeDocument/2006/relationships/slideLayout" Target="../slideLayouts/slideLayout512.xml"/><Relationship Id="rId2" Type="http://schemas.openxmlformats.org/officeDocument/2006/relationships/slideLayout" Target="../slideLayouts/slideLayout497.xml"/><Relationship Id="rId16" Type="http://schemas.openxmlformats.org/officeDocument/2006/relationships/slideLayout" Target="../slideLayouts/slideLayout511.xml"/><Relationship Id="rId20" Type="http://schemas.openxmlformats.org/officeDocument/2006/relationships/theme" Target="../theme/theme29.xml"/><Relationship Id="rId1" Type="http://schemas.openxmlformats.org/officeDocument/2006/relationships/slideLayout" Target="../slideLayouts/slideLayout496.xml"/><Relationship Id="rId6" Type="http://schemas.openxmlformats.org/officeDocument/2006/relationships/slideLayout" Target="../slideLayouts/slideLayout501.xml"/><Relationship Id="rId11" Type="http://schemas.openxmlformats.org/officeDocument/2006/relationships/slideLayout" Target="../slideLayouts/slideLayout506.xml"/><Relationship Id="rId5" Type="http://schemas.openxmlformats.org/officeDocument/2006/relationships/slideLayout" Target="../slideLayouts/slideLayout500.xml"/><Relationship Id="rId15" Type="http://schemas.openxmlformats.org/officeDocument/2006/relationships/slideLayout" Target="../slideLayouts/slideLayout510.xml"/><Relationship Id="rId23" Type="http://schemas.openxmlformats.org/officeDocument/2006/relationships/image" Target="../media/image3.png"/><Relationship Id="rId10" Type="http://schemas.openxmlformats.org/officeDocument/2006/relationships/slideLayout" Target="../slideLayouts/slideLayout505.xml"/><Relationship Id="rId19" Type="http://schemas.openxmlformats.org/officeDocument/2006/relationships/slideLayout" Target="../slideLayouts/slideLayout514.xml"/><Relationship Id="rId4" Type="http://schemas.openxmlformats.org/officeDocument/2006/relationships/slideLayout" Target="../slideLayouts/slideLayout499.xml"/><Relationship Id="rId9" Type="http://schemas.openxmlformats.org/officeDocument/2006/relationships/slideLayout" Target="../slideLayouts/slideLayout504.xml"/><Relationship Id="rId14" Type="http://schemas.openxmlformats.org/officeDocument/2006/relationships/slideLayout" Target="../slideLayouts/slideLayout509.xml"/><Relationship Id="rId22" Type="http://schemas.openxmlformats.org/officeDocument/2006/relationships/image" Target="../media/image2.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slideLayout" Target="../slideLayouts/slideLayout51.xml"/><Relationship Id="rId18" Type="http://schemas.openxmlformats.org/officeDocument/2006/relationships/slideLayout" Target="../slideLayouts/slideLayout56.xml"/><Relationship Id="rId26" Type="http://schemas.openxmlformats.org/officeDocument/2006/relationships/image" Target="../media/image3.png"/><Relationship Id="rId3" Type="http://schemas.openxmlformats.org/officeDocument/2006/relationships/slideLayout" Target="../slideLayouts/slideLayout41.xml"/><Relationship Id="rId21" Type="http://schemas.openxmlformats.org/officeDocument/2006/relationships/slideLayout" Target="../slideLayouts/slideLayout59.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17" Type="http://schemas.openxmlformats.org/officeDocument/2006/relationships/slideLayout" Target="../slideLayouts/slideLayout55.xml"/><Relationship Id="rId25" Type="http://schemas.openxmlformats.org/officeDocument/2006/relationships/image" Target="../media/image2.png"/><Relationship Id="rId2" Type="http://schemas.openxmlformats.org/officeDocument/2006/relationships/slideLayout" Target="../slideLayouts/slideLayout40.xml"/><Relationship Id="rId16" Type="http://schemas.openxmlformats.org/officeDocument/2006/relationships/slideLayout" Target="../slideLayouts/slideLayout54.xml"/><Relationship Id="rId20" Type="http://schemas.openxmlformats.org/officeDocument/2006/relationships/slideLayout" Target="../slideLayouts/slideLayout58.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24" Type="http://schemas.openxmlformats.org/officeDocument/2006/relationships/image" Target="../media/image1.jpeg"/><Relationship Id="rId5" Type="http://schemas.openxmlformats.org/officeDocument/2006/relationships/slideLayout" Target="../slideLayouts/slideLayout43.xml"/><Relationship Id="rId15" Type="http://schemas.openxmlformats.org/officeDocument/2006/relationships/slideLayout" Target="../slideLayouts/slideLayout53.xml"/><Relationship Id="rId23" Type="http://schemas.openxmlformats.org/officeDocument/2006/relationships/theme" Target="../theme/theme3.xml"/><Relationship Id="rId10" Type="http://schemas.openxmlformats.org/officeDocument/2006/relationships/slideLayout" Target="../slideLayouts/slideLayout48.xml"/><Relationship Id="rId19" Type="http://schemas.openxmlformats.org/officeDocument/2006/relationships/slideLayout" Target="../slideLayouts/slideLayout57.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slideLayout" Target="../slideLayouts/slideLayout52.xml"/><Relationship Id="rId22" Type="http://schemas.openxmlformats.org/officeDocument/2006/relationships/slideLayout" Target="../slideLayouts/slideLayout60.xml"/></Relationships>
</file>

<file path=ppt/slideMasters/_rels/slideMaster30.xml.rels><?xml version="1.0" encoding="UTF-8" standalone="yes"?>
<Relationships xmlns="http://schemas.openxmlformats.org/package/2006/relationships"><Relationship Id="rId8" Type="http://schemas.openxmlformats.org/officeDocument/2006/relationships/slideLayout" Target="../slideLayouts/slideLayout522.xml"/><Relationship Id="rId13" Type="http://schemas.openxmlformats.org/officeDocument/2006/relationships/slideLayout" Target="../slideLayouts/slideLayout527.xml"/><Relationship Id="rId18" Type="http://schemas.openxmlformats.org/officeDocument/2006/relationships/slideLayout" Target="../slideLayouts/slideLayout532.xml"/><Relationship Id="rId3" Type="http://schemas.openxmlformats.org/officeDocument/2006/relationships/slideLayout" Target="../slideLayouts/slideLayout517.xml"/><Relationship Id="rId21" Type="http://schemas.openxmlformats.org/officeDocument/2006/relationships/slideLayout" Target="../slideLayouts/slideLayout535.xml"/><Relationship Id="rId7" Type="http://schemas.openxmlformats.org/officeDocument/2006/relationships/slideLayout" Target="../slideLayouts/slideLayout521.xml"/><Relationship Id="rId12" Type="http://schemas.openxmlformats.org/officeDocument/2006/relationships/slideLayout" Target="../slideLayouts/slideLayout526.xml"/><Relationship Id="rId17" Type="http://schemas.openxmlformats.org/officeDocument/2006/relationships/slideLayout" Target="../slideLayouts/slideLayout531.xml"/><Relationship Id="rId25" Type="http://schemas.openxmlformats.org/officeDocument/2006/relationships/image" Target="../media/image3.png"/><Relationship Id="rId2" Type="http://schemas.openxmlformats.org/officeDocument/2006/relationships/slideLayout" Target="../slideLayouts/slideLayout516.xml"/><Relationship Id="rId16" Type="http://schemas.openxmlformats.org/officeDocument/2006/relationships/slideLayout" Target="../slideLayouts/slideLayout530.xml"/><Relationship Id="rId20" Type="http://schemas.openxmlformats.org/officeDocument/2006/relationships/slideLayout" Target="../slideLayouts/slideLayout534.xml"/><Relationship Id="rId1" Type="http://schemas.openxmlformats.org/officeDocument/2006/relationships/slideLayout" Target="../slideLayouts/slideLayout515.xml"/><Relationship Id="rId6" Type="http://schemas.openxmlformats.org/officeDocument/2006/relationships/slideLayout" Target="../slideLayouts/slideLayout520.xml"/><Relationship Id="rId11" Type="http://schemas.openxmlformats.org/officeDocument/2006/relationships/slideLayout" Target="../slideLayouts/slideLayout525.xml"/><Relationship Id="rId24" Type="http://schemas.openxmlformats.org/officeDocument/2006/relationships/image" Target="../media/image2.png"/><Relationship Id="rId5" Type="http://schemas.openxmlformats.org/officeDocument/2006/relationships/slideLayout" Target="../slideLayouts/slideLayout519.xml"/><Relationship Id="rId15" Type="http://schemas.openxmlformats.org/officeDocument/2006/relationships/slideLayout" Target="../slideLayouts/slideLayout529.xml"/><Relationship Id="rId23" Type="http://schemas.openxmlformats.org/officeDocument/2006/relationships/image" Target="../media/image1.jpeg"/><Relationship Id="rId10" Type="http://schemas.openxmlformats.org/officeDocument/2006/relationships/slideLayout" Target="../slideLayouts/slideLayout524.xml"/><Relationship Id="rId19" Type="http://schemas.openxmlformats.org/officeDocument/2006/relationships/slideLayout" Target="../slideLayouts/slideLayout533.xml"/><Relationship Id="rId4" Type="http://schemas.openxmlformats.org/officeDocument/2006/relationships/slideLayout" Target="../slideLayouts/slideLayout518.xml"/><Relationship Id="rId9" Type="http://schemas.openxmlformats.org/officeDocument/2006/relationships/slideLayout" Target="../slideLayouts/slideLayout523.xml"/><Relationship Id="rId14" Type="http://schemas.openxmlformats.org/officeDocument/2006/relationships/slideLayout" Target="../slideLayouts/slideLayout528.xml"/><Relationship Id="rId22" Type="http://schemas.openxmlformats.org/officeDocument/2006/relationships/theme" Target="../theme/theme30.xml"/></Relationships>
</file>

<file path=ppt/slideMasters/_rels/slideMaster31.xml.rels><?xml version="1.0" encoding="UTF-8" standalone="yes"?>
<Relationships xmlns="http://schemas.openxmlformats.org/package/2006/relationships"><Relationship Id="rId8" Type="http://schemas.openxmlformats.org/officeDocument/2006/relationships/slideLayout" Target="../slideLayouts/slideLayout543.xml"/><Relationship Id="rId13" Type="http://schemas.openxmlformats.org/officeDocument/2006/relationships/slideLayout" Target="../slideLayouts/slideLayout548.xml"/><Relationship Id="rId18" Type="http://schemas.openxmlformats.org/officeDocument/2006/relationships/slideLayout" Target="../slideLayouts/slideLayout553.xml"/><Relationship Id="rId3" Type="http://schemas.openxmlformats.org/officeDocument/2006/relationships/slideLayout" Target="../slideLayouts/slideLayout538.xml"/><Relationship Id="rId21" Type="http://schemas.openxmlformats.org/officeDocument/2006/relationships/image" Target="../media/image1.jpeg"/><Relationship Id="rId7" Type="http://schemas.openxmlformats.org/officeDocument/2006/relationships/slideLayout" Target="../slideLayouts/slideLayout542.xml"/><Relationship Id="rId12" Type="http://schemas.openxmlformats.org/officeDocument/2006/relationships/slideLayout" Target="../slideLayouts/slideLayout547.xml"/><Relationship Id="rId17" Type="http://schemas.openxmlformats.org/officeDocument/2006/relationships/slideLayout" Target="../slideLayouts/slideLayout552.xml"/><Relationship Id="rId2" Type="http://schemas.openxmlformats.org/officeDocument/2006/relationships/slideLayout" Target="../slideLayouts/slideLayout537.xml"/><Relationship Id="rId16" Type="http://schemas.openxmlformats.org/officeDocument/2006/relationships/slideLayout" Target="../slideLayouts/slideLayout551.xml"/><Relationship Id="rId20" Type="http://schemas.openxmlformats.org/officeDocument/2006/relationships/theme" Target="../theme/theme31.xml"/><Relationship Id="rId1" Type="http://schemas.openxmlformats.org/officeDocument/2006/relationships/slideLayout" Target="../slideLayouts/slideLayout536.xml"/><Relationship Id="rId6" Type="http://schemas.openxmlformats.org/officeDocument/2006/relationships/slideLayout" Target="../slideLayouts/slideLayout541.xml"/><Relationship Id="rId11" Type="http://schemas.openxmlformats.org/officeDocument/2006/relationships/slideLayout" Target="../slideLayouts/slideLayout546.xml"/><Relationship Id="rId5" Type="http://schemas.openxmlformats.org/officeDocument/2006/relationships/slideLayout" Target="../slideLayouts/slideLayout540.xml"/><Relationship Id="rId15" Type="http://schemas.openxmlformats.org/officeDocument/2006/relationships/slideLayout" Target="../slideLayouts/slideLayout550.xml"/><Relationship Id="rId23" Type="http://schemas.openxmlformats.org/officeDocument/2006/relationships/image" Target="../media/image3.png"/><Relationship Id="rId10" Type="http://schemas.openxmlformats.org/officeDocument/2006/relationships/slideLayout" Target="../slideLayouts/slideLayout545.xml"/><Relationship Id="rId19" Type="http://schemas.openxmlformats.org/officeDocument/2006/relationships/slideLayout" Target="../slideLayouts/slideLayout554.xml"/><Relationship Id="rId4" Type="http://schemas.openxmlformats.org/officeDocument/2006/relationships/slideLayout" Target="../slideLayouts/slideLayout539.xml"/><Relationship Id="rId9" Type="http://schemas.openxmlformats.org/officeDocument/2006/relationships/slideLayout" Target="../slideLayouts/slideLayout544.xml"/><Relationship Id="rId14" Type="http://schemas.openxmlformats.org/officeDocument/2006/relationships/slideLayout" Target="../slideLayouts/slideLayout549.xml"/><Relationship Id="rId22" Type="http://schemas.openxmlformats.org/officeDocument/2006/relationships/image" Target="../media/image2.png"/></Relationships>
</file>

<file path=ppt/slideMasters/_rels/slideMaster32.xml.rels><?xml version="1.0" encoding="UTF-8" standalone="yes"?>
<Relationships xmlns="http://schemas.openxmlformats.org/package/2006/relationships"><Relationship Id="rId8" Type="http://schemas.openxmlformats.org/officeDocument/2006/relationships/slideLayout" Target="../slideLayouts/slideLayout562.xml"/><Relationship Id="rId13" Type="http://schemas.openxmlformats.org/officeDocument/2006/relationships/slideLayout" Target="../slideLayouts/slideLayout567.xml"/><Relationship Id="rId18" Type="http://schemas.openxmlformats.org/officeDocument/2006/relationships/slideLayout" Target="../slideLayouts/slideLayout572.xml"/><Relationship Id="rId3" Type="http://schemas.openxmlformats.org/officeDocument/2006/relationships/slideLayout" Target="../slideLayouts/slideLayout557.xml"/><Relationship Id="rId21" Type="http://schemas.openxmlformats.org/officeDocument/2006/relationships/image" Target="../media/image1.jpeg"/><Relationship Id="rId7" Type="http://schemas.openxmlformats.org/officeDocument/2006/relationships/slideLayout" Target="../slideLayouts/slideLayout561.xml"/><Relationship Id="rId12" Type="http://schemas.openxmlformats.org/officeDocument/2006/relationships/slideLayout" Target="../slideLayouts/slideLayout566.xml"/><Relationship Id="rId17" Type="http://schemas.openxmlformats.org/officeDocument/2006/relationships/slideLayout" Target="../slideLayouts/slideLayout571.xml"/><Relationship Id="rId2" Type="http://schemas.openxmlformats.org/officeDocument/2006/relationships/slideLayout" Target="../slideLayouts/slideLayout556.xml"/><Relationship Id="rId16" Type="http://schemas.openxmlformats.org/officeDocument/2006/relationships/slideLayout" Target="../slideLayouts/slideLayout570.xml"/><Relationship Id="rId20" Type="http://schemas.openxmlformats.org/officeDocument/2006/relationships/theme" Target="../theme/theme32.xml"/><Relationship Id="rId1" Type="http://schemas.openxmlformats.org/officeDocument/2006/relationships/slideLayout" Target="../slideLayouts/slideLayout555.xml"/><Relationship Id="rId6" Type="http://schemas.openxmlformats.org/officeDocument/2006/relationships/slideLayout" Target="../slideLayouts/slideLayout560.xml"/><Relationship Id="rId11" Type="http://schemas.openxmlformats.org/officeDocument/2006/relationships/slideLayout" Target="../slideLayouts/slideLayout565.xml"/><Relationship Id="rId5" Type="http://schemas.openxmlformats.org/officeDocument/2006/relationships/slideLayout" Target="../slideLayouts/slideLayout559.xml"/><Relationship Id="rId15" Type="http://schemas.openxmlformats.org/officeDocument/2006/relationships/slideLayout" Target="../slideLayouts/slideLayout569.xml"/><Relationship Id="rId23" Type="http://schemas.openxmlformats.org/officeDocument/2006/relationships/image" Target="../media/image3.png"/><Relationship Id="rId10" Type="http://schemas.openxmlformats.org/officeDocument/2006/relationships/slideLayout" Target="../slideLayouts/slideLayout564.xml"/><Relationship Id="rId19" Type="http://schemas.openxmlformats.org/officeDocument/2006/relationships/slideLayout" Target="../slideLayouts/slideLayout573.xml"/><Relationship Id="rId4" Type="http://schemas.openxmlformats.org/officeDocument/2006/relationships/slideLayout" Target="../slideLayouts/slideLayout558.xml"/><Relationship Id="rId9" Type="http://schemas.openxmlformats.org/officeDocument/2006/relationships/slideLayout" Target="../slideLayouts/slideLayout563.xml"/><Relationship Id="rId14" Type="http://schemas.openxmlformats.org/officeDocument/2006/relationships/slideLayout" Target="../slideLayouts/slideLayout568.xml"/><Relationship Id="rId22" Type="http://schemas.openxmlformats.org/officeDocument/2006/relationships/image" Target="../media/image2.png"/></Relationships>
</file>

<file path=ppt/slideMasters/_rels/slideMaster33.xml.rels><?xml version="1.0" encoding="UTF-8" standalone="yes"?>
<Relationships xmlns="http://schemas.openxmlformats.org/package/2006/relationships"><Relationship Id="rId8" Type="http://schemas.openxmlformats.org/officeDocument/2006/relationships/slideLayout" Target="../slideLayouts/slideLayout581.xml"/><Relationship Id="rId13" Type="http://schemas.openxmlformats.org/officeDocument/2006/relationships/slideLayout" Target="../slideLayouts/slideLayout586.xml"/><Relationship Id="rId18" Type="http://schemas.openxmlformats.org/officeDocument/2006/relationships/slideLayout" Target="../slideLayouts/slideLayout591.xml"/><Relationship Id="rId3" Type="http://schemas.openxmlformats.org/officeDocument/2006/relationships/slideLayout" Target="../slideLayouts/slideLayout576.xml"/><Relationship Id="rId21" Type="http://schemas.openxmlformats.org/officeDocument/2006/relationships/slideLayout" Target="../slideLayouts/slideLayout594.xml"/><Relationship Id="rId7" Type="http://schemas.openxmlformats.org/officeDocument/2006/relationships/slideLayout" Target="../slideLayouts/slideLayout580.xml"/><Relationship Id="rId12" Type="http://schemas.openxmlformats.org/officeDocument/2006/relationships/slideLayout" Target="../slideLayouts/slideLayout585.xml"/><Relationship Id="rId17" Type="http://schemas.openxmlformats.org/officeDocument/2006/relationships/slideLayout" Target="../slideLayouts/slideLayout590.xml"/><Relationship Id="rId25" Type="http://schemas.openxmlformats.org/officeDocument/2006/relationships/image" Target="../media/image3.png"/><Relationship Id="rId2" Type="http://schemas.openxmlformats.org/officeDocument/2006/relationships/slideLayout" Target="../slideLayouts/slideLayout575.xml"/><Relationship Id="rId16" Type="http://schemas.openxmlformats.org/officeDocument/2006/relationships/slideLayout" Target="../slideLayouts/slideLayout589.xml"/><Relationship Id="rId20" Type="http://schemas.openxmlformats.org/officeDocument/2006/relationships/slideLayout" Target="../slideLayouts/slideLayout593.xml"/><Relationship Id="rId1" Type="http://schemas.openxmlformats.org/officeDocument/2006/relationships/slideLayout" Target="../slideLayouts/slideLayout574.xml"/><Relationship Id="rId6" Type="http://schemas.openxmlformats.org/officeDocument/2006/relationships/slideLayout" Target="../slideLayouts/slideLayout579.xml"/><Relationship Id="rId11" Type="http://schemas.openxmlformats.org/officeDocument/2006/relationships/slideLayout" Target="../slideLayouts/slideLayout584.xml"/><Relationship Id="rId24" Type="http://schemas.openxmlformats.org/officeDocument/2006/relationships/image" Target="../media/image2.png"/><Relationship Id="rId5" Type="http://schemas.openxmlformats.org/officeDocument/2006/relationships/slideLayout" Target="../slideLayouts/slideLayout578.xml"/><Relationship Id="rId15" Type="http://schemas.openxmlformats.org/officeDocument/2006/relationships/slideLayout" Target="../slideLayouts/slideLayout588.xml"/><Relationship Id="rId23" Type="http://schemas.openxmlformats.org/officeDocument/2006/relationships/image" Target="../media/image1.jpeg"/><Relationship Id="rId10" Type="http://schemas.openxmlformats.org/officeDocument/2006/relationships/slideLayout" Target="../slideLayouts/slideLayout583.xml"/><Relationship Id="rId19" Type="http://schemas.openxmlformats.org/officeDocument/2006/relationships/slideLayout" Target="../slideLayouts/slideLayout592.xml"/><Relationship Id="rId4" Type="http://schemas.openxmlformats.org/officeDocument/2006/relationships/slideLayout" Target="../slideLayouts/slideLayout577.xml"/><Relationship Id="rId9" Type="http://schemas.openxmlformats.org/officeDocument/2006/relationships/slideLayout" Target="../slideLayouts/slideLayout582.xml"/><Relationship Id="rId14" Type="http://schemas.openxmlformats.org/officeDocument/2006/relationships/slideLayout" Target="../slideLayouts/slideLayout587.xml"/><Relationship Id="rId22" Type="http://schemas.openxmlformats.org/officeDocument/2006/relationships/theme" Target="../theme/theme33.xml"/></Relationships>
</file>

<file path=ppt/slideMasters/_rels/slideMaster34.xml.rels><?xml version="1.0" encoding="UTF-8" standalone="yes"?>
<Relationships xmlns="http://schemas.openxmlformats.org/package/2006/relationships"><Relationship Id="rId8" Type="http://schemas.openxmlformats.org/officeDocument/2006/relationships/slideLayout" Target="../slideLayouts/slideLayout602.xml"/><Relationship Id="rId13" Type="http://schemas.openxmlformats.org/officeDocument/2006/relationships/slideLayout" Target="../slideLayouts/slideLayout607.xml"/><Relationship Id="rId18" Type="http://schemas.openxmlformats.org/officeDocument/2006/relationships/slideLayout" Target="../slideLayouts/slideLayout612.xml"/><Relationship Id="rId3" Type="http://schemas.openxmlformats.org/officeDocument/2006/relationships/slideLayout" Target="../slideLayouts/slideLayout597.xml"/><Relationship Id="rId21" Type="http://schemas.openxmlformats.org/officeDocument/2006/relationships/slideLayout" Target="../slideLayouts/slideLayout615.xml"/><Relationship Id="rId7" Type="http://schemas.openxmlformats.org/officeDocument/2006/relationships/slideLayout" Target="../slideLayouts/slideLayout601.xml"/><Relationship Id="rId12" Type="http://schemas.openxmlformats.org/officeDocument/2006/relationships/slideLayout" Target="../slideLayouts/slideLayout606.xml"/><Relationship Id="rId17" Type="http://schemas.openxmlformats.org/officeDocument/2006/relationships/slideLayout" Target="../slideLayouts/slideLayout611.xml"/><Relationship Id="rId25" Type="http://schemas.openxmlformats.org/officeDocument/2006/relationships/image" Target="../media/image3.png"/><Relationship Id="rId2" Type="http://schemas.openxmlformats.org/officeDocument/2006/relationships/slideLayout" Target="../slideLayouts/slideLayout596.xml"/><Relationship Id="rId16" Type="http://schemas.openxmlformats.org/officeDocument/2006/relationships/slideLayout" Target="../slideLayouts/slideLayout610.xml"/><Relationship Id="rId20" Type="http://schemas.openxmlformats.org/officeDocument/2006/relationships/slideLayout" Target="../slideLayouts/slideLayout614.xml"/><Relationship Id="rId1" Type="http://schemas.openxmlformats.org/officeDocument/2006/relationships/slideLayout" Target="../slideLayouts/slideLayout595.xml"/><Relationship Id="rId6" Type="http://schemas.openxmlformats.org/officeDocument/2006/relationships/slideLayout" Target="../slideLayouts/slideLayout600.xml"/><Relationship Id="rId11" Type="http://schemas.openxmlformats.org/officeDocument/2006/relationships/slideLayout" Target="../slideLayouts/slideLayout605.xml"/><Relationship Id="rId24" Type="http://schemas.openxmlformats.org/officeDocument/2006/relationships/image" Target="../media/image2.png"/><Relationship Id="rId5" Type="http://schemas.openxmlformats.org/officeDocument/2006/relationships/slideLayout" Target="../slideLayouts/slideLayout599.xml"/><Relationship Id="rId15" Type="http://schemas.openxmlformats.org/officeDocument/2006/relationships/slideLayout" Target="../slideLayouts/slideLayout609.xml"/><Relationship Id="rId23" Type="http://schemas.openxmlformats.org/officeDocument/2006/relationships/image" Target="../media/image1.jpeg"/><Relationship Id="rId10" Type="http://schemas.openxmlformats.org/officeDocument/2006/relationships/slideLayout" Target="../slideLayouts/slideLayout604.xml"/><Relationship Id="rId19" Type="http://schemas.openxmlformats.org/officeDocument/2006/relationships/slideLayout" Target="../slideLayouts/slideLayout613.xml"/><Relationship Id="rId4" Type="http://schemas.openxmlformats.org/officeDocument/2006/relationships/slideLayout" Target="../slideLayouts/slideLayout598.xml"/><Relationship Id="rId9" Type="http://schemas.openxmlformats.org/officeDocument/2006/relationships/slideLayout" Target="../slideLayouts/slideLayout603.xml"/><Relationship Id="rId14" Type="http://schemas.openxmlformats.org/officeDocument/2006/relationships/slideLayout" Target="../slideLayouts/slideLayout608.xml"/><Relationship Id="rId22" Type="http://schemas.openxmlformats.org/officeDocument/2006/relationships/theme" Target="../theme/theme34.xml"/></Relationships>
</file>

<file path=ppt/slideMasters/_rels/slideMaster35.xml.rels><?xml version="1.0" encoding="UTF-8" standalone="yes"?>
<Relationships xmlns="http://schemas.openxmlformats.org/package/2006/relationships"><Relationship Id="rId8" Type="http://schemas.openxmlformats.org/officeDocument/2006/relationships/slideLayout" Target="../slideLayouts/slideLayout623.xml"/><Relationship Id="rId13" Type="http://schemas.openxmlformats.org/officeDocument/2006/relationships/slideLayout" Target="../slideLayouts/slideLayout628.xml"/><Relationship Id="rId18" Type="http://schemas.openxmlformats.org/officeDocument/2006/relationships/slideLayout" Target="../slideLayouts/slideLayout633.xml"/><Relationship Id="rId3" Type="http://schemas.openxmlformats.org/officeDocument/2006/relationships/slideLayout" Target="../slideLayouts/slideLayout618.xml"/><Relationship Id="rId21" Type="http://schemas.openxmlformats.org/officeDocument/2006/relationships/image" Target="../media/image1.jpeg"/><Relationship Id="rId7" Type="http://schemas.openxmlformats.org/officeDocument/2006/relationships/slideLayout" Target="../slideLayouts/slideLayout622.xml"/><Relationship Id="rId12" Type="http://schemas.openxmlformats.org/officeDocument/2006/relationships/slideLayout" Target="../slideLayouts/slideLayout627.xml"/><Relationship Id="rId17" Type="http://schemas.openxmlformats.org/officeDocument/2006/relationships/slideLayout" Target="../slideLayouts/slideLayout632.xml"/><Relationship Id="rId2" Type="http://schemas.openxmlformats.org/officeDocument/2006/relationships/slideLayout" Target="../slideLayouts/slideLayout617.xml"/><Relationship Id="rId16" Type="http://schemas.openxmlformats.org/officeDocument/2006/relationships/slideLayout" Target="../slideLayouts/slideLayout631.xml"/><Relationship Id="rId20" Type="http://schemas.openxmlformats.org/officeDocument/2006/relationships/theme" Target="../theme/theme35.xml"/><Relationship Id="rId1" Type="http://schemas.openxmlformats.org/officeDocument/2006/relationships/slideLayout" Target="../slideLayouts/slideLayout616.xml"/><Relationship Id="rId6" Type="http://schemas.openxmlformats.org/officeDocument/2006/relationships/slideLayout" Target="../slideLayouts/slideLayout621.xml"/><Relationship Id="rId11" Type="http://schemas.openxmlformats.org/officeDocument/2006/relationships/slideLayout" Target="../slideLayouts/slideLayout626.xml"/><Relationship Id="rId5" Type="http://schemas.openxmlformats.org/officeDocument/2006/relationships/slideLayout" Target="../slideLayouts/slideLayout620.xml"/><Relationship Id="rId15" Type="http://schemas.openxmlformats.org/officeDocument/2006/relationships/slideLayout" Target="../slideLayouts/slideLayout630.xml"/><Relationship Id="rId23" Type="http://schemas.openxmlformats.org/officeDocument/2006/relationships/image" Target="../media/image3.png"/><Relationship Id="rId10" Type="http://schemas.openxmlformats.org/officeDocument/2006/relationships/slideLayout" Target="../slideLayouts/slideLayout625.xml"/><Relationship Id="rId19" Type="http://schemas.openxmlformats.org/officeDocument/2006/relationships/slideLayout" Target="../slideLayouts/slideLayout634.xml"/><Relationship Id="rId4" Type="http://schemas.openxmlformats.org/officeDocument/2006/relationships/slideLayout" Target="../slideLayouts/slideLayout619.xml"/><Relationship Id="rId9" Type="http://schemas.openxmlformats.org/officeDocument/2006/relationships/slideLayout" Target="../slideLayouts/slideLayout624.xml"/><Relationship Id="rId14" Type="http://schemas.openxmlformats.org/officeDocument/2006/relationships/slideLayout" Target="../slideLayouts/slideLayout629.xml"/><Relationship Id="rId22" Type="http://schemas.openxmlformats.org/officeDocument/2006/relationships/image" Target="../media/image2.png"/></Relationships>
</file>

<file path=ppt/slideMasters/_rels/slideMaster36.xml.rels><?xml version="1.0" encoding="UTF-8" standalone="yes"?>
<Relationships xmlns="http://schemas.openxmlformats.org/package/2006/relationships"><Relationship Id="rId8" Type="http://schemas.openxmlformats.org/officeDocument/2006/relationships/slideLayout" Target="../slideLayouts/slideLayout642.xml"/><Relationship Id="rId13" Type="http://schemas.openxmlformats.org/officeDocument/2006/relationships/slideLayout" Target="../slideLayouts/slideLayout647.xml"/><Relationship Id="rId18" Type="http://schemas.openxmlformats.org/officeDocument/2006/relationships/slideLayout" Target="../slideLayouts/slideLayout652.xml"/><Relationship Id="rId3" Type="http://schemas.openxmlformats.org/officeDocument/2006/relationships/slideLayout" Target="../slideLayouts/slideLayout637.xml"/><Relationship Id="rId21" Type="http://schemas.openxmlformats.org/officeDocument/2006/relationships/image" Target="../media/image1.jpeg"/><Relationship Id="rId7" Type="http://schemas.openxmlformats.org/officeDocument/2006/relationships/slideLayout" Target="../slideLayouts/slideLayout641.xml"/><Relationship Id="rId12" Type="http://schemas.openxmlformats.org/officeDocument/2006/relationships/slideLayout" Target="../slideLayouts/slideLayout646.xml"/><Relationship Id="rId17" Type="http://schemas.openxmlformats.org/officeDocument/2006/relationships/slideLayout" Target="../slideLayouts/slideLayout651.xml"/><Relationship Id="rId2" Type="http://schemas.openxmlformats.org/officeDocument/2006/relationships/slideLayout" Target="../slideLayouts/slideLayout636.xml"/><Relationship Id="rId16" Type="http://schemas.openxmlformats.org/officeDocument/2006/relationships/slideLayout" Target="../slideLayouts/slideLayout650.xml"/><Relationship Id="rId20" Type="http://schemas.openxmlformats.org/officeDocument/2006/relationships/theme" Target="../theme/theme36.xml"/><Relationship Id="rId1" Type="http://schemas.openxmlformats.org/officeDocument/2006/relationships/slideLayout" Target="../slideLayouts/slideLayout635.xml"/><Relationship Id="rId6" Type="http://schemas.openxmlformats.org/officeDocument/2006/relationships/slideLayout" Target="../slideLayouts/slideLayout640.xml"/><Relationship Id="rId11" Type="http://schemas.openxmlformats.org/officeDocument/2006/relationships/slideLayout" Target="../slideLayouts/slideLayout645.xml"/><Relationship Id="rId5" Type="http://schemas.openxmlformats.org/officeDocument/2006/relationships/slideLayout" Target="../slideLayouts/slideLayout639.xml"/><Relationship Id="rId15" Type="http://schemas.openxmlformats.org/officeDocument/2006/relationships/slideLayout" Target="../slideLayouts/slideLayout649.xml"/><Relationship Id="rId23" Type="http://schemas.openxmlformats.org/officeDocument/2006/relationships/image" Target="../media/image3.png"/><Relationship Id="rId10" Type="http://schemas.openxmlformats.org/officeDocument/2006/relationships/slideLayout" Target="../slideLayouts/slideLayout644.xml"/><Relationship Id="rId19" Type="http://schemas.openxmlformats.org/officeDocument/2006/relationships/slideLayout" Target="../slideLayouts/slideLayout653.xml"/><Relationship Id="rId4" Type="http://schemas.openxmlformats.org/officeDocument/2006/relationships/slideLayout" Target="../slideLayouts/slideLayout638.xml"/><Relationship Id="rId9" Type="http://schemas.openxmlformats.org/officeDocument/2006/relationships/slideLayout" Target="../slideLayouts/slideLayout643.xml"/><Relationship Id="rId14" Type="http://schemas.openxmlformats.org/officeDocument/2006/relationships/slideLayout" Target="../slideLayouts/slideLayout648.xml"/><Relationship Id="rId22" Type="http://schemas.openxmlformats.org/officeDocument/2006/relationships/image" Target="../media/image2.png"/></Relationships>
</file>

<file path=ppt/slideMasters/_rels/slideMaster37.xml.rels><?xml version="1.0" encoding="UTF-8" standalone="yes"?>
<Relationships xmlns="http://schemas.openxmlformats.org/package/2006/relationships"><Relationship Id="rId8" Type="http://schemas.openxmlformats.org/officeDocument/2006/relationships/slideLayout" Target="../slideLayouts/slideLayout661.xml"/><Relationship Id="rId13" Type="http://schemas.openxmlformats.org/officeDocument/2006/relationships/slideLayout" Target="../slideLayouts/slideLayout666.xml"/><Relationship Id="rId18" Type="http://schemas.openxmlformats.org/officeDocument/2006/relationships/slideLayout" Target="../slideLayouts/slideLayout671.xml"/><Relationship Id="rId3" Type="http://schemas.openxmlformats.org/officeDocument/2006/relationships/slideLayout" Target="../slideLayouts/slideLayout656.xml"/><Relationship Id="rId21" Type="http://schemas.openxmlformats.org/officeDocument/2006/relationships/image" Target="../media/image1.jpeg"/><Relationship Id="rId7" Type="http://schemas.openxmlformats.org/officeDocument/2006/relationships/slideLayout" Target="../slideLayouts/slideLayout660.xml"/><Relationship Id="rId12" Type="http://schemas.openxmlformats.org/officeDocument/2006/relationships/slideLayout" Target="../slideLayouts/slideLayout665.xml"/><Relationship Id="rId17" Type="http://schemas.openxmlformats.org/officeDocument/2006/relationships/slideLayout" Target="../slideLayouts/slideLayout670.xml"/><Relationship Id="rId2" Type="http://schemas.openxmlformats.org/officeDocument/2006/relationships/slideLayout" Target="../slideLayouts/slideLayout655.xml"/><Relationship Id="rId16" Type="http://schemas.openxmlformats.org/officeDocument/2006/relationships/slideLayout" Target="../slideLayouts/slideLayout669.xml"/><Relationship Id="rId20" Type="http://schemas.openxmlformats.org/officeDocument/2006/relationships/theme" Target="../theme/theme37.xml"/><Relationship Id="rId1" Type="http://schemas.openxmlformats.org/officeDocument/2006/relationships/slideLayout" Target="../slideLayouts/slideLayout654.xml"/><Relationship Id="rId6" Type="http://schemas.openxmlformats.org/officeDocument/2006/relationships/slideLayout" Target="../slideLayouts/slideLayout659.xml"/><Relationship Id="rId11" Type="http://schemas.openxmlformats.org/officeDocument/2006/relationships/slideLayout" Target="../slideLayouts/slideLayout664.xml"/><Relationship Id="rId5" Type="http://schemas.openxmlformats.org/officeDocument/2006/relationships/slideLayout" Target="../slideLayouts/slideLayout658.xml"/><Relationship Id="rId15" Type="http://schemas.openxmlformats.org/officeDocument/2006/relationships/slideLayout" Target="../slideLayouts/slideLayout668.xml"/><Relationship Id="rId23" Type="http://schemas.openxmlformats.org/officeDocument/2006/relationships/image" Target="../media/image3.png"/><Relationship Id="rId10" Type="http://schemas.openxmlformats.org/officeDocument/2006/relationships/slideLayout" Target="../slideLayouts/slideLayout663.xml"/><Relationship Id="rId19" Type="http://schemas.openxmlformats.org/officeDocument/2006/relationships/slideLayout" Target="../slideLayouts/slideLayout672.xml"/><Relationship Id="rId4" Type="http://schemas.openxmlformats.org/officeDocument/2006/relationships/slideLayout" Target="../slideLayouts/slideLayout657.xml"/><Relationship Id="rId9" Type="http://schemas.openxmlformats.org/officeDocument/2006/relationships/slideLayout" Target="../slideLayouts/slideLayout662.xml"/><Relationship Id="rId14" Type="http://schemas.openxmlformats.org/officeDocument/2006/relationships/slideLayout" Target="../slideLayouts/slideLayout667.xml"/><Relationship Id="rId22" Type="http://schemas.openxmlformats.org/officeDocument/2006/relationships/image" Target="../media/image2.png"/></Relationships>
</file>

<file path=ppt/slideMasters/_rels/slideMaster38.xml.rels><?xml version="1.0" encoding="UTF-8" standalone="yes"?>
<Relationships xmlns="http://schemas.openxmlformats.org/package/2006/relationships"><Relationship Id="rId8" Type="http://schemas.openxmlformats.org/officeDocument/2006/relationships/slideLayout" Target="../slideLayouts/slideLayout680.xml"/><Relationship Id="rId13" Type="http://schemas.openxmlformats.org/officeDocument/2006/relationships/slideLayout" Target="../slideLayouts/slideLayout685.xml"/><Relationship Id="rId18" Type="http://schemas.openxmlformats.org/officeDocument/2006/relationships/slideLayout" Target="../slideLayouts/slideLayout690.xml"/><Relationship Id="rId3" Type="http://schemas.openxmlformats.org/officeDocument/2006/relationships/slideLayout" Target="../slideLayouts/slideLayout675.xml"/><Relationship Id="rId21" Type="http://schemas.openxmlformats.org/officeDocument/2006/relationships/image" Target="../media/image1.jpeg"/><Relationship Id="rId7" Type="http://schemas.openxmlformats.org/officeDocument/2006/relationships/slideLayout" Target="../slideLayouts/slideLayout679.xml"/><Relationship Id="rId12" Type="http://schemas.openxmlformats.org/officeDocument/2006/relationships/slideLayout" Target="../slideLayouts/slideLayout684.xml"/><Relationship Id="rId17" Type="http://schemas.openxmlformats.org/officeDocument/2006/relationships/slideLayout" Target="../slideLayouts/slideLayout689.xml"/><Relationship Id="rId2" Type="http://schemas.openxmlformats.org/officeDocument/2006/relationships/slideLayout" Target="../slideLayouts/slideLayout674.xml"/><Relationship Id="rId16" Type="http://schemas.openxmlformats.org/officeDocument/2006/relationships/slideLayout" Target="../slideLayouts/slideLayout688.xml"/><Relationship Id="rId20" Type="http://schemas.openxmlformats.org/officeDocument/2006/relationships/theme" Target="../theme/theme38.xml"/><Relationship Id="rId1" Type="http://schemas.openxmlformats.org/officeDocument/2006/relationships/slideLayout" Target="../slideLayouts/slideLayout673.xml"/><Relationship Id="rId6" Type="http://schemas.openxmlformats.org/officeDocument/2006/relationships/slideLayout" Target="../slideLayouts/slideLayout678.xml"/><Relationship Id="rId11" Type="http://schemas.openxmlformats.org/officeDocument/2006/relationships/slideLayout" Target="../slideLayouts/slideLayout683.xml"/><Relationship Id="rId5" Type="http://schemas.openxmlformats.org/officeDocument/2006/relationships/slideLayout" Target="../slideLayouts/slideLayout677.xml"/><Relationship Id="rId15" Type="http://schemas.openxmlformats.org/officeDocument/2006/relationships/slideLayout" Target="../slideLayouts/slideLayout687.xml"/><Relationship Id="rId23" Type="http://schemas.openxmlformats.org/officeDocument/2006/relationships/image" Target="../media/image3.png"/><Relationship Id="rId10" Type="http://schemas.openxmlformats.org/officeDocument/2006/relationships/slideLayout" Target="../slideLayouts/slideLayout682.xml"/><Relationship Id="rId19" Type="http://schemas.openxmlformats.org/officeDocument/2006/relationships/slideLayout" Target="../slideLayouts/slideLayout691.xml"/><Relationship Id="rId4" Type="http://schemas.openxmlformats.org/officeDocument/2006/relationships/slideLayout" Target="../slideLayouts/slideLayout676.xml"/><Relationship Id="rId9" Type="http://schemas.openxmlformats.org/officeDocument/2006/relationships/slideLayout" Target="../slideLayouts/slideLayout681.xml"/><Relationship Id="rId14" Type="http://schemas.openxmlformats.org/officeDocument/2006/relationships/slideLayout" Target="../slideLayouts/slideLayout686.xml"/><Relationship Id="rId22" Type="http://schemas.openxmlformats.org/officeDocument/2006/relationships/image" Target="../media/image2.png"/></Relationships>
</file>

<file path=ppt/slideMasters/_rels/slideMaster39.xml.rels><?xml version="1.0" encoding="UTF-8" standalone="yes"?>
<Relationships xmlns="http://schemas.openxmlformats.org/package/2006/relationships"><Relationship Id="rId8" Type="http://schemas.openxmlformats.org/officeDocument/2006/relationships/slideLayout" Target="../slideLayouts/slideLayout699.xml"/><Relationship Id="rId13" Type="http://schemas.openxmlformats.org/officeDocument/2006/relationships/slideLayout" Target="../slideLayouts/slideLayout704.xml"/><Relationship Id="rId18" Type="http://schemas.openxmlformats.org/officeDocument/2006/relationships/slideLayout" Target="../slideLayouts/slideLayout709.xml"/><Relationship Id="rId3" Type="http://schemas.openxmlformats.org/officeDocument/2006/relationships/slideLayout" Target="../slideLayouts/slideLayout694.xml"/><Relationship Id="rId21" Type="http://schemas.openxmlformats.org/officeDocument/2006/relationships/image" Target="../media/image1.jpeg"/><Relationship Id="rId7" Type="http://schemas.openxmlformats.org/officeDocument/2006/relationships/slideLayout" Target="../slideLayouts/slideLayout698.xml"/><Relationship Id="rId12" Type="http://schemas.openxmlformats.org/officeDocument/2006/relationships/slideLayout" Target="../slideLayouts/slideLayout703.xml"/><Relationship Id="rId17" Type="http://schemas.openxmlformats.org/officeDocument/2006/relationships/slideLayout" Target="../slideLayouts/slideLayout708.xml"/><Relationship Id="rId2" Type="http://schemas.openxmlformats.org/officeDocument/2006/relationships/slideLayout" Target="../slideLayouts/slideLayout693.xml"/><Relationship Id="rId16" Type="http://schemas.openxmlformats.org/officeDocument/2006/relationships/slideLayout" Target="../slideLayouts/slideLayout707.xml"/><Relationship Id="rId20" Type="http://schemas.openxmlformats.org/officeDocument/2006/relationships/theme" Target="../theme/theme39.xml"/><Relationship Id="rId1" Type="http://schemas.openxmlformats.org/officeDocument/2006/relationships/slideLayout" Target="../slideLayouts/slideLayout692.xml"/><Relationship Id="rId6" Type="http://schemas.openxmlformats.org/officeDocument/2006/relationships/slideLayout" Target="../slideLayouts/slideLayout697.xml"/><Relationship Id="rId11" Type="http://schemas.openxmlformats.org/officeDocument/2006/relationships/slideLayout" Target="../slideLayouts/slideLayout702.xml"/><Relationship Id="rId5" Type="http://schemas.openxmlformats.org/officeDocument/2006/relationships/slideLayout" Target="../slideLayouts/slideLayout696.xml"/><Relationship Id="rId15" Type="http://schemas.openxmlformats.org/officeDocument/2006/relationships/slideLayout" Target="../slideLayouts/slideLayout706.xml"/><Relationship Id="rId23" Type="http://schemas.openxmlformats.org/officeDocument/2006/relationships/image" Target="../media/image3.png"/><Relationship Id="rId10" Type="http://schemas.openxmlformats.org/officeDocument/2006/relationships/slideLayout" Target="../slideLayouts/slideLayout701.xml"/><Relationship Id="rId19" Type="http://schemas.openxmlformats.org/officeDocument/2006/relationships/slideLayout" Target="../slideLayouts/slideLayout710.xml"/><Relationship Id="rId4" Type="http://schemas.openxmlformats.org/officeDocument/2006/relationships/slideLayout" Target="../slideLayouts/slideLayout695.xml"/><Relationship Id="rId9" Type="http://schemas.openxmlformats.org/officeDocument/2006/relationships/slideLayout" Target="../slideLayouts/slideLayout700.xml"/><Relationship Id="rId14" Type="http://schemas.openxmlformats.org/officeDocument/2006/relationships/slideLayout" Target="../slideLayouts/slideLayout705.xml"/><Relationship Id="rId22" Type="http://schemas.openxmlformats.org/officeDocument/2006/relationships/image" Target="../media/image2.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8.xml"/><Relationship Id="rId13" Type="http://schemas.openxmlformats.org/officeDocument/2006/relationships/slideLayout" Target="../slideLayouts/slideLayout73.xml"/><Relationship Id="rId18" Type="http://schemas.openxmlformats.org/officeDocument/2006/relationships/slideLayout" Target="../slideLayouts/slideLayout78.xml"/><Relationship Id="rId3" Type="http://schemas.openxmlformats.org/officeDocument/2006/relationships/slideLayout" Target="../slideLayouts/slideLayout63.xml"/><Relationship Id="rId21" Type="http://schemas.openxmlformats.org/officeDocument/2006/relationships/slideLayout" Target="../slideLayouts/slideLayout81.xml"/><Relationship Id="rId7" Type="http://schemas.openxmlformats.org/officeDocument/2006/relationships/slideLayout" Target="../slideLayouts/slideLayout67.xml"/><Relationship Id="rId12" Type="http://schemas.openxmlformats.org/officeDocument/2006/relationships/slideLayout" Target="../slideLayouts/slideLayout72.xml"/><Relationship Id="rId17" Type="http://schemas.openxmlformats.org/officeDocument/2006/relationships/slideLayout" Target="../slideLayouts/slideLayout77.xml"/><Relationship Id="rId25" Type="http://schemas.openxmlformats.org/officeDocument/2006/relationships/image" Target="../media/image3.png"/><Relationship Id="rId2" Type="http://schemas.openxmlformats.org/officeDocument/2006/relationships/slideLayout" Target="../slideLayouts/slideLayout62.xml"/><Relationship Id="rId16" Type="http://schemas.openxmlformats.org/officeDocument/2006/relationships/slideLayout" Target="../slideLayouts/slideLayout76.xml"/><Relationship Id="rId20" Type="http://schemas.openxmlformats.org/officeDocument/2006/relationships/slideLayout" Target="../slideLayouts/slideLayout80.xml"/><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24" Type="http://schemas.openxmlformats.org/officeDocument/2006/relationships/image" Target="../media/image2.png"/><Relationship Id="rId5" Type="http://schemas.openxmlformats.org/officeDocument/2006/relationships/slideLayout" Target="../slideLayouts/slideLayout65.xml"/><Relationship Id="rId15" Type="http://schemas.openxmlformats.org/officeDocument/2006/relationships/slideLayout" Target="../slideLayouts/slideLayout75.xml"/><Relationship Id="rId23" Type="http://schemas.openxmlformats.org/officeDocument/2006/relationships/image" Target="../media/image1.jpeg"/><Relationship Id="rId10" Type="http://schemas.openxmlformats.org/officeDocument/2006/relationships/slideLayout" Target="../slideLayouts/slideLayout70.xml"/><Relationship Id="rId19" Type="http://schemas.openxmlformats.org/officeDocument/2006/relationships/slideLayout" Target="../slideLayouts/slideLayout79.xml"/><Relationship Id="rId4" Type="http://schemas.openxmlformats.org/officeDocument/2006/relationships/slideLayout" Target="../slideLayouts/slideLayout64.xml"/><Relationship Id="rId9" Type="http://schemas.openxmlformats.org/officeDocument/2006/relationships/slideLayout" Target="../slideLayouts/slideLayout69.xml"/><Relationship Id="rId14" Type="http://schemas.openxmlformats.org/officeDocument/2006/relationships/slideLayout" Target="../slideLayouts/slideLayout74.xml"/><Relationship Id="rId22" Type="http://schemas.openxmlformats.org/officeDocument/2006/relationships/theme" Target="../theme/theme4.xml"/></Relationships>
</file>

<file path=ppt/slideMasters/_rels/slideMaster40.xml.rels><?xml version="1.0" encoding="UTF-8" standalone="yes"?>
<Relationships xmlns="http://schemas.openxmlformats.org/package/2006/relationships"><Relationship Id="rId8" Type="http://schemas.openxmlformats.org/officeDocument/2006/relationships/slideLayout" Target="../slideLayouts/slideLayout718.xml"/><Relationship Id="rId13" Type="http://schemas.openxmlformats.org/officeDocument/2006/relationships/slideLayout" Target="../slideLayouts/slideLayout723.xml"/><Relationship Id="rId18" Type="http://schemas.openxmlformats.org/officeDocument/2006/relationships/slideLayout" Target="../slideLayouts/slideLayout728.xml"/><Relationship Id="rId3" Type="http://schemas.openxmlformats.org/officeDocument/2006/relationships/slideLayout" Target="../slideLayouts/slideLayout713.xml"/><Relationship Id="rId21" Type="http://schemas.openxmlformats.org/officeDocument/2006/relationships/image" Target="../media/image1.jpeg"/><Relationship Id="rId7" Type="http://schemas.openxmlformats.org/officeDocument/2006/relationships/slideLayout" Target="../slideLayouts/slideLayout717.xml"/><Relationship Id="rId12" Type="http://schemas.openxmlformats.org/officeDocument/2006/relationships/slideLayout" Target="../slideLayouts/slideLayout722.xml"/><Relationship Id="rId17" Type="http://schemas.openxmlformats.org/officeDocument/2006/relationships/slideLayout" Target="../slideLayouts/slideLayout727.xml"/><Relationship Id="rId2" Type="http://schemas.openxmlformats.org/officeDocument/2006/relationships/slideLayout" Target="../slideLayouts/slideLayout712.xml"/><Relationship Id="rId16" Type="http://schemas.openxmlformats.org/officeDocument/2006/relationships/slideLayout" Target="../slideLayouts/slideLayout726.xml"/><Relationship Id="rId20" Type="http://schemas.openxmlformats.org/officeDocument/2006/relationships/theme" Target="../theme/theme40.xml"/><Relationship Id="rId1" Type="http://schemas.openxmlformats.org/officeDocument/2006/relationships/slideLayout" Target="../slideLayouts/slideLayout711.xml"/><Relationship Id="rId6" Type="http://schemas.openxmlformats.org/officeDocument/2006/relationships/slideLayout" Target="../slideLayouts/slideLayout716.xml"/><Relationship Id="rId11" Type="http://schemas.openxmlformats.org/officeDocument/2006/relationships/slideLayout" Target="../slideLayouts/slideLayout721.xml"/><Relationship Id="rId5" Type="http://schemas.openxmlformats.org/officeDocument/2006/relationships/slideLayout" Target="../slideLayouts/slideLayout715.xml"/><Relationship Id="rId15" Type="http://schemas.openxmlformats.org/officeDocument/2006/relationships/slideLayout" Target="../slideLayouts/slideLayout725.xml"/><Relationship Id="rId23" Type="http://schemas.openxmlformats.org/officeDocument/2006/relationships/image" Target="../media/image3.png"/><Relationship Id="rId10" Type="http://schemas.openxmlformats.org/officeDocument/2006/relationships/slideLayout" Target="../slideLayouts/slideLayout720.xml"/><Relationship Id="rId19" Type="http://schemas.openxmlformats.org/officeDocument/2006/relationships/slideLayout" Target="../slideLayouts/slideLayout729.xml"/><Relationship Id="rId4" Type="http://schemas.openxmlformats.org/officeDocument/2006/relationships/slideLayout" Target="../slideLayouts/slideLayout714.xml"/><Relationship Id="rId9" Type="http://schemas.openxmlformats.org/officeDocument/2006/relationships/slideLayout" Target="../slideLayouts/slideLayout719.xml"/><Relationship Id="rId14" Type="http://schemas.openxmlformats.org/officeDocument/2006/relationships/slideLayout" Target="../slideLayouts/slideLayout724.xml"/><Relationship Id="rId22" Type="http://schemas.openxmlformats.org/officeDocument/2006/relationships/image" Target="../media/image2.png"/></Relationships>
</file>

<file path=ppt/slideMasters/_rels/slideMaster41.xml.rels><?xml version="1.0" encoding="UTF-8" standalone="yes"?>
<Relationships xmlns="http://schemas.openxmlformats.org/package/2006/relationships"><Relationship Id="rId8" Type="http://schemas.openxmlformats.org/officeDocument/2006/relationships/slideLayout" Target="../slideLayouts/slideLayout737.xml"/><Relationship Id="rId13" Type="http://schemas.openxmlformats.org/officeDocument/2006/relationships/slideLayout" Target="../slideLayouts/slideLayout742.xml"/><Relationship Id="rId18" Type="http://schemas.openxmlformats.org/officeDocument/2006/relationships/slideLayout" Target="../slideLayouts/slideLayout747.xml"/><Relationship Id="rId3" Type="http://schemas.openxmlformats.org/officeDocument/2006/relationships/slideLayout" Target="../slideLayouts/slideLayout732.xml"/><Relationship Id="rId21" Type="http://schemas.openxmlformats.org/officeDocument/2006/relationships/image" Target="../media/image1.jpeg"/><Relationship Id="rId7" Type="http://schemas.openxmlformats.org/officeDocument/2006/relationships/slideLayout" Target="../slideLayouts/slideLayout736.xml"/><Relationship Id="rId12" Type="http://schemas.openxmlformats.org/officeDocument/2006/relationships/slideLayout" Target="../slideLayouts/slideLayout741.xml"/><Relationship Id="rId17" Type="http://schemas.openxmlformats.org/officeDocument/2006/relationships/slideLayout" Target="../slideLayouts/slideLayout746.xml"/><Relationship Id="rId2" Type="http://schemas.openxmlformats.org/officeDocument/2006/relationships/slideLayout" Target="../slideLayouts/slideLayout731.xml"/><Relationship Id="rId16" Type="http://schemas.openxmlformats.org/officeDocument/2006/relationships/slideLayout" Target="../slideLayouts/slideLayout745.xml"/><Relationship Id="rId20" Type="http://schemas.openxmlformats.org/officeDocument/2006/relationships/theme" Target="../theme/theme41.xml"/><Relationship Id="rId1" Type="http://schemas.openxmlformats.org/officeDocument/2006/relationships/slideLayout" Target="../slideLayouts/slideLayout730.xml"/><Relationship Id="rId6" Type="http://schemas.openxmlformats.org/officeDocument/2006/relationships/slideLayout" Target="../slideLayouts/slideLayout735.xml"/><Relationship Id="rId11" Type="http://schemas.openxmlformats.org/officeDocument/2006/relationships/slideLayout" Target="../slideLayouts/slideLayout740.xml"/><Relationship Id="rId5" Type="http://schemas.openxmlformats.org/officeDocument/2006/relationships/slideLayout" Target="../slideLayouts/slideLayout734.xml"/><Relationship Id="rId15" Type="http://schemas.openxmlformats.org/officeDocument/2006/relationships/slideLayout" Target="../slideLayouts/slideLayout744.xml"/><Relationship Id="rId23" Type="http://schemas.openxmlformats.org/officeDocument/2006/relationships/image" Target="../media/image3.png"/><Relationship Id="rId10" Type="http://schemas.openxmlformats.org/officeDocument/2006/relationships/slideLayout" Target="../slideLayouts/slideLayout739.xml"/><Relationship Id="rId19" Type="http://schemas.openxmlformats.org/officeDocument/2006/relationships/slideLayout" Target="../slideLayouts/slideLayout748.xml"/><Relationship Id="rId4" Type="http://schemas.openxmlformats.org/officeDocument/2006/relationships/slideLayout" Target="../slideLayouts/slideLayout733.xml"/><Relationship Id="rId9" Type="http://schemas.openxmlformats.org/officeDocument/2006/relationships/slideLayout" Target="../slideLayouts/slideLayout738.xml"/><Relationship Id="rId14" Type="http://schemas.openxmlformats.org/officeDocument/2006/relationships/slideLayout" Target="../slideLayouts/slideLayout743.xml"/><Relationship Id="rId22" Type="http://schemas.openxmlformats.org/officeDocument/2006/relationships/image" Target="../media/image2.png"/></Relationships>
</file>

<file path=ppt/slideMasters/_rels/slideMaster42.xml.rels><?xml version="1.0" encoding="UTF-8" standalone="yes"?>
<Relationships xmlns="http://schemas.openxmlformats.org/package/2006/relationships"><Relationship Id="rId8" Type="http://schemas.openxmlformats.org/officeDocument/2006/relationships/slideLayout" Target="../slideLayouts/slideLayout756.xml"/><Relationship Id="rId13" Type="http://schemas.openxmlformats.org/officeDocument/2006/relationships/slideLayout" Target="../slideLayouts/slideLayout761.xml"/><Relationship Id="rId18" Type="http://schemas.openxmlformats.org/officeDocument/2006/relationships/slideLayout" Target="../slideLayouts/slideLayout766.xml"/><Relationship Id="rId3" Type="http://schemas.openxmlformats.org/officeDocument/2006/relationships/slideLayout" Target="../slideLayouts/slideLayout751.xml"/><Relationship Id="rId21" Type="http://schemas.openxmlformats.org/officeDocument/2006/relationships/image" Target="../media/image1.jpeg"/><Relationship Id="rId7" Type="http://schemas.openxmlformats.org/officeDocument/2006/relationships/slideLayout" Target="../slideLayouts/slideLayout755.xml"/><Relationship Id="rId12" Type="http://schemas.openxmlformats.org/officeDocument/2006/relationships/slideLayout" Target="../slideLayouts/slideLayout760.xml"/><Relationship Id="rId17" Type="http://schemas.openxmlformats.org/officeDocument/2006/relationships/slideLayout" Target="../slideLayouts/slideLayout765.xml"/><Relationship Id="rId2" Type="http://schemas.openxmlformats.org/officeDocument/2006/relationships/slideLayout" Target="../slideLayouts/slideLayout750.xml"/><Relationship Id="rId16" Type="http://schemas.openxmlformats.org/officeDocument/2006/relationships/slideLayout" Target="../slideLayouts/slideLayout764.xml"/><Relationship Id="rId20" Type="http://schemas.openxmlformats.org/officeDocument/2006/relationships/theme" Target="../theme/theme42.xml"/><Relationship Id="rId1" Type="http://schemas.openxmlformats.org/officeDocument/2006/relationships/slideLayout" Target="../slideLayouts/slideLayout749.xml"/><Relationship Id="rId6" Type="http://schemas.openxmlformats.org/officeDocument/2006/relationships/slideLayout" Target="../slideLayouts/slideLayout754.xml"/><Relationship Id="rId11" Type="http://schemas.openxmlformats.org/officeDocument/2006/relationships/slideLayout" Target="../slideLayouts/slideLayout759.xml"/><Relationship Id="rId5" Type="http://schemas.openxmlformats.org/officeDocument/2006/relationships/slideLayout" Target="../slideLayouts/slideLayout753.xml"/><Relationship Id="rId15" Type="http://schemas.openxmlformats.org/officeDocument/2006/relationships/slideLayout" Target="../slideLayouts/slideLayout763.xml"/><Relationship Id="rId23" Type="http://schemas.openxmlformats.org/officeDocument/2006/relationships/image" Target="../media/image3.png"/><Relationship Id="rId10" Type="http://schemas.openxmlformats.org/officeDocument/2006/relationships/slideLayout" Target="../slideLayouts/slideLayout758.xml"/><Relationship Id="rId19" Type="http://schemas.openxmlformats.org/officeDocument/2006/relationships/slideLayout" Target="../slideLayouts/slideLayout767.xml"/><Relationship Id="rId4" Type="http://schemas.openxmlformats.org/officeDocument/2006/relationships/slideLayout" Target="../slideLayouts/slideLayout752.xml"/><Relationship Id="rId9" Type="http://schemas.openxmlformats.org/officeDocument/2006/relationships/slideLayout" Target="../slideLayouts/slideLayout757.xml"/><Relationship Id="rId14" Type="http://schemas.openxmlformats.org/officeDocument/2006/relationships/slideLayout" Target="../slideLayouts/slideLayout762.xml"/><Relationship Id="rId22" Type="http://schemas.openxmlformats.org/officeDocument/2006/relationships/image" Target="../media/image2.png"/></Relationships>
</file>

<file path=ppt/slideMasters/_rels/slideMaster43.xml.rels><?xml version="1.0" encoding="UTF-8" standalone="yes"?>
<Relationships xmlns="http://schemas.openxmlformats.org/package/2006/relationships"><Relationship Id="rId8" Type="http://schemas.openxmlformats.org/officeDocument/2006/relationships/slideLayout" Target="../slideLayouts/slideLayout775.xml"/><Relationship Id="rId13" Type="http://schemas.openxmlformats.org/officeDocument/2006/relationships/slideLayout" Target="../slideLayouts/slideLayout780.xml"/><Relationship Id="rId18" Type="http://schemas.openxmlformats.org/officeDocument/2006/relationships/theme" Target="../theme/theme43.xml"/><Relationship Id="rId3" Type="http://schemas.openxmlformats.org/officeDocument/2006/relationships/slideLayout" Target="../slideLayouts/slideLayout770.xml"/><Relationship Id="rId21" Type="http://schemas.openxmlformats.org/officeDocument/2006/relationships/image" Target="../media/image3.png"/><Relationship Id="rId7" Type="http://schemas.openxmlformats.org/officeDocument/2006/relationships/slideLayout" Target="../slideLayouts/slideLayout774.xml"/><Relationship Id="rId12" Type="http://schemas.openxmlformats.org/officeDocument/2006/relationships/slideLayout" Target="../slideLayouts/slideLayout779.xml"/><Relationship Id="rId17" Type="http://schemas.openxmlformats.org/officeDocument/2006/relationships/slideLayout" Target="../slideLayouts/slideLayout784.xml"/><Relationship Id="rId2" Type="http://schemas.openxmlformats.org/officeDocument/2006/relationships/slideLayout" Target="../slideLayouts/slideLayout769.xml"/><Relationship Id="rId16" Type="http://schemas.openxmlformats.org/officeDocument/2006/relationships/slideLayout" Target="../slideLayouts/slideLayout783.xml"/><Relationship Id="rId20" Type="http://schemas.openxmlformats.org/officeDocument/2006/relationships/image" Target="../media/image2.png"/><Relationship Id="rId1" Type="http://schemas.openxmlformats.org/officeDocument/2006/relationships/slideLayout" Target="../slideLayouts/slideLayout768.xml"/><Relationship Id="rId6" Type="http://schemas.openxmlformats.org/officeDocument/2006/relationships/slideLayout" Target="../slideLayouts/slideLayout773.xml"/><Relationship Id="rId11" Type="http://schemas.openxmlformats.org/officeDocument/2006/relationships/slideLayout" Target="../slideLayouts/slideLayout778.xml"/><Relationship Id="rId5" Type="http://schemas.openxmlformats.org/officeDocument/2006/relationships/slideLayout" Target="../slideLayouts/slideLayout772.xml"/><Relationship Id="rId15" Type="http://schemas.openxmlformats.org/officeDocument/2006/relationships/slideLayout" Target="../slideLayouts/slideLayout782.xml"/><Relationship Id="rId10" Type="http://schemas.openxmlformats.org/officeDocument/2006/relationships/slideLayout" Target="../slideLayouts/slideLayout777.xml"/><Relationship Id="rId19" Type="http://schemas.openxmlformats.org/officeDocument/2006/relationships/image" Target="../media/image1.jpeg"/><Relationship Id="rId4" Type="http://schemas.openxmlformats.org/officeDocument/2006/relationships/slideLayout" Target="../slideLayouts/slideLayout771.xml"/><Relationship Id="rId9" Type="http://schemas.openxmlformats.org/officeDocument/2006/relationships/slideLayout" Target="../slideLayouts/slideLayout776.xml"/><Relationship Id="rId14" Type="http://schemas.openxmlformats.org/officeDocument/2006/relationships/slideLayout" Target="../slideLayouts/slideLayout781.xml"/></Relationships>
</file>

<file path=ppt/slideMasters/_rels/slideMaster44.xml.rels><?xml version="1.0" encoding="UTF-8" standalone="yes"?>
<Relationships xmlns="http://schemas.openxmlformats.org/package/2006/relationships"><Relationship Id="rId8" Type="http://schemas.openxmlformats.org/officeDocument/2006/relationships/slideLayout" Target="../slideLayouts/slideLayout792.xml"/><Relationship Id="rId13" Type="http://schemas.openxmlformats.org/officeDocument/2006/relationships/slideLayout" Target="../slideLayouts/slideLayout797.xml"/><Relationship Id="rId18" Type="http://schemas.openxmlformats.org/officeDocument/2006/relationships/theme" Target="../theme/theme44.xml"/><Relationship Id="rId3" Type="http://schemas.openxmlformats.org/officeDocument/2006/relationships/slideLayout" Target="../slideLayouts/slideLayout787.xml"/><Relationship Id="rId21" Type="http://schemas.openxmlformats.org/officeDocument/2006/relationships/image" Target="../media/image3.png"/><Relationship Id="rId7" Type="http://schemas.openxmlformats.org/officeDocument/2006/relationships/slideLayout" Target="../slideLayouts/slideLayout791.xml"/><Relationship Id="rId12" Type="http://schemas.openxmlformats.org/officeDocument/2006/relationships/slideLayout" Target="../slideLayouts/slideLayout796.xml"/><Relationship Id="rId17" Type="http://schemas.openxmlformats.org/officeDocument/2006/relationships/slideLayout" Target="../slideLayouts/slideLayout801.xml"/><Relationship Id="rId2" Type="http://schemas.openxmlformats.org/officeDocument/2006/relationships/slideLayout" Target="../slideLayouts/slideLayout786.xml"/><Relationship Id="rId16" Type="http://schemas.openxmlformats.org/officeDocument/2006/relationships/slideLayout" Target="../slideLayouts/slideLayout800.xml"/><Relationship Id="rId20" Type="http://schemas.openxmlformats.org/officeDocument/2006/relationships/image" Target="../media/image2.png"/><Relationship Id="rId1" Type="http://schemas.openxmlformats.org/officeDocument/2006/relationships/slideLayout" Target="../slideLayouts/slideLayout785.xml"/><Relationship Id="rId6" Type="http://schemas.openxmlformats.org/officeDocument/2006/relationships/slideLayout" Target="../slideLayouts/slideLayout790.xml"/><Relationship Id="rId11" Type="http://schemas.openxmlformats.org/officeDocument/2006/relationships/slideLayout" Target="../slideLayouts/slideLayout795.xml"/><Relationship Id="rId5" Type="http://schemas.openxmlformats.org/officeDocument/2006/relationships/slideLayout" Target="../slideLayouts/slideLayout789.xml"/><Relationship Id="rId15" Type="http://schemas.openxmlformats.org/officeDocument/2006/relationships/slideLayout" Target="../slideLayouts/slideLayout799.xml"/><Relationship Id="rId10" Type="http://schemas.openxmlformats.org/officeDocument/2006/relationships/slideLayout" Target="../slideLayouts/slideLayout794.xml"/><Relationship Id="rId19" Type="http://schemas.openxmlformats.org/officeDocument/2006/relationships/image" Target="../media/image1.jpeg"/><Relationship Id="rId4" Type="http://schemas.openxmlformats.org/officeDocument/2006/relationships/slideLayout" Target="../slideLayouts/slideLayout788.xml"/><Relationship Id="rId9" Type="http://schemas.openxmlformats.org/officeDocument/2006/relationships/slideLayout" Target="../slideLayouts/slideLayout793.xml"/><Relationship Id="rId14" Type="http://schemas.openxmlformats.org/officeDocument/2006/relationships/slideLayout" Target="../slideLayouts/slideLayout798.xml"/></Relationships>
</file>

<file path=ppt/slideMasters/_rels/slideMaster45.xml.rels><?xml version="1.0" encoding="UTF-8" standalone="yes"?>
<Relationships xmlns="http://schemas.openxmlformats.org/package/2006/relationships"><Relationship Id="rId3" Type="http://schemas.openxmlformats.org/officeDocument/2006/relationships/slideLayout" Target="../slideLayouts/slideLayout804.xml"/><Relationship Id="rId2" Type="http://schemas.openxmlformats.org/officeDocument/2006/relationships/slideLayout" Target="../slideLayouts/slideLayout803.xml"/><Relationship Id="rId1" Type="http://schemas.openxmlformats.org/officeDocument/2006/relationships/slideLayout" Target="../slideLayouts/slideLayout802.xml"/><Relationship Id="rId6" Type="http://schemas.openxmlformats.org/officeDocument/2006/relationships/image" Target="../media/image3.png"/><Relationship Id="rId5" Type="http://schemas.openxmlformats.org/officeDocument/2006/relationships/image" Target="../media/image1.jpeg"/><Relationship Id="rId4" Type="http://schemas.openxmlformats.org/officeDocument/2006/relationships/theme" Target="../theme/theme45.xml"/></Relationships>
</file>

<file path=ppt/slideMasters/_rels/slideMaster46.xml.rels><?xml version="1.0" encoding="UTF-8" standalone="yes"?>
<Relationships xmlns="http://schemas.openxmlformats.org/package/2006/relationships"><Relationship Id="rId8" Type="http://schemas.openxmlformats.org/officeDocument/2006/relationships/slideLayout" Target="../slideLayouts/slideLayout812.xml"/><Relationship Id="rId13" Type="http://schemas.openxmlformats.org/officeDocument/2006/relationships/slideLayout" Target="../slideLayouts/slideLayout817.xml"/><Relationship Id="rId18" Type="http://schemas.openxmlformats.org/officeDocument/2006/relationships/slideLayout" Target="../slideLayouts/slideLayout822.xml"/><Relationship Id="rId26" Type="http://schemas.openxmlformats.org/officeDocument/2006/relationships/slideLayout" Target="../slideLayouts/slideLayout830.xml"/><Relationship Id="rId3" Type="http://schemas.openxmlformats.org/officeDocument/2006/relationships/slideLayout" Target="../slideLayouts/slideLayout807.xml"/><Relationship Id="rId21" Type="http://schemas.openxmlformats.org/officeDocument/2006/relationships/slideLayout" Target="../slideLayouts/slideLayout825.xml"/><Relationship Id="rId34" Type="http://schemas.openxmlformats.org/officeDocument/2006/relationships/image" Target="../media/image2.png"/><Relationship Id="rId7" Type="http://schemas.openxmlformats.org/officeDocument/2006/relationships/slideLayout" Target="../slideLayouts/slideLayout811.xml"/><Relationship Id="rId12" Type="http://schemas.openxmlformats.org/officeDocument/2006/relationships/slideLayout" Target="../slideLayouts/slideLayout816.xml"/><Relationship Id="rId17" Type="http://schemas.openxmlformats.org/officeDocument/2006/relationships/slideLayout" Target="../slideLayouts/slideLayout821.xml"/><Relationship Id="rId25" Type="http://schemas.openxmlformats.org/officeDocument/2006/relationships/slideLayout" Target="../slideLayouts/slideLayout829.xml"/><Relationship Id="rId33" Type="http://schemas.openxmlformats.org/officeDocument/2006/relationships/image" Target="../media/image1.jpeg"/><Relationship Id="rId2" Type="http://schemas.openxmlformats.org/officeDocument/2006/relationships/slideLayout" Target="../slideLayouts/slideLayout806.xml"/><Relationship Id="rId16" Type="http://schemas.openxmlformats.org/officeDocument/2006/relationships/slideLayout" Target="../slideLayouts/slideLayout820.xml"/><Relationship Id="rId20" Type="http://schemas.openxmlformats.org/officeDocument/2006/relationships/slideLayout" Target="../slideLayouts/slideLayout824.xml"/><Relationship Id="rId29" Type="http://schemas.openxmlformats.org/officeDocument/2006/relationships/slideLayout" Target="../slideLayouts/slideLayout833.xml"/><Relationship Id="rId1" Type="http://schemas.openxmlformats.org/officeDocument/2006/relationships/slideLayout" Target="../slideLayouts/slideLayout805.xml"/><Relationship Id="rId6" Type="http://schemas.openxmlformats.org/officeDocument/2006/relationships/slideLayout" Target="../slideLayouts/slideLayout810.xml"/><Relationship Id="rId11" Type="http://schemas.openxmlformats.org/officeDocument/2006/relationships/slideLayout" Target="../slideLayouts/slideLayout815.xml"/><Relationship Id="rId24" Type="http://schemas.openxmlformats.org/officeDocument/2006/relationships/slideLayout" Target="../slideLayouts/slideLayout828.xml"/><Relationship Id="rId32" Type="http://schemas.openxmlformats.org/officeDocument/2006/relationships/theme" Target="../theme/theme46.xml"/><Relationship Id="rId5" Type="http://schemas.openxmlformats.org/officeDocument/2006/relationships/slideLayout" Target="../slideLayouts/slideLayout809.xml"/><Relationship Id="rId15" Type="http://schemas.openxmlformats.org/officeDocument/2006/relationships/slideLayout" Target="../slideLayouts/slideLayout819.xml"/><Relationship Id="rId23" Type="http://schemas.openxmlformats.org/officeDocument/2006/relationships/slideLayout" Target="../slideLayouts/slideLayout827.xml"/><Relationship Id="rId28" Type="http://schemas.openxmlformats.org/officeDocument/2006/relationships/slideLayout" Target="../slideLayouts/slideLayout832.xml"/><Relationship Id="rId10" Type="http://schemas.openxmlformats.org/officeDocument/2006/relationships/slideLayout" Target="../slideLayouts/slideLayout814.xml"/><Relationship Id="rId19" Type="http://schemas.openxmlformats.org/officeDocument/2006/relationships/slideLayout" Target="../slideLayouts/slideLayout823.xml"/><Relationship Id="rId31" Type="http://schemas.openxmlformats.org/officeDocument/2006/relationships/slideLayout" Target="../slideLayouts/slideLayout835.xml"/><Relationship Id="rId4" Type="http://schemas.openxmlformats.org/officeDocument/2006/relationships/slideLayout" Target="../slideLayouts/slideLayout808.xml"/><Relationship Id="rId9" Type="http://schemas.openxmlformats.org/officeDocument/2006/relationships/slideLayout" Target="../slideLayouts/slideLayout813.xml"/><Relationship Id="rId14" Type="http://schemas.openxmlformats.org/officeDocument/2006/relationships/slideLayout" Target="../slideLayouts/slideLayout818.xml"/><Relationship Id="rId22" Type="http://schemas.openxmlformats.org/officeDocument/2006/relationships/slideLayout" Target="../slideLayouts/slideLayout826.xml"/><Relationship Id="rId27" Type="http://schemas.openxmlformats.org/officeDocument/2006/relationships/slideLayout" Target="../slideLayouts/slideLayout831.xml"/><Relationship Id="rId30" Type="http://schemas.openxmlformats.org/officeDocument/2006/relationships/slideLayout" Target="../slideLayouts/slideLayout834.xml"/><Relationship Id="rId35" Type="http://schemas.openxmlformats.org/officeDocument/2006/relationships/image" Target="../media/image3.png"/></Relationships>
</file>

<file path=ppt/slideMasters/_rels/slideMaster47.xml.rels><?xml version="1.0" encoding="UTF-8" standalone="yes"?>
<Relationships xmlns="http://schemas.openxmlformats.org/package/2006/relationships"><Relationship Id="rId8" Type="http://schemas.openxmlformats.org/officeDocument/2006/relationships/slideLayout" Target="../slideLayouts/slideLayout843.xml"/><Relationship Id="rId13" Type="http://schemas.openxmlformats.org/officeDocument/2006/relationships/slideLayout" Target="../slideLayouts/slideLayout848.xml"/><Relationship Id="rId3" Type="http://schemas.openxmlformats.org/officeDocument/2006/relationships/slideLayout" Target="../slideLayouts/slideLayout838.xml"/><Relationship Id="rId7" Type="http://schemas.openxmlformats.org/officeDocument/2006/relationships/slideLayout" Target="../slideLayouts/slideLayout842.xml"/><Relationship Id="rId12" Type="http://schemas.openxmlformats.org/officeDocument/2006/relationships/slideLayout" Target="../slideLayouts/slideLayout847.xml"/><Relationship Id="rId17" Type="http://schemas.openxmlformats.org/officeDocument/2006/relationships/image" Target="../media/image3.png"/><Relationship Id="rId2" Type="http://schemas.openxmlformats.org/officeDocument/2006/relationships/slideLayout" Target="../slideLayouts/slideLayout837.xml"/><Relationship Id="rId16" Type="http://schemas.openxmlformats.org/officeDocument/2006/relationships/image" Target="../media/image2.png"/><Relationship Id="rId1" Type="http://schemas.openxmlformats.org/officeDocument/2006/relationships/slideLayout" Target="../slideLayouts/slideLayout836.xml"/><Relationship Id="rId6" Type="http://schemas.openxmlformats.org/officeDocument/2006/relationships/slideLayout" Target="../slideLayouts/slideLayout841.xml"/><Relationship Id="rId11" Type="http://schemas.openxmlformats.org/officeDocument/2006/relationships/slideLayout" Target="../slideLayouts/slideLayout846.xml"/><Relationship Id="rId5" Type="http://schemas.openxmlformats.org/officeDocument/2006/relationships/slideLayout" Target="../slideLayouts/slideLayout840.xml"/><Relationship Id="rId15" Type="http://schemas.openxmlformats.org/officeDocument/2006/relationships/image" Target="../media/image1.jpeg"/><Relationship Id="rId10" Type="http://schemas.openxmlformats.org/officeDocument/2006/relationships/slideLayout" Target="../slideLayouts/slideLayout845.xml"/><Relationship Id="rId4" Type="http://schemas.openxmlformats.org/officeDocument/2006/relationships/slideLayout" Target="../slideLayouts/slideLayout839.xml"/><Relationship Id="rId9" Type="http://schemas.openxmlformats.org/officeDocument/2006/relationships/slideLayout" Target="../slideLayouts/slideLayout844.xml"/><Relationship Id="rId14" Type="http://schemas.openxmlformats.org/officeDocument/2006/relationships/theme" Target="../theme/theme47.xml"/></Relationships>
</file>

<file path=ppt/slideMasters/_rels/slideMaster48.xml.rels><?xml version="1.0" encoding="UTF-8" standalone="yes"?>
<Relationships xmlns="http://schemas.openxmlformats.org/package/2006/relationships"><Relationship Id="rId8" Type="http://schemas.openxmlformats.org/officeDocument/2006/relationships/slideLayout" Target="../slideLayouts/slideLayout856.xml"/><Relationship Id="rId13" Type="http://schemas.openxmlformats.org/officeDocument/2006/relationships/slideLayout" Target="../slideLayouts/slideLayout861.xml"/><Relationship Id="rId18" Type="http://schemas.openxmlformats.org/officeDocument/2006/relationships/slideLayout" Target="../slideLayouts/slideLayout866.xml"/><Relationship Id="rId3" Type="http://schemas.openxmlformats.org/officeDocument/2006/relationships/slideLayout" Target="../slideLayouts/slideLayout851.xml"/><Relationship Id="rId21" Type="http://schemas.openxmlformats.org/officeDocument/2006/relationships/image" Target="../media/image1.jpeg"/><Relationship Id="rId7" Type="http://schemas.openxmlformats.org/officeDocument/2006/relationships/slideLayout" Target="../slideLayouts/slideLayout855.xml"/><Relationship Id="rId12" Type="http://schemas.openxmlformats.org/officeDocument/2006/relationships/slideLayout" Target="../slideLayouts/slideLayout860.xml"/><Relationship Id="rId17" Type="http://schemas.openxmlformats.org/officeDocument/2006/relationships/slideLayout" Target="../slideLayouts/slideLayout865.xml"/><Relationship Id="rId2" Type="http://schemas.openxmlformats.org/officeDocument/2006/relationships/slideLayout" Target="../slideLayouts/slideLayout850.xml"/><Relationship Id="rId16" Type="http://schemas.openxmlformats.org/officeDocument/2006/relationships/slideLayout" Target="../slideLayouts/slideLayout864.xml"/><Relationship Id="rId20" Type="http://schemas.openxmlformats.org/officeDocument/2006/relationships/theme" Target="../theme/theme48.xml"/><Relationship Id="rId1" Type="http://schemas.openxmlformats.org/officeDocument/2006/relationships/slideLayout" Target="../slideLayouts/slideLayout849.xml"/><Relationship Id="rId6" Type="http://schemas.openxmlformats.org/officeDocument/2006/relationships/slideLayout" Target="../slideLayouts/slideLayout854.xml"/><Relationship Id="rId11" Type="http://schemas.openxmlformats.org/officeDocument/2006/relationships/slideLayout" Target="../slideLayouts/slideLayout859.xml"/><Relationship Id="rId5" Type="http://schemas.openxmlformats.org/officeDocument/2006/relationships/slideLayout" Target="../slideLayouts/slideLayout853.xml"/><Relationship Id="rId15" Type="http://schemas.openxmlformats.org/officeDocument/2006/relationships/slideLayout" Target="../slideLayouts/slideLayout863.xml"/><Relationship Id="rId23" Type="http://schemas.openxmlformats.org/officeDocument/2006/relationships/image" Target="../media/image3.png"/><Relationship Id="rId10" Type="http://schemas.openxmlformats.org/officeDocument/2006/relationships/slideLayout" Target="../slideLayouts/slideLayout858.xml"/><Relationship Id="rId19" Type="http://schemas.openxmlformats.org/officeDocument/2006/relationships/slideLayout" Target="../slideLayouts/slideLayout867.xml"/><Relationship Id="rId4" Type="http://schemas.openxmlformats.org/officeDocument/2006/relationships/slideLayout" Target="../slideLayouts/slideLayout852.xml"/><Relationship Id="rId9" Type="http://schemas.openxmlformats.org/officeDocument/2006/relationships/slideLayout" Target="../slideLayouts/slideLayout857.xml"/><Relationship Id="rId14" Type="http://schemas.openxmlformats.org/officeDocument/2006/relationships/slideLayout" Target="../slideLayouts/slideLayout862.xml"/><Relationship Id="rId22" Type="http://schemas.openxmlformats.org/officeDocument/2006/relationships/image" Target="../media/image2.png"/></Relationships>
</file>

<file path=ppt/slideMasters/_rels/slideMaster49.xml.rels><?xml version="1.0" encoding="UTF-8" standalone="yes"?>
<Relationships xmlns="http://schemas.openxmlformats.org/package/2006/relationships"><Relationship Id="rId8" Type="http://schemas.openxmlformats.org/officeDocument/2006/relationships/slideLayout" Target="../slideLayouts/slideLayout875.xml"/><Relationship Id="rId13" Type="http://schemas.openxmlformats.org/officeDocument/2006/relationships/slideLayout" Target="../slideLayouts/slideLayout880.xml"/><Relationship Id="rId18" Type="http://schemas.openxmlformats.org/officeDocument/2006/relationships/slideLayout" Target="../slideLayouts/slideLayout885.xml"/><Relationship Id="rId3" Type="http://schemas.openxmlformats.org/officeDocument/2006/relationships/slideLayout" Target="../slideLayouts/slideLayout870.xml"/><Relationship Id="rId21" Type="http://schemas.openxmlformats.org/officeDocument/2006/relationships/slideLayout" Target="../slideLayouts/slideLayout888.xml"/><Relationship Id="rId7" Type="http://schemas.openxmlformats.org/officeDocument/2006/relationships/slideLayout" Target="../slideLayouts/slideLayout874.xml"/><Relationship Id="rId12" Type="http://schemas.openxmlformats.org/officeDocument/2006/relationships/slideLayout" Target="../slideLayouts/slideLayout879.xml"/><Relationship Id="rId17" Type="http://schemas.openxmlformats.org/officeDocument/2006/relationships/slideLayout" Target="../slideLayouts/slideLayout884.xml"/><Relationship Id="rId25" Type="http://schemas.openxmlformats.org/officeDocument/2006/relationships/image" Target="../media/image3.png"/><Relationship Id="rId2" Type="http://schemas.openxmlformats.org/officeDocument/2006/relationships/slideLayout" Target="../slideLayouts/slideLayout869.xml"/><Relationship Id="rId16" Type="http://schemas.openxmlformats.org/officeDocument/2006/relationships/slideLayout" Target="../slideLayouts/slideLayout883.xml"/><Relationship Id="rId20" Type="http://schemas.openxmlformats.org/officeDocument/2006/relationships/slideLayout" Target="../slideLayouts/slideLayout887.xml"/><Relationship Id="rId1" Type="http://schemas.openxmlformats.org/officeDocument/2006/relationships/slideLayout" Target="../slideLayouts/slideLayout868.xml"/><Relationship Id="rId6" Type="http://schemas.openxmlformats.org/officeDocument/2006/relationships/slideLayout" Target="../slideLayouts/slideLayout873.xml"/><Relationship Id="rId11" Type="http://schemas.openxmlformats.org/officeDocument/2006/relationships/slideLayout" Target="../slideLayouts/slideLayout878.xml"/><Relationship Id="rId24" Type="http://schemas.openxmlformats.org/officeDocument/2006/relationships/image" Target="../media/image2.png"/><Relationship Id="rId5" Type="http://schemas.openxmlformats.org/officeDocument/2006/relationships/slideLayout" Target="../slideLayouts/slideLayout872.xml"/><Relationship Id="rId15" Type="http://schemas.openxmlformats.org/officeDocument/2006/relationships/slideLayout" Target="../slideLayouts/slideLayout882.xml"/><Relationship Id="rId23" Type="http://schemas.openxmlformats.org/officeDocument/2006/relationships/image" Target="../media/image1.jpeg"/><Relationship Id="rId10" Type="http://schemas.openxmlformats.org/officeDocument/2006/relationships/slideLayout" Target="../slideLayouts/slideLayout877.xml"/><Relationship Id="rId19" Type="http://schemas.openxmlformats.org/officeDocument/2006/relationships/slideLayout" Target="../slideLayouts/slideLayout886.xml"/><Relationship Id="rId4" Type="http://schemas.openxmlformats.org/officeDocument/2006/relationships/slideLayout" Target="../slideLayouts/slideLayout871.xml"/><Relationship Id="rId9" Type="http://schemas.openxmlformats.org/officeDocument/2006/relationships/slideLayout" Target="../slideLayouts/slideLayout876.xml"/><Relationship Id="rId14" Type="http://schemas.openxmlformats.org/officeDocument/2006/relationships/slideLayout" Target="../slideLayouts/slideLayout881.xml"/><Relationship Id="rId22" Type="http://schemas.openxmlformats.org/officeDocument/2006/relationships/theme" Target="../theme/theme49.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89.xml"/><Relationship Id="rId13" Type="http://schemas.openxmlformats.org/officeDocument/2006/relationships/slideLayout" Target="../slideLayouts/slideLayout94.xml"/><Relationship Id="rId18" Type="http://schemas.openxmlformats.org/officeDocument/2006/relationships/slideLayout" Target="../slideLayouts/slideLayout99.xml"/><Relationship Id="rId3" Type="http://schemas.openxmlformats.org/officeDocument/2006/relationships/slideLayout" Target="../slideLayouts/slideLayout84.xml"/><Relationship Id="rId21" Type="http://schemas.openxmlformats.org/officeDocument/2006/relationships/slideLayout" Target="../slideLayouts/slideLayout102.xml"/><Relationship Id="rId7" Type="http://schemas.openxmlformats.org/officeDocument/2006/relationships/slideLayout" Target="../slideLayouts/slideLayout88.xml"/><Relationship Id="rId12" Type="http://schemas.openxmlformats.org/officeDocument/2006/relationships/slideLayout" Target="../slideLayouts/slideLayout93.xml"/><Relationship Id="rId17" Type="http://schemas.openxmlformats.org/officeDocument/2006/relationships/slideLayout" Target="../slideLayouts/slideLayout98.xml"/><Relationship Id="rId25" Type="http://schemas.openxmlformats.org/officeDocument/2006/relationships/image" Target="../media/image3.png"/><Relationship Id="rId2" Type="http://schemas.openxmlformats.org/officeDocument/2006/relationships/slideLayout" Target="../slideLayouts/slideLayout83.xml"/><Relationship Id="rId16" Type="http://schemas.openxmlformats.org/officeDocument/2006/relationships/slideLayout" Target="../slideLayouts/slideLayout97.xml"/><Relationship Id="rId20" Type="http://schemas.openxmlformats.org/officeDocument/2006/relationships/slideLayout" Target="../slideLayouts/slideLayout101.xml"/><Relationship Id="rId1" Type="http://schemas.openxmlformats.org/officeDocument/2006/relationships/slideLayout" Target="../slideLayouts/slideLayout82.xml"/><Relationship Id="rId6" Type="http://schemas.openxmlformats.org/officeDocument/2006/relationships/slideLayout" Target="../slideLayouts/slideLayout87.xml"/><Relationship Id="rId11" Type="http://schemas.openxmlformats.org/officeDocument/2006/relationships/slideLayout" Target="../slideLayouts/slideLayout92.xml"/><Relationship Id="rId24" Type="http://schemas.openxmlformats.org/officeDocument/2006/relationships/image" Target="../media/image2.png"/><Relationship Id="rId5" Type="http://schemas.openxmlformats.org/officeDocument/2006/relationships/slideLayout" Target="../slideLayouts/slideLayout86.xml"/><Relationship Id="rId15" Type="http://schemas.openxmlformats.org/officeDocument/2006/relationships/slideLayout" Target="../slideLayouts/slideLayout96.xml"/><Relationship Id="rId23" Type="http://schemas.openxmlformats.org/officeDocument/2006/relationships/image" Target="../media/image1.jpeg"/><Relationship Id="rId10" Type="http://schemas.openxmlformats.org/officeDocument/2006/relationships/slideLayout" Target="../slideLayouts/slideLayout91.xml"/><Relationship Id="rId19" Type="http://schemas.openxmlformats.org/officeDocument/2006/relationships/slideLayout" Target="../slideLayouts/slideLayout100.xml"/><Relationship Id="rId4" Type="http://schemas.openxmlformats.org/officeDocument/2006/relationships/slideLayout" Target="../slideLayouts/slideLayout85.xml"/><Relationship Id="rId9" Type="http://schemas.openxmlformats.org/officeDocument/2006/relationships/slideLayout" Target="../slideLayouts/slideLayout90.xml"/><Relationship Id="rId14" Type="http://schemas.openxmlformats.org/officeDocument/2006/relationships/slideLayout" Target="../slideLayouts/slideLayout95.xml"/><Relationship Id="rId22" Type="http://schemas.openxmlformats.org/officeDocument/2006/relationships/theme" Target="../theme/theme5.xml"/></Relationships>
</file>

<file path=ppt/slideMasters/_rels/slideMaster50.xml.rels><?xml version="1.0" encoding="UTF-8" standalone="yes"?>
<Relationships xmlns="http://schemas.openxmlformats.org/package/2006/relationships"><Relationship Id="rId8" Type="http://schemas.openxmlformats.org/officeDocument/2006/relationships/slideLayout" Target="../slideLayouts/slideLayout896.xml"/><Relationship Id="rId13" Type="http://schemas.openxmlformats.org/officeDocument/2006/relationships/slideLayout" Target="../slideLayouts/slideLayout901.xml"/><Relationship Id="rId18" Type="http://schemas.openxmlformats.org/officeDocument/2006/relationships/slideLayout" Target="../slideLayouts/slideLayout906.xml"/><Relationship Id="rId3" Type="http://schemas.openxmlformats.org/officeDocument/2006/relationships/slideLayout" Target="../slideLayouts/slideLayout891.xml"/><Relationship Id="rId21" Type="http://schemas.openxmlformats.org/officeDocument/2006/relationships/theme" Target="../theme/theme50.xml"/><Relationship Id="rId7" Type="http://schemas.openxmlformats.org/officeDocument/2006/relationships/slideLayout" Target="../slideLayouts/slideLayout895.xml"/><Relationship Id="rId12" Type="http://schemas.openxmlformats.org/officeDocument/2006/relationships/slideLayout" Target="../slideLayouts/slideLayout900.xml"/><Relationship Id="rId17" Type="http://schemas.openxmlformats.org/officeDocument/2006/relationships/slideLayout" Target="../slideLayouts/slideLayout905.xml"/><Relationship Id="rId2" Type="http://schemas.openxmlformats.org/officeDocument/2006/relationships/slideLayout" Target="../slideLayouts/slideLayout890.xml"/><Relationship Id="rId16" Type="http://schemas.openxmlformats.org/officeDocument/2006/relationships/slideLayout" Target="../slideLayouts/slideLayout904.xml"/><Relationship Id="rId20" Type="http://schemas.openxmlformats.org/officeDocument/2006/relationships/slideLayout" Target="../slideLayouts/slideLayout908.xml"/><Relationship Id="rId1" Type="http://schemas.openxmlformats.org/officeDocument/2006/relationships/slideLayout" Target="../slideLayouts/slideLayout889.xml"/><Relationship Id="rId6" Type="http://schemas.openxmlformats.org/officeDocument/2006/relationships/slideLayout" Target="../slideLayouts/slideLayout894.xml"/><Relationship Id="rId11" Type="http://schemas.openxmlformats.org/officeDocument/2006/relationships/slideLayout" Target="../slideLayouts/slideLayout899.xml"/><Relationship Id="rId24" Type="http://schemas.openxmlformats.org/officeDocument/2006/relationships/image" Target="../media/image3.png"/><Relationship Id="rId5" Type="http://schemas.openxmlformats.org/officeDocument/2006/relationships/slideLayout" Target="../slideLayouts/slideLayout893.xml"/><Relationship Id="rId15" Type="http://schemas.openxmlformats.org/officeDocument/2006/relationships/slideLayout" Target="../slideLayouts/slideLayout903.xml"/><Relationship Id="rId23" Type="http://schemas.openxmlformats.org/officeDocument/2006/relationships/image" Target="../media/image2.png"/><Relationship Id="rId10" Type="http://schemas.openxmlformats.org/officeDocument/2006/relationships/slideLayout" Target="../slideLayouts/slideLayout898.xml"/><Relationship Id="rId19" Type="http://schemas.openxmlformats.org/officeDocument/2006/relationships/slideLayout" Target="../slideLayouts/slideLayout907.xml"/><Relationship Id="rId4" Type="http://schemas.openxmlformats.org/officeDocument/2006/relationships/slideLayout" Target="../slideLayouts/slideLayout892.xml"/><Relationship Id="rId9" Type="http://schemas.openxmlformats.org/officeDocument/2006/relationships/slideLayout" Target="../slideLayouts/slideLayout897.xml"/><Relationship Id="rId14" Type="http://schemas.openxmlformats.org/officeDocument/2006/relationships/slideLayout" Target="../slideLayouts/slideLayout902.xml"/><Relationship Id="rId22" Type="http://schemas.openxmlformats.org/officeDocument/2006/relationships/image" Target="../media/image1.jpeg"/></Relationships>
</file>

<file path=ppt/slideMasters/_rels/slideMaster51.xml.rels><?xml version="1.0" encoding="UTF-8" standalone="yes"?>
<Relationships xmlns="http://schemas.openxmlformats.org/package/2006/relationships"><Relationship Id="rId8" Type="http://schemas.openxmlformats.org/officeDocument/2006/relationships/slideLayout" Target="../slideLayouts/slideLayout916.xml"/><Relationship Id="rId13" Type="http://schemas.openxmlformats.org/officeDocument/2006/relationships/slideLayout" Target="../slideLayouts/slideLayout921.xml"/><Relationship Id="rId18" Type="http://schemas.openxmlformats.org/officeDocument/2006/relationships/slideLayout" Target="../slideLayouts/slideLayout926.xml"/><Relationship Id="rId3" Type="http://schemas.openxmlformats.org/officeDocument/2006/relationships/slideLayout" Target="../slideLayouts/slideLayout911.xml"/><Relationship Id="rId21" Type="http://schemas.openxmlformats.org/officeDocument/2006/relationships/image" Target="../media/image1.jpeg"/><Relationship Id="rId7" Type="http://schemas.openxmlformats.org/officeDocument/2006/relationships/slideLayout" Target="../slideLayouts/slideLayout915.xml"/><Relationship Id="rId12" Type="http://schemas.openxmlformats.org/officeDocument/2006/relationships/slideLayout" Target="../slideLayouts/slideLayout920.xml"/><Relationship Id="rId17" Type="http://schemas.openxmlformats.org/officeDocument/2006/relationships/slideLayout" Target="../slideLayouts/slideLayout925.xml"/><Relationship Id="rId2" Type="http://schemas.openxmlformats.org/officeDocument/2006/relationships/slideLayout" Target="../slideLayouts/slideLayout910.xml"/><Relationship Id="rId16" Type="http://schemas.openxmlformats.org/officeDocument/2006/relationships/slideLayout" Target="../slideLayouts/slideLayout924.xml"/><Relationship Id="rId20" Type="http://schemas.openxmlformats.org/officeDocument/2006/relationships/theme" Target="../theme/theme51.xml"/><Relationship Id="rId1" Type="http://schemas.openxmlformats.org/officeDocument/2006/relationships/slideLayout" Target="../slideLayouts/slideLayout909.xml"/><Relationship Id="rId6" Type="http://schemas.openxmlformats.org/officeDocument/2006/relationships/slideLayout" Target="../slideLayouts/slideLayout914.xml"/><Relationship Id="rId11" Type="http://schemas.openxmlformats.org/officeDocument/2006/relationships/slideLayout" Target="../slideLayouts/slideLayout919.xml"/><Relationship Id="rId5" Type="http://schemas.openxmlformats.org/officeDocument/2006/relationships/slideLayout" Target="../slideLayouts/slideLayout913.xml"/><Relationship Id="rId15" Type="http://schemas.openxmlformats.org/officeDocument/2006/relationships/slideLayout" Target="../slideLayouts/slideLayout923.xml"/><Relationship Id="rId23" Type="http://schemas.openxmlformats.org/officeDocument/2006/relationships/image" Target="../media/image3.png"/><Relationship Id="rId10" Type="http://schemas.openxmlformats.org/officeDocument/2006/relationships/slideLayout" Target="../slideLayouts/slideLayout918.xml"/><Relationship Id="rId19" Type="http://schemas.openxmlformats.org/officeDocument/2006/relationships/slideLayout" Target="../slideLayouts/slideLayout927.xml"/><Relationship Id="rId4" Type="http://schemas.openxmlformats.org/officeDocument/2006/relationships/slideLayout" Target="../slideLayouts/slideLayout912.xml"/><Relationship Id="rId9" Type="http://schemas.openxmlformats.org/officeDocument/2006/relationships/slideLayout" Target="../slideLayouts/slideLayout917.xml"/><Relationship Id="rId14" Type="http://schemas.openxmlformats.org/officeDocument/2006/relationships/slideLayout" Target="../slideLayouts/slideLayout922.xml"/><Relationship Id="rId22" Type="http://schemas.openxmlformats.org/officeDocument/2006/relationships/image" Target="../media/image2.png"/></Relationships>
</file>

<file path=ppt/slideMasters/_rels/slideMaster52.xml.rels><?xml version="1.0" encoding="UTF-8" standalone="yes"?>
<Relationships xmlns="http://schemas.openxmlformats.org/package/2006/relationships"><Relationship Id="rId8" Type="http://schemas.openxmlformats.org/officeDocument/2006/relationships/slideLayout" Target="../slideLayouts/slideLayout935.xml"/><Relationship Id="rId13" Type="http://schemas.openxmlformats.org/officeDocument/2006/relationships/slideLayout" Target="../slideLayouts/slideLayout940.xml"/><Relationship Id="rId18" Type="http://schemas.openxmlformats.org/officeDocument/2006/relationships/slideLayout" Target="../slideLayouts/slideLayout945.xml"/><Relationship Id="rId3" Type="http://schemas.openxmlformats.org/officeDocument/2006/relationships/slideLayout" Target="../slideLayouts/slideLayout930.xml"/><Relationship Id="rId21" Type="http://schemas.openxmlformats.org/officeDocument/2006/relationships/image" Target="../media/image1.jpeg"/><Relationship Id="rId7" Type="http://schemas.openxmlformats.org/officeDocument/2006/relationships/slideLayout" Target="../slideLayouts/slideLayout934.xml"/><Relationship Id="rId12" Type="http://schemas.openxmlformats.org/officeDocument/2006/relationships/slideLayout" Target="../slideLayouts/slideLayout939.xml"/><Relationship Id="rId17" Type="http://schemas.openxmlformats.org/officeDocument/2006/relationships/slideLayout" Target="../slideLayouts/slideLayout944.xml"/><Relationship Id="rId2" Type="http://schemas.openxmlformats.org/officeDocument/2006/relationships/slideLayout" Target="../slideLayouts/slideLayout929.xml"/><Relationship Id="rId16" Type="http://schemas.openxmlformats.org/officeDocument/2006/relationships/slideLayout" Target="../slideLayouts/slideLayout943.xml"/><Relationship Id="rId20" Type="http://schemas.openxmlformats.org/officeDocument/2006/relationships/theme" Target="../theme/theme52.xml"/><Relationship Id="rId1" Type="http://schemas.openxmlformats.org/officeDocument/2006/relationships/slideLayout" Target="../slideLayouts/slideLayout928.xml"/><Relationship Id="rId6" Type="http://schemas.openxmlformats.org/officeDocument/2006/relationships/slideLayout" Target="../slideLayouts/slideLayout933.xml"/><Relationship Id="rId11" Type="http://schemas.openxmlformats.org/officeDocument/2006/relationships/slideLayout" Target="../slideLayouts/slideLayout938.xml"/><Relationship Id="rId5" Type="http://schemas.openxmlformats.org/officeDocument/2006/relationships/slideLayout" Target="../slideLayouts/slideLayout932.xml"/><Relationship Id="rId15" Type="http://schemas.openxmlformats.org/officeDocument/2006/relationships/slideLayout" Target="../slideLayouts/slideLayout942.xml"/><Relationship Id="rId23" Type="http://schemas.openxmlformats.org/officeDocument/2006/relationships/image" Target="../media/image3.png"/><Relationship Id="rId10" Type="http://schemas.openxmlformats.org/officeDocument/2006/relationships/slideLayout" Target="../slideLayouts/slideLayout937.xml"/><Relationship Id="rId19" Type="http://schemas.openxmlformats.org/officeDocument/2006/relationships/slideLayout" Target="../slideLayouts/slideLayout946.xml"/><Relationship Id="rId4" Type="http://schemas.openxmlformats.org/officeDocument/2006/relationships/slideLayout" Target="../slideLayouts/slideLayout931.xml"/><Relationship Id="rId9" Type="http://schemas.openxmlformats.org/officeDocument/2006/relationships/slideLayout" Target="../slideLayouts/slideLayout936.xml"/><Relationship Id="rId14" Type="http://schemas.openxmlformats.org/officeDocument/2006/relationships/slideLayout" Target="../slideLayouts/slideLayout941.xml"/><Relationship Id="rId22" Type="http://schemas.openxmlformats.org/officeDocument/2006/relationships/image" Target="../media/image2.png"/></Relationships>
</file>

<file path=ppt/slideMasters/_rels/slideMaster53.xml.rels><?xml version="1.0" encoding="UTF-8" standalone="yes"?>
<Relationships xmlns="http://schemas.openxmlformats.org/package/2006/relationships"><Relationship Id="rId8" Type="http://schemas.openxmlformats.org/officeDocument/2006/relationships/slideLayout" Target="../slideLayouts/slideLayout954.xml"/><Relationship Id="rId13" Type="http://schemas.openxmlformats.org/officeDocument/2006/relationships/slideLayout" Target="../slideLayouts/slideLayout959.xml"/><Relationship Id="rId18" Type="http://schemas.openxmlformats.org/officeDocument/2006/relationships/slideLayout" Target="../slideLayouts/slideLayout964.xml"/><Relationship Id="rId3" Type="http://schemas.openxmlformats.org/officeDocument/2006/relationships/slideLayout" Target="../slideLayouts/slideLayout949.xml"/><Relationship Id="rId21" Type="http://schemas.openxmlformats.org/officeDocument/2006/relationships/image" Target="../media/image2.png"/><Relationship Id="rId7" Type="http://schemas.openxmlformats.org/officeDocument/2006/relationships/slideLayout" Target="../slideLayouts/slideLayout953.xml"/><Relationship Id="rId12" Type="http://schemas.openxmlformats.org/officeDocument/2006/relationships/slideLayout" Target="../slideLayouts/slideLayout958.xml"/><Relationship Id="rId17" Type="http://schemas.openxmlformats.org/officeDocument/2006/relationships/slideLayout" Target="../slideLayouts/slideLayout963.xml"/><Relationship Id="rId2" Type="http://schemas.openxmlformats.org/officeDocument/2006/relationships/slideLayout" Target="../slideLayouts/slideLayout948.xml"/><Relationship Id="rId16" Type="http://schemas.openxmlformats.org/officeDocument/2006/relationships/slideLayout" Target="../slideLayouts/slideLayout962.xml"/><Relationship Id="rId20" Type="http://schemas.openxmlformats.org/officeDocument/2006/relationships/image" Target="../media/image1.jpeg"/><Relationship Id="rId1" Type="http://schemas.openxmlformats.org/officeDocument/2006/relationships/slideLayout" Target="../slideLayouts/slideLayout947.xml"/><Relationship Id="rId6" Type="http://schemas.openxmlformats.org/officeDocument/2006/relationships/slideLayout" Target="../slideLayouts/slideLayout952.xml"/><Relationship Id="rId11" Type="http://schemas.openxmlformats.org/officeDocument/2006/relationships/slideLayout" Target="../slideLayouts/slideLayout957.xml"/><Relationship Id="rId5" Type="http://schemas.openxmlformats.org/officeDocument/2006/relationships/slideLayout" Target="../slideLayouts/slideLayout951.xml"/><Relationship Id="rId15" Type="http://schemas.openxmlformats.org/officeDocument/2006/relationships/slideLayout" Target="../slideLayouts/slideLayout961.xml"/><Relationship Id="rId10" Type="http://schemas.openxmlformats.org/officeDocument/2006/relationships/slideLayout" Target="../slideLayouts/slideLayout956.xml"/><Relationship Id="rId19" Type="http://schemas.openxmlformats.org/officeDocument/2006/relationships/theme" Target="../theme/theme53.xml"/><Relationship Id="rId4" Type="http://schemas.openxmlformats.org/officeDocument/2006/relationships/slideLayout" Target="../slideLayouts/slideLayout950.xml"/><Relationship Id="rId9" Type="http://schemas.openxmlformats.org/officeDocument/2006/relationships/slideLayout" Target="../slideLayouts/slideLayout955.xml"/><Relationship Id="rId14" Type="http://schemas.openxmlformats.org/officeDocument/2006/relationships/slideLayout" Target="../slideLayouts/slideLayout960.xml"/><Relationship Id="rId22" Type="http://schemas.openxmlformats.org/officeDocument/2006/relationships/image" Target="../media/image3.png"/></Relationships>
</file>

<file path=ppt/slideMasters/_rels/slideMaster54.xml.rels><?xml version="1.0" encoding="UTF-8" standalone="yes"?>
<Relationships xmlns="http://schemas.openxmlformats.org/package/2006/relationships"><Relationship Id="rId8" Type="http://schemas.openxmlformats.org/officeDocument/2006/relationships/slideLayout" Target="../slideLayouts/slideLayout972.xml"/><Relationship Id="rId13" Type="http://schemas.openxmlformats.org/officeDocument/2006/relationships/slideLayout" Target="../slideLayouts/slideLayout977.xml"/><Relationship Id="rId18" Type="http://schemas.openxmlformats.org/officeDocument/2006/relationships/slideLayout" Target="../slideLayouts/slideLayout982.xml"/><Relationship Id="rId3" Type="http://schemas.openxmlformats.org/officeDocument/2006/relationships/slideLayout" Target="../slideLayouts/slideLayout967.xml"/><Relationship Id="rId21" Type="http://schemas.openxmlformats.org/officeDocument/2006/relationships/image" Target="../media/image1.jpeg"/><Relationship Id="rId7" Type="http://schemas.openxmlformats.org/officeDocument/2006/relationships/slideLayout" Target="../slideLayouts/slideLayout971.xml"/><Relationship Id="rId12" Type="http://schemas.openxmlformats.org/officeDocument/2006/relationships/slideLayout" Target="../slideLayouts/slideLayout976.xml"/><Relationship Id="rId17" Type="http://schemas.openxmlformats.org/officeDocument/2006/relationships/slideLayout" Target="../slideLayouts/slideLayout981.xml"/><Relationship Id="rId2" Type="http://schemas.openxmlformats.org/officeDocument/2006/relationships/slideLayout" Target="../slideLayouts/slideLayout966.xml"/><Relationship Id="rId16" Type="http://schemas.openxmlformats.org/officeDocument/2006/relationships/slideLayout" Target="../slideLayouts/slideLayout980.xml"/><Relationship Id="rId20" Type="http://schemas.openxmlformats.org/officeDocument/2006/relationships/theme" Target="../theme/theme54.xml"/><Relationship Id="rId1" Type="http://schemas.openxmlformats.org/officeDocument/2006/relationships/slideLayout" Target="../slideLayouts/slideLayout965.xml"/><Relationship Id="rId6" Type="http://schemas.openxmlformats.org/officeDocument/2006/relationships/slideLayout" Target="../slideLayouts/slideLayout970.xml"/><Relationship Id="rId11" Type="http://schemas.openxmlformats.org/officeDocument/2006/relationships/slideLayout" Target="../slideLayouts/slideLayout975.xml"/><Relationship Id="rId5" Type="http://schemas.openxmlformats.org/officeDocument/2006/relationships/slideLayout" Target="../slideLayouts/slideLayout969.xml"/><Relationship Id="rId15" Type="http://schemas.openxmlformats.org/officeDocument/2006/relationships/slideLayout" Target="../slideLayouts/slideLayout979.xml"/><Relationship Id="rId23" Type="http://schemas.openxmlformats.org/officeDocument/2006/relationships/image" Target="../media/image3.png"/><Relationship Id="rId10" Type="http://schemas.openxmlformats.org/officeDocument/2006/relationships/slideLayout" Target="../slideLayouts/slideLayout974.xml"/><Relationship Id="rId19" Type="http://schemas.openxmlformats.org/officeDocument/2006/relationships/slideLayout" Target="../slideLayouts/slideLayout983.xml"/><Relationship Id="rId4" Type="http://schemas.openxmlformats.org/officeDocument/2006/relationships/slideLayout" Target="../slideLayouts/slideLayout968.xml"/><Relationship Id="rId9" Type="http://schemas.openxmlformats.org/officeDocument/2006/relationships/slideLayout" Target="../slideLayouts/slideLayout973.xml"/><Relationship Id="rId14" Type="http://schemas.openxmlformats.org/officeDocument/2006/relationships/slideLayout" Target="../slideLayouts/slideLayout978.xml"/><Relationship Id="rId22" Type="http://schemas.openxmlformats.org/officeDocument/2006/relationships/image" Target="../media/image2.png"/></Relationships>
</file>

<file path=ppt/slideMasters/_rels/slideMaster55.xml.rels><?xml version="1.0" encoding="UTF-8" standalone="yes"?>
<Relationships xmlns="http://schemas.openxmlformats.org/package/2006/relationships"><Relationship Id="rId8" Type="http://schemas.openxmlformats.org/officeDocument/2006/relationships/slideLayout" Target="../slideLayouts/slideLayout991.xml"/><Relationship Id="rId13" Type="http://schemas.openxmlformats.org/officeDocument/2006/relationships/slideLayout" Target="../slideLayouts/slideLayout996.xml"/><Relationship Id="rId18" Type="http://schemas.openxmlformats.org/officeDocument/2006/relationships/theme" Target="../theme/theme55.xml"/><Relationship Id="rId3" Type="http://schemas.openxmlformats.org/officeDocument/2006/relationships/slideLayout" Target="../slideLayouts/slideLayout986.xml"/><Relationship Id="rId21" Type="http://schemas.openxmlformats.org/officeDocument/2006/relationships/image" Target="../media/image3.png"/><Relationship Id="rId7" Type="http://schemas.openxmlformats.org/officeDocument/2006/relationships/slideLayout" Target="../slideLayouts/slideLayout990.xml"/><Relationship Id="rId12" Type="http://schemas.openxmlformats.org/officeDocument/2006/relationships/slideLayout" Target="../slideLayouts/slideLayout995.xml"/><Relationship Id="rId17" Type="http://schemas.openxmlformats.org/officeDocument/2006/relationships/slideLayout" Target="../slideLayouts/slideLayout1000.xml"/><Relationship Id="rId2" Type="http://schemas.openxmlformats.org/officeDocument/2006/relationships/slideLayout" Target="../slideLayouts/slideLayout985.xml"/><Relationship Id="rId16" Type="http://schemas.openxmlformats.org/officeDocument/2006/relationships/slideLayout" Target="../slideLayouts/slideLayout999.xml"/><Relationship Id="rId20" Type="http://schemas.openxmlformats.org/officeDocument/2006/relationships/image" Target="../media/image2.png"/><Relationship Id="rId1" Type="http://schemas.openxmlformats.org/officeDocument/2006/relationships/slideLayout" Target="../slideLayouts/slideLayout984.xml"/><Relationship Id="rId6" Type="http://schemas.openxmlformats.org/officeDocument/2006/relationships/slideLayout" Target="../slideLayouts/slideLayout989.xml"/><Relationship Id="rId11" Type="http://schemas.openxmlformats.org/officeDocument/2006/relationships/slideLayout" Target="../slideLayouts/slideLayout994.xml"/><Relationship Id="rId5" Type="http://schemas.openxmlformats.org/officeDocument/2006/relationships/slideLayout" Target="../slideLayouts/slideLayout988.xml"/><Relationship Id="rId15" Type="http://schemas.openxmlformats.org/officeDocument/2006/relationships/slideLayout" Target="../slideLayouts/slideLayout998.xml"/><Relationship Id="rId10" Type="http://schemas.openxmlformats.org/officeDocument/2006/relationships/slideLayout" Target="../slideLayouts/slideLayout993.xml"/><Relationship Id="rId19" Type="http://schemas.openxmlformats.org/officeDocument/2006/relationships/image" Target="../media/image1.jpeg"/><Relationship Id="rId4" Type="http://schemas.openxmlformats.org/officeDocument/2006/relationships/slideLayout" Target="../slideLayouts/slideLayout987.xml"/><Relationship Id="rId9" Type="http://schemas.openxmlformats.org/officeDocument/2006/relationships/slideLayout" Target="../slideLayouts/slideLayout992.xml"/><Relationship Id="rId14" Type="http://schemas.openxmlformats.org/officeDocument/2006/relationships/slideLayout" Target="../slideLayouts/slideLayout997.xml"/></Relationships>
</file>

<file path=ppt/slideMasters/_rels/slideMaster56.xml.rels><?xml version="1.0" encoding="UTF-8" standalone="yes"?>
<Relationships xmlns="http://schemas.openxmlformats.org/package/2006/relationships"><Relationship Id="rId8" Type="http://schemas.openxmlformats.org/officeDocument/2006/relationships/slideLayout" Target="../slideLayouts/slideLayout1008.xml"/><Relationship Id="rId13" Type="http://schemas.openxmlformats.org/officeDocument/2006/relationships/slideLayout" Target="../slideLayouts/slideLayout1013.xml"/><Relationship Id="rId18" Type="http://schemas.openxmlformats.org/officeDocument/2006/relationships/slideLayout" Target="../slideLayouts/slideLayout1018.xml"/><Relationship Id="rId3" Type="http://schemas.openxmlformats.org/officeDocument/2006/relationships/slideLayout" Target="../slideLayouts/slideLayout1003.xml"/><Relationship Id="rId21" Type="http://schemas.openxmlformats.org/officeDocument/2006/relationships/image" Target="../media/image1.jpeg"/><Relationship Id="rId7" Type="http://schemas.openxmlformats.org/officeDocument/2006/relationships/slideLayout" Target="../slideLayouts/slideLayout1007.xml"/><Relationship Id="rId12" Type="http://schemas.openxmlformats.org/officeDocument/2006/relationships/slideLayout" Target="../slideLayouts/slideLayout1012.xml"/><Relationship Id="rId17" Type="http://schemas.openxmlformats.org/officeDocument/2006/relationships/slideLayout" Target="../slideLayouts/slideLayout1017.xml"/><Relationship Id="rId2" Type="http://schemas.openxmlformats.org/officeDocument/2006/relationships/slideLayout" Target="../slideLayouts/slideLayout1002.xml"/><Relationship Id="rId16" Type="http://schemas.openxmlformats.org/officeDocument/2006/relationships/slideLayout" Target="../slideLayouts/slideLayout1016.xml"/><Relationship Id="rId20" Type="http://schemas.openxmlformats.org/officeDocument/2006/relationships/theme" Target="../theme/theme56.xml"/><Relationship Id="rId1" Type="http://schemas.openxmlformats.org/officeDocument/2006/relationships/slideLayout" Target="../slideLayouts/slideLayout1001.xml"/><Relationship Id="rId6" Type="http://schemas.openxmlformats.org/officeDocument/2006/relationships/slideLayout" Target="../slideLayouts/slideLayout1006.xml"/><Relationship Id="rId11" Type="http://schemas.openxmlformats.org/officeDocument/2006/relationships/slideLayout" Target="../slideLayouts/slideLayout1011.xml"/><Relationship Id="rId5" Type="http://schemas.openxmlformats.org/officeDocument/2006/relationships/slideLayout" Target="../slideLayouts/slideLayout1005.xml"/><Relationship Id="rId15" Type="http://schemas.openxmlformats.org/officeDocument/2006/relationships/slideLayout" Target="../slideLayouts/slideLayout1015.xml"/><Relationship Id="rId23" Type="http://schemas.openxmlformats.org/officeDocument/2006/relationships/image" Target="../media/image3.png"/><Relationship Id="rId10" Type="http://schemas.openxmlformats.org/officeDocument/2006/relationships/slideLayout" Target="../slideLayouts/slideLayout1010.xml"/><Relationship Id="rId19" Type="http://schemas.openxmlformats.org/officeDocument/2006/relationships/slideLayout" Target="../slideLayouts/slideLayout1019.xml"/><Relationship Id="rId4" Type="http://schemas.openxmlformats.org/officeDocument/2006/relationships/slideLayout" Target="../slideLayouts/slideLayout1004.xml"/><Relationship Id="rId9" Type="http://schemas.openxmlformats.org/officeDocument/2006/relationships/slideLayout" Target="../slideLayouts/slideLayout1009.xml"/><Relationship Id="rId14" Type="http://schemas.openxmlformats.org/officeDocument/2006/relationships/slideLayout" Target="../slideLayouts/slideLayout1014.xml"/><Relationship Id="rId22" Type="http://schemas.openxmlformats.org/officeDocument/2006/relationships/image" Target="../media/image2.png"/></Relationships>
</file>

<file path=ppt/slideMasters/_rels/slideMaster57.xml.rels><?xml version="1.0" encoding="UTF-8" standalone="yes"?>
<Relationships xmlns="http://schemas.openxmlformats.org/package/2006/relationships"><Relationship Id="rId8" Type="http://schemas.openxmlformats.org/officeDocument/2006/relationships/slideLayout" Target="../slideLayouts/slideLayout1027.xml"/><Relationship Id="rId13" Type="http://schemas.openxmlformats.org/officeDocument/2006/relationships/slideLayout" Target="../slideLayouts/slideLayout1032.xml"/><Relationship Id="rId18" Type="http://schemas.openxmlformats.org/officeDocument/2006/relationships/slideLayout" Target="../slideLayouts/slideLayout1037.xml"/><Relationship Id="rId3" Type="http://schemas.openxmlformats.org/officeDocument/2006/relationships/slideLayout" Target="../slideLayouts/slideLayout1022.xml"/><Relationship Id="rId21" Type="http://schemas.openxmlformats.org/officeDocument/2006/relationships/image" Target="../media/image1.jpeg"/><Relationship Id="rId7" Type="http://schemas.openxmlformats.org/officeDocument/2006/relationships/slideLayout" Target="../slideLayouts/slideLayout1026.xml"/><Relationship Id="rId12" Type="http://schemas.openxmlformats.org/officeDocument/2006/relationships/slideLayout" Target="../slideLayouts/slideLayout1031.xml"/><Relationship Id="rId17" Type="http://schemas.openxmlformats.org/officeDocument/2006/relationships/slideLayout" Target="../slideLayouts/slideLayout1036.xml"/><Relationship Id="rId2" Type="http://schemas.openxmlformats.org/officeDocument/2006/relationships/slideLayout" Target="../slideLayouts/slideLayout1021.xml"/><Relationship Id="rId16" Type="http://schemas.openxmlformats.org/officeDocument/2006/relationships/slideLayout" Target="../slideLayouts/slideLayout1035.xml"/><Relationship Id="rId20" Type="http://schemas.openxmlformats.org/officeDocument/2006/relationships/theme" Target="../theme/theme57.xml"/><Relationship Id="rId1" Type="http://schemas.openxmlformats.org/officeDocument/2006/relationships/slideLayout" Target="../slideLayouts/slideLayout1020.xml"/><Relationship Id="rId6" Type="http://schemas.openxmlformats.org/officeDocument/2006/relationships/slideLayout" Target="../slideLayouts/slideLayout1025.xml"/><Relationship Id="rId11" Type="http://schemas.openxmlformats.org/officeDocument/2006/relationships/slideLayout" Target="../slideLayouts/slideLayout1030.xml"/><Relationship Id="rId5" Type="http://schemas.openxmlformats.org/officeDocument/2006/relationships/slideLayout" Target="../slideLayouts/slideLayout1024.xml"/><Relationship Id="rId15" Type="http://schemas.openxmlformats.org/officeDocument/2006/relationships/slideLayout" Target="../slideLayouts/slideLayout1034.xml"/><Relationship Id="rId23" Type="http://schemas.openxmlformats.org/officeDocument/2006/relationships/image" Target="../media/image3.png"/><Relationship Id="rId10" Type="http://schemas.openxmlformats.org/officeDocument/2006/relationships/slideLayout" Target="../slideLayouts/slideLayout1029.xml"/><Relationship Id="rId19" Type="http://schemas.openxmlformats.org/officeDocument/2006/relationships/slideLayout" Target="../slideLayouts/slideLayout1038.xml"/><Relationship Id="rId4" Type="http://schemas.openxmlformats.org/officeDocument/2006/relationships/slideLayout" Target="../slideLayouts/slideLayout1023.xml"/><Relationship Id="rId9" Type="http://schemas.openxmlformats.org/officeDocument/2006/relationships/slideLayout" Target="../slideLayouts/slideLayout1028.xml"/><Relationship Id="rId14" Type="http://schemas.openxmlformats.org/officeDocument/2006/relationships/slideLayout" Target="../slideLayouts/slideLayout1033.xml"/><Relationship Id="rId22" Type="http://schemas.openxmlformats.org/officeDocument/2006/relationships/image" Target="../media/image2.png"/></Relationships>
</file>

<file path=ppt/slideMasters/_rels/slideMaster58.xml.rels><?xml version="1.0" encoding="UTF-8" standalone="yes"?>
<Relationships xmlns="http://schemas.openxmlformats.org/package/2006/relationships"><Relationship Id="rId8" Type="http://schemas.openxmlformats.org/officeDocument/2006/relationships/slideLayout" Target="../slideLayouts/slideLayout1046.xml"/><Relationship Id="rId13" Type="http://schemas.openxmlformats.org/officeDocument/2006/relationships/theme" Target="../theme/theme58.xml"/><Relationship Id="rId3" Type="http://schemas.openxmlformats.org/officeDocument/2006/relationships/slideLayout" Target="../slideLayouts/slideLayout1041.xml"/><Relationship Id="rId7" Type="http://schemas.openxmlformats.org/officeDocument/2006/relationships/slideLayout" Target="../slideLayouts/slideLayout1045.xml"/><Relationship Id="rId12" Type="http://schemas.openxmlformats.org/officeDocument/2006/relationships/slideLayout" Target="../slideLayouts/slideLayout1050.xml"/><Relationship Id="rId2" Type="http://schemas.openxmlformats.org/officeDocument/2006/relationships/slideLayout" Target="../slideLayouts/slideLayout1040.xml"/><Relationship Id="rId16" Type="http://schemas.openxmlformats.org/officeDocument/2006/relationships/image" Target="../media/image3.png"/><Relationship Id="rId1" Type="http://schemas.openxmlformats.org/officeDocument/2006/relationships/slideLayout" Target="../slideLayouts/slideLayout1039.xml"/><Relationship Id="rId6" Type="http://schemas.openxmlformats.org/officeDocument/2006/relationships/slideLayout" Target="../slideLayouts/slideLayout1044.xml"/><Relationship Id="rId11" Type="http://schemas.openxmlformats.org/officeDocument/2006/relationships/slideLayout" Target="../slideLayouts/slideLayout1049.xml"/><Relationship Id="rId5" Type="http://schemas.openxmlformats.org/officeDocument/2006/relationships/slideLayout" Target="../slideLayouts/slideLayout1043.xml"/><Relationship Id="rId15" Type="http://schemas.openxmlformats.org/officeDocument/2006/relationships/image" Target="../media/image2.png"/><Relationship Id="rId10" Type="http://schemas.openxmlformats.org/officeDocument/2006/relationships/slideLayout" Target="../slideLayouts/slideLayout1048.xml"/><Relationship Id="rId4" Type="http://schemas.openxmlformats.org/officeDocument/2006/relationships/slideLayout" Target="../slideLayouts/slideLayout1042.xml"/><Relationship Id="rId9" Type="http://schemas.openxmlformats.org/officeDocument/2006/relationships/slideLayout" Target="../slideLayouts/slideLayout1047.xml"/><Relationship Id="rId14" Type="http://schemas.openxmlformats.org/officeDocument/2006/relationships/image" Target="../media/image1.jpeg"/></Relationships>
</file>

<file path=ppt/slideMasters/_rels/slideMaster59.xml.rels><?xml version="1.0" encoding="UTF-8" standalone="yes"?>
<Relationships xmlns="http://schemas.openxmlformats.org/package/2006/relationships"><Relationship Id="rId8" Type="http://schemas.openxmlformats.org/officeDocument/2006/relationships/slideLayout" Target="../slideLayouts/slideLayout1058.xml"/><Relationship Id="rId13" Type="http://schemas.openxmlformats.org/officeDocument/2006/relationships/slideLayout" Target="../slideLayouts/slideLayout1063.xml"/><Relationship Id="rId18" Type="http://schemas.openxmlformats.org/officeDocument/2006/relationships/slideLayout" Target="../slideLayouts/slideLayout1068.xml"/><Relationship Id="rId3" Type="http://schemas.openxmlformats.org/officeDocument/2006/relationships/slideLayout" Target="../slideLayouts/slideLayout1053.xml"/><Relationship Id="rId21" Type="http://schemas.openxmlformats.org/officeDocument/2006/relationships/image" Target="../media/image1.jpeg"/><Relationship Id="rId7" Type="http://schemas.openxmlformats.org/officeDocument/2006/relationships/slideLayout" Target="../slideLayouts/slideLayout1057.xml"/><Relationship Id="rId12" Type="http://schemas.openxmlformats.org/officeDocument/2006/relationships/slideLayout" Target="../slideLayouts/slideLayout1062.xml"/><Relationship Id="rId17" Type="http://schemas.openxmlformats.org/officeDocument/2006/relationships/slideLayout" Target="../slideLayouts/slideLayout1067.xml"/><Relationship Id="rId2" Type="http://schemas.openxmlformats.org/officeDocument/2006/relationships/slideLayout" Target="../slideLayouts/slideLayout1052.xml"/><Relationship Id="rId16" Type="http://schemas.openxmlformats.org/officeDocument/2006/relationships/slideLayout" Target="../slideLayouts/slideLayout1066.xml"/><Relationship Id="rId20" Type="http://schemas.openxmlformats.org/officeDocument/2006/relationships/theme" Target="../theme/theme59.xml"/><Relationship Id="rId1" Type="http://schemas.openxmlformats.org/officeDocument/2006/relationships/slideLayout" Target="../slideLayouts/slideLayout1051.xml"/><Relationship Id="rId6" Type="http://schemas.openxmlformats.org/officeDocument/2006/relationships/slideLayout" Target="../slideLayouts/slideLayout1056.xml"/><Relationship Id="rId11" Type="http://schemas.openxmlformats.org/officeDocument/2006/relationships/slideLayout" Target="../slideLayouts/slideLayout1061.xml"/><Relationship Id="rId5" Type="http://schemas.openxmlformats.org/officeDocument/2006/relationships/slideLayout" Target="../slideLayouts/slideLayout1055.xml"/><Relationship Id="rId15" Type="http://schemas.openxmlformats.org/officeDocument/2006/relationships/slideLayout" Target="../slideLayouts/slideLayout1065.xml"/><Relationship Id="rId23" Type="http://schemas.openxmlformats.org/officeDocument/2006/relationships/image" Target="../media/image3.png"/><Relationship Id="rId10" Type="http://schemas.openxmlformats.org/officeDocument/2006/relationships/slideLayout" Target="../slideLayouts/slideLayout1060.xml"/><Relationship Id="rId19" Type="http://schemas.openxmlformats.org/officeDocument/2006/relationships/slideLayout" Target="../slideLayouts/slideLayout1069.xml"/><Relationship Id="rId4" Type="http://schemas.openxmlformats.org/officeDocument/2006/relationships/slideLayout" Target="../slideLayouts/slideLayout1054.xml"/><Relationship Id="rId9" Type="http://schemas.openxmlformats.org/officeDocument/2006/relationships/slideLayout" Target="../slideLayouts/slideLayout1059.xml"/><Relationship Id="rId14" Type="http://schemas.openxmlformats.org/officeDocument/2006/relationships/slideLayout" Target="../slideLayouts/slideLayout1064.xml"/><Relationship Id="rId22" Type="http://schemas.openxmlformats.org/officeDocument/2006/relationships/image" Target="../media/image2.png"/></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110.xml"/><Relationship Id="rId13" Type="http://schemas.openxmlformats.org/officeDocument/2006/relationships/slideLayout" Target="../slideLayouts/slideLayout115.xml"/><Relationship Id="rId18" Type="http://schemas.openxmlformats.org/officeDocument/2006/relationships/slideLayout" Target="../slideLayouts/slideLayout120.xml"/><Relationship Id="rId3" Type="http://schemas.openxmlformats.org/officeDocument/2006/relationships/slideLayout" Target="../slideLayouts/slideLayout105.xml"/><Relationship Id="rId21" Type="http://schemas.openxmlformats.org/officeDocument/2006/relationships/image" Target="../media/image1.jpeg"/><Relationship Id="rId7" Type="http://schemas.openxmlformats.org/officeDocument/2006/relationships/slideLayout" Target="../slideLayouts/slideLayout109.xml"/><Relationship Id="rId12" Type="http://schemas.openxmlformats.org/officeDocument/2006/relationships/slideLayout" Target="../slideLayouts/slideLayout114.xml"/><Relationship Id="rId17" Type="http://schemas.openxmlformats.org/officeDocument/2006/relationships/slideLayout" Target="../slideLayouts/slideLayout119.xml"/><Relationship Id="rId2" Type="http://schemas.openxmlformats.org/officeDocument/2006/relationships/slideLayout" Target="../slideLayouts/slideLayout104.xml"/><Relationship Id="rId16" Type="http://schemas.openxmlformats.org/officeDocument/2006/relationships/slideLayout" Target="../slideLayouts/slideLayout118.xml"/><Relationship Id="rId20" Type="http://schemas.openxmlformats.org/officeDocument/2006/relationships/theme" Target="../theme/theme6.xml"/><Relationship Id="rId1" Type="http://schemas.openxmlformats.org/officeDocument/2006/relationships/slideLayout" Target="../slideLayouts/slideLayout103.xml"/><Relationship Id="rId6" Type="http://schemas.openxmlformats.org/officeDocument/2006/relationships/slideLayout" Target="../slideLayouts/slideLayout108.xml"/><Relationship Id="rId11" Type="http://schemas.openxmlformats.org/officeDocument/2006/relationships/slideLayout" Target="../slideLayouts/slideLayout113.xml"/><Relationship Id="rId5" Type="http://schemas.openxmlformats.org/officeDocument/2006/relationships/slideLayout" Target="../slideLayouts/slideLayout107.xml"/><Relationship Id="rId15" Type="http://schemas.openxmlformats.org/officeDocument/2006/relationships/slideLayout" Target="../slideLayouts/slideLayout117.xml"/><Relationship Id="rId23" Type="http://schemas.openxmlformats.org/officeDocument/2006/relationships/image" Target="../media/image3.png"/><Relationship Id="rId10" Type="http://schemas.openxmlformats.org/officeDocument/2006/relationships/slideLayout" Target="../slideLayouts/slideLayout112.xml"/><Relationship Id="rId19" Type="http://schemas.openxmlformats.org/officeDocument/2006/relationships/slideLayout" Target="../slideLayouts/slideLayout121.xml"/><Relationship Id="rId4" Type="http://schemas.openxmlformats.org/officeDocument/2006/relationships/slideLayout" Target="../slideLayouts/slideLayout106.xml"/><Relationship Id="rId9" Type="http://schemas.openxmlformats.org/officeDocument/2006/relationships/slideLayout" Target="../slideLayouts/slideLayout111.xml"/><Relationship Id="rId14" Type="http://schemas.openxmlformats.org/officeDocument/2006/relationships/slideLayout" Target="../slideLayouts/slideLayout116.xml"/><Relationship Id="rId22" Type="http://schemas.openxmlformats.org/officeDocument/2006/relationships/image" Target="../media/image2.png"/></Relationships>
</file>

<file path=ppt/slideMasters/_rels/slideMaster60.xml.rels><?xml version="1.0" encoding="UTF-8" standalone="yes"?>
<Relationships xmlns="http://schemas.openxmlformats.org/package/2006/relationships"><Relationship Id="rId8" Type="http://schemas.openxmlformats.org/officeDocument/2006/relationships/slideLayout" Target="../slideLayouts/slideLayout1077.xml"/><Relationship Id="rId13" Type="http://schemas.openxmlformats.org/officeDocument/2006/relationships/slideLayout" Target="../slideLayouts/slideLayout1082.xml"/><Relationship Id="rId18" Type="http://schemas.openxmlformats.org/officeDocument/2006/relationships/slideLayout" Target="../slideLayouts/slideLayout1087.xml"/><Relationship Id="rId3" Type="http://schemas.openxmlformats.org/officeDocument/2006/relationships/slideLayout" Target="../slideLayouts/slideLayout1072.xml"/><Relationship Id="rId21" Type="http://schemas.openxmlformats.org/officeDocument/2006/relationships/image" Target="../media/image1.jpeg"/><Relationship Id="rId7" Type="http://schemas.openxmlformats.org/officeDocument/2006/relationships/slideLayout" Target="../slideLayouts/slideLayout1076.xml"/><Relationship Id="rId12" Type="http://schemas.openxmlformats.org/officeDocument/2006/relationships/slideLayout" Target="../slideLayouts/slideLayout1081.xml"/><Relationship Id="rId17" Type="http://schemas.openxmlformats.org/officeDocument/2006/relationships/slideLayout" Target="../slideLayouts/slideLayout1086.xml"/><Relationship Id="rId2" Type="http://schemas.openxmlformats.org/officeDocument/2006/relationships/slideLayout" Target="../slideLayouts/slideLayout1071.xml"/><Relationship Id="rId16" Type="http://schemas.openxmlformats.org/officeDocument/2006/relationships/slideLayout" Target="../slideLayouts/slideLayout1085.xml"/><Relationship Id="rId20" Type="http://schemas.openxmlformats.org/officeDocument/2006/relationships/theme" Target="../theme/theme60.xml"/><Relationship Id="rId1" Type="http://schemas.openxmlformats.org/officeDocument/2006/relationships/slideLayout" Target="../slideLayouts/slideLayout1070.xml"/><Relationship Id="rId6" Type="http://schemas.openxmlformats.org/officeDocument/2006/relationships/slideLayout" Target="../slideLayouts/slideLayout1075.xml"/><Relationship Id="rId11" Type="http://schemas.openxmlformats.org/officeDocument/2006/relationships/slideLayout" Target="../slideLayouts/slideLayout1080.xml"/><Relationship Id="rId5" Type="http://schemas.openxmlformats.org/officeDocument/2006/relationships/slideLayout" Target="../slideLayouts/slideLayout1074.xml"/><Relationship Id="rId15" Type="http://schemas.openxmlformats.org/officeDocument/2006/relationships/slideLayout" Target="../slideLayouts/slideLayout1084.xml"/><Relationship Id="rId23" Type="http://schemas.openxmlformats.org/officeDocument/2006/relationships/image" Target="../media/image3.png"/><Relationship Id="rId10" Type="http://schemas.openxmlformats.org/officeDocument/2006/relationships/slideLayout" Target="../slideLayouts/slideLayout1079.xml"/><Relationship Id="rId19" Type="http://schemas.openxmlformats.org/officeDocument/2006/relationships/slideLayout" Target="../slideLayouts/slideLayout1088.xml"/><Relationship Id="rId4" Type="http://schemas.openxmlformats.org/officeDocument/2006/relationships/slideLayout" Target="../slideLayouts/slideLayout1073.xml"/><Relationship Id="rId9" Type="http://schemas.openxmlformats.org/officeDocument/2006/relationships/slideLayout" Target="../slideLayouts/slideLayout1078.xml"/><Relationship Id="rId14" Type="http://schemas.openxmlformats.org/officeDocument/2006/relationships/slideLayout" Target="../slideLayouts/slideLayout1083.xml"/><Relationship Id="rId22" Type="http://schemas.openxmlformats.org/officeDocument/2006/relationships/image" Target="../media/image2.png"/></Relationships>
</file>

<file path=ppt/slideMasters/_rels/slideMaster61.xml.rels><?xml version="1.0" encoding="UTF-8" standalone="yes"?>
<Relationships xmlns="http://schemas.openxmlformats.org/package/2006/relationships"><Relationship Id="rId8" Type="http://schemas.openxmlformats.org/officeDocument/2006/relationships/slideLayout" Target="../slideLayouts/slideLayout1096.xml"/><Relationship Id="rId3" Type="http://schemas.openxmlformats.org/officeDocument/2006/relationships/slideLayout" Target="../slideLayouts/slideLayout1091.xml"/><Relationship Id="rId7" Type="http://schemas.openxmlformats.org/officeDocument/2006/relationships/slideLayout" Target="../slideLayouts/slideLayout1095.xml"/><Relationship Id="rId12" Type="http://schemas.openxmlformats.org/officeDocument/2006/relationships/image" Target="../media/image3.png"/><Relationship Id="rId2" Type="http://schemas.openxmlformats.org/officeDocument/2006/relationships/slideLayout" Target="../slideLayouts/slideLayout1090.xml"/><Relationship Id="rId1" Type="http://schemas.openxmlformats.org/officeDocument/2006/relationships/slideLayout" Target="../slideLayouts/slideLayout1089.xml"/><Relationship Id="rId6" Type="http://schemas.openxmlformats.org/officeDocument/2006/relationships/slideLayout" Target="../slideLayouts/slideLayout1094.xml"/><Relationship Id="rId11" Type="http://schemas.openxmlformats.org/officeDocument/2006/relationships/image" Target="../media/image2.png"/><Relationship Id="rId5" Type="http://schemas.openxmlformats.org/officeDocument/2006/relationships/slideLayout" Target="../slideLayouts/slideLayout1093.xml"/><Relationship Id="rId10" Type="http://schemas.openxmlformats.org/officeDocument/2006/relationships/image" Target="../media/image1.jpeg"/><Relationship Id="rId4" Type="http://schemas.openxmlformats.org/officeDocument/2006/relationships/slideLayout" Target="../slideLayouts/slideLayout1092.xml"/><Relationship Id="rId9" Type="http://schemas.openxmlformats.org/officeDocument/2006/relationships/theme" Target="../theme/theme61.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29.xml"/><Relationship Id="rId13" Type="http://schemas.openxmlformats.org/officeDocument/2006/relationships/slideLayout" Target="../slideLayouts/slideLayout134.xml"/><Relationship Id="rId18" Type="http://schemas.openxmlformats.org/officeDocument/2006/relationships/slideLayout" Target="../slideLayouts/slideLayout139.xml"/><Relationship Id="rId3" Type="http://schemas.openxmlformats.org/officeDocument/2006/relationships/slideLayout" Target="../slideLayouts/slideLayout124.xml"/><Relationship Id="rId21" Type="http://schemas.openxmlformats.org/officeDocument/2006/relationships/image" Target="../media/image1.jpeg"/><Relationship Id="rId7" Type="http://schemas.openxmlformats.org/officeDocument/2006/relationships/slideLayout" Target="../slideLayouts/slideLayout128.xml"/><Relationship Id="rId12" Type="http://schemas.openxmlformats.org/officeDocument/2006/relationships/slideLayout" Target="../slideLayouts/slideLayout133.xml"/><Relationship Id="rId17" Type="http://schemas.openxmlformats.org/officeDocument/2006/relationships/slideLayout" Target="../slideLayouts/slideLayout138.xml"/><Relationship Id="rId2" Type="http://schemas.openxmlformats.org/officeDocument/2006/relationships/slideLayout" Target="../slideLayouts/slideLayout123.xml"/><Relationship Id="rId16" Type="http://schemas.openxmlformats.org/officeDocument/2006/relationships/slideLayout" Target="../slideLayouts/slideLayout137.xml"/><Relationship Id="rId20" Type="http://schemas.openxmlformats.org/officeDocument/2006/relationships/theme" Target="../theme/theme7.xml"/><Relationship Id="rId1" Type="http://schemas.openxmlformats.org/officeDocument/2006/relationships/slideLayout" Target="../slideLayouts/slideLayout122.xml"/><Relationship Id="rId6" Type="http://schemas.openxmlformats.org/officeDocument/2006/relationships/slideLayout" Target="../slideLayouts/slideLayout127.xml"/><Relationship Id="rId11" Type="http://schemas.openxmlformats.org/officeDocument/2006/relationships/slideLayout" Target="../slideLayouts/slideLayout132.xml"/><Relationship Id="rId5" Type="http://schemas.openxmlformats.org/officeDocument/2006/relationships/slideLayout" Target="../slideLayouts/slideLayout126.xml"/><Relationship Id="rId15" Type="http://schemas.openxmlformats.org/officeDocument/2006/relationships/slideLayout" Target="../slideLayouts/slideLayout136.xml"/><Relationship Id="rId23" Type="http://schemas.openxmlformats.org/officeDocument/2006/relationships/image" Target="../media/image3.png"/><Relationship Id="rId10" Type="http://schemas.openxmlformats.org/officeDocument/2006/relationships/slideLayout" Target="../slideLayouts/slideLayout131.xml"/><Relationship Id="rId19" Type="http://schemas.openxmlformats.org/officeDocument/2006/relationships/slideLayout" Target="../slideLayouts/slideLayout140.xml"/><Relationship Id="rId4" Type="http://schemas.openxmlformats.org/officeDocument/2006/relationships/slideLayout" Target="../slideLayouts/slideLayout125.xml"/><Relationship Id="rId9" Type="http://schemas.openxmlformats.org/officeDocument/2006/relationships/slideLayout" Target="../slideLayouts/slideLayout130.xml"/><Relationship Id="rId14" Type="http://schemas.openxmlformats.org/officeDocument/2006/relationships/slideLayout" Target="../slideLayouts/slideLayout135.xml"/><Relationship Id="rId22" Type="http://schemas.openxmlformats.org/officeDocument/2006/relationships/image" Target="../media/image2.png"/></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48.xml"/><Relationship Id="rId13" Type="http://schemas.openxmlformats.org/officeDocument/2006/relationships/slideLayout" Target="../slideLayouts/slideLayout153.xml"/><Relationship Id="rId18" Type="http://schemas.openxmlformats.org/officeDocument/2006/relationships/slideLayout" Target="../slideLayouts/slideLayout158.xml"/><Relationship Id="rId3" Type="http://schemas.openxmlformats.org/officeDocument/2006/relationships/slideLayout" Target="../slideLayouts/slideLayout143.xml"/><Relationship Id="rId21" Type="http://schemas.openxmlformats.org/officeDocument/2006/relationships/image" Target="../media/image1.jpeg"/><Relationship Id="rId7" Type="http://schemas.openxmlformats.org/officeDocument/2006/relationships/slideLayout" Target="../slideLayouts/slideLayout147.xml"/><Relationship Id="rId12" Type="http://schemas.openxmlformats.org/officeDocument/2006/relationships/slideLayout" Target="../slideLayouts/slideLayout152.xml"/><Relationship Id="rId17" Type="http://schemas.openxmlformats.org/officeDocument/2006/relationships/slideLayout" Target="../slideLayouts/slideLayout157.xml"/><Relationship Id="rId2" Type="http://schemas.openxmlformats.org/officeDocument/2006/relationships/slideLayout" Target="../slideLayouts/slideLayout142.xml"/><Relationship Id="rId16" Type="http://schemas.openxmlformats.org/officeDocument/2006/relationships/slideLayout" Target="../slideLayouts/slideLayout156.xml"/><Relationship Id="rId20" Type="http://schemas.openxmlformats.org/officeDocument/2006/relationships/theme" Target="../theme/theme8.xml"/><Relationship Id="rId1" Type="http://schemas.openxmlformats.org/officeDocument/2006/relationships/slideLayout" Target="../slideLayouts/slideLayout141.xml"/><Relationship Id="rId6" Type="http://schemas.openxmlformats.org/officeDocument/2006/relationships/slideLayout" Target="../slideLayouts/slideLayout146.xml"/><Relationship Id="rId11" Type="http://schemas.openxmlformats.org/officeDocument/2006/relationships/slideLayout" Target="../slideLayouts/slideLayout151.xml"/><Relationship Id="rId5" Type="http://schemas.openxmlformats.org/officeDocument/2006/relationships/slideLayout" Target="../slideLayouts/slideLayout145.xml"/><Relationship Id="rId15" Type="http://schemas.openxmlformats.org/officeDocument/2006/relationships/slideLayout" Target="../slideLayouts/slideLayout155.xml"/><Relationship Id="rId23" Type="http://schemas.openxmlformats.org/officeDocument/2006/relationships/image" Target="../media/image3.png"/><Relationship Id="rId10" Type="http://schemas.openxmlformats.org/officeDocument/2006/relationships/slideLayout" Target="../slideLayouts/slideLayout150.xml"/><Relationship Id="rId19" Type="http://schemas.openxmlformats.org/officeDocument/2006/relationships/slideLayout" Target="../slideLayouts/slideLayout159.xml"/><Relationship Id="rId4" Type="http://schemas.openxmlformats.org/officeDocument/2006/relationships/slideLayout" Target="../slideLayouts/slideLayout144.xml"/><Relationship Id="rId9" Type="http://schemas.openxmlformats.org/officeDocument/2006/relationships/slideLayout" Target="../slideLayouts/slideLayout149.xml"/><Relationship Id="rId14" Type="http://schemas.openxmlformats.org/officeDocument/2006/relationships/slideLayout" Target="../slideLayouts/slideLayout154.xml"/><Relationship Id="rId22" Type="http://schemas.openxmlformats.org/officeDocument/2006/relationships/image" Target="../media/image2.png"/></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67.xml"/><Relationship Id="rId13" Type="http://schemas.openxmlformats.org/officeDocument/2006/relationships/slideLayout" Target="../slideLayouts/slideLayout172.xml"/><Relationship Id="rId18" Type="http://schemas.openxmlformats.org/officeDocument/2006/relationships/slideLayout" Target="../slideLayouts/slideLayout177.xml"/><Relationship Id="rId3" Type="http://schemas.openxmlformats.org/officeDocument/2006/relationships/slideLayout" Target="../slideLayouts/slideLayout162.xml"/><Relationship Id="rId21" Type="http://schemas.openxmlformats.org/officeDocument/2006/relationships/image" Target="../media/image2.png"/><Relationship Id="rId7" Type="http://schemas.openxmlformats.org/officeDocument/2006/relationships/slideLayout" Target="../slideLayouts/slideLayout166.xml"/><Relationship Id="rId12" Type="http://schemas.openxmlformats.org/officeDocument/2006/relationships/slideLayout" Target="../slideLayouts/slideLayout171.xml"/><Relationship Id="rId17" Type="http://schemas.openxmlformats.org/officeDocument/2006/relationships/slideLayout" Target="../slideLayouts/slideLayout176.xml"/><Relationship Id="rId2" Type="http://schemas.openxmlformats.org/officeDocument/2006/relationships/slideLayout" Target="../slideLayouts/slideLayout161.xml"/><Relationship Id="rId16" Type="http://schemas.openxmlformats.org/officeDocument/2006/relationships/slideLayout" Target="../slideLayouts/slideLayout175.xml"/><Relationship Id="rId20" Type="http://schemas.openxmlformats.org/officeDocument/2006/relationships/image" Target="../media/image1.jpeg"/><Relationship Id="rId1" Type="http://schemas.openxmlformats.org/officeDocument/2006/relationships/slideLayout" Target="../slideLayouts/slideLayout160.xml"/><Relationship Id="rId6" Type="http://schemas.openxmlformats.org/officeDocument/2006/relationships/slideLayout" Target="../slideLayouts/slideLayout165.xml"/><Relationship Id="rId11" Type="http://schemas.openxmlformats.org/officeDocument/2006/relationships/slideLayout" Target="../slideLayouts/slideLayout170.xml"/><Relationship Id="rId5" Type="http://schemas.openxmlformats.org/officeDocument/2006/relationships/slideLayout" Target="../slideLayouts/slideLayout164.xml"/><Relationship Id="rId15" Type="http://schemas.openxmlformats.org/officeDocument/2006/relationships/slideLayout" Target="../slideLayouts/slideLayout174.xml"/><Relationship Id="rId10" Type="http://schemas.openxmlformats.org/officeDocument/2006/relationships/slideLayout" Target="../slideLayouts/slideLayout169.xml"/><Relationship Id="rId19" Type="http://schemas.openxmlformats.org/officeDocument/2006/relationships/theme" Target="../theme/theme9.xml"/><Relationship Id="rId4" Type="http://schemas.openxmlformats.org/officeDocument/2006/relationships/slideLayout" Target="../slideLayouts/slideLayout163.xml"/><Relationship Id="rId9" Type="http://schemas.openxmlformats.org/officeDocument/2006/relationships/slideLayout" Target="../slideLayouts/slideLayout168.xml"/><Relationship Id="rId14" Type="http://schemas.openxmlformats.org/officeDocument/2006/relationships/slideLayout" Target="../slideLayouts/slideLayout173.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cSld>
  <p:clrMap bg1="dk1" tx1="lt1" bg2="dk2" tx2="lt2" accent1="accent1" accent2="accent2" accent3="accent3" accent4="accent4" accent5="accent5" accent6="accent6" hlink="hlink" folHlink="folHlink"/>
  <p:sldLayoutIdLst>
    <p:sldLayoutId id="2147483862" r:id="rId1"/>
    <p:sldLayoutId id="2147483852" r:id="rId2"/>
    <p:sldLayoutId id="2147483853" r:id="rId3"/>
    <p:sldLayoutId id="2147483859" r:id="rId4"/>
    <p:sldLayoutId id="2147483865" r:id="rId5"/>
    <p:sldLayoutId id="2147483858" r:id="rId6"/>
    <p:sldLayoutId id="2147483854" r:id="rId7"/>
    <p:sldLayoutId id="2147483855" r:id="rId8"/>
    <p:sldLayoutId id="2147483856" r:id="rId9"/>
    <p:sldLayoutId id="2147483857" r:id="rId10"/>
    <p:sldLayoutId id="2147483909" r:id="rId11"/>
    <p:sldLayoutId id="2147483869" r:id="rId12"/>
    <p:sldLayoutId id="2147483871" r:id="rId13"/>
    <p:sldLayoutId id="2147483863" r:id="rId14"/>
    <p:sldLayoutId id="2147483864" r:id="rId15"/>
    <p:sldLayoutId id="2147483860" r:id="rId16"/>
    <p:sldLayoutId id="2147483868" r:id="rId17"/>
    <p:sldLayoutId id="2147483870" r:id="rId18"/>
    <p:sldLayoutId id="2147483874" r:id="rId19"/>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2"/>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3"/>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3"/>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3"/>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3"/>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446685473"/>
      </p:ext>
    </p:extLst>
  </p:cSld>
  <p:clrMap bg1="dk1" tx1="lt1" bg2="dk2" tx2="lt2" accent1="accent1" accent2="accent2" accent3="accent3" accent4="accent4" accent5="accent5" accent6="accent6" hlink="hlink" folHlink="folHlink"/>
  <p:sldLayoutIdLst>
    <p:sldLayoutId id="2147484042" r:id="rId1"/>
    <p:sldLayoutId id="2147484043" r:id="rId2"/>
    <p:sldLayoutId id="2147484044" r:id="rId3"/>
    <p:sldLayoutId id="2147484045" r:id="rId4"/>
    <p:sldLayoutId id="2147484046" r:id="rId5"/>
    <p:sldLayoutId id="2147484047" r:id="rId6"/>
    <p:sldLayoutId id="2147484048" r:id="rId7"/>
    <p:sldLayoutId id="2147484049" r:id="rId8"/>
    <p:sldLayoutId id="2147484050" r:id="rId9"/>
    <p:sldLayoutId id="2147484051" r:id="rId10"/>
    <p:sldLayoutId id="2147484052" r:id="rId11"/>
    <p:sldLayoutId id="2147484053" r:id="rId12"/>
    <p:sldLayoutId id="2147484054" r:id="rId13"/>
    <p:sldLayoutId id="2147484055" r:id="rId14"/>
    <p:sldLayoutId id="2147484056" r:id="rId15"/>
    <p:sldLayoutId id="2147484057" r:id="rId16"/>
    <p:sldLayoutId id="2147484058" r:id="rId17"/>
    <p:sldLayoutId id="2147484059" r:id="rId18"/>
    <p:sldLayoutId id="2147484060"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2"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974570058"/>
      </p:ext>
    </p:extLst>
  </p:cSld>
  <p:clrMap bg1="dk1" tx1="lt1" bg2="dk2" tx2="lt2" accent1="accent1" accent2="accent2" accent3="accent3" accent4="accent4" accent5="accent5" accent6="accent6" hlink="hlink" folHlink="folHlink"/>
  <p:sldLayoutIdLst>
    <p:sldLayoutId id="2147484062" r:id="rId1"/>
    <p:sldLayoutId id="2147484063" r:id="rId2"/>
    <p:sldLayoutId id="2147484064" r:id="rId3"/>
    <p:sldLayoutId id="2147484065" r:id="rId4"/>
    <p:sldLayoutId id="2147484066" r:id="rId5"/>
    <p:sldLayoutId id="2147484067" r:id="rId6"/>
    <p:sldLayoutId id="2147484068" r:id="rId7"/>
    <p:sldLayoutId id="2147484069" r:id="rId8"/>
    <p:sldLayoutId id="2147484070" r:id="rId9"/>
    <p:sldLayoutId id="2147484071" r:id="rId10"/>
    <p:sldLayoutId id="2147484072" r:id="rId11"/>
    <p:sldLayoutId id="2147484073" r:id="rId12"/>
    <p:sldLayoutId id="2147484074" r:id="rId13"/>
    <p:sldLayoutId id="2147484075" r:id="rId14"/>
    <p:sldLayoutId id="2147484076" r:id="rId15"/>
    <p:sldLayoutId id="2147484077" r:id="rId16"/>
    <p:sldLayoutId id="2147484078" r:id="rId17"/>
    <p:sldLayoutId id="2147484079" r:id="rId18"/>
    <p:sldLayoutId id="2147484080" r:id="rId19"/>
    <p:sldLayoutId id="2147484082" r:id="rId20"/>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3"/>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4"/>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4"/>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4"/>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4"/>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149528618"/>
      </p:ext>
    </p:extLst>
  </p:cSld>
  <p:clrMap bg1="dk1" tx1="lt1" bg2="dk2" tx2="lt2" accent1="accent1" accent2="accent2" accent3="accent3" accent4="accent4" accent5="accent5" accent6="accent6" hlink="hlink" folHlink="folHlink"/>
  <p:sldLayoutIdLst>
    <p:sldLayoutId id="2147484084" r:id="rId1"/>
    <p:sldLayoutId id="2147484085" r:id="rId2"/>
    <p:sldLayoutId id="2147484086" r:id="rId3"/>
    <p:sldLayoutId id="2147484087" r:id="rId4"/>
    <p:sldLayoutId id="2147484088" r:id="rId5"/>
    <p:sldLayoutId id="2147484089" r:id="rId6"/>
    <p:sldLayoutId id="2147484090" r:id="rId7"/>
    <p:sldLayoutId id="2147484091" r:id="rId8"/>
    <p:sldLayoutId id="2147484092" r:id="rId9"/>
    <p:sldLayoutId id="2147484093" r:id="rId10"/>
    <p:sldLayoutId id="2147484094" r:id="rId11"/>
    <p:sldLayoutId id="2147484095" r:id="rId12"/>
    <p:sldLayoutId id="2147484096" r:id="rId13"/>
    <p:sldLayoutId id="2147484097" r:id="rId14"/>
    <p:sldLayoutId id="2147484098" r:id="rId15"/>
    <p:sldLayoutId id="2147484099" r:id="rId16"/>
    <p:sldLayoutId id="2147484100" r:id="rId17"/>
    <p:sldLayoutId id="2147484101" r:id="rId18"/>
    <p:sldLayoutId id="2147484102" r:id="rId19"/>
    <p:sldLayoutId id="2147484103" r:id="rId20"/>
    <p:sldLayoutId id="2147484104"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149528618"/>
      </p:ext>
    </p:extLst>
  </p:cSld>
  <p:clrMap bg1="dk1" tx1="lt1" bg2="dk2" tx2="lt2" accent1="accent1" accent2="accent2" accent3="accent3" accent4="accent4" accent5="accent5" accent6="accent6" hlink="hlink" folHlink="folHlink"/>
  <p:sldLayoutIdLst>
    <p:sldLayoutId id="2147484106" r:id="rId1"/>
    <p:sldLayoutId id="2147484107" r:id="rId2"/>
    <p:sldLayoutId id="2147484108" r:id="rId3"/>
    <p:sldLayoutId id="2147484109" r:id="rId4"/>
    <p:sldLayoutId id="2147484110" r:id="rId5"/>
    <p:sldLayoutId id="2147484111" r:id="rId6"/>
    <p:sldLayoutId id="2147484112" r:id="rId7"/>
    <p:sldLayoutId id="2147484113" r:id="rId8"/>
    <p:sldLayoutId id="2147484114" r:id="rId9"/>
    <p:sldLayoutId id="2147484115" r:id="rId10"/>
    <p:sldLayoutId id="2147484116" r:id="rId11"/>
    <p:sldLayoutId id="2147484117" r:id="rId12"/>
    <p:sldLayoutId id="2147484118" r:id="rId13"/>
    <p:sldLayoutId id="2147484119" r:id="rId14"/>
    <p:sldLayoutId id="2147484120" r:id="rId15"/>
    <p:sldLayoutId id="2147484121" r:id="rId16"/>
    <p:sldLayoutId id="2147484122" r:id="rId17"/>
    <p:sldLayoutId id="2147484123" r:id="rId18"/>
    <p:sldLayoutId id="2147484124" r:id="rId19"/>
    <p:sldLayoutId id="2147484125" r:id="rId20"/>
    <p:sldLayoutId id="2147484126"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519896751"/>
      </p:ext>
    </p:extLst>
  </p:cSld>
  <p:clrMap bg1="dk1" tx1="lt1" bg2="dk2" tx2="lt2" accent1="accent1" accent2="accent2" accent3="accent3" accent4="accent4" accent5="accent5" accent6="accent6" hlink="hlink" folHlink="folHlink"/>
  <p:sldLayoutIdLst>
    <p:sldLayoutId id="2147484128" r:id="rId1"/>
    <p:sldLayoutId id="2147484129" r:id="rId2"/>
    <p:sldLayoutId id="2147484130" r:id="rId3"/>
    <p:sldLayoutId id="2147484131" r:id="rId4"/>
    <p:sldLayoutId id="2147484132" r:id="rId5"/>
    <p:sldLayoutId id="2147484133" r:id="rId6"/>
    <p:sldLayoutId id="2147484134" r:id="rId7"/>
    <p:sldLayoutId id="2147484135" r:id="rId8"/>
    <p:sldLayoutId id="2147484136" r:id="rId9"/>
    <p:sldLayoutId id="2147484137" r:id="rId10"/>
    <p:sldLayoutId id="2147484138" r:id="rId11"/>
    <p:sldLayoutId id="2147484139" r:id="rId12"/>
    <p:sldLayoutId id="2147484140" r:id="rId13"/>
    <p:sldLayoutId id="2147484141" r:id="rId14"/>
    <p:sldLayoutId id="2147484142" r:id="rId15"/>
    <p:sldLayoutId id="2147484143" r:id="rId16"/>
    <p:sldLayoutId id="2147484144" r:id="rId17"/>
    <p:sldLayoutId id="2147484145" r:id="rId18"/>
    <p:sldLayoutId id="2147484146"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04800" y="533400"/>
            <a:ext cx="8382000" cy="665163"/>
          </a:xfrm>
          <a:prstGeom prst="rect">
            <a:avLst/>
          </a:prstGeom>
        </p:spPr>
        <p:txBody>
          <a:bodyPr vert="horz" wrap="square" lIns="0" tIns="0" rIns="0" bIns="0" rtlCol="0" anchor="t">
            <a:spAutoFit/>
          </a:bodyPr>
          <a:lstStyle/>
          <a:p>
            <a:r>
              <a:rPr lang="en-US" dirty="0" smtClean="0"/>
              <a:t>Presentation Title</a:t>
            </a:r>
            <a:endParaRPr lang="en-US" dirty="0"/>
          </a:p>
        </p:txBody>
      </p:sp>
      <p:sp>
        <p:nvSpPr>
          <p:cNvPr id="13315" name="Text Placeholder 2"/>
          <p:cNvSpPr>
            <a:spLocks noGrp="1"/>
          </p:cNvSpPr>
          <p:nvPr>
            <p:ph type="body" idx="1"/>
          </p:nvPr>
        </p:nvSpPr>
        <p:spPr bwMode="auto">
          <a:xfrm>
            <a:off x="381000" y="4572000"/>
            <a:ext cx="8382000" cy="152717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ommittee Name</a:t>
            </a:r>
          </a:p>
          <a:p>
            <a:pPr lvl="0"/>
            <a:r>
              <a:rPr lang="en-US" smtClean="0"/>
              <a:t>Date</a:t>
            </a:r>
          </a:p>
          <a:p>
            <a:pPr lvl="0"/>
            <a:r>
              <a:rPr lang="en-US" smtClean="0"/>
              <a:t>Speaker Name</a:t>
            </a:r>
          </a:p>
        </p:txBody>
      </p:sp>
    </p:spTree>
    <p:extLst>
      <p:ext uri="{BB962C8B-B14F-4D97-AF65-F5344CB8AC3E}">
        <p14:creationId xmlns:p14="http://schemas.microsoft.com/office/powerpoint/2010/main" val="351073511"/>
      </p:ext>
    </p:extLst>
  </p:cSld>
  <p:clrMap bg1="dk1" tx1="lt1" bg2="dk2" tx2="lt2" accent1="accent1" accent2="accent2" accent3="accent3" accent4="accent4" accent5="accent5" accent6="accent6" hlink="hlink" folHlink="folHlink"/>
  <p:sldLayoutIdLst>
    <p:sldLayoutId id="2147484149" r:id="rId1"/>
    <p:sldLayoutId id="2147484684" r:id="rId2"/>
  </p:sldLayoutIdLst>
  <p:transition>
    <p:fade/>
  </p:transition>
  <p:txStyles>
    <p:titleStyle>
      <a:lvl1pPr algn="ctr" defTabSz="912813" rtl="0" eaLnBrk="0" fontAlgn="base" hangingPunct="0">
        <a:lnSpc>
          <a:spcPct val="90000"/>
        </a:lnSpc>
        <a:spcBef>
          <a:spcPct val="0"/>
        </a:spcBef>
        <a:spcAft>
          <a:spcPct val="0"/>
        </a:spcAft>
        <a:defRPr lang="en-US" sz="4800"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2pPr>
      <a:lvl3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3pPr>
      <a:lvl4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4pPr>
      <a:lvl5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Font typeface="Arial" pitchFamily="34" charset="0"/>
        <a:defRPr sz="3200" kern="1200">
          <a:solidFill>
            <a:schemeClr val="tx1"/>
          </a:solidFill>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5"/>
        </a:buBlip>
        <a:defRPr sz="2800" kern="1200">
          <a:solidFill>
            <a:schemeClr val="tx1"/>
          </a:solidFill>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5"/>
        </a:buBlip>
        <a:defRPr sz="2400" kern="1200">
          <a:solidFill>
            <a:schemeClr val="tx1"/>
          </a:solidFill>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5"/>
        </a:buBlip>
        <a:defRPr sz="2400" kern="1200">
          <a:solidFill>
            <a:schemeClr val="tx1"/>
          </a:solidFill>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5"/>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9"/>
            <a:ext cx="8229600" cy="868361"/>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01"/>
            <a:ext cx="8229600"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457200" y="6356352"/>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fontAlgn="auto">
              <a:spcBef>
                <a:spcPts val="0"/>
              </a:spcBef>
              <a:spcAft>
                <a:spcPts val="0"/>
              </a:spcAft>
            </a:pPr>
            <a:fld id="{D98D8189-EB86-424F-8855-A49F6FF8F7D0}" type="datetime1">
              <a:rPr lang="en-US" smtClean="0">
                <a:solidFill>
                  <a:srgbClr val="95A5A6">
                    <a:tint val="75000"/>
                  </a:srgbClr>
                </a:solidFill>
                <a:latin typeface="Calibri"/>
                <a:cs typeface="+mn-cs"/>
              </a:rPr>
              <a:pPr fontAlgn="auto">
                <a:spcBef>
                  <a:spcPts val="0"/>
                </a:spcBef>
                <a:spcAft>
                  <a:spcPts val="0"/>
                </a:spcAft>
              </a:pPr>
              <a:t>4/26/2016</a:t>
            </a:fld>
            <a:endParaRPr lang="en-US" dirty="0">
              <a:solidFill>
                <a:srgbClr val="95A5A6">
                  <a:tint val="75000"/>
                </a:srgbClr>
              </a:solidFill>
              <a:latin typeface="Calibri"/>
              <a:cs typeface="+mn-cs"/>
            </a:endParaRPr>
          </a:p>
        </p:txBody>
      </p:sp>
      <p:sp>
        <p:nvSpPr>
          <p:cNvPr id="5" name="Footer Placeholder 4"/>
          <p:cNvSpPr>
            <a:spLocks noGrp="1"/>
          </p:cNvSpPr>
          <p:nvPr>
            <p:ph type="ftr" sz="quarter" idx="3"/>
          </p:nvPr>
        </p:nvSpPr>
        <p:spPr>
          <a:xfrm>
            <a:off x="3124200" y="6356352"/>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fontAlgn="auto">
              <a:spcBef>
                <a:spcPts val="0"/>
              </a:spcBef>
              <a:spcAft>
                <a:spcPts val="0"/>
              </a:spcAft>
            </a:pPr>
            <a:endParaRPr lang="en-US" dirty="0">
              <a:solidFill>
                <a:srgbClr val="95A5A6">
                  <a:tint val="75000"/>
                </a:srgbClr>
              </a:solidFill>
              <a:latin typeface="Calibri"/>
              <a:cs typeface="+mn-cs"/>
            </a:endParaRPr>
          </a:p>
        </p:txBody>
      </p:sp>
      <p:sp>
        <p:nvSpPr>
          <p:cNvPr id="6" name="Slide Number Placeholder 5"/>
          <p:cNvSpPr>
            <a:spLocks noGrp="1"/>
          </p:cNvSpPr>
          <p:nvPr>
            <p:ph type="sldNum" sz="quarter" idx="4"/>
          </p:nvPr>
        </p:nvSpPr>
        <p:spPr>
          <a:xfrm>
            <a:off x="6553200" y="6356352"/>
            <a:ext cx="2133600" cy="365125"/>
          </a:xfrm>
          <a:prstGeom prst="rect">
            <a:avLst/>
          </a:prstGeom>
        </p:spPr>
        <p:txBody>
          <a:bodyPr vert="horz" lIns="91440" tIns="45720" rIns="91440" bIns="45720" rtlCol="0" anchor="ctr"/>
          <a:lstStyle>
            <a:lvl1pPr algn="r">
              <a:defRPr sz="1400">
                <a:solidFill>
                  <a:schemeClr val="accent1">
                    <a:lumMod val="50000"/>
                  </a:schemeClr>
                </a:solidFill>
              </a:defRPr>
            </a:lvl1pPr>
          </a:lstStyle>
          <a:p>
            <a:pPr fontAlgn="auto">
              <a:spcBef>
                <a:spcPts val="0"/>
              </a:spcBef>
              <a:spcAft>
                <a:spcPts val="0"/>
              </a:spcAft>
            </a:pPr>
            <a:fld id="{B6F15528-21DE-4FAA-801E-634DDDAF4B2B}" type="slidenum">
              <a:rPr lang="en-US" smtClean="0">
                <a:solidFill>
                  <a:srgbClr val="2980B9">
                    <a:lumMod val="50000"/>
                  </a:srgbClr>
                </a:solidFill>
                <a:latin typeface="Calibri"/>
                <a:cs typeface="+mn-cs"/>
              </a:rPr>
              <a:pPr fontAlgn="auto">
                <a:spcBef>
                  <a:spcPts val="0"/>
                </a:spcBef>
                <a:spcAft>
                  <a:spcPts val="0"/>
                </a:spcAft>
              </a:pPr>
              <a:t>‹#›</a:t>
            </a:fld>
            <a:endParaRPr lang="en-US" dirty="0">
              <a:solidFill>
                <a:srgbClr val="2980B9">
                  <a:lumMod val="50000"/>
                </a:srgbClr>
              </a:solidFill>
              <a:latin typeface="Calibri"/>
              <a:cs typeface="+mn-cs"/>
            </a:endParaRPr>
          </a:p>
        </p:txBody>
      </p:sp>
    </p:spTree>
    <p:extLst>
      <p:ext uri="{BB962C8B-B14F-4D97-AF65-F5344CB8AC3E}">
        <p14:creationId xmlns:p14="http://schemas.microsoft.com/office/powerpoint/2010/main" val="245340028"/>
      </p:ext>
    </p:extLst>
  </p:cSld>
  <p:clrMap bg1="lt1" tx1="dk1" bg2="lt2" tx2="dk2" accent1="accent1" accent2="accent2" accent3="accent3" accent4="accent4" accent5="accent5" accent6="accent6" hlink="hlink" folHlink="folHlink"/>
  <p:sldLayoutIdLst>
    <p:sldLayoutId id="2147484151" r:id="rId1"/>
    <p:sldLayoutId id="2147484152" r:id="rId2"/>
    <p:sldLayoutId id="2147484153" r:id="rId3"/>
    <p:sldLayoutId id="2147484154" r:id="rId4"/>
    <p:sldLayoutId id="2147484155" r:id="rId5"/>
    <p:sldLayoutId id="2147484156" r:id="rId6"/>
    <p:sldLayoutId id="2147484157" r:id="rId7"/>
    <p:sldLayoutId id="2147484158" r:id="rId8"/>
    <p:sldLayoutId id="2147484159" r:id="rId9"/>
    <p:sldLayoutId id="2147484160" r:id="rId10"/>
    <p:sldLayoutId id="2147484161" r:id="rId11"/>
    <p:sldLayoutId id="2147484162" r:id="rId12"/>
    <p:sldLayoutId id="2147484163" r:id="rId13"/>
    <p:sldLayoutId id="2147484164" r:id="rId14"/>
  </p:sldLayoutIdLst>
  <p:transition>
    <p:fade/>
  </p:transition>
  <p:timing>
    <p:tnLst>
      <p:par>
        <p:cTn id="1" dur="indefinite" restart="never" nodeType="tmRoot"/>
      </p:par>
    </p:tnLst>
  </p:timing>
  <p:hf hdr="0" ftr="0" dt="0"/>
  <p:txStyles>
    <p:titleStyle>
      <a:lvl1pPr algn="ctr" defTabSz="914400" rtl="0" eaLnBrk="1" latinLnBrk="0" hangingPunct="1">
        <a:spcBef>
          <a:spcPct val="0"/>
        </a:spcBef>
        <a:buNone/>
        <a:defRPr sz="3200" b="1" kern="1200">
          <a:solidFill>
            <a:schemeClr val="accent1">
              <a:lumMod val="50000"/>
            </a:schemeClr>
          </a:solidFill>
          <a:latin typeface="+mn-lt"/>
          <a:ea typeface="+mj-ea"/>
          <a:cs typeface="+mj-cs"/>
        </a:defRPr>
      </a:lvl1pPr>
    </p:titleStyle>
    <p:bodyStyle>
      <a:lvl1pPr marL="342900" indent="-342900" algn="l" defTabSz="914400" rtl="0" eaLnBrk="1" latinLnBrk="0" hangingPunct="1">
        <a:spcBef>
          <a:spcPct val="20000"/>
        </a:spcBef>
        <a:buFont typeface="Wingdings" panose="05000000000000000000" pitchFamily="2" charset="2"/>
        <a:buChar char="§"/>
        <a:defRPr sz="3200" kern="1200">
          <a:solidFill>
            <a:schemeClr val="tx2">
              <a:lumMod val="50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2">
              <a:lumMod val="50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2">
              <a:lumMod val="50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2">
              <a:lumMod val="50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2">
              <a:lumMod val="50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7.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102944319"/>
      </p:ext>
    </p:extLst>
  </p:cSld>
  <p:clrMap bg1="dk1" tx1="lt1" bg2="dk2" tx2="lt2" accent1="accent1" accent2="accent2" accent3="accent3" accent4="accent4" accent5="accent5" accent6="accent6" hlink="hlink" folHlink="folHlink"/>
  <p:sldLayoutIdLst>
    <p:sldLayoutId id="2147484166" r:id="rId1"/>
    <p:sldLayoutId id="2147484167" r:id="rId2"/>
    <p:sldLayoutId id="2147484168" r:id="rId3"/>
    <p:sldLayoutId id="2147484169" r:id="rId4"/>
    <p:sldLayoutId id="2147484170" r:id="rId5"/>
    <p:sldLayoutId id="2147484171" r:id="rId6"/>
    <p:sldLayoutId id="2147484172" r:id="rId7"/>
    <p:sldLayoutId id="2147484173" r:id="rId8"/>
    <p:sldLayoutId id="2147484174" r:id="rId9"/>
    <p:sldLayoutId id="2147484175" r:id="rId10"/>
    <p:sldLayoutId id="2147484176" r:id="rId11"/>
    <p:sldLayoutId id="2147484177" r:id="rId12"/>
    <p:sldLayoutId id="2147484178" r:id="rId13"/>
    <p:sldLayoutId id="2147484179" r:id="rId14"/>
    <p:sldLayoutId id="2147484180" r:id="rId15"/>
    <p:sldLayoutId id="2147484181" r:id="rId16"/>
    <p:sldLayoutId id="2147484182" r:id="rId17"/>
  </p:sldLayoutIdLst>
  <p:transition>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8.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018114405"/>
      </p:ext>
    </p:extLst>
  </p:cSld>
  <p:clrMap bg1="dk1" tx1="lt1" bg2="dk2" tx2="lt2" accent1="accent1" accent2="accent2" accent3="accent3" accent4="accent4" accent5="accent5" accent6="accent6" hlink="hlink" folHlink="folHlink"/>
  <p:sldLayoutIdLst>
    <p:sldLayoutId id="2147484184" r:id="rId1"/>
    <p:sldLayoutId id="2147484185" r:id="rId2"/>
    <p:sldLayoutId id="2147484186" r:id="rId3"/>
    <p:sldLayoutId id="2147484187" r:id="rId4"/>
    <p:sldLayoutId id="2147484188" r:id="rId5"/>
    <p:sldLayoutId id="2147484189" r:id="rId6"/>
    <p:sldLayoutId id="2147484190" r:id="rId7"/>
    <p:sldLayoutId id="2147484191" r:id="rId8"/>
    <p:sldLayoutId id="2147484192" r:id="rId9"/>
    <p:sldLayoutId id="2147484193" r:id="rId10"/>
    <p:sldLayoutId id="2147484194" r:id="rId11"/>
    <p:sldLayoutId id="2147484195" r:id="rId12"/>
    <p:sldLayoutId id="2147484196" r:id="rId13"/>
    <p:sldLayoutId id="2147484197" r:id="rId14"/>
    <p:sldLayoutId id="2147484198" r:id="rId15"/>
    <p:sldLayoutId id="2147484199" r:id="rId16"/>
    <p:sldLayoutId id="2147484200" r:id="rId17"/>
  </p:sldLayoutIdLst>
  <p:transition>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19.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2"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230188"/>
            <a:ext cx="8382000" cy="664797"/>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3" name="Text Placeholder 2"/>
          <p:cNvSpPr>
            <a:spLocks noGrp="1"/>
          </p:cNvSpPr>
          <p:nvPr>
            <p:ph type="body" idx="1"/>
          </p:nvPr>
        </p:nvSpPr>
        <p:spPr>
          <a:xfrm>
            <a:off x="381000" y="1412875"/>
            <a:ext cx="8382000" cy="2135969"/>
          </a:xfrm>
          <a:prstGeom prst="rect">
            <a:avLst/>
          </a:prstGeom>
        </p:spPr>
        <p:txBody>
          <a:bodyPr vert="horz" lIns="0" tIns="0" rIns="0" bIns="0" rtlCol="0">
            <a:sp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877679215"/>
      </p:ext>
    </p:extLst>
  </p:cSld>
  <p:clrMap bg1="dk1" tx1="lt1" bg2="dk2" tx2="lt2" accent1="accent1" accent2="accent2" accent3="accent3" accent4="accent4" accent5="accent5" accent6="accent6" hlink="hlink" folHlink="folHlink"/>
  <p:sldLayoutIdLst>
    <p:sldLayoutId id="2147484202" r:id="rId1"/>
    <p:sldLayoutId id="2147484203" r:id="rId2"/>
    <p:sldLayoutId id="2147484204" r:id="rId3"/>
    <p:sldLayoutId id="2147484205" r:id="rId4"/>
    <p:sldLayoutId id="2147484206" r:id="rId5"/>
    <p:sldLayoutId id="2147484207" r:id="rId6"/>
    <p:sldLayoutId id="2147484208" r:id="rId7"/>
    <p:sldLayoutId id="2147484209" r:id="rId8"/>
    <p:sldLayoutId id="2147484210" r:id="rId9"/>
    <p:sldLayoutId id="2147484211" r:id="rId10"/>
  </p:sldLayoutIdLst>
  <p:transition>
    <p:fade/>
  </p:transition>
  <p:hf hdr="0" ftr="0" dt="0"/>
  <p:txStyles>
    <p:titleStyle>
      <a:lvl1pPr algn="l" defTabSz="914363" rtl="0" eaLnBrk="1" latinLnBrk="0" hangingPunct="1">
        <a:lnSpc>
          <a:spcPct val="90000"/>
        </a:lnSpc>
        <a:spcBef>
          <a:spcPct val="0"/>
        </a:spcBef>
        <a:buNone/>
        <a:defRPr lang="en-US" sz="4800" b="0"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13"/>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14"/>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14"/>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14"/>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14"/>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smtClean="0"/>
              <a:t>Click to edit Master text styles</a:t>
            </a:r>
          </a:p>
          <a:p>
            <a:pPr lvl="1">
              <a:spcBef>
                <a:spcPts val="600"/>
              </a:spcBef>
              <a:spcAft>
                <a:spcPts val="600"/>
              </a:spcAft>
            </a:pPr>
            <a:r>
              <a:rPr lang="en-US" smtClean="0"/>
              <a:t>Second level</a:t>
            </a:r>
          </a:p>
          <a:p>
            <a:pPr lvl="2">
              <a:spcBef>
                <a:spcPts val="600"/>
              </a:spcBef>
              <a:spcAft>
                <a:spcPts val="600"/>
              </a:spcAft>
            </a:pPr>
            <a:r>
              <a:rPr lang="en-US" smtClean="0"/>
              <a:t>Third level</a:t>
            </a:r>
          </a:p>
          <a:p>
            <a:pPr lvl="3">
              <a:spcBef>
                <a:spcPts val="600"/>
              </a:spcBef>
              <a:spcAft>
                <a:spcPts val="600"/>
              </a:spcAft>
            </a:pPr>
            <a:r>
              <a:rPr lang="en-US" smtClean="0"/>
              <a:t>Fourth level</a:t>
            </a:r>
          </a:p>
          <a:p>
            <a:pPr lvl="4">
              <a:spcBef>
                <a:spcPts val="600"/>
              </a:spcBef>
              <a:spcAft>
                <a:spcPts val="600"/>
              </a:spcAft>
            </a:pPr>
            <a:r>
              <a:rPr lang="en-US" smtClean="0"/>
              <a:t>Fifth level</a:t>
            </a:r>
            <a:endParaRPr lang="en-US" dirty="0" smtClean="0"/>
          </a:p>
        </p:txBody>
      </p:sp>
      <p:sp>
        <p:nvSpPr>
          <p:cNvPr id="7"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3998930534"/>
      </p:ext>
    </p:extLst>
  </p:cSld>
  <p:clrMap bg1="dk1" tx1="lt1" bg2="dk2" tx2="lt2" accent1="accent1" accent2="accent2" accent3="accent3" accent4="accent4" accent5="accent5" accent6="accent6" hlink="hlink" folHlink="folHlink"/>
  <p:sldLayoutIdLst>
    <p:sldLayoutId id="2147483876" r:id="rId1"/>
    <p:sldLayoutId id="2147483878" r:id="rId2"/>
    <p:sldLayoutId id="2147483879" r:id="rId3"/>
    <p:sldLayoutId id="2147483886" r:id="rId4"/>
    <p:sldLayoutId id="2147483885" r:id="rId5"/>
    <p:sldLayoutId id="2147483884" r:id="rId6"/>
    <p:sldLayoutId id="2147483877" r:id="rId7"/>
    <p:sldLayoutId id="2147483883" r:id="rId8"/>
    <p:sldLayoutId id="2147483887" r:id="rId9"/>
    <p:sldLayoutId id="2147483880" r:id="rId10"/>
    <p:sldLayoutId id="2147483881" r:id="rId11"/>
    <p:sldLayoutId id="2147483882" r:id="rId12"/>
    <p:sldLayoutId id="2147483888" r:id="rId13"/>
    <p:sldLayoutId id="2147483889" r:id="rId14"/>
    <p:sldLayoutId id="2147483890" r:id="rId15"/>
    <p:sldLayoutId id="2147483891" r:id="rId16"/>
    <p:sldLayoutId id="2147483893" r:id="rId17"/>
    <p:sldLayoutId id="2147483894" r:id="rId18"/>
    <p:sldLayoutId id="2147483895" r:id="rId19"/>
  </p:sldLayoutIdLst>
  <p:transition spd="slow">
    <p:fade/>
  </p:transition>
  <p:timing>
    <p:tnLst>
      <p:par>
        <p:cTn id="1" dur="indefinite" restart="never" nodeType="tmRoot"/>
      </p:par>
    </p:tnLst>
  </p:timing>
  <p:hf hdr="0" ftr="0" dt="0"/>
  <p:txStyles>
    <p:titleStyle>
      <a:lvl1pPr algn="r" defTabSz="912813" rtl="0" eaLnBrk="1" fontAlgn="base" hangingPunct="1">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1" fontAlgn="base" hangingPunct="1">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1" fontAlgn="base" hangingPunct="1">
        <a:lnSpc>
          <a:spcPct val="90000"/>
        </a:lnSpc>
        <a:spcBef>
          <a:spcPct val="20000"/>
        </a:spcBef>
        <a:spcAft>
          <a:spcPct val="0"/>
        </a:spcAft>
        <a:buBlip>
          <a:blip r:embed="rId22"/>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1" fontAlgn="base" hangingPunct="1">
        <a:lnSpc>
          <a:spcPct val="90000"/>
        </a:lnSpc>
        <a:spcBef>
          <a:spcPct val="20000"/>
        </a:spcBef>
        <a:spcAft>
          <a:spcPct val="0"/>
        </a:spcAft>
        <a:buBlip>
          <a:blip r:embed="rId23"/>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1" fontAlgn="base" hangingPunct="1">
        <a:lnSpc>
          <a:spcPct val="90000"/>
        </a:lnSpc>
        <a:spcBef>
          <a:spcPct val="20000"/>
        </a:spcBef>
        <a:spcAft>
          <a:spcPct val="0"/>
        </a:spcAft>
        <a:buBlip>
          <a:blip r:embed="rId23"/>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1" fontAlgn="base" hangingPunct="1">
        <a:lnSpc>
          <a:spcPct val="90000"/>
        </a:lnSpc>
        <a:spcBef>
          <a:spcPct val="20000"/>
        </a:spcBef>
        <a:spcAft>
          <a:spcPct val="0"/>
        </a:spcAft>
        <a:buBlip>
          <a:blip r:embed="rId23"/>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1" fontAlgn="base" hangingPunct="1">
        <a:lnSpc>
          <a:spcPct val="90000"/>
        </a:lnSpc>
        <a:spcBef>
          <a:spcPct val="20000"/>
        </a:spcBef>
        <a:spcAft>
          <a:spcPct val="0"/>
        </a:spcAft>
        <a:buBlip>
          <a:blip r:embed="rId23"/>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0.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707126836"/>
      </p:ext>
    </p:extLst>
  </p:cSld>
  <p:clrMap bg1="dk1" tx1="lt1" bg2="dk2" tx2="lt2" accent1="accent1" accent2="accent2" accent3="accent3" accent4="accent4" accent5="accent5" accent6="accent6" hlink="hlink" folHlink="folHlink"/>
  <p:sldLayoutIdLst>
    <p:sldLayoutId id="2147484213" r:id="rId1"/>
    <p:sldLayoutId id="2147484214" r:id="rId2"/>
    <p:sldLayoutId id="2147484215" r:id="rId3"/>
    <p:sldLayoutId id="2147484216" r:id="rId4"/>
    <p:sldLayoutId id="2147484217" r:id="rId5"/>
    <p:sldLayoutId id="2147484218" r:id="rId6"/>
    <p:sldLayoutId id="2147484219" r:id="rId7"/>
    <p:sldLayoutId id="2147484220" r:id="rId8"/>
    <p:sldLayoutId id="2147484221" r:id="rId9"/>
    <p:sldLayoutId id="2147484222" r:id="rId10"/>
    <p:sldLayoutId id="2147484223" r:id="rId11"/>
    <p:sldLayoutId id="2147484224" r:id="rId12"/>
    <p:sldLayoutId id="2147484225" r:id="rId13"/>
    <p:sldLayoutId id="2147484226" r:id="rId14"/>
    <p:sldLayoutId id="2147484227" r:id="rId15"/>
    <p:sldLayoutId id="2147484228" r:id="rId16"/>
    <p:sldLayoutId id="2147484229" r:id="rId17"/>
    <p:sldLayoutId id="2147484230" r:id="rId18"/>
    <p:sldLayoutId id="2147484231" r:id="rId19"/>
    <p:sldLayoutId id="2147484232" r:id="rId20"/>
    <p:sldLayoutId id="2147484233"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069135754"/>
      </p:ext>
    </p:extLst>
  </p:cSld>
  <p:clrMap bg1="dk1" tx1="lt1" bg2="dk2" tx2="lt2" accent1="accent1" accent2="accent2" accent3="accent3" accent4="accent4" accent5="accent5" accent6="accent6" hlink="hlink" folHlink="folHlink"/>
  <p:sldLayoutIdLst>
    <p:sldLayoutId id="2147484235" r:id="rId1"/>
    <p:sldLayoutId id="2147484236" r:id="rId2"/>
    <p:sldLayoutId id="2147484237" r:id="rId3"/>
    <p:sldLayoutId id="2147484238" r:id="rId4"/>
    <p:sldLayoutId id="2147484239" r:id="rId5"/>
    <p:sldLayoutId id="2147484240" r:id="rId6"/>
    <p:sldLayoutId id="2147484241" r:id="rId7"/>
    <p:sldLayoutId id="2147484242" r:id="rId8"/>
    <p:sldLayoutId id="2147484243" r:id="rId9"/>
    <p:sldLayoutId id="2147484244" r:id="rId10"/>
    <p:sldLayoutId id="2147484245" r:id="rId11"/>
    <p:sldLayoutId id="2147484246" r:id="rId12"/>
    <p:sldLayoutId id="2147484247" r:id="rId13"/>
    <p:sldLayoutId id="2147484248" r:id="rId14"/>
    <p:sldLayoutId id="2147484249" r:id="rId15"/>
    <p:sldLayoutId id="2147484250" r:id="rId16"/>
    <p:sldLayoutId id="2147484251" r:id="rId17"/>
    <p:sldLayoutId id="2147484252" r:id="rId18"/>
    <p:sldLayoutId id="2147484253"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2.xml><?xml version="1.0" encoding="utf-8"?>
<p:sldMaster xmlns:a="http://schemas.openxmlformats.org/drawingml/2006/main" xmlns:r="http://schemas.openxmlformats.org/officeDocument/2006/relationships" xmlns:p="http://schemas.openxmlformats.org/presentationml/2006/main" preserve="1">
  <p:cSld>
    <p:bg bwMode="blackWhite">
      <p:bgPr>
        <a:blipFill dpi="0" rotWithShape="1">
          <a:blip r:embed="rId14"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04800" y="533400"/>
            <a:ext cx="8382000" cy="665163"/>
          </a:xfrm>
          <a:prstGeom prst="rect">
            <a:avLst/>
          </a:prstGeom>
        </p:spPr>
        <p:txBody>
          <a:bodyPr vert="horz" wrap="square" lIns="0" tIns="0" rIns="0" bIns="0" rtlCol="0" anchor="t">
            <a:spAutoFit/>
          </a:bodyPr>
          <a:lstStyle/>
          <a:p>
            <a:r>
              <a:rPr lang="en-US" dirty="0" smtClean="0"/>
              <a:t>Presentation Title</a:t>
            </a:r>
            <a:endParaRPr lang="en-US" dirty="0"/>
          </a:p>
        </p:txBody>
      </p:sp>
      <p:sp>
        <p:nvSpPr>
          <p:cNvPr id="13315" name="Text Placeholder 2"/>
          <p:cNvSpPr>
            <a:spLocks noGrp="1"/>
          </p:cNvSpPr>
          <p:nvPr>
            <p:ph type="body" idx="1"/>
          </p:nvPr>
        </p:nvSpPr>
        <p:spPr bwMode="auto">
          <a:xfrm>
            <a:off x="381000" y="4572000"/>
            <a:ext cx="8382000" cy="152717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ommittee Name</a:t>
            </a:r>
          </a:p>
          <a:p>
            <a:pPr lvl="0"/>
            <a:r>
              <a:rPr lang="en-US" smtClean="0"/>
              <a:t>Date</a:t>
            </a:r>
          </a:p>
          <a:p>
            <a:pPr lvl="0"/>
            <a:r>
              <a:rPr lang="en-US" smtClean="0"/>
              <a:t>Speaker Name</a:t>
            </a:r>
          </a:p>
        </p:txBody>
      </p:sp>
    </p:spTree>
    <p:extLst>
      <p:ext uri="{BB962C8B-B14F-4D97-AF65-F5344CB8AC3E}">
        <p14:creationId xmlns:p14="http://schemas.microsoft.com/office/powerpoint/2010/main" val="2353134753"/>
      </p:ext>
    </p:extLst>
  </p:cSld>
  <p:clrMap bg1="dk1" tx1="lt1" bg2="dk2" tx2="lt2" accent1="accent1" accent2="accent2" accent3="accent3" accent4="accent4" accent5="accent5" accent6="accent6" hlink="hlink" folHlink="folHlink"/>
  <p:sldLayoutIdLst>
    <p:sldLayoutId id="2147484255" r:id="rId1"/>
    <p:sldLayoutId id="2147484256" r:id="rId2"/>
    <p:sldLayoutId id="2147484257" r:id="rId3"/>
    <p:sldLayoutId id="2147484258" r:id="rId4"/>
    <p:sldLayoutId id="2147484259" r:id="rId5"/>
    <p:sldLayoutId id="2147484260" r:id="rId6"/>
    <p:sldLayoutId id="2147484261" r:id="rId7"/>
    <p:sldLayoutId id="2147484262" r:id="rId8"/>
    <p:sldLayoutId id="2147484263" r:id="rId9"/>
    <p:sldLayoutId id="2147484264" r:id="rId10"/>
    <p:sldLayoutId id="2147484265" r:id="rId11"/>
    <p:sldLayoutId id="2147484266" r:id="rId12"/>
  </p:sldLayoutIdLst>
  <p:transition>
    <p:fade/>
  </p:transition>
  <p:txStyles>
    <p:titleStyle>
      <a:lvl1pPr algn="ctr" defTabSz="912813" rtl="0" eaLnBrk="0" fontAlgn="base" hangingPunct="0">
        <a:lnSpc>
          <a:spcPct val="90000"/>
        </a:lnSpc>
        <a:spcBef>
          <a:spcPct val="0"/>
        </a:spcBef>
        <a:spcAft>
          <a:spcPct val="0"/>
        </a:spcAft>
        <a:defRPr lang="en-US" sz="4800"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2pPr>
      <a:lvl3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3pPr>
      <a:lvl4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4pPr>
      <a:lvl5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Font typeface="Arial" pitchFamily="34" charset="0"/>
        <a:defRPr sz="3200" kern="1200">
          <a:solidFill>
            <a:schemeClr val="tx1"/>
          </a:solidFill>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15"/>
        </a:buBlip>
        <a:defRPr sz="2800" kern="1200">
          <a:solidFill>
            <a:schemeClr val="tx1"/>
          </a:solidFill>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15"/>
        </a:buBlip>
        <a:defRPr sz="2400" kern="1200">
          <a:solidFill>
            <a:schemeClr val="tx1"/>
          </a:solidFill>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15"/>
        </a:buBlip>
        <a:defRPr sz="2400" kern="1200">
          <a:solidFill>
            <a:schemeClr val="tx1"/>
          </a:solidFill>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15"/>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3.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93922062"/>
      </p:ext>
    </p:extLst>
  </p:cSld>
  <p:clrMap bg1="dk1" tx1="lt1" bg2="dk2" tx2="lt2" accent1="accent1" accent2="accent2" accent3="accent3" accent4="accent4" accent5="accent5" accent6="accent6" hlink="hlink" folHlink="folHlink"/>
  <p:sldLayoutIdLst>
    <p:sldLayoutId id="2147484268" r:id="rId1"/>
    <p:sldLayoutId id="2147484269" r:id="rId2"/>
    <p:sldLayoutId id="2147484270" r:id="rId3"/>
    <p:sldLayoutId id="2147484271" r:id="rId4"/>
    <p:sldLayoutId id="2147484272" r:id="rId5"/>
    <p:sldLayoutId id="2147484273" r:id="rId6"/>
    <p:sldLayoutId id="2147484274" r:id="rId7"/>
    <p:sldLayoutId id="2147484275" r:id="rId8"/>
    <p:sldLayoutId id="2147484276" r:id="rId9"/>
    <p:sldLayoutId id="2147484277" r:id="rId10"/>
    <p:sldLayoutId id="2147484278" r:id="rId11"/>
    <p:sldLayoutId id="2147484279" r:id="rId12"/>
    <p:sldLayoutId id="2147484280" r:id="rId13"/>
    <p:sldLayoutId id="2147484281" r:id="rId14"/>
    <p:sldLayoutId id="2147484282" r:id="rId15"/>
    <p:sldLayoutId id="2147484283" r:id="rId16"/>
    <p:sldLayoutId id="2147484284" r:id="rId17"/>
  </p:sldLayoutIdLst>
  <p:transition>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4.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0"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724189438"/>
      </p:ext>
    </p:extLst>
  </p:cSld>
  <p:clrMap bg1="dk1" tx1="lt1" bg2="dk2" tx2="lt2" accent1="accent1" accent2="accent2" accent3="accent3" accent4="accent4" accent5="accent5" accent6="accent6" hlink="hlink" folHlink="folHlink"/>
  <p:sldLayoutIdLst>
    <p:sldLayoutId id="2147484286" r:id="rId1"/>
    <p:sldLayoutId id="2147484287" r:id="rId2"/>
    <p:sldLayoutId id="2147484288" r:id="rId3"/>
    <p:sldLayoutId id="2147484289" r:id="rId4"/>
    <p:sldLayoutId id="2147484290" r:id="rId5"/>
    <p:sldLayoutId id="2147484291" r:id="rId6"/>
    <p:sldLayoutId id="2147484292" r:id="rId7"/>
    <p:sldLayoutId id="2147484293" r:id="rId8"/>
    <p:sldLayoutId id="2147484294" r:id="rId9"/>
    <p:sldLayoutId id="2147484295" r:id="rId10"/>
    <p:sldLayoutId id="2147484296" r:id="rId11"/>
    <p:sldLayoutId id="2147484297" r:id="rId12"/>
    <p:sldLayoutId id="2147484299" r:id="rId13"/>
    <p:sldLayoutId id="2147484300" r:id="rId14"/>
    <p:sldLayoutId id="2147484301" r:id="rId15"/>
    <p:sldLayoutId id="2147484302" r:id="rId16"/>
    <p:sldLayoutId id="2147484303" r:id="rId17"/>
    <p:sldLayoutId id="2147484304" r:id="rId18"/>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1"/>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2"/>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230199124"/>
      </p:ext>
    </p:extLst>
  </p:cSld>
  <p:clrMap bg1="dk1" tx1="lt1" bg2="dk2" tx2="lt2" accent1="accent1" accent2="accent2" accent3="accent3" accent4="accent4" accent5="accent5" accent6="accent6" hlink="hlink" folHlink="folHlink"/>
  <p:sldLayoutIdLst>
    <p:sldLayoutId id="2147484306" r:id="rId1"/>
    <p:sldLayoutId id="2147484307" r:id="rId2"/>
    <p:sldLayoutId id="2147484308" r:id="rId3"/>
    <p:sldLayoutId id="2147484309" r:id="rId4"/>
    <p:sldLayoutId id="2147484310" r:id="rId5"/>
    <p:sldLayoutId id="2147484311" r:id="rId6"/>
    <p:sldLayoutId id="2147484312" r:id="rId7"/>
    <p:sldLayoutId id="2147484313" r:id="rId8"/>
    <p:sldLayoutId id="2147484314" r:id="rId9"/>
    <p:sldLayoutId id="2147484315" r:id="rId10"/>
    <p:sldLayoutId id="2147484316" r:id="rId11"/>
    <p:sldLayoutId id="2147484317" r:id="rId12"/>
    <p:sldLayoutId id="2147484318" r:id="rId13"/>
    <p:sldLayoutId id="2147484319" r:id="rId14"/>
    <p:sldLayoutId id="2147484320" r:id="rId15"/>
    <p:sldLayoutId id="2147484321" r:id="rId16"/>
    <p:sldLayoutId id="2147484322" r:id="rId17"/>
    <p:sldLayoutId id="2147484323" r:id="rId18"/>
    <p:sldLayoutId id="2147484324"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6.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267917209"/>
      </p:ext>
    </p:extLst>
  </p:cSld>
  <p:clrMap bg1="dk1" tx1="lt1" bg2="dk2" tx2="lt2" accent1="accent1" accent2="accent2" accent3="accent3" accent4="accent4" accent5="accent5" accent6="accent6" hlink="hlink" folHlink="folHlink"/>
  <p:sldLayoutIdLst>
    <p:sldLayoutId id="2147484326" r:id="rId1"/>
    <p:sldLayoutId id="2147484327" r:id="rId2"/>
    <p:sldLayoutId id="2147484328" r:id="rId3"/>
    <p:sldLayoutId id="2147484329" r:id="rId4"/>
    <p:sldLayoutId id="2147484330" r:id="rId5"/>
    <p:sldLayoutId id="2147484331" r:id="rId6"/>
    <p:sldLayoutId id="2147484332" r:id="rId7"/>
    <p:sldLayoutId id="2147484333" r:id="rId8"/>
    <p:sldLayoutId id="2147484334" r:id="rId9"/>
    <p:sldLayoutId id="2147484335" r:id="rId10"/>
    <p:sldLayoutId id="2147484336" r:id="rId11"/>
    <p:sldLayoutId id="2147484337" r:id="rId12"/>
    <p:sldLayoutId id="2147484338" r:id="rId13"/>
    <p:sldLayoutId id="2147484339" r:id="rId14"/>
    <p:sldLayoutId id="2147484340" r:id="rId15"/>
    <p:sldLayoutId id="2147484341" r:id="rId16"/>
    <p:sldLayoutId id="2147484342" r:id="rId17"/>
    <p:sldLayoutId id="2147484343" r:id="rId18"/>
    <p:sldLayoutId id="2147484344"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7.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540571508"/>
      </p:ext>
    </p:extLst>
  </p:cSld>
  <p:clrMap bg1="dk1" tx1="lt1" bg2="dk2" tx2="lt2" accent1="accent1" accent2="accent2" accent3="accent3" accent4="accent4" accent5="accent5" accent6="accent6" hlink="hlink" folHlink="folHlink"/>
  <p:sldLayoutIdLst>
    <p:sldLayoutId id="2147484346" r:id="rId1"/>
    <p:sldLayoutId id="2147484347" r:id="rId2"/>
    <p:sldLayoutId id="2147484348" r:id="rId3"/>
    <p:sldLayoutId id="2147484349" r:id="rId4"/>
    <p:sldLayoutId id="2147484350" r:id="rId5"/>
    <p:sldLayoutId id="2147484351" r:id="rId6"/>
    <p:sldLayoutId id="2147484352" r:id="rId7"/>
    <p:sldLayoutId id="2147484353" r:id="rId8"/>
    <p:sldLayoutId id="2147484354" r:id="rId9"/>
    <p:sldLayoutId id="2147484355" r:id="rId10"/>
    <p:sldLayoutId id="2147484356" r:id="rId11"/>
    <p:sldLayoutId id="2147484357" r:id="rId12"/>
    <p:sldLayoutId id="2147484358" r:id="rId13"/>
    <p:sldLayoutId id="2147484359" r:id="rId14"/>
    <p:sldLayoutId id="2147484360" r:id="rId15"/>
    <p:sldLayoutId id="2147484361" r:id="rId16"/>
    <p:sldLayoutId id="2147484362" r:id="rId17"/>
    <p:sldLayoutId id="2147484363" r:id="rId18"/>
    <p:sldLayoutId id="2147484364" r:id="rId19"/>
    <p:sldLayoutId id="2147484365" r:id="rId20"/>
    <p:sldLayoutId id="2147484366"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8.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4"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28370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8" name="Slide Number Placeholder 40"/>
          <p:cNvSpPr>
            <a:spLocks noGrp="1"/>
          </p:cNvSpPr>
          <p:nvPr>
            <p:ph type="sldNum" sz="quarter" idx="4"/>
          </p:nvPr>
        </p:nvSpPr>
        <p:spPr bwMode="auto">
          <a:xfrm>
            <a:off x="8458200" y="6427788"/>
            <a:ext cx="685800" cy="365125"/>
          </a:xfrm>
          <a:prstGeom prst="rect">
            <a:avLst/>
          </a:prstGeom>
          <a:ln>
            <a:miter lim="800000"/>
            <a:headEnd/>
            <a:tailEnd/>
          </a:ln>
        </p:spPr>
        <p:txBody>
          <a:bodyPr/>
          <a:lstStyle>
            <a:lvl1pPr algn="ctr" fontAlgn="auto">
              <a:spcBef>
                <a:spcPts val="0"/>
              </a:spcBef>
              <a:spcAft>
                <a:spcPts val="0"/>
              </a:spcAft>
              <a:defRPr>
                <a:latin typeface="+mn-lt"/>
                <a:cs typeface="+mn-cs"/>
              </a:defRPr>
            </a:lvl1pPr>
          </a:lstStyle>
          <a:p>
            <a:pPr>
              <a:defRPr/>
            </a:pPr>
            <a:fld id="{B7C33A65-557C-46E5-AF33-8A8D19700C8F}"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1288036709"/>
      </p:ext>
    </p:extLst>
  </p:cSld>
  <p:clrMap bg1="dk1" tx1="lt1" bg2="dk2" tx2="lt2" accent1="accent1" accent2="accent2" accent3="accent3" accent4="accent4" accent5="accent5" accent6="accent6" hlink="hlink" folHlink="folHlink"/>
  <p:sldLayoutIdLst>
    <p:sldLayoutId id="2147484368" r:id="rId1"/>
    <p:sldLayoutId id="2147484369" r:id="rId2"/>
    <p:sldLayoutId id="2147484370" r:id="rId3"/>
    <p:sldLayoutId id="2147484371" r:id="rId4"/>
    <p:sldLayoutId id="2147484372" r:id="rId5"/>
    <p:sldLayoutId id="2147484373" r:id="rId6"/>
    <p:sldLayoutId id="2147484374" r:id="rId7"/>
    <p:sldLayoutId id="2147484375" r:id="rId8"/>
    <p:sldLayoutId id="2147484376" r:id="rId9"/>
    <p:sldLayoutId id="2147484377" r:id="rId10"/>
    <p:sldLayoutId id="2147484378" r:id="rId11"/>
    <p:sldLayoutId id="2147484379" r:id="rId12"/>
  </p:sldLayoutIdLst>
  <p:transition>
    <p:fade/>
  </p:transition>
  <p:hf hdr="0" ftr="0" dt="0"/>
  <p:txStyles>
    <p:titleStyle>
      <a:lvl1pPr algn="l"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15"/>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16"/>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16"/>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16"/>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16"/>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29.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965398707"/>
      </p:ext>
    </p:extLst>
  </p:cSld>
  <p:clrMap bg1="dk1" tx1="lt1" bg2="dk2" tx2="lt2" accent1="accent1" accent2="accent2" accent3="accent3" accent4="accent4" accent5="accent5" accent6="accent6" hlink="hlink" folHlink="folHlink"/>
  <p:sldLayoutIdLst>
    <p:sldLayoutId id="2147484381" r:id="rId1"/>
    <p:sldLayoutId id="2147484382" r:id="rId2"/>
    <p:sldLayoutId id="2147484383" r:id="rId3"/>
    <p:sldLayoutId id="2147484384" r:id="rId4"/>
    <p:sldLayoutId id="2147484385" r:id="rId5"/>
    <p:sldLayoutId id="2147484386" r:id="rId6"/>
    <p:sldLayoutId id="2147484387" r:id="rId7"/>
    <p:sldLayoutId id="2147484388" r:id="rId8"/>
    <p:sldLayoutId id="2147484389" r:id="rId9"/>
    <p:sldLayoutId id="2147484390" r:id="rId10"/>
    <p:sldLayoutId id="2147484391" r:id="rId11"/>
    <p:sldLayoutId id="2147484392" r:id="rId12"/>
    <p:sldLayoutId id="2147484393" r:id="rId13"/>
    <p:sldLayoutId id="2147484394" r:id="rId14"/>
    <p:sldLayoutId id="2147484395" r:id="rId15"/>
    <p:sldLayoutId id="2147484396" r:id="rId16"/>
    <p:sldLayoutId id="2147484397" r:id="rId17"/>
    <p:sldLayoutId id="2147484398" r:id="rId18"/>
    <p:sldLayoutId id="2147484399"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4"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4125728016"/>
      </p:ext>
    </p:extLst>
  </p:cSld>
  <p:clrMap bg1="dk1" tx1="lt1" bg2="dk2" tx2="lt2" accent1="accent1" accent2="accent2" accent3="accent3" accent4="accent4" accent5="accent5" accent6="accent6" hlink="hlink" folHlink="folHlink"/>
  <p:sldLayoutIdLst>
    <p:sldLayoutId id="2147483897" r:id="rId1"/>
    <p:sldLayoutId id="2147483898" r:id="rId2"/>
    <p:sldLayoutId id="2147483899" r:id="rId3"/>
    <p:sldLayoutId id="2147483900" r:id="rId4"/>
    <p:sldLayoutId id="2147483901" r:id="rId5"/>
    <p:sldLayoutId id="2147483902" r:id="rId6"/>
    <p:sldLayoutId id="2147483903" r:id="rId7"/>
    <p:sldLayoutId id="2147483904" r:id="rId8"/>
    <p:sldLayoutId id="2147483905" r:id="rId9"/>
    <p:sldLayoutId id="2147483906" r:id="rId10"/>
    <p:sldLayoutId id="2147483907" r:id="rId11"/>
    <p:sldLayoutId id="2147483908" r:id="rId12"/>
    <p:sldLayoutId id="2147483910" r:id="rId13"/>
    <p:sldLayoutId id="2147483911" r:id="rId14"/>
    <p:sldLayoutId id="2147483912" r:id="rId15"/>
    <p:sldLayoutId id="2147483913" r:id="rId16"/>
    <p:sldLayoutId id="2147483914" r:id="rId17"/>
    <p:sldLayoutId id="2147483915" r:id="rId18"/>
    <p:sldLayoutId id="2147483916" r:id="rId19"/>
    <p:sldLayoutId id="2147485016" r:id="rId20"/>
    <p:sldLayoutId id="2147485017" r:id="rId21"/>
    <p:sldLayoutId id="2147485018" r:id="rId22"/>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5"/>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6"/>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6"/>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6"/>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6"/>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0.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57249275"/>
      </p:ext>
    </p:extLst>
  </p:cSld>
  <p:clrMap bg1="dk1" tx1="lt1" bg2="dk2" tx2="lt2" accent1="accent1" accent2="accent2" accent3="accent3" accent4="accent4" accent5="accent5" accent6="accent6" hlink="hlink" folHlink="folHlink"/>
  <p:sldLayoutIdLst>
    <p:sldLayoutId id="2147484401" r:id="rId1"/>
    <p:sldLayoutId id="2147484402" r:id="rId2"/>
    <p:sldLayoutId id="2147484403" r:id="rId3"/>
    <p:sldLayoutId id="2147484404" r:id="rId4"/>
    <p:sldLayoutId id="2147484405" r:id="rId5"/>
    <p:sldLayoutId id="2147484406" r:id="rId6"/>
    <p:sldLayoutId id="2147484407" r:id="rId7"/>
    <p:sldLayoutId id="2147484408" r:id="rId8"/>
    <p:sldLayoutId id="2147484409" r:id="rId9"/>
    <p:sldLayoutId id="2147484410" r:id="rId10"/>
    <p:sldLayoutId id="2147484411" r:id="rId11"/>
    <p:sldLayoutId id="2147484412" r:id="rId12"/>
    <p:sldLayoutId id="2147484413" r:id="rId13"/>
    <p:sldLayoutId id="2147484414" r:id="rId14"/>
    <p:sldLayoutId id="2147484415" r:id="rId15"/>
    <p:sldLayoutId id="2147484416" r:id="rId16"/>
    <p:sldLayoutId id="2147484417" r:id="rId17"/>
    <p:sldLayoutId id="2147484418" r:id="rId18"/>
    <p:sldLayoutId id="2147484419" r:id="rId19"/>
    <p:sldLayoutId id="2147484420" r:id="rId20"/>
    <p:sldLayoutId id="2147484421"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583101010"/>
      </p:ext>
    </p:extLst>
  </p:cSld>
  <p:clrMap bg1="dk1" tx1="lt1" bg2="dk2" tx2="lt2" accent1="accent1" accent2="accent2" accent3="accent3" accent4="accent4" accent5="accent5" accent6="accent6" hlink="hlink" folHlink="folHlink"/>
  <p:sldLayoutIdLst>
    <p:sldLayoutId id="2147484423" r:id="rId1"/>
    <p:sldLayoutId id="2147484424" r:id="rId2"/>
    <p:sldLayoutId id="2147484425" r:id="rId3"/>
    <p:sldLayoutId id="2147484426" r:id="rId4"/>
    <p:sldLayoutId id="2147484427" r:id="rId5"/>
    <p:sldLayoutId id="2147484428" r:id="rId6"/>
    <p:sldLayoutId id="2147484429" r:id="rId7"/>
    <p:sldLayoutId id="2147484430" r:id="rId8"/>
    <p:sldLayoutId id="2147484431" r:id="rId9"/>
    <p:sldLayoutId id="2147484432" r:id="rId10"/>
    <p:sldLayoutId id="2147484433" r:id="rId11"/>
    <p:sldLayoutId id="2147484434" r:id="rId12"/>
    <p:sldLayoutId id="2147484435" r:id="rId13"/>
    <p:sldLayoutId id="2147484436" r:id="rId14"/>
    <p:sldLayoutId id="2147484437" r:id="rId15"/>
    <p:sldLayoutId id="2147484438" r:id="rId16"/>
    <p:sldLayoutId id="2147484439" r:id="rId17"/>
    <p:sldLayoutId id="2147484440" r:id="rId18"/>
    <p:sldLayoutId id="2147484441"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460429350"/>
      </p:ext>
    </p:extLst>
  </p:cSld>
  <p:clrMap bg1="dk1" tx1="lt1" bg2="dk2" tx2="lt2" accent1="accent1" accent2="accent2" accent3="accent3" accent4="accent4" accent5="accent5" accent6="accent6" hlink="hlink" folHlink="folHlink"/>
  <p:sldLayoutIdLst>
    <p:sldLayoutId id="2147484443" r:id="rId1"/>
    <p:sldLayoutId id="2147484444" r:id="rId2"/>
    <p:sldLayoutId id="2147484445" r:id="rId3"/>
    <p:sldLayoutId id="2147484446" r:id="rId4"/>
    <p:sldLayoutId id="2147484447" r:id="rId5"/>
    <p:sldLayoutId id="2147484448" r:id="rId6"/>
    <p:sldLayoutId id="2147484449" r:id="rId7"/>
    <p:sldLayoutId id="2147484450" r:id="rId8"/>
    <p:sldLayoutId id="2147484451" r:id="rId9"/>
    <p:sldLayoutId id="2147484452" r:id="rId10"/>
    <p:sldLayoutId id="2147484453" r:id="rId11"/>
    <p:sldLayoutId id="2147484454" r:id="rId12"/>
    <p:sldLayoutId id="2147484455" r:id="rId13"/>
    <p:sldLayoutId id="2147484456" r:id="rId14"/>
    <p:sldLayoutId id="2147484457" r:id="rId15"/>
    <p:sldLayoutId id="2147484458" r:id="rId16"/>
    <p:sldLayoutId id="2147484459" r:id="rId17"/>
    <p:sldLayoutId id="2147484460" r:id="rId18"/>
    <p:sldLayoutId id="2147484461"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3.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57425587"/>
      </p:ext>
    </p:extLst>
  </p:cSld>
  <p:clrMap bg1="dk1" tx1="lt1" bg2="dk2" tx2="lt2" accent1="accent1" accent2="accent2" accent3="accent3" accent4="accent4" accent5="accent5" accent6="accent6" hlink="hlink" folHlink="folHlink"/>
  <p:sldLayoutIdLst>
    <p:sldLayoutId id="2147484463" r:id="rId1"/>
    <p:sldLayoutId id="2147484464" r:id="rId2"/>
    <p:sldLayoutId id="2147484465" r:id="rId3"/>
    <p:sldLayoutId id="2147484466" r:id="rId4"/>
    <p:sldLayoutId id="2147484467" r:id="rId5"/>
    <p:sldLayoutId id="2147484468" r:id="rId6"/>
    <p:sldLayoutId id="2147484469" r:id="rId7"/>
    <p:sldLayoutId id="2147484470" r:id="rId8"/>
    <p:sldLayoutId id="2147484471" r:id="rId9"/>
    <p:sldLayoutId id="2147484472" r:id="rId10"/>
    <p:sldLayoutId id="2147484473" r:id="rId11"/>
    <p:sldLayoutId id="2147484474" r:id="rId12"/>
    <p:sldLayoutId id="2147484475" r:id="rId13"/>
    <p:sldLayoutId id="2147484476" r:id="rId14"/>
    <p:sldLayoutId id="2147484477" r:id="rId15"/>
    <p:sldLayoutId id="2147484478" r:id="rId16"/>
    <p:sldLayoutId id="2147484479" r:id="rId17"/>
    <p:sldLayoutId id="2147484480" r:id="rId18"/>
    <p:sldLayoutId id="2147484481" r:id="rId19"/>
    <p:sldLayoutId id="2147484482" r:id="rId20"/>
    <p:sldLayoutId id="2147484483"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4.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840134322"/>
      </p:ext>
    </p:extLst>
  </p:cSld>
  <p:clrMap bg1="dk1" tx1="lt1" bg2="dk2" tx2="lt2" accent1="accent1" accent2="accent2" accent3="accent3" accent4="accent4" accent5="accent5" accent6="accent6" hlink="hlink" folHlink="folHlink"/>
  <p:sldLayoutIdLst>
    <p:sldLayoutId id="2147484485" r:id="rId1"/>
    <p:sldLayoutId id="2147484486" r:id="rId2"/>
    <p:sldLayoutId id="2147484487" r:id="rId3"/>
    <p:sldLayoutId id="2147484488" r:id="rId4"/>
    <p:sldLayoutId id="2147484489" r:id="rId5"/>
    <p:sldLayoutId id="2147484490" r:id="rId6"/>
    <p:sldLayoutId id="2147484491" r:id="rId7"/>
    <p:sldLayoutId id="2147484492" r:id="rId8"/>
    <p:sldLayoutId id="2147484493" r:id="rId9"/>
    <p:sldLayoutId id="2147484494" r:id="rId10"/>
    <p:sldLayoutId id="2147484495" r:id="rId11"/>
    <p:sldLayoutId id="2147484496" r:id="rId12"/>
    <p:sldLayoutId id="2147484497" r:id="rId13"/>
    <p:sldLayoutId id="2147484498" r:id="rId14"/>
    <p:sldLayoutId id="2147484499" r:id="rId15"/>
    <p:sldLayoutId id="2147484500" r:id="rId16"/>
    <p:sldLayoutId id="2147484501" r:id="rId17"/>
    <p:sldLayoutId id="2147484502" r:id="rId18"/>
    <p:sldLayoutId id="2147484503" r:id="rId19"/>
    <p:sldLayoutId id="2147484504" r:id="rId20"/>
    <p:sldLayoutId id="2147484505"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600209268"/>
      </p:ext>
    </p:extLst>
  </p:cSld>
  <p:clrMap bg1="dk1" tx1="lt1" bg2="dk2" tx2="lt2" accent1="accent1" accent2="accent2" accent3="accent3" accent4="accent4" accent5="accent5" accent6="accent6" hlink="hlink" folHlink="folHlink"/>
  <p:sldLayoutIdLst>
    <p:sldLayoutId id="2147484507" r:id="rId1"/>
    <p:sldLayoutId id="2147484508" r:id="rId2"/>
    <p:sldLayoutId id="2147484509" r:id="rId3"/>
    <p:sldLayoutId id="2147484510" r:id="rId4"/>
    <p:sldLayoutId id="2147484511" r:id="rId5"/>
    <p:sldLayoutId id="2147484512" r:id="rId6"/>
    <p:sldLayoutId id="2147484513" r:id="rId7"/>
    <p:sldLayoutId id="2147484514" r:id="rId8"/>
    <p:sldLayoutId id="2147484515" r:id="rId9"/>
    <p:sldLayoutId id="2147484516" r:id="rId10"/>
    <p:sldLayoutId id="2147484517" r:id="rId11"/>
    <p:sldLayoutId id="2147484518" r:id="rId12"/>
    <p:sldLayoutId id="2147484519" r:id="rId13"/>
    <p:sldLayoutId id="2147484520" r:id="rId14"/>
    <p:sldLayoutId id="2147484521" r:id="rId15"/>
    <p:sldLayoutId id="2147484522" r:id="rId16"/>
    <p:sldLayoutId id="2147484523" r:id="rId17"/>
    <p:sldLayoutId id="2147484524" r:id="rId18"/>
    <p:sldLayoutId id="214748452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6.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263368832"/>
      </p:ext>
    </p:extLst>
  </p:cSld>
  <p:clrMap bg1="dk1" tx1="lt1" bg2="dk2" tx2="lt2" accent1="accent1" accent2="accent2" accent3="accent3" accent4="accent4" accent5="accent5" accent6="accent6" hlink="hlink" folHlink="folHlink"/>
  <p:sldLayoutIdLst>
    <p:sldLayoutId id="2147484527" r:id="rId1"/>
    <p:sldLayoutId id="2147484528" r:id="rId2"/>
    <p:sldLayoutId id="2147484529" r:id="rId3"/>
    <p:sldLayoutId id="2147484530" r:id="rId4"/>
    <p:sldLayoutId id="2147484531" r:id="rId5"/>
    <p:sldLayoutId id="2147484532" r:id="rId6"/>
    <p:sldLayoutId id="2147484533" r:id="rId7"/>
    <p:sldLayoutId id="2147484534" r:id="rId8"/>
    <p:sldLayoutId id="2147484535" r:id="rId9"/>
    <p:sldLayoutId id="2147484536" r:id="rId10"/>
    <p:sldLayoutId id="2147484537" r:id="rId11"/>
    <p:sldLayoutId id="2147484538" r:id="rId12"/>
    <p:sldLayoutId id="2147484539" r:id="rId13"/>
    <p:sldLayoutId id="2147484540" r:id="rId14"/>
    <p:sldLayoutId id="2147484541" r:id="rId15"/>
    <p:sldLayoutId id="2147484542" r:id="rId16"/>
    <p:sldLayoutId id="2147484543" r:id="rId17"/>
    <p:sldLayoutId id="2147484544" r:id="rId18"/>
    <p:sldLayoutId id="214748454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7.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053342222"/>
      </p:ext>
    </p:extLst>
  </p:cSld>
  <p:clrMap bg1="dk1" tx1="lt1" bg2="dk2" tx2="lt2" accent1="accent1" accent2="accent2" accent3="accent3" accent4="accent4" accent5="accent5" accent6="accent6" hlink="hlink" folHlink="folHlink"/>
  <p:sldLayoutIdLst>
    <p:sldLayoutId id="2147484547" r:id="rId1"/>
    <p:sldLayoutId id="2147484548" r:id="rId2"/>
    <p:sldLayoutId id="2147484549" r:id="rId3"/>
    <p:sldLayoutId id="2147484550" r:id="rId4"/>
    <p:sldLayoutId id="2147484551" r:id="rId5"/>
    <p:sldLayoutId id="2147484552" r:id="rId6"/>
    <p:sldLayoutId id="2147484553" r:id="rId7"/>
    <p:sldLayoutId id="2147484554" r:id="rId8"/>
    <p:sldLayoutId id="2147484555" r:id="rId9"/>
    <p:sldLayoutId id="2147484556" r:id="rId10"/>
    <p:sldLayoutId id="2147484557" r:id="rId11"/>
    <p:sldLayoutId id="2147484558" r:id="rId12"/>
    <p:sldLayoutId id="2147484559" r:id="rId13"/>
    <p:sldLayoutId id="2147484560" r:id="rId14"/>
    <p:sldLayoutId id="2147484561" r:id="rId15"/>
    <p:sldLayoutId id="2147484562" r:id="rId16"/>
    <p:sldLayoutId id="2147484563" r:id="rId17"/>
    <p:sldLayoutId id="2147484564" r:id="rId18"/>
    <p:sldLayoutId id="214748456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8.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817170110"/>
      </p:ext>
    </p:extLst>
  </p:cSld>
  <p:clrMap bg1="dk1" tx1="lt1" bg2="dk2" tx2="lt2" accent1="accent1" accent2="accent2" accent3="accent3" accent4="accent4" accent5="accent5" accent6="accent6" hlink="hlink" folHlink="folHlink"/>
  <p:sldLayoutIdLst>
    <p:sldLayoutId id="2147484567" r:id="rId1"/>
    <p:sldLayoutId id="2147484568" r:id="rId2"/>
    <p:sldLayoutId id="2147484569" r:id="rId3"/>
    <p:sldLayoutId id="2147484570" r:id="rId4"/>
    <p:sldLayoutId id="2147484571" r:id="rId5"/>
    <p:sldLayoutId id="2147484572" r:id="rId6"/>
    <p:sldLayoutId id="2147484573" r:id="rId7"/>
    <p:sldLayoutId id="2147484574" r:id="rId8"/>
    <p:sldLayoutId id="2147484575" r:id="rId9"/>
    <p:sldLayoutId id="2147484576" r:id="rId10"/>
    <p:sldLayoutId id="2147484577" r:id="rId11"/>
    <p:sldLayoutId id="2147484578" r:id="rId12"/>
    <p:sldLayoutId id="2147484579" r:id="rId13"/>
    <p:sldLayoutId id="2147484580" r:id="rId14"/>
    <p:sldLayoutId id="2147484581" r:id="rId15"/>
    <p:sldLayoutId id="2147484582" r:id="rId16"/>
    <p:sldLayoutId id="2147484583" r:id="rId17"/>
    <p:sldLayoutId id="2147484584" r:id="rId18"/>
    <p:sldLayoutId id="214748458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39.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209997353"/>
      </p:ext>
    </p:extLst>
  </p:cSld>
  <p:clrMap bg1="dk1" tx1="lt1" bg2="dk2" tx2="lt2" accent1="accent1" accent2="accent2" accent3="accent3" accent4="accent4" accent5="accent5" accent6="accent6" hlink="hlink" folHlink="folHlink"/>
  <p:sldLayoutIdLst>
    <p:sldLayoutId id="2147484587" r:id="rId1"/>
    <p:sldLayoutId id="2147484588" r:id="rId2"/>
    <p:sldLayoutId id="2147484589" r:id="rId3"/>
    <p:sldLayoutId id="2147484590" r:id="rId4"/>
    <p:sldLayoutId id="2147484591" r:id="rId5"/>
    <p:sldLayoutId id="2147484592" r:id="rId6"/>
    <p:sldLayoutId id="2147484593" r:id="rId7"/>
    <p:sldLayoutId id="2147484594" r:id="rId8"/>
    <p:sldLayoutId id="2147484595" r:id="rId9"/>
    <p:sldLayoutId id="2147484596" r:id="rId10"/>
    <p:sldLayoutId id="2147484597" r:id="rId11"/>
    <p:sldLayoutId id="2147484598" r:id="rId12"/>
    <p:sldLayoutId id="2147484599" r:id="rId13"/>
    <p:sldLayoutId id="2147484600" r:id="rId14"/>
    <p:sldLayoutId id="2147484601" r:id="rId15"/>
    <p:sldLayoutId id="2147484602" r:id="rId16"/>
    <p:sldLayoutId id="2147484603" r:id="rId17"/>
    <p:sldLayoutId id="2147484604" r:id="rId18"/>
    <p:sldLayoutId id="214748460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690580815"/>
      </p:ext>
    </p:extLst>
  </p:cSld>
  <p:clrMap bg1="dk1" tx1="lt1" bg2="dk2" tx2="lt2" accent1="accent1" accent2="accent2" accent3="accent3" accent4="accent4" accent5="accent5" accent6="accent6" hlink="hlink" folHlink="folHlink"/>
  <p:sldLayoutIdLst>
    <p:sldLayoutId id="2147483918" r:id="rId1"/>
    <p:sldLayoutId id="2147483919" r:id="rId2"/>
    <p:sldLayoutId id="2147483920" r:id="rId3"/>
    <p:sldLayoutId id="2147483921" r:id="rId4"/>
    <p:sldLayoutId id="2147483922" r:id="rId5"/>
    <p:sldLayoutId id="2147483923" r:id="rId6"/>
    <p:sldLayoutId id="2147483924" r:id="rId7"/>
    <p:sldLayoutId id="2147483925" r:id="rId8"/>
    <p:sldLayoutId id="2147483926" r:id="rId9"/>
    <p:sldLayoutId id="2147483927" r:id="rId10"/>
    <p:sldLayoutId id="2147483928" r:id="rId11"/>
    <p:sldLayoutId id="2147483929" r:id="rId12"/>
    <p:sldLayoutId id="2147483930" r:id="rId13"/>
    <p:sldLayoutId id="2147483931" r:id="rId14"/>
    <p:sldLayoutId id="2147483932" r:id="rId15"/>
    <p:sldLayoutId id="2147483933" r:id="rId16"/>
    <p:sldLayoutId id="2147483934" r:id="rId17"/>
    <p:sldLayoutId id="2147483935" r:id="rId18"/>
    <p:sldLayoutId id="2147483936" r:id="rId19"/>
    <p:sldLayoutId id="2147483937" r:id="rId20"/>
    <p:sldLayoutId id="2147483938"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0.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94403247"/>
      </p:ext>
    </p:extLst>
  </p:cSld>
  <p:clrMap bg1="dk1" tx1="lt1" bg2="dk2" tx2="lt2" accent1="accent1" accent2="accent2" accent3="accent3" accent4="accent4" accent5="accent5" accent6="accent6" hlink="hlink" folHlink="folHlink"/>
  <p:sldLayoutIdLst>
    <p:sldLayoutId id="2147484607" r:id="rId1"/>
    <p:sldLayoutId id="2147484608" r:id="rId2"/>
    <p:sldLayoutId id="2147484609" r:id="rId3"/>
    <p:sldLayoutId id="2147484610" r:id="rId4"/>
    <p:sldLayoutId id="2147484611" r:id="rId5"/>
    <p:sldLayoutId id="2147484612" r:id="rId6"/>
    <p:sldLayoutId id="2147484613" r:id="rId7"/>
    <p:sldLayoutId id="2147484614" r:id="rId8"/>
    <p:sldLayoutId id="2147484615" r:id="rId9"/>
    <p:sldLayoutId id="2147484616" r:id="rId10"/>
    <p:sldLayoutId id="2147484617" r:id="rId11"/>
    <p:sldLayoutId id="2147484618" r:id="rId12"/>
    <p:sldLayoutId id="2147484619" r:id="rId13"/>
    <p:sldLayoutId id="2147484620" r:id="rId14"/>
    <p:sldLayoutId id="2147484621" r:id="rId15"/>
    <p:sldLayoutId id="2147484622" r:id="rId16"/>
    <p:sldLayoutId id="2147484623" r:id="rId17"/>
    <p:sldLayoutId id="2147484624" r:id="rId18"/>
    <p:sldLayoutId id="214748462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001884529"/>
      </p:ext>
    </p:extLst>
  </p:cSld>
  <p:clrMap bg1="dk1" tx1="lt1" bg2="dk2" tx2="lt2" accent1="accent1" accent2="accent2" accent3="accent3" accent4="accent4" accent5="accent5" accent6="accent6" hlink="hlink" folHlink="folHlink"/>
  <p:sldLayoutIdLst>
    <p:sldLayoutId id="2147484627" r:id="rId1"/>
    <p:sldLayoutId id="2147484628" r:id="rId2"/>
    <p:sldLayoutId id="2147484629" r:id="rId3"/>
    <p:sldLayoutId id="2147484630" r:id="rId4"/>
    <p:sldLayoutId id="2147484631" r:id="rId5"/>
    <p:sldLayoutId id="2147484632" r:id="rId6"/>
    <p:sldLayoutId id="2147484633" r:id="rId7"/>
    <p:sldLayoutId id="2147484634" r:id="rId8"/>
    <p:sldLayoutId id="2147484635" r:id="rId9"/>
    <p:sldLayoutId id="2147484636" r:id="rId10"/>
    <p:sldLayoutId id="2147484637" r:id="rId11"/>
    <p:sldLayoutId id="2147484638" r:id="rId12"/>
    <p:sldLayoutId id="2147484639" r:id="rId13"/>
    <p:sldLayoutId id="2147484640" r:id="rId14"/>
    <p:sldLayoutId id="2147484641" r:id="rId15"/>
    <p:sldLayoutId id="2147484642" r:id="rId16"/>
    <p:sldLayoutId id="2147484643" r:id="rId17"/>
    <p:sldLayoutId id="2147484644" r:id="rId18"/>
    <p:sldLayoutId id="214748464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4180956229"/>
      </p:ext>
    </p:extLst>
  </p:cSld>
  <p:clrMap bg1="dk1" tx1="lt1" bg2="dk2" tx2="lt2" accent1="accent1" accent2="accent2" accent3="accent3" accent4="accent4" accent5="accent5" accent6="accent6" hlink="hlink" folHlink="folHlink"/>
  <p:sldLayoutIdLst>
    <p:sldLayoutId id="2147484647" r:id="rId1"/>
    <p:sldLayoutId id="2147484648" r:id="rId2"/>
    <p:sldLayoutId id="2147484649" r:id="rId3"/>
    <p:sldLayoutId id="2147484650" r:id="rId4"/>
    <p:sldLayoutId id="2147484651" r:id="rId5"/>
    <p:sldLayoutId id="2147484652" r:id="rId6"/>
    <p:sldLayoutId id="2147484653" r:id="rId7"/>
    <p:sldLayoutId id="2147484654" r:id="rId8"/>
    <p:sldLayoutId id="2147484655" r:id="rId9"/>
    <p:sldLayoutId id="2147484656" r:id="rId10"/>
    <p:sldLayoutId id="2147484657" r:id="rId11"/>
    <p:sldLayoutId id="2147484658" r:id="rId12"/>
    <p:sldLayoutId id="2147484659" r:id="rId13"/>
    <p:sldLayoutId id="2147484660" r:id="rId14"/>
    <p:sldLayoutId id="2147484661" r:id="rId15"/>
    <p:sldLayoutId id="2147484662" r:id="rId16"/>
    <p:sldLayoutId id="2147484663" r:id="rId17"/>
    <p:sldLayoutId id="2147484664" r:id="rId18"/>
    <p:sldLayoutId id="214748466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3.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3640755339"/>
      </p:ext>
    </p:extLst>
  </p:cSld>
  <p:clrMap bg1="dk1" tx1="lt1" bg2="dk2" tx2="lt2" accent1="accent1" accent2="accent2" accent3="accent3" accent4="accent4" accent5="accent5" accent6="accent6" hlink="hlink" folHlink="folHlink"/>
  <p:sldLayoutIdLst>
    <p:sldLayoutId id="2147484667" r:id="rId1"/>
    <p:sldLayoutId id="2147484668" r:id="rId2"/>
    <p:sldLayoutId id="2147484669" r:id="rId3"/>
    <p:sldLayoutId id="2147484670" r:id="rId4"/>
    <p:sldLayoutId id="2147484671" r:id="rId5"/>
    <p:sldLayoutId id="2147484672" r:id="rId6"/>
    <p:sldLayoutId id="2147484673" r:id="rId7"/>
    <p:sldLayoutId id="2147484674" r:id="rId8"/>
    <p:sldLayoutId id="2147484675" r:id="rId9"/>
    <p:sldLayoutId id="2147484676" r:id="rId10"/>
    <p:sldLayoutId id="2147484677" r:id="rId11"/>
    <p:sldLayoutId id="2147484678" r:id="rId12"/>
    <p:sldLayoutId id="2147484679" r:id="rId13"/>
    <p:sldLayoutId id="2147484680" r:id="rId14"/>
    <p:sldLayoutId id="2147484681" r:id="rId15"/>
    <p:sldLayoutId id="2147484682" r:id="rId16"/>
    <p:sldLayoutId id="2147484683" r:id="rId17"/>
  </p:sldLayoutIdLst>
  <p:transition>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4.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169165369"/>
      </p:ext>
    </p:extLst>
  </p:cSld>
  <p:clrMap bg1="dk1" tx1="lt1" bg2="dk2" tx2="lt2" accent1="accent1" accent2="accent2" accent3="accent3" accent4="accent4" accent5="accent5" accent6="accent6" hlink="hlink" folHlink="folHlink"/>
  <p:sldLayoutIdLst>
    <p:sldLayoutId id="2147484686" r:id="rId1"/>
    <p:sldLayoutId id="2147484687" r:id="rId2"/>
    <p:sldLayoutId id="2147484688" r:id="rId3"/>
    <p:sldLayoutId id="2147484689" r:id="rId4"/>
    <p:sldLayoutId id="2147484690" r:id="rId5"/>
    <p:sldLayoutId id="2147484691" r:id="rId6"/>
    <p:sldLayoutId id="2147484692" r:id="rId7"/>
    <p:sldLayoutId id="2147484693" r:id="rId8"/>
    <p:sldLayoutId id="2147484694" r:id="rId9"/>
    <p:sldLayoutId id="2147484695" r:id="rId10"/>
    <p:sldLayoutId id="2147484696" r:id="rId11"/>
    <p:sldLayoutId id="2147484697" r:id="rId12"/>
    <p:sldLayoutId id="2147484698" r:id="rId13"/>
    <p:sldLayoutId id="2147484699" r:id="rId14"/>
    <p:sldLayoutId id="2147484700" r:id="rId15"/>
    <p:sldLayoutId id="2147484701" r:id="rId16"/>
    <p:sldLayoutId id="2147484702" r:id="rId17"/>
  </p:sldLayoutIdLst>
  <p:transition>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5"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04800" y="533400"/>
            <a:ext cx="8382000" cy="665163"/>
          </a:xfrm>
          <a:prstGeom prst="rect">
            <a:avLst/>
          </a:prstGeom>
        </p:spPr>
        <p:txBody>
          <a:bodyPr vert="horz" wrap="square" lIns="0" tIns="0" rIns="0" bIns="0" rtlCol="0" anchor="t">
            <a:spAutoFit/>
          </a:bodyPr>
          <a:lstStyle/>
          <a:p>
            <a:r>
              <a:rPr lang="en-US" dirty="0" smtClean="0"/>
              <a:t>Presentation Title</a:t>
            </a:r>
            <a:endParaRPr lang="en-US" dirty="0"/>
          </a:p>
        </p:txBody>
      </p:sp>
      <p:sp>
        <p:nvSpPr>
          <p:cNvPr id="13315" name="Text Placeholder 2"/>
          <p:cNvSpPr>
            <a:spLocks noGrp="1"/>
          </p:cNvSpPr>
          <p:nvPr>
            <p:ph type="body" idx="1"/>
          </p:nvPr>
        </p:nvSpPr>
        <p:spPr bwMode="auto">
          <a:xfrm>
            <a:off x="381000" y="4572000"/>
            <a:ext cx="8382000" cy="152717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ommittee Name</a:t>
            </a:r>
          </a:p>
          <a:p>
            <a:pPr lvl="0"/>
            <a:r>
              <a:rPr lang="en-US" smtClean="0"/>
              <a:t>Date</a:t>
            </a:r>
          </a:p>
          <a:p>
            <a:pPr lvl="0"/>
            <a:r>
              <a:rPr lang="en-US" smtClean="0"/>
              <a:t>Speaker Name</a:t>
            </a:r>
          </a:p>
        </p:txBody>
      </p:sp>
    </p:spTree>
    <p:extLst>
      <p:ext uri="{BB962C8B-B14F-4D97-AF65-F5344CB8AC3E}">
        <p14:creationId xmlns:p14="http://schemas.microsoft.com/office/powerpoint/2010/main" val="2951805212"/>
      </p:ext>
    </p:extLst>
  </p:cSld>
  <p:clrMap bg1="dk1" tx1="lt1" bg2="dk2" tx2="lt2" accent1="accent1" accent2="accent2" accent3="accent3" accent4="accent4" accent5="accent5" accent6="accent6" hlink="hlink" folHlink="folHlink"/>
  <p:sldLayoutIdLst>
    <p:sldLayoutId id="2147484704" r:id="rId1"/>
    <p:sldLayoutId id="2147484705" r:id="rId2"/>
    <p:sldLayoutId id="2147484706" r:id="rId3"/>
  </p:sldLayoutIdLst>
  <p:transition>
    <p:fade/>
  </p:transition>
  <p:txStyles>
    <p:titleStyle>
      <a:lvl1pPr algn="ctr" defTabSz="912813" rtl="0" eaLnBrk="0" fontAlgn="base" hangingPunct="0">
        <a:lnSpc>
          <a:spcPct val="90000"/>
        </a:lnSpc>
        <a:spcBef>
          <a:spcPct val="0"/>
        </a:spcBef>
        <a:spcAft>
          <a:spcPct val="0"/>
        </a:spcAft>
        <a:defRPr lang="en-US" sz="4800"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2pPr>
      <a:lvl3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3pPr>
      <a:lvl4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4pPr>
      <a:lvl5pPr algn="ctr" defTabSz="912813" rtl="0" eaLnBrk="0" fontAlgn="base" hangingPunct="0">
        <a:lnSpc>
          <a:spcPct val="90000"/>
        </a:lnSpc>
        <a:spcBef>
          <a:spcPct val="0"/>
        </a:spcBef>
        <a:spcAft>
          <a:spcPct val="0"/>
        </a:spcAft>
        <a:defRPr sz="4800">
          <a:solidFill>
            <a:schemeClr val="tx1"/>
          </a:solidFill>
          <a:latin typeface="Calibri" pitchFamily="34" charset="0"/>
          <a:cs typeface="Arial" charset="0"/>
        </a:defRPr>
      </a:lvl5pPr>
      <a:lvl6pPr marL="4572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eaLnBrk="1" fontAlgn="base" hangingPunct="1">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Font typeface="Arial" pitchFamily="34" charset="0"/>
        <a:defRPr sz="3200" kern="1200">
          <a:solidFill>
            <a:schemeClr val="tx1"/>
          </a:solidFill>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6"/>
        </a:buBlip>
        <a:defRPr sz="2800" kern="1200">
          <a:solidFill>
            <a:schemeClr val="tx1"/>
          </a:solidFill>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6"/>
        </a:buBlip>
        <a:defRPr sz="2400" kern="1200">
          <a:solidFill>
            <a:schemeClr val="tx1"/>
          </a:solidFill>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6"/>
        </a:buBlip>
        <a:defRPr sz="2400" kern="1200">
          <a:solidFill>
            <a:schemeClr val="tx1"/>
          </a:solidFill>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6"/>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6.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3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28370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8" name="Slide Number Placeholder 40"/>
          <p:cNvSpPr>
            <a:spLocks noGrp="1"/>
          </p:cNvSpPr>
          <p:nvPr>
            <p:ph type="sldNum" sz="quarter" idx="4"/>
          </p:nvPr>
        </p:nvSpPr>
        <p:spPr bwMode="auto">
          <a:xfrm>
            <a:off x="8458200" y="6427788"/>
            <a:ext cx="685800" cy="365125"/>
          </a:xfrm>
          <a:prstGeom prst="rect">
            <a:avLst/>
          </a:prstGeom>
          <a:ln>
            <a:miter lim="800000"/>
            <a:headEnd/>
            <a:tailEnd/>
          </a:ln>
        </p:spPr>
        <p:txBody>
          <a:bodyPr/>
          <a:lstStyle>
            <a:lvl1pPr algn="ctr" fontAlgn="auto">
              <a:spcBef>
                <a:spcPts val="0"/>
              </a:spcBef>
              <a:spcAft>
                <a:spcPts val="0"/>
              </a:spcAft>
              <a:defRPr>
                <a:latin typeface="+mn-lt"/>
                <a:cs typeface="+mn-cs"/>
              </a:defRPr>
            </a:lvl1pPr>
          </a:lstStyle>
          <a:p>
            <a:pPr>
              <a:defRPr/>
            </a:pPr>
            <a:fld id="{B7C33A65-557C-46E5-AF33-8A8D19700C8F}" type="slidenum">
              <a:rPr lang="en-US">
                <a:solidFill>
                  <a:prstClr val="white"/>
                </a:solidFill>
              </a:rPr>
              <a:pPr>
                <a:defRPr/>
              </a:pPr>
              <a:t>‹#›</a:t>
            </a:fld>
            <a:endParaRPr lang="en-US" dirty="0">
              <a:solidFill>
                <a:prstClr val="white"/>
              </a:solidFill>
            </a:endParaRPr>
          </a:p>
        </p:txBody>
      </p:sp>
    </p:spTree>
    <p:extLst>
      <p:ext uri="{BB962C8B-B14F-4D97-AF65-F5344CB8AC3E}">
        <p14:creationId xmlns:p14="http://schemas.microsoft.com/office/powerpoint/2010/main" val="3880639947"/>
      </p:ext>
    </p:extLst>
  </p:cSld>
  <p:clrMap bg1="dk1" tx1="lt1" bg2="dk2" tx2="lt2" accent1="accent1" accent2="accent2" accent3="accent3" accent4="accent4" accent5="accent5" accent6="accent6" hlink="hlink" folHlink="folHlink"/>
  <p:sldLayoutIdLst>
    <p:sldLayoutId id="2147484708" r:id="rId1"/>
    <p:sldLayoutId id="2147484709" r:id="rId2"/>
    <p:sldLayoutId id="2147484710" r:id="rId3"/>
    <p:sldLayoutId id="2147484711" r:id="rId4"/>
    <p:sldLayoutId id="2147484712" r:id="rId5"/>
    <p:sldLayoutId id="2147484713" r:id="rId6"/>
    <p:sldLayoutId id="2147484714" r:id="rId7"/>
    <p:sldLayoutId id="2147484715" r:id="rId8"/>
    <p:sldLayoutId id="2147484716" r:id="rId9"/>
    <p:sldLayoutId id="2147484717" r:id="rId10"/>
    <p:sldLayoutId id="2147484718" r:id="rId11"/>
    <p:sldLayoutId id="2147484719" r:id="rId12"/>
    <p:sldLayoutId id="2147484720" r:id="rId13"/>
    <p:sldLayoutId id="2147484721" r:id="rId14"/>
    <p:sldLayoutId id="2147484722" r:id="rId15"/>
    <p:sldLayoutId id="2147484723" r:id="rId16"/>
    <p:sldLayoutId id="2147484724" r:id="rId17"/>
    <p:sldLayoutId id="2147484725" r:id="rId18"/>
    <p:sldLayoutId id="2147484726" r:id="rId19"/>
    <p:sldLayoutId id="2147484727" r:id="rId20"/>
    <p:sldLayoutId id="2147484728" r:id="rId21"/>
    <p:sldLayoutId id="2147484729" r:id="rId22"/>
    <p:sldLayoutId id="2147484730" r:id="rId23"/>
    <p:sldLayoutId id="2147484731" r:id="rId24"/>
    <p:sldLayoutId id="2147484732" r:id="rId25"/>
    <p:sldLayoutId id="2147484733" r:id="rId26"/>
    <p:sldLayoutId id="2147484734" r:id="rId27"/>
    <p:sldLayoutId id="2147484735" r:id="rId28"/>
    <p:sldLayoutId id="2147484736" r:id="rId29"/>
    <p:sldLayoutId id="2147484737" r:id="rId30"/>
    <p:sldLayoutId id="2147484738" r:id="rId31"/>
  </p:sldLayoutIdLst>
  <p:transition>
    <p:fade/>
  </p:transition>
  <p:hf hdr="0" ftr="0" dt="0"/>
  <p:txStyles>
    <p:titleStyle>
      <a:lvl1pPr algn="l"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3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35"/>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35"/>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35"/>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35"/>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7.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5"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012859"/>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Rectangle 8"/>
          <p:cNvSpPr>
            <a:spLocks noChangeArrowheads="1"/>
          </p:cNvSpPr>
          <p:nvPr userDrawn="1"/>
        </p:nvSpPr>
        <p:spPr bwMode="auto">
          <a:xfrm>
            <a:off x="6629400" y="6508375"/>
            <a:ext cx="1673225" cy="345140"/>
          </a:xfrm>
          <a:prstGeom prst="rect">
            <a:avLst/>
          </a:prstGeom>
          <a:noFill/>
          <a:ln w="9525">
            <a:noFill/>
            <a:miter lim="800000"/>
            <a:headEnd/>
            <a:tailEnd/>
          </a:ln>
          <a:effectLst/>
        </p:spPr>
        <p:txBody>
          <a:bodyPr anchor="ctr"/>
          <a:lstStyle/>
          <a:p>
            <a:pPr algn="r" eaLnBrk="0" hangingPunct="0">
              <a:defRPr/>
            </a:pPr>
            <a:r>
              <a:rPr lang="en-US" sz="1200" dirty="0" smtClean="0">
                <a:ln w="3175">
                  <a:noFill/>
                </a:ln>
                <a:solidFill>
                  <a:srgbClr val="94B6D2"/>
                </a:solidFill>
                <a:latin typeface="Calibri"/>
              </a:rPr>
              <a:t>March 8, 2016</a:t>
            </a:r>
            <a:endParaRPr lang="en-US" sz="1200" dirty="0">
              <a:ln w="3175">
                <a:noFill/>
              </a:ln>
              <a:solidFill>
                <a:srgbClr val="94B6D2"/>
              </a:solidFill>
              <a:latin typeface="Calibri"/>
            </a:endParaRPr>
          </a:p>
        </p:txBody>
      </p:sp>
      <p:sp>
        <p:nvSpPr>
          <p:cNvPr id="6" name="Rectangle 8"/>
          <p:cNvSpPr>
            <a:spLocks noChangeArrowheads="1"/>
          </p:cNvSpPr>
          <p:nvPr userDrawn="1"/>
        </p:nvSpPr>
        <p:spPr bwMode="auto">
          <a:xfrm>
            <a:off x="152399" y="6508375"/>
            <a:ext cx="7427495" cy="345140"/>
          </a:xfrm>
          <a:prstGeom prst="rect">
            <a:avLst/>
          </a:prstGeom>
          <a:noFill/>
          <a:ln w="9525">
            <a:noFill/>
            <a:miter lim="800000"/>
            <a:headEnd/>
            <a:tailEnd/>
          </a:ln>
          <a:effectLst/>
        </p:spPr>
        <p:txBody>
          <a:bodyPr anchor="ctr"/>
          <a:lstStyle/>
          <a:p>
            <a:pPr eaLnBrk="0" hangingPunct="0">
              <a:defRPr/>
            </a:pPr>
            <a:r>
              <a:rPr lang="en-US" sz="1200" dirty="0">
                <a:ln w="3175">
                  <a:noFill/>
                </a:ln>
                <a:solidFill>
                  <a:srgbClr val="94B6D2"/>
                </a:solidFill>
                <a:latin typeface="Calibri"/>
              </a:rPr>
              <a:t>Real Property </a:t>
            </a:r>
            <a:r>
              <a:rPr lang="en-US" sz="1200" dirty="0" smtClean="0">
                <a:ln w="3175">
                  <a:noFill/>
                </a:ln>
                <a:solidFill>
                  <a:srgbClr val="94B6D2"/>
                </a:solidFill>
                <a:latin typeface="Calibri"/>
              </a:rPr>
              <a:t>Development </a:t>
            </a:r>
            <a:r>
              <a:rPr lang="en-US" sz="1200" dirty="0">
                <a:ln w="3175">
                  <a:noFill/>
                </a:ln>
                <a:solidFill>
                  <a:srgbClr val="94B6D2"/>
                </a:solidFill>
                <a:latin typeface="Calibri"/>
              </a:rPr>
              <a:t>and Management </a:t>
            </a:r>
            <a:r>
              <a:rPr lang="en-US" sz="1200" dirty="0" smtClean="0">
                <a:ln w="3175">
                  <a:noFill/>
                </a:ln>
                <a:solidFill>
                  <a:srgbClr val="94B6D2"/>
                </a:solidFill>
                <a:latin typeface="Calibri"/>
              </a:rPr>
              <a:t>Group	      Item 8-6</a:t>
            </a:r>
            <a:endParaRPr lang="en-US" sz="1200" dirty="0">
              <a:ln w="3175">
                <a:noFill/>
              </a:ln>
              <a:solidFill>
                <a:srgbClr val="94B6D2"/>
              </a:solidFill>
              <a:latin typeface="Calibri"/>
            </a:endParaRPr>
          </a:p>
        </p:txBody>
      </p:sp>
    </p:spTree>
    <p:extLst>
      <p:ext uri="{BB962C8B-B14F-4D97-AF65-F5344CB8AC3E}">
        <p14:creationId xmlns:p14="http://schemas.microsoft.com/office/powerpoint/2010/main" val="885325763"/>
      </p:ext>
    </p:extLst>
  </p:cSld>
  <p:clrMap bg1="dk1" tx1="lt1" bg2="dk2" tx2="lt2" accent1="accent1" accent2="accent2" accent3="accent3" accent4="accent4" accent5="accent5" accent6="accent6" hlink="hlink" folHlink="folHlink"/>
  <p:sldLayoutIdLst>
    <p:sldLayoutId id="2147484740" r:id="rId1"/>
    <p:sldLayoutId id="2147484741" r:id="rId2"/>
    <p:sldLayoutId id="2147484742" r:id="rId3"/>
    <p:sldLayoutId id="2147484743" r:id="rId4"/>
    <p:sldLayoutId id="2147484744" r:id="rId5"/>
    <p:sldLayoutId id="2147484745" r:id="rId6"/>
    <p:sldLayoutId id="2147484746" r:id="rId7"/>
    <p:sldLayoutId id="2147484747" r:id="rId8"/>
    <p:sldLayoutId id="2147484748" r:id="rId9"/>
    <p:sldLayoutId id="2147484749" r:id="rId10"/>
    <p:sldLayoutId id="2147484750" r:id="rId11"/>
    <p:sldLayoutId id="2147484751" r:id="rId12"/>
    <p:sldLayoutId id="2147484752" r:id="rId13"/>
  </p:sldLayoutIdLst>
  <p:transition>
    <p:fade/>
  </p:transition>
  <p:timing>
    <p:tnLst>
      <p:par>
        <p:cTn id="1" dur="indefinite" restart="never" nodeType="tmRoot"/>
      </p:par>
    </p:tnLst>
  </p:timing>
  <p:hf hdr="0" ftr="0" dt="0"/>
  <p:txStyles>
    <p:title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16"/>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17"/>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17"/>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17"/>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17"/>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8.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017898706"/>
      </p:ext>
    </p:extLst>
  </p:cSld>
  <p:clrMap bg1="dk1" tx1="lt1" bg2="dk2" tx2="lt2" accent1="accent1" accent2="accent2" accent3="accent3" accent4="accent4" accent5="accent5" accent6="accent6" hlink="hlink" folHlink="folHlink"/>
  <p:sldLayoutIdLst>
    <p:sldLayoutId id="2147484754" r:id="rId1"/>
    <p:sldLayoutId id="2147484755" r:id="rId2"/>
    <p:sldLayoutId id="2147484756" r:id="rId3"/>
    <p:sldLayoutId id="2147484757" r:id="rId4"/>
    <p:sldLayoutId id="2147484758" r:id="rId5"/>
    <p:sldLayoutId id="2147484759" r:id="rId6"/>
    <p:sldLayoutId id="2147484760" r:id="rId7"/>
    <p:sldLayoutId id="2147484761" r:id="rId8"/>
    <p:sldLayoutId id="2147484762" r:id="rId9"/>
    <p:sldLayoutId id="2147484763" r:id="rId10"/>
    <p:sldLayoutId id="2147484764" r:id="rId11"/>
    <p:sldLayoutId id="2147484765" r:id="rId12"/>
    <p:sldLayoutId id="2147484766" r:id="rId13"/>
    <p:sldLayoutId id="2147484767" r:id="rId14"/>
    <p:sldLayoutId id="2147484768" r:id="rId15"/>
    <p:sldLayoutId id="2147484769" r:id="rId16"/>
    <p:sldLayoutId id="2147484770" r:id="rId17"/>
    <p:sldLayoutId id="2147484771" r:id="rId18"/>
    <p:sldLayoutId id="2147484772"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49.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005336114"/>
      </p:ext>
    </p:extLst>
  </p:cSld>
  <p:clrMap bg1="dk1" tx1="lt1" bg2="dk2" tx2="lt2" accent1="accent1" accent2="accent2" accent3="accent3" accent4="accent4" accent5="accent5" accent6="accent6" hlink="hlink" folHlink="folHlink"/>
  <p:sldLayoutIdLst>
    <p:sldLayoutId id="2147484774" r:id="rId1"/>
    <p:sldLayoutId id="2147484775" r:id="rId2"/>
    <p:sldLayoutId id="2147484776" r:id="rId3"/>
    <p:sldLayoutId id="2147484777" r:id="rId4"/>
    <p:sldLayoutId id="2147484778" r:id="rId5"/>
    <p:sldLayoutId id="2147484779" r:id="rId6"/>
    <p:sldLayoutId id="2147484780" r:id="rId7"/>
    <p:sldLayoutId id="2147484781" r:id="rId8"/>
    <p:sldLayoutId id="2147484782" r:id="rId9"/>
    <p:sldLayoutId id="2147484783" r:id="rId10"/>
    <p:sldLayoutId id="2147484784" r:id="rId11"/>
    <p:sldLayoutId id="2147484785" r:id="rId12"/>
    <p:sldLayoutId id="2147484786" r:id="rId13"/>
    <p:sldLayoutId id="2147484787" r:id="rId14"/>
    <p:sldLayoutId id="2147484788" r:id="rId15"/>
    <p:sldLayoutId id="2147484789" r:id="rId16"/>
    <p:sldLayoutId id="2147484790" r:id="rId17"/>
    <p:sldLayoutId id="2147484791" r:id="rId18"/>
    <p:sldLayoutId id="2147484792" r:id="rId19"/>
    <p:sldLayoutId id="2147484793" r:id="rId20"/>
    <p:sldLayoutId id="2147484794"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3"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961681572"/>
      </p:ext>
    </p:extLst>
  </p:cSld>
  <p:clrMap bg1="dk1" tx1="lt1" bg2="dk2" tx2="lt2" accent1="accent1" accent2="accent2" accent3="accent3" accent4="accent4" accent5="accent5" accent6="accent6" hlink="hlink" folHlink="folHlink"/>
  <p:sldLayoutIdLst>
    <p:sldLayoutId id="2147483940" r:id="rId1"/>
    <p:sldLayoutId id="2147483941" r:id="rId2"/>
    <p:sldLayoutId id="2147483942" r:id="rId3"/>
    <p:sldLayoutId id="2147483943" r:id="rId4"/>
    <p:sldLayoutId id="2147483944" r:id="rId5"/>
    <p:sldLayoutId id="2147483945" r:id="rId6"/>
    <p:sldLayoutId id="2147483946" r:id="rId7"/>
    <p:sldLayoutId id="2147483947" r:id="rId8"/>
    <p:sldLayoutId id="2147483948" r:id="rId9"/>
    <p:sldLayoutId id="2147483949" r:id="rId10"/>
    <p:sldLayoutId id="2147483950" r:id="rId11"/>
    <p:sldLayoutId id="2147483951" r:id="rId12"/>
    <p:sldLayoutId id="2147483952" r:id="rId13"/>
    <p:sldLayoutId id="2147483953" r:id="rId14"/>
    <p:sldLayoutId id="2147483954" r:id="rId15"/>
    <p:sldLayoutId id="2147483955" r:id="rId16"/>
    <p:sldLayoutId id="2147483956" r:id="rId17"/>
    <p:sldLayoutId id="2147483957" r:id="rId18"/>
    <p:sldLayoutId id="2147483958" r:id="rId19"/>
    <p:sldLayoutId id="2147483959" r:id="rId20"/>
    <p:sldLayoutId id="2147483960" r:id="rId21"/>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4"/>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5"/>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5"/>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5"/>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5"/>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0.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2"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486406756"/>
      </p:ext>
    </p:extLst>
  </p:cSld>
  <p:clrMap bg1="dk1" tx1="lt1" bg2="dk2" tx2="lt2" accent1="accent1" accent2="accent2" accent3="accent3" accent4="accent4" accent5="accent5" accent6="accent6" hlink="hlink" folHlink="folHlink"/>
  <p:sldLayoutIdLst>
    <p:sldLayoutId id="2147484796" r:id="rId1"/>
    <p:sldLayoutId id="2147484797" r:id="rId2"/>
    <p:sldLayoutId id="2147484798" r:id="rId3"/>
    <p:sldLayoutId id="2147484799" r:id="rId4"/>
    <p:sldLayoutId id="2147484800" r:id="rId5"/>
    <p:sldLayoutId id="2147484801" r:id="rId6"/>
    <p:sldLayoutId id="2147484802" r:id="rId7"/>
    <p:sldLayoutId id="2147484803" r:id="rId8"/>
    <p:sldLayoutId id="2147484804" r:id="rId9"/>
    <p:sldLayoutId id="2147484805" r:id="rId10"/>
    <p:sldLayoutId id="2147484806" r:id="rId11"/>
    <p:sldLayoutId id="2147484807" r:id="rId12"/>
    <p:sldLayoutId id="2147484808" r:id="rId13"/>
    <p:sldLayoutId id="2147484809" r:id="rId14"/>
    <p:sldLayoutId id="2147484810" r:id="rId15"/>
    <p:sldLayoutId id="2147484811" r:id="rId16"/>
    <p:sldLayoutId id="2147484812" r:id="rId17"/>
    <p:sldLayoutId id="2147484813" r:id="rId18"/>
    <p:sldLayoutId id="2147484814" r:id="rId19"/>
    <p:sldLayoutId id="2147484815" r:id="rId20"/>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3"/>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4"/>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4"/>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4"/>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4"/>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246803788"/>
      </p:ext>
    </p:extLst>
  </p:cSld>
  <p:clrMap bg1="dk1" tx1="lt1" bg2="dk2" tx2="lt2" accent1="accent1" accent2="accent2" accent3="accent3" accent4="accent4" accent5="accent5" accent6="accent6" hlink="hlink" folHlink="folHlink"/>
  <p:sldLayoutIdLst>
    <p:sldLayoutId id="2147484817" r:id="rId1"/>
    <p:sldLayoutId id="2147484818" r:id="rId2"/>
    <p:sldLayoutId id="2147484819" r:id="rId3"/>
    <p:sldLayoutId id="2147484820" r:id="rId4"/>
    <p:sldLayoutId id="2147484821" r:id="rId5"/>
    <p:sldLayoutId id="2147484822" r:id="rId6"/>
    <p:sldLayoutId id="2147484823" r:id="rId7"/>
    <p:sldLayoutId id="2147484824" r:id="rId8"/>
    <p:sldLayoutId id="2147484825" r:id="rId9"/>
    <p:sldLayoutId id="2147484826" r:id="rId10"/>
    <p:sldLayoutId id="2147484827" r:id="rId11"/>
    <p:sldLayoutId id="2147484828" r:id="rId12"/>
    <p:sldLayoutId id="2147484829" r:id="rId13"/>
    <p:sldLayoutId id="2147484830" r:id="rId14"/>
    <p:sldLayoutId id="2147484831" r:id="rId15"/>
    <p:sldLayoutId id="2147484832" r:id="rId16"/>
    <p:sldLayoutId id="2147484833" r:id="rId17"/>
    <p:sldLayoutId id="2147484834" r:id="rId18"/>
    <p:sldLayoutId id="214748483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689057714"/>
      </p:ext>
    </p:extLst>
  </p:cSld>
  <p:clrMap bg1="dk1" tx1="lt1" bg2="dk2" tx2="lt2" accent1="accent1" accent2="accent2" accent3="accent3" accent4="accent4" accent5="accent5" accent6="accent6" hlink="hlink" folHlink="folHlink"/>
  <p:sldLayoutIdLst>
    <p:sldLayoutId id="2147484837" r:id="rId1"/>
    <p:sldLayoutId id="2147484838" r:id="rId2"/>
    <p:sldLayoutId id="2147484839" r:id="rId3"/>
    <p:sldLayoutId id="2147484840" r:id="rId4"/>
    <p:sldLayoutId id="2147484841" r:id="rId5"/>
    <p:sldLayoutId id="2147484842" r:id="rId6"/>
    <p:sldLayoutId id="2147484843" r:id="rId7"/>
    <p:sldLayoutId id="2147484844" r:id="rId8"/>
    <p:sldLayoutId id="2147484845" r:id="rId9"/>
    <p:sldLayoutId id="2147484846" r:id="rId10"/>
    <p:sldLayoutId id="2147484847" r:id="rId11"/>
    <p:sldLayoutId id="2147484848" r:id="rId12"/>
    <p:sldLayoutId id="2147484849" r:id="rId13"/>
    <p:sldLayoutId id="2147484850" r:id="rId14"/>
    <p:sldLayoutId id="2147484851" r:id="rId15"/>
    <p:sldLayoutId id="2147484852" r:id="rId16"/>
    <p:sldLayoutId id="2147484853" r:id="rId17"/>
    <p:sldLayoutId id="2147484854" r:id="rId18"/>
    <p:sldLayoutId id="2147484855"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3.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0"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604058571"/>
      </p:ext>
    </p:extLst>
  </p:cSld>
  <p:clrMap bg1="dk1" tx1="lt1" bg2="dk2" tx2="lt2" accent1="accent1" accent2="accent2" accent3="accent3" accent4="accent4" accent5="accent5" accent6="accent6" hlink="hlink" folHlink="folHlink"/>
  <p:sldLayoutIdLst>
    <p:sldLayoutId id="2147484857" r:id="rId1"/>
    <p:sldLayoutId id="2147484858" r:id="rId2"/>
    <p:sldLayoutId id="2147484859" r:id="rId3"/>
    <p:sldLayoutId id="2147484860" r:id="rId4"/>
    <p:sldLayoutId id="2147484861" r:id="rId5"/>
    <p:sldLayoutId id="2147484862" r:id="rId6"/>
    <p:sldLayoutId id="2147484863" r:id="rId7"/>
    <p:sldLayoutId id="2147484864" r:id="rId8"/>
    <p:sldLayoutId id="2147484865" r:id="rId9"/>
    <p:sldLayoutId id="2147484866" r:id="rId10"/>
    <p:sldLayoutId id="2147484867" r:id="rId11"/>
    <p:sldLayoutId id="2147484868" r:id="rId12"/>
    <p:sldLayoutId id="2147484870" r:id="rId13"/>
    <p:sldLayoutId id="2147484871" r:id="rId14"/>
    <p:sldLayoutId id="2147484872" r:id="rId15"/>
    <p:sldLayoutId id="2147484873" r:id="rId16"/>
    <p:sldLayoutId id="2147484874" r:id="rId17"/>
    <p:sldLayoutId id="2147484875" r:id="rId18"/>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1"/>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2"/>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4.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028168874"/>
      </p:ext>
    </p:extLst>
  </p:cSld>
  <p:clrMap bg1="dk1" tx1="lt1" bg2="dk2" tx2="lt2" accent1="accent1" accent2="accent2" accent3="accent3" accent4="accent4" accent5="accent5" accent6="accent6" hlink="hlink" folHlink="folHlink"/>
  <p:sldLayoutIdLst>
    <p:sldLayoutId id="2147484877" r:id="rId1"/>
    <p:sldLayoutId id="2147484878" r:id="rId2"/>
    <p:sldLayoutId id="2147484879" r:id="rId3"/>
    <p:sldLayoutId id="2147484880" r:id="rId4"/>
    <p:sldLayoutId id="2147484881" r:id="rId5"/>
    <p:sldLayoutId id="2147484882" r:id="rId6"/>
    <p:sldLayoutId id="2147484883" r:id="rId7"/>
    <p:sldLayoutId id="2147484884" r:id="rId8"/>
    <p:sldLayoutId id="2147484885" r:id="rId9"/>
    <p:sldLayoutId id="2147484886" r:id="rId10"/>
    <p:sldLayoutId id="2147484887" r:id="rId11"/>
    <p:sldLayoutId id="2147484888" r:id="rId12"/>
    <p:sldLayoutId id="2147484889" r:id="rId13"/>
    <p:sldLayoutId id="2147484890" r:id="rId14"/>
    <p:sldLayoutId id="2147484891" r:id="rId15"/>
    <p:sldLayoutId id="2147484892" r:id="rId16"/>
    <p:sldLayoutId id="2147484893" r:id="rId17"/>
    <p:sldLayoutId id="2147484894" r:id="rId18"/>
    <p:sldLayoutId id="2147484895" r:id="rId19"/>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2"/>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3"/>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3"/>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3"/>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3"/>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5.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19"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5" name="Slide Number Placeholder 40"/>
          <p:cNvSpPr>
            <a:spLocks noGrp="1"/>
          </p:cNvSpPr>
          <p:nvPr>
            <p:ph type="sldNum" sz="quarter" idx="4"/>
          </p:nvPr>
        </p:nvSpPr>
        <p:spPr>
          <a:xfrm>
            <a:off x="8458200" y="6492875"/>
            <a:ext cx="685800" cy="365125"/>
          </a:xfrm>
          <a:prstGeom prst="rect">
            <a:avLst/>
          </a:prstGeom>
          <a:ln/>
        </p:spPr>
        <p:txBody>
          <a:bodyPr/>
          <a:lstStyle>
            <a:lvl1pPr>
              <a:defRPr lang="en-US" sz="1400" smtClean="0">
                <a:latin typeface="+mn-lt"/>
              </a:defRPr>
            </a:lvl1pPr>
          </a:lstStyle>
          <a:p>
            <a:pPr algn="ctr"/>
            <a:fld id="{BBD5DA8B-909A-4A9A-84AE-26D515D4E1A6}" type="slidenum">
              <a:rPr>
                <a:solidFill>
                  <a:prstClr val="white"/>
                </a:solidFill>
              </a:rPr>
              <a:pPr algn="ctr"/>
              <a:t>‹#›</a:t>
            </a:fld>
            <a:endParaRPr dirty="0">
              <a:solidFill>
                <a:prstClr val="white"/>
              </a:solidFill>
            </a:endParaRPr>
          </a:p>
        </p:txBody>
      </p:sp>
    </p:spTree>
    <p:extLst>
      <p:ext uri="{BB962C8B-B14F-4D97-AF65-F5344CB8AC3E}">
        <p14:creationId xmlns:p14="http://schemas.microsoft.com/office/powerpoint/2010/main" val="511104812"/>
      </p:ext>
    </p:extLst>
  </p:cSld>
  <p:clrMap bg1="dk1" tx1="lt1" bg2="dk2" tx2="lt2" accent1="accent1" accent2="accent2" accent3="accent3" accent4="accent4" accent5="accent5" accent6="accent6" hlink="hlink" folHlink="folHlink"/>
  <p:sldLayoutIdLst>
    <p:sldLayoutId id="2147484897" r:id="rId1"/>
    <p:sldLayoutId id="2147484898" r:id="rId2"/>
    <p:sldLayoutId id="2147484899" r:id="rId3"/>
    <p:sldLayoutId id="2147484900" r:id="rId4"/>
    <p:sldLayoutId id="2147484901" r:id="rId5"/>
    <p:sldLayoutId id="2147484902" r:id="rId6"/>
    <p:sldLayoutId id="2147484903" r:id="rId7"/>
    <p:sldLayoutId id="2147484904" r:id="rId8"/>
    <p:sldLayoutId id="2147484905" r:id="rId9"/>
    <p:sldLayoutId id="2147484906" r:id="rId10"/>
    <p:sldLayoutId id="2147484907" r:id="rId11"/>
    <p:sldLayoutId id="2147484908" r:id="rId12"/>
    <p:sldLayoutId id="2147484909" r:id="rId13"/>
    <p:sldLayoutId id="2147484910" r:id="rId14"/>
    <p:sldLayoutId id="2147484911" r:id="rId15"/>
    <p:sldLayoutId id="2147484912" r:id="rId16"/>
    <p:sldLayoutId id="2147484913" r:id="rId17"/>
  </p:sldLayoutIdLst>
  <p:transition spd="slow">
    <p:fade/>
  </p:transition>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0"/>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1"/>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1"/>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1"/>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1"/>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6.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621208692"/>
      </p:ext>
    </p:extLst>
  </p:cSld>
  <p:clrMap bg1="dk1" tx1="lt1" bg2="dk2" tx2="lt2" accent1="accent1" accent2="accent2" accent3="accent3" accent4="accent4" accent5="accent5" accent6="accent6" hlink="hlink" folHlink="folHlink"/>
  <p:sldLayoutIdLst>
    <p:sldLayoutId id="2147484915" r:id="rId1"/>
    <p:sldLayoutId id="2147484916" r:id="rId2"/>
    <p:sldLayoutId id="2147484917" r:id="rId3"/>
    <p:sldLayoutId id="2147484918" r:id="rId4"/>
    <p:sldLayoutId id="2147484919" r:id="rId5"/>
    <p:sldLayoutId id="2147484920" r:id="rId6"/>
    <p:sldLayoutId id="2147484921" r:id="rId7"/>
    <p:sldLayoutId id="2147484922" r:id="rId8"/>
    <p:sldLayoutId id="2147484923" r:id="rId9"/>
    <p:sldLayoutId id="2147484924" r:id="rId10"/>
    <p:sldLayoutId id="2147484925" r:id="rId11"/>
    <p:sldLayoutId id="2147484926" r:id="rId12"/>
    <p:sldLayoutId id="2147484927" r:id="rId13"/>
    <p:sldLayoutId id="2147484928" r:id="rId14"/>
    <p:sldLayoutId id="2147484929" r:id="rId15"/>
    <p:sldLayoutId id="2147484930" r:id="rId16"/>
    <p:sldLayoutId id="2147484931" r:id="rId17"/>
    <p:sldLayoutId id="2147484932" r:id="rId18"/>
    <p:sldLayoutId id="2147484933"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7.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3400" y="381202"/>
            <a:ext cx="8382000" cy="609398"/>
          </a:xfrm>
          <a:prstGeom prst="rect">
            <a:avLst/>
          </a:prstGeom>
        </p:spPr>
        <p:txBody>
          <a:bodyPr vert="horz" wrap="square" lIns="0" tIns="0" rIns="0" bIns="0" rtlCol="0" anchor="t">
            <a:spAutoFit/>
          </a:bodyPr>
          <a:lstStyle/>
          <a:p>
            <a:r>
              <a:rPr lang="en-US" dirty="0" smtClean="0"/>
              <a:t>Click to edit Master title style</a:t>
            </a:r>
            <a:endParaRPr lang="en-US" dirty="0"/>
          </a:p>
        </p:txBody>
      </p:sp>
      <p:sp>
        <p:nvSpPr>
          <p:cNvPr id="14339" name="Text Placeholder 2"/>
          <p:cNvSpPr>
            <a:spLocks noGrp="1"/>
          </p:cNvSpPr>
          <p:nvPr>
            <p:ph type="body" idx="1"/>
          </p:nvPr>
        </p:nvSpPr>
        <p:spPr bwMode="auto">
          <a:xfrm>
            <a:off x="533400" y="1828800"/>
            <a:ext cx="8382000" cy="233294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spcBef>
                <a:spcPts val="600"/>
              </a:spcBef>
              <a:spcAft>
                <a:spcPts val="600"/>
              </a:spcAft>
            </a:pPr>
            <a:r>
              <a:rPr lang="en-US" dirty="0" smtClean="0"/>
              <a:t>Click to edit Master text styles</a:t>
            </a:r>
          </a:p>
          <a:p>
            <a:pPr lvl="1">
              <a:spcBef>
                <a:spcPts val="600"/>
              </a:spcBef>
              <a:spcAft>
                <a:spcPts val="600"/>
              </a:spcAft>
            </a:pPr>
            <a:r>
              <a:rPr lang="en-US" dirty="0" smtClean="0"/>
              <a:t>Second level</a:t>
            </a:r>
          </a:p>
          <a:p>
            <a:pPr lvl="2">
              <a:spcBef>
                <a:spcPts val="600"/>
              </a:spcBef>
              <a:spcAft>
                <a:spcPts val="600"/>
              </a:spcAft>
            </a:pPr>
            <a:r>
              <a:rPr lang="en-US" dirty="0" smtClean="0"/>
              <a:t>Third level</a:t>
            </a:r>
          </a:p>
          <a:p>
            <a:pPr lvl="3">
              <a:spcBef>
                <a:spcPts val="600"/>
              </a:spcBef>
              <a:spcAft>
                <a:spcPts val="600"/>
              </a:spcAft>
            </a:pPr>
            <a:r>
              <a:rPr lang="en-US" dirty="0" smtClean="0"/>
              <a:t>Fourth level</a:t>
            </a:r>
          </a:p>
          <a:p>
            <a:pPr lvl="4">
              <a:spcBef>
                <a:spcPts val="600"/>
              </a:spcBef>
              <a:spcAft>
                <a:spcPts val="600"/>
              </a:spcAft>
            </a:pPr>
            <a:r>
              <a:rPr lang="en-US" dirty="0" smtClean="0"/>
              <a:t>Fifth level</a:t>
            </a:r>
          </a:p>
        </p:txBody>
      </p:sp>
      <p:sp>
        <p:nvSpPr>
          <p:cNvPr id="6"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553128645"/>
      </p:ext>
    </p:extLst>
  </p:cSld>
  <p:clrMap bg1="dk1" tx1="lt1" bg2="dk2" tx2="lt2" accent1="accent1" accent2="accent2" accent3="accent3" accent4="accent4" accent5="accent5" accent6="accent6" hlink="hlink" folHlink="folHlink"/>
  <p:sldLayoutIdLst>
    <p:sldLayoutId id="2147484935" r:id="rId1"/>
    <p:sldLayoutId id="2147484936" r:id="rId2"/>
    <p:sldLayoutId id="2147484937" r:id="rId3"/>
    <p:sldLayoutId id="2147484938" r:id="rId4"/>
    <p:sldLayoutId id="2147484939" r:id="rId5"/>
    <p:sldLayoutId id="2147484940" r:id="rId6"/>
    <p:sldLayoutId id="2147484941" r:id="rId7"/>
    <p:sldLayoutId id="2147484942" r:id="rId8"/>
    <p:sldLayoutId id="2147484943" r:id="rId9"/>
    <p:sldLayoutId id="2147484944" r:id="rId10"/>
    <p:sldLayoutId id="2147484945" r:id="rId11"/>
    <p:sldLayoutId id="2147484946" r:id="rId12"/>
    <p:sldLayoutId id="2147484947" r:id="rId13"/>
    <p:sldLayoutId id="2147484948" r:id="rId14"/>
    <p:sldLayoutId id="2147484949" r:id="rId15"/>
    <p:sldLayoutId id="2147484950" r:id="rId16"/>
    <p:sldLayoutId id="2147484951" r:id="rId17"/>
    <p:sldLayoutId id="2147484952" r:id="rId18"/>
    <p:sldLayoutId id="2147484953" r:id="rId19"/>
  </p:sldLayoutIdLst>
  <p:transition spd="slow">
    <p:fade/>
  </p:transition>
  <p:timing>
    <p:tnLst>
      <p:par>
        <p:cTn id="1" dur="indefinite" restart="never" nodeType="tmRoot"/>
      </p:par>
    </p:tnLst>
  </p:timing>
  <p:hf hdr="0" ftr="0" dt="0"/>
  <p:txStyles>
    <p:title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p:titleStyle>
    <p:bodyStyle>
      <a:lvl1pPr marL="396875" indent="-396875" algn="l" defTabSz="912813" rtl="0" eaLnBrk="0" fontAlgn="base" hangingPunct="0">
        <a:lnSpc>
          <a:spcPct val="90000"/>
        </a:lnSpc>
        <a:spcBef>
          <a:spcPct val="20000"/>
        </a:spcBef>
        <a:spcAft>
          <a:spcPct val="0"/>
        </a:spcAft>
        <a:buBlip>
          <a:blip r:embed="rId22"/>
        </a:buBlip>
        <a:defRPr lang="en-US" sz="2800" kern="1200" dirty="0" smtClean="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23"/>
        </a:buBlip>
        <a:defRPr lang="en-US" sz="2400" kern="1200" dirty="0" smtClean="0">
          <a:solidFill>
            <a:srgbClr val="D8B25C"/>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23"/>
        </a:buBlip>
        <a:defRPr lang="en-US" sz="2400" kern="1200" dirty="0" smtClean="0">
          <a:solidFill>
            <a:srgbClr val="A5AB8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23"/>
        </a:buBlip>
        <a:defRPr lang="en-US" sz="2400" kern="1200" dirty="0" smtClean="0">
          <a:solidFill>
            <a:srgbClr val="DD8047"/>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23"/>
        </a:buBlip>
        <a:defRPr lang="en-US" sz="2400" kern="1200" dirty="0" smtClean="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8.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4"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918774661"/>
      </p:ext>
    </p:extLst>
  </p:cSld>
  <p:clrMap bg1="dk1" tx1="lt1" bg2="dk2" tx2="lt2" accent1="accent1" accent2="accent2" accent3="accent3" accent4="accent4" accent5="accent5" accent6="accent6" hlink="hlink" folHlink="folHlink"/>
  <p:sldLayoutIdLst>
    <p:sldLayoutId id="2147484955" r:id="rId1"/>
    <p:sldLayoutId id="2147484956" r:id="rId2"/>
    <p:sldLayoutId id="2147484957" r:id="rId3"/>
    <p:sldLayoutId id="2147484958" r:id="rId4"/>
    <p:sldLayoutId id="2147484959" r:id="rId5"/>
    <p:sldLayoutId id="2147484960" r:id="rId6"/>
    <p:sldLayoutId id="2147484961" r:id="rId7"/>
    <p:sldLayoutId id="2147484962" r:id="rId8"/>
    <p:sldLayoutId id="2147484963" r:id="rId9"/>
    <p:sldLayoutId id="2147484964" r:id="rId10"/>
    <p:sldLayoutId id="2147484965" r:id="rId11"/>
    <p:sldLayoutId id="2147484966" r:id="rId12"/>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15"/>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16"/>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16"/>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16"/>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16"/>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59.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2106769019"/>
      </p:ext>
    </p:extLst>
  </p:cSld>
  <p:clrMap bg1="dk1" tx1="lt1" bg2="dk2" tx2="lt2" accent1="accent1" accent2="accent2" accent3="accent3" accent4="accent4" accent5="accent5" accent6="accent6" hlink="hlink" folHlink="folHlink"/>
  <p:sldLayoutIdLst>
    <p:sldLayoutId id="2147484968" r:id="rId1"/>
    <p:sldLayoutId id="2147484969" r:id="rId2"/>
    <p:sldLayoutId id="2147484970" r:id="rId3"/>
    <p:sldLayoutId id="2147484971" r:id="rId4"/>
    <p:sldLayoutId id="2147484972" r:id="rId5"/>
    <p:sldLayoutId id="2147484973" r:id="rId6"/>
    <p:sldLayoutId id="2147484974" r:id="rId7"/>
    <p:sldLayoutId id="2147484975" r:id="rId8"/>
    <p:sldLayoutId id="2147484976" r:id="rId9"/>
    <p:sldLayoutId id="2147484977" r:id="rId10"/>
    <p:sldLayoutId id="2147484978" r:id="rId11"/>
    <p:sldLayoutId id="2147484979" r:id="rId12"/>
    <p:sldLayoutId id="2147484980" r:id="rId13"/>
    <p:sldLayoutId id="2147484981" r:id="rId14"/>
    <p:sldLayoutId id="2147484982" r:id="rId15"/>
    <p:sldLayoutId id="2147484983" r:id="rId16"/>
    <p:sldLayoutId id="2147484984" r:id="rId17"/>
    <p:sldLayoutId id="2147484985" r:id="rId18"/>
    <p:sldLayoutId id="2147484986" r:id="rId19"/>
  </p:sldLayoutIdLst>
  <p:transition>
    <p:fade/>
  </p:transition>
  <p:timing>
    <p:tnLst>
      <p:par>
        <p:cTn id="1" dur="indefinite" restart="never" nodeType="tmRoot"/>
      </p:par>
    </p:tnLst>
  </p:timing>
  <p:hf hdr="0" ftr="0" dt="0"/>
  <p:txStyles>
    <p:titleStyle>
      <a:lvl1pPr algn="ct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61572324"/>
      </p:ext>
    </p:extLst>
  </p:cSld>
  <p:clrMap bg1="dk1" tx1="lt1" bg2="dk2" tx2="lt2" accent1="accent1" accent2="accent2" accent3="accent3" accent4="accent4" accent5="accent5" accent6="accent6" hlink="hlink" folHlink="folHlink"/>
  <p:sldLayoutIdLst>
    <p:sldLayoutId id="2147483962" r:id="rId1"/>
    <p:sldLayoutId id="2147483963" r:id="rId2"/>
    <p:sldLayoutId id="2147483964" r:id="rId3"/>
    <p:sldLayoutId id="2147483965" r:id="rId4"/>
    <p:sldLayoutId id="2147483966" r:id="rId5"/>
    <p:sldLayoutId id="2147483967" r:id="rId6"/>
    <p:sldLayoutId id="2147483968" r:id="rId7"/>
    <p:sldLayoutId id="2147483969" r:id="rId8"/>
    <p:sldLayoutId id="2147483970" r:id="rId9"/>
    <p:sldLayoutId id="2147483971" r:id="rId10"/>
    <p:sldLayoutId id="2147483972" r:id="rId11"/>
    <p:sldLayoutId id="2147483973" r:id="rId12"/>
    <p:sldLayoutId id="2147483974" r:id="rId13"/>
    <p:sldLayoutId id="2147483975" r:id="rId14"/>
    <p:sldLayoutId id="2147483976" r:id="rId15"/>
    <p:sldLayoutId id="2147483977" r:id="rId16"/>
    <p:sldLayoutId id="2147483978" r:id="rId17"/>
    <p:sldLayoutId id="2147483979" r:id="rId18"/>
    <p:sldLayoutId id="2147483980"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60.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753033352"/>
      </p:ext>
    </p:extLst>
  </p:cSld>
  <p:clrMap bg1="dk1" tx1="lt1" bg2="dk2" tx2="lt2" accent1="accent1" accent2="accent2" accent3="accent3" accent4="accent4" accent5="accent5" accent6="accent6" hlink="hlink" folHlink="folHlink"/>
  <p:sldLayoutIdLst>
    <p:sldLayoutId id="2147484988" r:id="rId1"/>
    <p:sldLayoutId id="2147484989" r:id="rId2"/>
    <p:sldLayoutId id="2147484990" r:id="rId3"/>
    <p:sldLayoutId id="2147484991" r:id="rId4"/>
    <p:sldLayoutId id="2147484992" r:id="rId5"/>
    <p:sldLayoutId id="2147484993" r:id="rId6"/>
    <p:sldLayoutId id="2147484994" r:id="rId7"/>
    <p:sldLayoutId id="2147484995" r:id="rId8"/>
    <p:sldLayoutId id="2147484996" r:id="rId9"/>
    <p:sldLayoutId id="2147484997" r:id="rId10"/>
    <p:sldLayoutId id="2147484998" r:id="rId11"/>
    <p:sldLayoutId id="2147484999" r:id="rId12"/>
    <p:sldLayoutId id="2147485000" r:id="rId13"/>
    <p:sldLayoutId id="2147485001" r:id="rId14"/>
    <p:sldLayoutId id="2147485002" r:id="rId15"/>
    <p:sldLayoutId id="2147485003" r:id="rId16"/>
    <p:sldLayoutId id="2147485004" r:id="rId17"/>
    <p:sldLayoutId id="2147485005" r:id="rId18"/>
    <p:sldLayoutId id="2147485006" r:id="rId19"/>
  </p:sldLayoutIdLst>
  <p:transition>
    <p:fade/>
  </p:transition>
  <p:timing>
    <p:tnLst>
      <p:par>
        <p:cTn id="1" dur="indefinite" restart="never" nodeType="tmRoot"/>
      </p:par>
    </p:tnLst>
  </p:timing>
  <p:hf hdr="0" ftr="0" dt="0"/>
  <p:txStyles>
    <p:titleStyle>
      <a:lvl1pPr algn="ct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61.xml><?xml version="1.0" encoding="utf-8"?>
<p:sldMaster xmlns:a="http://schemas.openxmlformats.org/drawingml/2006/main" xmlns:r="http://schemas.openxmlformats.org/officeDocument/2006/relationships" xmlns:p="http://schemas.openxmlformats.org/presentationml/2006/main" preserve="1">
  <p:cSld>
    <p:bg bwMode="grayWhite">
      <p:bgPr>
        <a:blipFill dpi="0" rotWithShape="1">
          <a:blip r:embed="rId10"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230188"/>
            <a:ext cx="8382000" cy="665162"/>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15363" name="Text Placeholder 2"/>
          <p:cNvSpPr>
            <a:spLocks noGrp="1"/>
          </p:cNvSpPr>
          <p:nvPr>
            <p:ph type="body" idx="1"/>
          </p:nvPr>
        </p:nvSpPr>
        <p:spPr bwMode="auto">
          <a:xfrm>
            <a:off x="381000" y="1412875"/>
            <a:ext cx="8382000" cy="2135188"/>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Tree>
    <p:extLst>
      <p:ext uri="{BB962C8B-B14F-4D97-AF65-F5344CB8AC3E}">
        <p14:creationId xmlns:p14="http://schemas.microsoft.com/office/powerpoint/2010/main" val="2257927587"/>
      </p:ext>
    </p:extLst>
  </p:cSld>
  <p:clrMap bg1="dk1" tx1="lt1" bg2="dk2" tx2="lt2" accent1="accent1" accent2="accent2" accent3="accent3" accent4="accent4" accent5="accent5" accent6="accent6" hlink="hlink" folHlink="folHlink"/>
  <p:sldLayoutIdLst>
    <p:sldLayoutId id="2147485008" r:id="rId1"/>
    <p:sldLayoutId id="2147485009" r:id="rId2"/>
    <p:sldLayoutId id="2147485010" r:id="rId3"/>
    <p:sldLayoutId id="2147485011" r:id="rId4"/>
    <p:sldLayoutId id="2147485012" r:id="rId5"/>
    <p:sldLayoutId id="2147485013" r:id="rId6"/>
    <p:sldLayoutId id="2147485014" r:id="rId7"/>
    <p:sldLayoutId id="2147485015" r:id="rId8"/>
  </p:sldLayoutIdLst>
  <p:transition>
    <p:fade/>
  </p:transition>
  <p:txStyles>
    <p:titleStyle>
      <a:lvl1pPr algn="l" defTabSz="912813" rtl="0" eaLnBrk="0" fontAlgn="base" hangingPunct="0">
        <a:lnSpc>
          <a:spcPct val="90000"/>
        </a:lnSpc>
        <a:spcBef>
          <a:spcPct val="0"/>
        </a:spcBef>
        <a:spcAft>
          <a:spcPct val="0"/>
        </a:spcAft>
        <a:defRPr lang="en-US" sz="4800"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800">
          <a:solidFill>
            <a:schemeClr val="tx1"/>
          </a:solidFill>
          <a:latin typeface="Calibri" pitchFamily="34" charset="0"/>
          <a:cs typeface="Arial" pitchFamily="34" charset="0"/>
        </a:defRPr>
      </a:lvl2pPr>
      <a:lvl3pPr algn="l" defTabSz="912813" rtl="0" eaLnBrk="0" fontAlgn="base" hangingPunct="0">
        <a:lnSpc>
          <a:spcPct val="90000"/>
        </a:lnSpc>
        <a:spcBef>
          <a:spcPct val="0"/>
        </a:spcBef>
        <a:spcAft>
          <a:spcPct val="0"/>
        </a:spcAft>
        <a:defRPr sz="4800">
          <a:solidFill>
            <a:schemeClr val="tx1"/>
          </a:solidFill>
          <a:latin typeface="Calibri" pitchFamily="34" charset="0"/>
          <a:cs typeface="Arial" pitchFamily="34" charset="0"/>
        </a:defRPr>
      </a:lvl3pPr>
      <a:lvl4pPr algn="l" defTabSz="912813" rtl="0" eaLnBrk="0" fontAlgn="base" hangingPunct="0">
        <a:lnSpc>
          <a:spcPct val="90000"/>
        </a:lnSpc>
        <a:spcBef>
          <a:spcPct val="0"/>
        </a:spcBef>
        <a:spcAft>
          <a:spcPct val="0"/>
        </a:spcAft>
        <a:defRPr sz="4800">
          <a:solidFill>
            <a:schemeClr val="tx1"/>
          </a:solidFill>
          <a:latin typeface="Calibri" pitchFamily="34" charset="0"/>
          <a:cs typeface="Arial" pitchFamily="34" charset="0"/>
        </a:defRPr>
      </a:lvl4pPr>
      <a:lvl5pPr algn="l" defTabSz="912813" rtl="0" eaLnBrk="0" fontAlgn="base" hangingPunct="0">
        <a:lnSpc>
          <a:spcPct val="90000"/>
        </a:lnSpc>
        <a:spcBef>
          <a:spcPct val="0"/>
        </a:spcBef>
        <a:spcAft>
          <a:spcPct val="0"/>
        </a:spcAft>
        <a:defRPr sz="4800">
          <a:solidFill>
            <a:schemeClr val="tx1"/>
          </a:solidFill>
          <a:latin typeface="Calibri" pitchFamily="34" charset="0"/>
          <a:cs typeface="Arial" pitchFamily="34"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pitchFamily="34"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pitchFamily="34"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pitchFamily="34"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pitchFamily="34" charset="0"/>
        </a:defRPr>
      </a:lvl9pPr>
    </p:titleStyle>
    <p:bodyStyle>
      <a:lvl1pPr marL="396875" indent="-396875" algn="l" defTabSz="912813" rtl="0" eaLnBrk="0" fontAlgn="base" hangingPunct="0">
        <a:lnSpc>
          <a:spcPct val="90000"/>
        </a:lnSpc>
        <a:spcBef>
          <a:spcPct val="20000"/>
        </a:spcBef>
        <a:spcAft>
          <a:spcPct val="0"/>
        </a:spcAft>
        <a:buBlip>
          <a:blip r:embed="rId11"/>
        </a:buBlip>
        <a:defRPr sz="3200" kern="1200">
          <a:solidFill>
            <a:schemeClr val="tx1"/>
          </a:solidFill>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12"/>
        </a:buBlip>
        <a:defRPr sz="2800" kern="1200">
          <a:solidFill>
            <a:schemeClr val="tx1"/>
          </a:solidFill>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12"/>
        </a:buBlip>
        <a:defRPr sz="2400" kern="1200">
          <a:solidFill>
            <a:schemeClr val="tx1"/>
          </a:solidFill>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12"/>
        </a:buBlip>
        <a:defRPr sz="2400" kern="1200">
          <a:solidFill>
            <a:schemeClr val="tx1"/>
          </a:solidFill>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12"/>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63857396"/>
      </p:ext>
    </p:extLst>
  </p:cSld>
  <p:clrMap bg1="dk1" tx1="lt1" bg2="dk2" tx2="lt2" accent1="accent1" accent2="accent2" accent3="accent3" accent4="accent4" accent5="accent5" accent6="accent6" hlink="hlink" folHlink="folHlink"/>
  <p:sldLayoutIdLst>
    <p:sldLayoutId id="2147483982" r:id="rId1"/>
    <p:sldLayoutId id="2147483983" r:id="rId2"/>
    <p:sldLayoutId id="2147483984" r:id="rId3"/>
    <p:sldLayoutId id="2147483985" r:id="rId4"/>
    <p:sldLayoutId id="2147483986" r:id="rId5"/>
    <p:sldLayoutId id="2147483987" r:id="rId6"/>
    <p:sldLayoutId id="2147483988" r:id="rId7"/>
    <p:sldLayoutId id="2147483989" r:id="rId8"/>
    <p:sldLayoutId id="2147483990" r:id="rId9"/>
    <p:sldLayoutId id="2147483991" r:id="rId10"/>
    <p:sldLayoutId id="2147483992" r:id="rId11"/>
    <p:sldLayoutId id="2147483993" r:id="rId12"/>
    <p:sldLayoutId id="2147483994" r:id="rId13"/>
    <p:sldLayoutId id="2147483995" r:id="rId14"/>
    <p:sldLayoutId id="2147483996" r:id="rId15"/>
    <p:sldLayoutId id="2147483997" r:id="rId16"/>
    <p:sldLayoutId id="2147483998" r:id="rId17"/>
    <p:sldLayoutId id="2147483999" r:id="rId18"/>
    <p:sldLayoutId id="2147484000"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1"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888551034"/>
      </p:ext>
    </p:extLst>
  </p:cSld>
  <p:clrMap bg1="dk1" tx1="lt1" bg2="dk2" tx2="lt2" accent1="accent1" accent2="accent2" accent3="accent3" accent4="accent4" accent5="accent5" accent6="accent6" hlink="hlink" folHlink="folHlink"/>
  <p:sldLayoutIdLst>
    <p:sldLayoutId id="2147484002" r:id="rId1"/>
    <p:sldLayoutId id="2147484003" r:id="rId2"/>
    <p:sldLayoutId id="2147484004" r:id="rId3"/>
    <p:sldLayoutId id="2147484005" r:id="rId4"/>
    <p:sldLayoutId id="2147484006" r:id="rId5"/>
    <p:sldLayoutId id="2147484007" r:id="rId6"/>
    <p:sldLayoutId id="2147484008" r:id="rId7"/>
    <p:sldLayoutId id="2147484009" r:id="rId8"/>
    <p:sldLayoutId id="2147484010" r:id="rId9"/>
    <p:sldLayoutId id="2147484011" r:id="rId10"/>
    <p:sldLayoutId id="2147484012" r:id="rId11"/>
    <p:sldLayoutId id="2147484013" r:id="rId12"/>
    <p:sldLayoutId id="2147484014" r:id="rId13"/>
    <p:sldLayoutId id="2147484015" r:id="rId14"/>
    <p:sldLayoutId id="2147484016" r:id="rId15"/>
    <p:sldLayoutId id="2147484017" r:id="rId16"/>
    <p:sldLayoutId id="2147484018" r:id="rId17"/>
    <p:sldLayoutId id="2147484019" r:id="rId18"/>
    <p:sldLayoutId id="2147484020" r:id="rId19"/>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2"/>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3"/>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3"/>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0" cstate="print">
            <a:lum/>
          </a:blip>
          <a:srcRect/>
          <a:stretch>
            <a:fillRect l="-1000" r="-1000"/>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81000" y="533602"/>
            <a:ext cx="8382000" cy="609398"/>
          </a:xfrm>
          <a:prstGeom prst="rect">
            <a:avLst/>
          </a:prstGeom>
        </p:spPr>
        <p:txBody>
          <a:bodyPr vert="horz" wrap="square" lIns="0" tIns="0" rIns="0" bIns="0" rtlCol="0" anchor="t">
            <a:spAutoFit/>
          </a:bodyPr>
          <a:lstStyle/>
          <a:p>
            <a:r>
              <a:rPr lang="en-US" smtClean="0"/>
              <a:t>Click to edit Master title style</a:t>
            </a:r>
            <a:endParaRPr lang="en-US" dirty="0"/>
          </a:p>
        </p:txBody>
      </p:sp>
      <p:sp>
        <p:nvSpPr>
          <p:cNvPr id="4" name="Slide Number Placeholder 32"/>
          <p:cNvSpPr txBox="1">
            <a:spLocks noGrp="1"/>
          </p:cNvSpPr>
          <p:nvPr userDrawn="1"/>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314421755"/>
      </p:ext>
    </p:extLst>
  </p:cSld>
  <p:clrMap bg1="dk1" tx1="lt1" bg2="dk2" tx2="lt2" accent1="accent1" accent2="accent2" accent3="accent3" accent4="accent4" accent5="accent5" accent6="accent6" hlink="hlink" folHlink="folHlink"/>
  <p:sldLayoutIdLst>
    <p:sldLayoutId id="2147484022" r:id="rId1"/>
    <p:sldLayoutId id="2147484023" r:id="rId2"/>
    <p:sldLayoutId id="2147484024" r:id="rId3"/>
    <p:sldLayoutId id="2147484025" r:id="rId4"/>
    <p:sldLayoutId id="2147484026" r:id="rId5"/>
    <p:sldLayoutId id="2147484027" r:id="rId6"/>
    <p:sldLayoutId id="2147484028" r:id="rId7"/>
    <p:sldLayoutId id="2147484029" r:id="rId8"/>
    <p:sldLayoutId id="2147484030" r:id="rId9"/>
    <p:sldLayoutId id="2147484031" r:id="rId10"/>
    <p:sldLayoutId id="2147484032" r:id="rId11"/>
    <p:sldLayoutId id="2147484033" r:id="rId12"/>
    <p:sldLayoutId id="2147484035" r:id="rId13"/>
    <p:sldLayoutId id="2147484036" r:id="rId14"/>
    <p:sldLayoutId id="2147484037" r:id="rId15"/>
    <p:sldLayoutId id="2147484038" r:id="rId16"/>
    <p:sldLayoutId id="2147484039" r:id="rId17"/>
    <p:sldLayoutId id="2147484040" r:id="rId18"/>
  </p:sldLayoutIdLst>
  <p:transition>
    <p:fade/>
  </p:transition>
  <p:timing>
    <p:tnLst>
      <p:par>
        <p:cTn id="1" dur="indefinite" restart="never" nodeType="tmRoot"/>
      </p:par>
    </p:tnLst>
  </p:timing>
  <p:hf hdr="0" ftr="0" dt="0"/>
  <p:txStyles>
    <p:titleStyle>
      <a:lvl1pPr algn="r" defTabSz="914363" rtl="0" eaLnBrk="1" latinLnBrk="0" hangingPunct="1">
        <a:lnSpc>
          <a:spcPct val="90000"/>
        </a:lnSpc>
        <a:spcBef>
          <a:spcPct val="0"/>
        </a:spcBef>
        <a:buNone/>
        <a:defRPr lang="en-US" sz="4400" b="1" kern="1200" cap="none"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p:titleStyle>
    <p:bodyStyle>
      <a:lvl1pPr marL="396875" indent="-396875" algn="l" defTabSz="914363" rtl="0" eaLnBrk="1" latinLnBrk="0" hangingPunct="1">
        <a:lnSpc>
          <a:spcPct val="90000"/>
        </a:lnSpc>
        <a:spcBef>
          <a:spcPct val="20000"/>
        </a:spcBef>
        <a:buFontTx/>
        <a:buBlip>
          <a:blip r:embed="rId21"/>
        </a:buBlip>
        <a:defRPr sz="3200" kern="1200">
          <a:solidFill>
            <a:schemeClr val="tx1"/>
          </a:solidFill>
          <a:latin typeface="+mn-lt"/>
          <a:ea typeface="+mn-ea"/>
          <a:cs typeface="+mn-cs"/>
        </a:defRPr>
      </a:lvl1pPr>
      <a:lvl2pPr marL="914400" indent="-396875" algn="l" defTabSz="914363" rtl="0" eaLnBrk="1" latinLnBrk="0" hangingPunct="1">
        <a:lnSpc>
          <a:spcPct val="90000"/>
        </a:lnSpc>
        <a:spcBef>
          <a:spcPct val="20000"/>
        </a:spcBef>
        <a:buFontTx/>
        <a:buBlip>
          <a:blip r:embed="rId22"/>
        </a:buBlip>
        <a:defRPr sz="2800" kern="1200">
          <a:solidFill>
            <a:schemeClr val="tx1"/>
          </a:solidFill>
          <a:latin typeface="+mn-lt"/>
          <a:ea typeface="+mn-ea"/>
          <a:cs typeface="+mn-cs"/>
        </a:defRPr>
      </a:lvl2pPr>
      <a:lvl3pPr marL="1258888" indent="-344488"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3pPr>
      <a:lvl4pPr marL="1604963" indent="-346075"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4pPr>
      <a:lvl5pPr marL="1941513" indent="-336550" algn="l" defTabSz="914363" rtl="0" eaLnBrk="1" latinLnBrk="0" hangingPunct="1">
        <a:lnSpc>
          <a:spcPct val="90000"/>
        </a:lnSpc>
        <a:spcBef>
          <a:spcPct val="20000"/>
        </a:spcBef>
        <a:buFontTx/>
        <a:buBlip>
          <a:blip r:embed="rId22"/>
        </a:buBlip>
        <a:defRPr sz="2400" kern="1200">
          <a:solidFill>
            <a:schemeClr val="tx1"/>
          </a:solidFill>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63" rtl="0" eaLnBrk="1" latinLnBrk="0" hangingPunct="1">
        <a:defRPr sz="1800" kern="1200">
          <a:solidFill>
            <a:schemeClr val="tx1"/>
          </a:solidFill>
          <a:latin typeface="+mn-lt"/>
          <a:ea typeface="+mn-ea"/>
          <a:cs typeface="+mn-cs"/>
        </a:defRPr>
      </a:lvl1pPr>
      <a:lvl2pPr marL="457182" algn="l" defTabSz="914363" rtl="0" eaLnBrk="1" latinLnBrk="0" hangingPunct="1">
        <a:defRPr sz="1800" kern="1200">
          <a:solidFill>
            <a:schemeClr val="tx1"/>
          </a:solidFill>
          <a:latin typeface="+mn-lt"/>
          <a:ea typeface="+mn-ea"/>
          <a:cs typeface="+mn-cs"/>
        </a:defRPr>
      </a:lvl2pPr>
      <a:lvl3pPr marL="914363" algn="l" defTabSz="914363" rtl="0" eaLnBrk="1" latinLnBrk="0" hangingPunct="1">
        <a:defRPr sz="1800" kern="1200">
          <a:solidFill>
            <a:schemeClr val="tx1"/>
          </a:solidFill>
          <a:latin typeface="+mn-lt"/>
          <a:ea typeface="+mn-ea"/>
          <a:cs typeface="+mn-cs"/>
        </a:defRPr>
      </a:lvl3pPr>
      <a:lvl4pPr marL="1371545" algn="l" defTabSz="914363" rtl="0" eaLnBrk="1" latinLnBrk="0" hangingPunct="1">
        <a:defRPr sz="1800" kern="1200">
          <a:solidFill>
            <a:schemeClr val="tx1"/>
          </a:solidFill>
          <a:latin typeface="+mn-lt"/>
          <a:ea typeface="+mn-ea"/>
          <a:cs typeface="+mn-cs"/>
        </a:defRPr>
      </a:lvl4pPr>
      <a:lvl5pPr marL="1828727" algn="l" defTabSz="914363" rtl="0" eaLnBrk="1" latinLnBrk="0" hangingPunct="1">
        <a:defRPr sz="1800" kern="1200">
          <a:solidFill>
            <a:schemeClr val="tx1"/>
          </a:solidFill>
          <a:latin typeface="+mn-lt"/>
          <a:ea typeface="+mn-ea"/>
          <a:cs typeface="+mn-cs"/>
        </a:defRPr>
      </a:lvl5pPr>
      <a:lvl6pPr marL="2285909" algn="l" defTabSz="914363" rtl="0" eaLnBrk="1" latinLnBrk="0" hangingPunct="1">
        <a:defRPr sz="1800" kern="1200">
          <a:solidFill>
            <a:schemeClr val="tx1"/>
          </a:solidFill>
          <a:latin typeface="+mn-lt"/>
          <a:ea typeface="+mn-ea"/>
          <a:cs typeface="+mn-cs"/>
        </a:defRPr>
      </a:lvl6pPr>
      <a:lvl7pPr marL="2743090" algn="l" defTabSz="914363" rtl="0" eaLnBrk="1" latinLnBrk="0" hangingPunct="1">
        <a:defRPr sz="1800" kern="1200">
          <a:solidFill>
            <a:schemeClr val="tx1"/>
          </a:solidFill>
          <a:latin typeface="+mn-lt"/>
          <a:ea typeface="+mn-ea"/>
          <a:cs typeface="+mn-cs"/>
        </a:defRPr>
      </a:lvl7pPr>
      <a:lvl8pPr marL="3200272" algn="l" defTabSz="914363" rtl="0" eaLnBrk="1" latinLnBrk="0" hangingPunct="1">
        <a:defRPr sz="1800" kern="1200">
          <a:solidFill>
            <a:schemeClr val="tx1"/>
          </a:solidFill>
          <a:latin typeface="+mn-lt"/>
          <a:ea typeface="+mn-ea"/>
          <a:cs typeface="+mn-cs"/>
        </a:defRPr>
      </a:lvl8pPr>
      <a:lvl9pPr marL="3657454" algn="l" defTabSz="914363"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093.xml"/></Relationships>
</file>

<file path=ppt/slides/_rels/slide1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5.xml"/></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90.xml"/><Relationship Id="rId1" Type="http://schemas.openxmlformats.org/officeDocument/2006/relationships/slideLayout" Target="../slideLayouts/slideLayout51.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02.xml.rels><?xml version="1.0" encoding="UTF-8" standalone="yes"?>
<Relationships xmlns="http://schemas.openxmlformats.org/package/2006/relationships"><Relationship Id="rId2" Type="http://schemas.openxmlformats.org/officeDocument/2006/relationships/notesSlide" Target="../notesSlides/notesSlide91.xml"/><Relationship Id="rId1" Type="http://schemas.openxmlformats.org/officeDocument/2006/relationships/slideLayout" Target="../slideLayouts/slideLayout5.xml"/></Relationships>
</file>

<file path=ppt/slides/_rels/slide103.xml.rels><?xml version="1.0" encoding="UTF-8" standalone="yes"?>
<Relationships xmlns="http://schemas.openxmlformats.org/package/2006/relationships"><Relationship Id="rId3" Type="http://schemas.openxmlformats.org/officeDocument/2006/relationships/chart" Target="../charts/chart21.xml"/><Relationship Id="rId2" Type="http://schemas.openxmlformats.org/officeDocument/2006/relationships/notesSlide" Target="../notesSlides/notesSlide92.xml"/><Relationship Id="rId1" Type="http://schemas.openxmlformats.org/officeDocument/2006/relationships/slideLayout" Target="../slideLayouts/slideLayout5.xml"/></Relationships>
</file>

<file path=ppt/slides/_rels/slide104.xml.rels><?xml version="1.0" encoding="UTF-8" standalone="yes"?>
<Relationships xmlns="http://schemas.openxmlformats.org/package/2006/relationships"><Relationship Id="rId3" Type="http://schemas.openxmlformats.org/officeDocument/2006/relationships/notesSlide" Target="../notesSlides/notesSlide93.xml"/><Relationship Id="rId2" Type="http://schemas.openxmlformats.org/officeDocument/2006/relationships/slideLayout" Target="../slideLayouts/slideLayout11.xml"/><Relationship Id="rId1" Type="http://schemas.openxmlformats.org/officeDocument/2006/relationships/tags" Target="../tags/tag1.xml"/></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94.xml"/><Relationship Id="rId1" Type="http://schemas.openxmlformats.org/officeDocument/2006/relationships/slideLayout" Target="../slideLayouts/slideLayout47.xml"/></Relationships>
</file>

<file path=ppt/slides/_rels/slide106.xml.rels><?xml version="1.0" encoding="UTF-8" standalone="yes"?>
<Relationships xmlns="http://schemas.openxmlformats.org/package/2006/relationships"><Relationship Id="rId2" Type="http://schemas.openxmlformats.org/officeDocument/2006/relationships/notesSlide" Target="../notesSlides/notesSlide95.xml"/><Relationship Id="rId1" Type="http://schemas.openxmlformats.org/officeDocument/2006/relationships/slideLayout" Target="../slideLayouts/slideLayout47.xml"/></Relationships>
</file>

<file path=ppt/slides/_rels/slide107.xml.rels><?xml version="1.0" encoding="UTF-8" standalone="yes"?>
<Relationships xmlns="http://schemas.openxmlformats.org/package/2006/relationships"><Relationship Id="rId3" Type="http://schemas.microsoft.com/office/2007/relationships/hdphoto" Target="../media/hdphoto7.wdp"/><Relationship Id="rId2" Type="http://schemas.openxmlformats.org/officeDocument/2006/relationships/image" Target="../media/image60.png"/><Relationship Id="rId1" Type="http://schemas.openxmlformats.org/officeDocument/2006/relationships/slideLayout" Target="../slideLayouts/slideLayout41.xml"/></Relationships>
</file>

<file path=ppt/slides/_rels/slide10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09.xml.rels><?xml version="1.0" encoding="UTF-8" standalone="yes"?>
<Relationships xmlns="http://schemas.openxmlformats.org/package/2006/relationships"><Relationship Id="rId13" Type="http://schemas.openxmlformats.org/officeDocument/2006/relationships/tags" Target="../tags/tag14.xml"/><Relationship Id="rId18" Type="http://schemas.openxmlformats.org/officeDocument/2006/relationships/tags" Target="../tags/tag19.xml"/><Relationship Id="rId26" Type="http://schemas.openxmlformats.org/officeDocument/2006/relationships/tags" Target="../tags/tag27.xml"/><Relationship Id="rId39" Type="http://schemas.openxmlformats.org/officeDocument/2006/relationships/tags" Target="../tags/tag40.xml"/><Relationship Id="rId21" Type="http://schemas.openxmlformats.org/officeDocument/2006/relationships/tags" Target="../tags/tag22.xml"/><Relationship Id="rId34" Type="http://schemas.openxmlformats.org/officeDocument/2006/relationships/tags" Target="../tags/tag35.xml"/><Relationship Id="rId42" Type="http://schemas.openxmlformats.org/officeDocument/2006/relationships/tags" Target="../tags/tag43.xml"/><Relationship Id="rId47" Type="http://schemas.openxmlformats.org/officeDocument/2006/relationships/tags" Target="../tags/tag48.xml"/><Relationship Id="rId50" Type="http://schemas.openxmlformats.org/officeDocument/2006/relationships/tags" Target="../tags/tag51.xml"/><Relationship Id="rId55" Type="http://schemas.openxmlformats.org/officeDocument/2006/relationships/tags" Target="../tags/tag56.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 Id="rId46" Type="http://schemas.openxmlformats.org/officeDocument/2006/relationships/tags" Target="../tags/tag47.xml"/><Relationship Id="rId2" Type="http://schemas.openxmlformats.org/officeDocument/2006/relationships/tags" Target="../tags/tag3.xml"/><Relationship Id="rId16" Type="http://schemas.openxmlformats.org/officeDocument/2006/relationships/tags" Target="../tags/tag17.xml"/><Relationship Id="rId20" Type="http://schemas.openxmlformats.org/officeDocument/2006/relationships/tags" Target="../tags/tag21.xml"/><Relationship Id="rId29" Type="http://schemas.openxmlformats.org/officeDocument/2006/relationships/tags" Target="../tags/tag30.xml"/><Relationship Id="rId41" Type="http://schemas.openxmlformats.org/officeDocument/2006/relationships/tags" Target="../tags/tag42.xml"/><Relationship Id="rId54" Type="http://schemas.openxmlformats.org/officeDocument/2006/relationships/tags" Target="../tags/tag55.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tags" Target="../tags/tag25.xml"/><Relationship Id="rId32" Type="http://schemas.openxmlformats.org/officeDocument/2006/relationships/tags" Target="../tags/tag33.xml"/><Relationship Id="rId37" Type="http://schemas.openxmlformats.org/officeDocument/2006/relationships/tags" Target="../tags/tag38.xml"/><Relationship Id="rId40" Type="http://schemas.openxmlformats.org/officeDocument/2006/relationships/tags" Target="../tags/tag41.xml"/><Relationship Id="rId45" Type="http://schemas.openxmlformats.org/officeDocument/2006/relationships/tags" Target="../tags/tag46.xml"/><Relationship Id="rId53" Type="http://schemas.openxmlformats.org/officeDocument/2006/relationships/tags" Target="../tags/tag54.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10" Type="http://schemas.openxmlformats.org/officeDocument/2006/relationships/tags" Target="../tags/tag11.xml"/><Relationship Id="rId19" Type="http://schemas.openxmlformats.org/officeDocument/2006/relationships/tags" Target="../tags/tag20.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tags" Target="../tags/tag44.xml"/><Relationship Id="rId48" Type="http://schemas.openxmlformats.org/officeDocument/2006/relationships/tags" Target="../tags/tag49.xml"/><Relationship Id="rId56" Type="http://schemas.openxmlformats.org/officeDocument/2006/relationships/slideLayout" Target="../slideLayouts/slideLayout802.xml"/><Relationship Id="rId8" Type="http://schemas.openxmlformats.org/officeDocument/2006/relationships/tags" Target="../tags/tag9.xml"/><Relationship Id="rId51" Type="http://schemas.openxmlformats.org/officeDocument/2006/relationships/tags" Target="../tags/tag52.xml"/><Relationship Id="rId3" Type="http://schemas.openxmlformats.org/officeDocument/2006/relationships/tags" Target="../tags/tag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110.xml.rels><?xml version="1.0" encoding="UTF-8" standalone="yes"?>
<Relationships xmlns="http://schemas.openxmlformats.org/package/2006/relationships"><Relationship Id="rId2" Type="http://schemas.openxmlformats.org/officeDocument/2006/relationships/notesSlide" Target="../notesSlides/notesSlide96.xml"/><Relationship Id="rId1" Type="http://schemas.openxmlformats.org/officeDocument/2006/relationships/slideLayout" Target="../slideLayouts/slideLayout13.xml"/></Relationships>
</file>

<file path=ppt/slides/_rels/slide1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12.xml.rels><?xml version="1.0" encoding="UTF-8" standalone="yes"?>
<Relationships xmlns="http://schemas.openxmlformats.org/package/2006/relationships"><Relationship Id="rId3" Type="http://schemas.openxmlformats.org/officeDocument/2006/relationships/notesSlide" Target="../notesSlides/notesSlide97.xml"/><Relationship Id="rId2" Type="http://schemas.openxmlformats.org/officeDocument/2006/relationships/slideLayout" Target="../slideLayouts/slideLayout13.xml"/><Relationship Id="rId1" Type="http://schemas.openxmlformats.org/officeDocument/2006/relationships/tags" Target="../tags/tag57.xml"/></Relationships>
</file>

<file path=ppt/slides/_rels/slide113.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98.xml"/><Relationship Id="rId1" Type="http://schemas.openxmlformats.org/officeDocument/2006/relationships/slideLayout" Target="../slideLayouts/slideLayout987.xml"/><Relationship Id="rId6" Type="http://schemas.openxmlformats.org/officeDocument/2006/relationships/image" Target="../media/image62.png"/><Relationship Id="rId5" Type="http://schemas.openxmlformats.org/officeDocument/2006/relationships/image" Target="../media/image3.png"/><Relationship Id="rId4" Type="http://schemas.openxmlformats.org/officeDocument/2006/relationships/image" Target="../media/image2.png"/></Relationships>
</file>

<file path=ppt/slides/_rels/slide114.xml.rels><?xml version="1.0" encoding="UTF-8" standalone="yes"?>
<Relationships xmlns="http://schemas.openxmlformats.org/package/2006/relationships"><Relationship Id="rId3" Type="http://schemas.openxmlformats.org/officeDocument/2006/relationships/chart" Target="../charts/chart22.xml"/><Relationship Id="rId2" Type="http://schemas.openxmlformats.org/officeDocument/2006/relationships/notesSlide" Target="../notesSlides/notesSlide99.xml"/><Relationship Id="rId1" Type="http://schemas.openxmlformats.org/officeDocument/2006/relationships/slideLayout" Target="../slideLayouts/slideLayout987.xml"/></Relationships>
</file>

<file path=ppt/slides/_rels/slide115.xml.rels><?xml version="1.0" encoding="UTF-8" standalone="yes"?>
<Relationships xmlns="http://schemas.openxmlformats.org/package/2006/relationships"><Relationship Id="rId3" Type="http://schemas.openxmlformats.org/officeDocument/2006/relationships/chart" Target="../charts/chart23.xml"/><Relationship Id="rId2" Type="http://schemas.openxmlformats.org/officeDocument/2006/relationships/notesSlide" Target="../notesSlides/notesSlide100.xml"/><Relationship Id="rId1" Type="http://schemas.openxmlformats.org/officeDocument/2006/relationships/slideLayout" Target="../slideLayouts/slideLayout987.xml"/><Relationship Id="rId4" Type="http://schemas.openxmlformats.org/officeDocument/2006/relationships/image" Target="../media/image4.png"/></Relationships>
</file>

<file path=ppt/slides/_rels/slide1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01.xml"/><Relationship Id="rId1" Type="http://schemas.openxmlformats.org/officeDocument/2006/relationships/slideLayout" Target="../slideLayouts/slideLayout42.xml"/><Relationship Id="rId4" Type="http://schemas.openxmlformats.org/officeDocument/2006/relationships/chart" Target="../charts/chart24.xml"/></Relationships>
</file>

<file path=ppt/slides/_rels/slide1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02.xml"/><Relationship Id="rId1" Type="http://schemas.openxmlformats.org/officeDocument/2006/relationships/slideLayout" Target="../slideLayouts/slideLayout42.xml"/><Relationship Id="rId4" Type="http://schemas.openxmlformats.org/officeDocument/2006/relationships/chart" Target="../charts/chart25.xml"/></Relationships>
</file>

<file path=ppt/slides/_rels/slide118.xml.rels><?xml version="1.0" encoding="UTF-8" standalone="yes"?>
<Relationships xmlns="http://schemas.openxmlformats.org/package/2006/relationships"><Relationship Id="rId3" Type="http://schemas.openxmlformats.org/officeDocument/2006/relationships/notesSlide" Target="../notesSlides/notesSlide103.xml"/><Relationship Id="rId2" Type="http://schemas.openxmlformats.org/officeDocument/2006/relationships/slideLayout" Target="../slideLayouts/slideLayout13.xml"/><Relationship Id="rId1" Type="http://schemas.openxmlformats.org/officeDocument/2006/relationships/tags" Target="../tags/tag58.xml"/></Relationships>
</file>

<file path=ppt/slides/_rels/slide119.xml.rels><?xml version="1.0" encoding="UTF-8" standalone="yes"?>
<Relationships xmlns="http://schemas.openxmlformats.org/package/2006/relationships"><Relationship Id="rId3" Type="http://schemas.openxmlformats.org/officeDocument/2006/relationships/image" Target="../media/image49.gif"/><Relationship Id="rId2" Type="http://schemas.openxmlformats.org/officeDocument/2006/relationships/notesSlide" Target="../notesSlides/notesSlide104.xml"/><Relationship Id="rId1" Type="http://schemas.openxmlformats.org/officeDocument/2006/relationships/slideLayout" Target="../slideLayouts/slideLayout46.xml"/><Relationship Id="rId4" Type="http://schemas.openxmlformats.org/officeDocument/2006/relationships/image" Target="../media/image50.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7.xml"/></Relationships>
</file>

<file path=ppt/slides/_rels/slide120.xml.rels><?xml version="1.0" encoding="UTF-8" standalone="yes"?>
<Relationships xmlns="http://schemas.openxmlformats.org/package/2006/relationships"><Relationship Id="rId3" Type="http://schemas.openxmlformats.org/officeDocument/2006/relationships/image" Target="../media/image49.gif"/><Relationship Id="rId2" Type="http://schemas.openxmlformats.org/officeDocument/2006/relationships/notesSlide" Target="../notesSlides/notesSlide105.xml"/><Relationship Id="rId1" Type="http://schemas.openxmlformats.org/officeDocument/2006/relationships/slideLayout" Target="../slideLayouts/slideLayout46.xml"/><Relationship Id="rId4" Type="http://schemas.openxmlformats.org/officeDocument/2006/relationships/image" Target="../media/image50.png"/></Relationships>
</file>

<file path=ppt/slides/_rels/slide121.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106.xml"/><Relationship Id="rId1" Type="http://schemas.openxmlformats.org/officeDocument/2006/relationships/slideLayout" Target="../slideLayouts/slideLayout42.xml"/><Relationship Id="rId4" Type="http://schemas.microsoft.com/office/2007/relationships/hdphoto" Target="../media/hdphoto6.wdp"/></Relationships>
</file>

<file path=ppt/slides/_rels/slide12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07.xml"/><Relationship Id="rId1" Type="http://schemas.openxmlformats.org/officeDocument/2006/relationships/slideLayout" Target="../slideLayouts/slideLayout46.xml"/><Relationship Id="rId4" Type="http://schemas.microsoft.com/office/2007/relationships/hdphoto" Target="../media/hdphoto4.wdp"/></Relationships>
</file>

<file path=ppt/slides/_rels/slide123.xml.rels><?xml version="1.0" encoding="UTF-8" standalone="yes"?>
<Relationships xmlns="http://schemas.openxmlformats.org/package/2006/relationships"><Relationship Id="rId3" Type="http://schemas.openxmlformats.org/officeDocument/2006/relationships/notesSlide" Target="../notesSlides/notesSlide108.xml"/><Relationship Id="rId2" Type="http://schemas.openxmlformats.org/officeDocument/2006/relationships/slideLayout" Target="../slideLayouts/slideLayout13.xml"/><Relationship Id="rId1" Type="http://schemas.openxmlformats.org/officeDocument/2006/relationships/tags" Target="../tags/tag59.xml"/></Relationships>
</file>

<file path=ppt/slides/_rels/slide124.xml.rels><?xml version="1.0" encoding="UTF-8" standalone="yes"?>
<Relationships xmlns="http://schemas.openxmlformats.org/package/2006/relationships"><Relationship Id="rId3" Type="http://schemas.openxmlformats.org/officeDocument/2006/relationships/chart" Target="../charts/chart26.xml"/><Relationship Id="rId2" Type="http://schemas.openxmlformats.org/officeDocument/2006/relationships/notesSlide" Target="../notesSlides/notesSlide109.xml"/><Relationship Id="rId1" Type="http://schemas.openxmlformats.org/officeDocument/2006/relationships/slideLayout" Target="../slideLayouts/slideLayout6.xml"/></Relationships>
</file>

<file path=ppt/slides/_rels/slide125.xml.rels><?xml version="1.0" encoding="UTF-8" standalone="yes"?>
<Relationships xmlns="http://schemas.openxmlformats.org/package/2006/relationships"><Relationship Id="rId2" Type="http://schemas.openxmlformats.org/officeDocument/2006/relationships/notesSlide" Target="../notesSlides/notesSlide110.xml"/><Relationship Id="rId1" Type="http://schemas.openxmlformats.org/officeDocument/2006/relationships/slideLayout" Target="../slideLayouts/slideLayout6.xml"/></Relationships>
</file>

<file path=ppt/slides/_rels/slide126.xml.rels><?xml version="1.0" encoding="UTF-8" standalone="yes"?>
<Relationships xmlns="http://schemas.openxmlformats.org/package/2006/relationships"><Relationship Id="rId2" Type="http://schemas.openxmlformats.org/officeDocument/2006/relationships/notesSlide" Target="../notesSlides/notesSlide111.xml"/><Relationship Id="rId1" Type="http://schemas.openxmlformats.org/officeDocument/2006/relationships/slideLayout" Target="../slideLayouts/slideLayout6.xml"/></Relationships>
</file>

<file path=ppt/slides/_rels/slide127.xml.rels><?xml version="1.0" encoding="UTF-8" standalone="yes"?>
<Relationships xmlns="http://schemas.openxmlformats.org/package/2006/relationships"><Relationship Id="rId3" Type="http://schemas.openxmlformats.org/officeDocument/2006/relationships/notesSlide" Target="../notesSlides/notesSlide112.xml"/><Relationship Id="rId2" Type="http://schemas.openxmlformats.org/officeDocument/2006/relationships/slideLayout" Target="../slideLayouts/slideLayout13.xml"/><Relationship Id="rId1" Type="http://schemas.openxmlformats.org/officeDocument/2006/relationships/tags" Target="../tags/tag60.xml"/></Relationships>
</file>

<file path=ppt/slides/_rels/slide1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13.xml"/><Relationship Id="rId1" Type="http://schemas.openxmlformats.org/officeDocument/2006/relationships/slideLayout" Target="../slideLayouts/slideLayout42.xml"/></Relationships>
</file>

<file path=ppt/slides/_rels/slide12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14.xml"/><Relationship Id="rId1" Type="http://schemas.openxmlformats.org/officeDocument/2006/relationships/slideLayout" Target="../slideLayouts/slideLayout4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8.xml"/></Relationships>
</file>

<file path=ppt/slides/_rels/slide130.xml.rels><?xml version="1.0" encoding="UTF-8" standalone="yes"?>
<Relationships xmlns="http://schemas.openxmlformats.org/package/2006/relationships"><Relationship Id="rId3" Type="http://schemas.openxmlformats.org/officeDocument/2006/relationships/notesSlide" Target="../notesSlides/notesSlide115.xml"/><Relationship Id="rId2" Type="http://schemas.openxmlformats.org/officeDocument/2006/relationships/slideLayout" Target="../slideLayouts/slideLayout13.xml"/><Relationship Id="rId1" Type="http://schemas.openxmlformats.org/officeDocument/2006/relationships/tags" Target="../tags/tag61.xml"/></Relationships>
</file>

<file path=ppt/slides/_rels/slide131.xml.rels><?xml version="1.0" encoding="UTF-8" standalone="yes"?>
<Relationships xmlns="http://schemas.openxmlformats.org/package/2006/relationships"><Relationship Id="rId3" Type="http://schemas.openxmlformats.org/officeDocument/2006/relationships/image" Target="../media/image4.png"/><Relationship Id="rId7" Type="http://schemas.openxmlformats.org/officeDocument/2006/relationships/image" Target="../media/image66.png"/><Relationship Id="rId2" Type="http://schemas.openxmlformats.org/officeDocument/2006/relationships/notesSlide" Target="../notesSlides/notesSlide116.xml"/><Relationship Id="rId1" Type="http://schemas.openxmlformats.org/officeDocument/2006/relationships/slideLayout" Target="../slideLayouts/slideLayout486.xml"/><Relationship Id="rId6" Type="http://schemas.openxmlformats.org/officeDocument/2006/relationships/image" Target="../media/image65.jpeg"/><Relationship Id="rId5" Type="http://schemas.openxmlformats.org/officeDocument/2006/relationships/image" Target="../media/image64.png"/><Relationship Id="rId4" Type="http://schemas.openxmlformats.org/officeDocument/2006/relationships/image" Target="../media/image63.jpeg"/></Relationships>
</file>

<file path=ppt/slides/_rels/slide13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17.xml"/><Relationship Id="rId1" Type="http://schemas.openxmlformats.org/officeDocument/2006/relationships/slideLayout" Target="../slideLayouts/slideLayout486.xml"/><Relationship Id="rId4" Type="http://schemas.openxmlformats.org/officeDocument/2006/relationships/image" Target="../media/image67.png"/></Relationships>
</file>

<file path=ppt/slides/_rels/slide133.xml.rels><?xml version="1.0" encoding="UTF-8" standalone="yes"?>
<Relationships xmlns="http://schemas.openxmlformats.org/package/2006/relationships"><Relationship Id="rId3" Type="http://schemas.openxmlformats.org/officeDocument/2006/relationships/notesSlide" Target="../notesSlides/notesSlide118.xml"/><Relationship Id="rId2" Type="http://schemas.openxmlformats.org/officeDocument/2006/relationships/slideLayout" Target="../slideLayouts/slideLayout13.xml"/><Relationship Id="rId1" Type="http://schemas.openxmlformats.org/officeDocument/2006/relationships/tags" Target="../tags/tag62.xml"/></Relationships>
</file>

<file path=ppt/slides/_rels/slide134.xml.rels><?xml version="1.0" encoding="UTF-8" standalone="yes"?>
<Relationships xmlns="http://schemas.openxmlformats.org/package/2006/relationships"><Relationship Id="rId2" Type="http://schemas.openxmlformats.org/officeDocument/2006/relationships/notesSlide" Target="../notesSlides/notesSlide119.xml"/><Relationship Id="rId1" Type="http://schemas.openxmlformats.org/officeDocument/2006/relationships/slideLayout" Target="../slideLayouts/slideLayout47.xml"/></Relationships>
</file>

<file path=ppt/slides/_rels/slide13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20.xml"/><Relationship Id="rId1" Type="http://schemas.openxmlformats.org/officeDocument/2006/relationships/slideLayout" Target="../slideLayouts/slideLayout42.xml"/><Relationship Id="rId4" Type="http://schemas.openxmlformats.org/officeDocument/2006/relationships/image" Target="../media/image2.png"/></Relationships>
</file>

<file path=ppt/slides/_rels/slide13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21.xml"/><Relationship Id="rId1" Type="http://schemas.openxmlformats.org/officeDocument/2006/relationships/slideLayout" Target="../slideLayouts/slideLayout42.xml"/><Relationship Id="rId4" Type="http://schemas.openxmlformats.org/officeDocument/2006/relationships/image" Target="../media/image2.png"/></Relationships>
</file>

<file path=ppt/slides/_rels/slide137.xml.rels><?xml version="1.0" encoding="UTF-8" standalone="yes"?>
<Relationships xmlns="http://schemas.openxmlformats.org/package/2006/relationships"><Relationship Id="rId2" Type="http://schemas.openxmlformats.org/officeDocument/2006/relationships/notesSlide" Target="../notesSlides/notesSlide122.xml"/><Relationship Id="rId1" Type="http://schemas.openxmlformats.org/officeDocument/2006/relationships/slideLayout" Target="../slideLayouts/slideLayout47.xml"/></Relationships>
</file>

<file path=ppt/slides/_rels/slide13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23.xml"/><Relationship Id="rId1" Type="http://schemas.openxmlformats.org/officeDocument/2006/relationships/slideLayout" Target="../slideLayouts/slideLayout42.xml"/><Relationship Id="rId4" Type="http://schemas.openxmlformats.org/officeDocument/2006/relationships/chart" Target="../charts/chart27.xml"/></Relationships>
</file>

<file path=ppt/slides/_rels/slide139.xml.rels><?xml version="1.0" encoding="UTF-8" standalone="yes"?>
<Relationships xmlns="http://schemas.openxmlformats.org/package/2006/relationships"><Relationship Id="rId2" Type="http://schemas.openxmlformats.org/officeDocument/2006/relationships/notesSlide" Target="../notesSlides/notesSlide124.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8.xml"/><Relationship Id="rId1" Type="http://schemas.openxmlformats.org/officeDocument/2006/relationships/slideLayout" Target="../slideLayouts/slideLayout47.xml"/><Relationship Id="rId4" Type="http://schemas.openxmlformats.org/officeDocument/2006/relationships/chart" Target="../charts/chart1.xml"/></Relationships>
</file>

<file path=ppt/slides/_rels/slide140.xml.rels><?xml version="1.0" encoding="UTF-8" standalone="yes"?>
<Relationships xmlns="http://schemas.openxmlformats.org/package/2006/relationships"><Relationship Id="rId2" Type="http://schemas.openxmlformats.org/officeDocument/2006/relationships/notesSlide" Target="../notesSlides/notesSlide125.xml"/><Relationship Id="rId1" Type="http://schemas.openxmlformats.org/officeDocument/2006/relationships/slideLayout" Target="../slideLayouts/slideLayout52.xml"/></Relationships>
</file>

<file path=ppt/slides/_rels/slide141.xml.rels><?xml version="1.0" encoding="UTF-8" standalone="yes"?>
<Relationships xmlns="http://schemas.openxmlformats.org/package/2006/relationships"><Relationship Id="rId2" Type="http://schemas.openxmlformats.org/officeDocument/2006/relationships/notesSlide" Target="../notesSlides/notesSlide126.xml"/><Relationship Id="rId1" Type="http://schemas.openxmlformats.org/officeDocument/2006/relationships/slideLayout" Target="../slideLayouts/slideLayout53.xml"/></Relationships>
</file>

<file path=ppt/slides/_rels/slide142.xml.rels><?xml version="1.0" encoding="UTF-8" standalone="yes"?>
<Relationships xmlns="http://schemas.openxmlformats.org/package/2006/relationships"><Relationship Id="rId2" Type="http://schemas.openxmlformats.org/officeDocument/2006/relationships/notesSlide" Target="../notesSlides/notesSlide127.xml"/><Relationship Id="rId1" Type="http://schemas.openxmlformats.org/officeDocument/2006/relationships/slideLayout" Target="../slideLayouts/slideLayout54.xml"/></Relationships>
</file>

<file path=ppt/slides/_rels/slide143.xml.rels><?xml version="1.0" encoding="UTF-8" standalone="yes"?>
<Relationships xmlns="http://schemas.openxmlformats.org/package/2006/relationships"><Relationship Id="rId2" Type="http://schemas.openxmlformats.org/officeDocument/2006/relationships/notesSlide" Target="../notesSlides/notesSlide128.xml"/><Relationship Id="rId1" Type="http://schemas.openxmlformats.org/officeDocument/2006/relationships/slideLayout" Target="../slideLayouts/slideLayout55.xml"/></Relationships>
</file>

<file path=ppt/slides/_rels/slide144.xml.rels><?xml version="1.0" encoding="UTF-8" standalone="yes"?>
<Relationships xmlns="http://schemas.openxmlformats.org/package/2006/relationships"><Relationship Id="rId2" Type="http://schemas.openxmlformats.org/officeDocument/2006/relationships/notesSlide" Target="../notesSlides/notesSlide129.xml"/><Relationship Id="rId1" Type="http://schemas.openxmlformats.org/officeDocument/2006/relationships/slideLayout" Target="../slideLayouts/slideLayout56.xml"/></Relationships>
</file>

<file path=ppt/slides/_rels/slide145.xml.rels><?xml version="1.0" encoding="UTF-8" standalone="yes"?>
<Relationships xmlns="http://schemas.openxmlformats.org/package/2006/relationships"><Relationship Id="rId2" Type="http://schemas.openxmlformats.org/officeDocument/2006/relationships/notesSlide" Target="../notesSlides/notesSlide130.xml"/><Relationship Id="rId1" Type="http://schemas.openxmlformats.org/officeDocument/2006/relationships/slideLayout" Target="../slideLayouts/slideLayout57.xml"/></Relationships>
</file>

<file path=ppt/slides/_rels/slide146.xml.rels><?xml version="1.0" encoding="UTF-8" standalone="yes"?>
<Relationships xmlns="http://schemas.openxmlformats.org/package/2006/relationships"><Relationship Id="rId2" Type="http://schemas.openxmlformats.org/officeDocument/2006/relationships/notesSlide" Target="../notesSlides/notesSlide131.xml"/><Relationship Id="rId1" Type="http://schemas.openxmlformats.org/officeDocument/2006/relationships/slideLayout" Target="../slideLayouts/slideLayout13.xml"/></Relationships>
</file>

<file path=ppt/slides/_rels/slide14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32.xml"/><Relationship Id="rId1" Type="http://schemas.openxmlformats.org/officeDocument/2006/relationships/slideLayout" Target="../slideLayouts/slideLayout47.xml"/></Relationships>
</file>

<file path=ppt/slides/_rels/slide148.xml.rels><?xml version="1.0" encoding="UTF-8" standalone="yes"?>
<Relationships xmlns="http://schemas.openxmlformats.org/package/2006/relationships"><Relationship Id="rId3" Type="http://schemas.openxmlformats.org/officeDocument/2006/relationships/chart" Target="../charts/chart28.xml"/><Relationship Id="rId2" Type="http://schemas.openxmlformats.org/officeDocument/2006/relationships/notesSlide" Target="../notesSlides/notesSlide133.xml"/><Relationship Id="rId1" Type="http://schemas.openxmlformats.org/officeDocument/2006/relationships/slideLayout" Target="../slideLayouts/slideLayout6.xml"/></Relationships>
</file>

<file path=ppt/slides/_rels/slide149.xml.rels><?xml version="1.0" encoding="UTF-8" standalone="yes"?>
<Relationships xmlns="http://schemas.openxmlformats.org/package/2006/relationships"><Relationship Id="rId3" Type="http://schemas.openxmlformats.org/officeDocument/2006/relationships/chart" Target="../charts/chart29.xml"/><Relationship Id="rId2" Type="http://schemas.openxmlformats.org/officeDocument/2006/relationships/notesSlide" Target="../notesSlides/notesSlide134.xml"/><Relationship Id="rId1" Type="http://schemas.openxmlformats.org/officeDocument/2006/relationships/slideLayout" Target="../slideLayouts/slideLayout47.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5.xml"/></Relationships>
</file>

<file path=ppt/slides/_rels/slide15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1.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45.xml"/></Relationships>
</file>

<file path=ppt/slides/_rels/slide152.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45.xml"/></Relationships>
</file>

<file path=ppt/slides/_rels/slide153.xml.rels><?xml version="1.0" encoding="UTF-8" standalone="yes"?>
<Relationships xmlns="http://schemas.openxmlformats.org/package/2006/relationships"><Relationship Id="rId2" Type="http://schemas.openxmlformats.org/officeDocument/2006/relationships/image" Target="../media/image69.png"/><Relationship Id="rId1" Type="http://schemas.openxmlformats.org/officeDocument/2006/relationships/slideLayout" Target="../slideLayouts/slideLayout58.xml"/></Relationships>
</file>

<file path=ppt/slides/_rels/slide154.xml.rels><?xml version="1.0" encoding="UTF-8" standalone="yes"?>
<Relationships xmlns="http://schemas.openxmlformats.org/package/2006/relationships"><Relationship Id="rId2" Type="http://schemas.openxmlformats.org/officeDocument/2006/relationships/notesSlide" Target="../notesSlides/notesSlide135.xml"/><Relationship Id="rId1" Type="http://schemas.openxmlformats.org/officeDocument/2006/relationships/slideLayout" Target="../slideLayouts/slideLayout46.xml"/></Relationships>
</file>

<file path=ppt/slides/_rels/slide155.xml.rels><?xml version="1.0" encoding="UTF-8" standalone="yes"?>
<Relationships xmlns="http://schemas.openxmlformats.org/package/2006/relationships"><Relationship Id="rId2" Type="http://schemas.openxmlformats.org/officeDocument/2006/relationships/notesSlide" Target="../notesSlides/notesSlide136.xml"/><Relationship Id="rId1" Type="http://schemas.openxmlformats.org/officeDocument/2006/relationships/slideLayout" Target="../slideLayouts/slideLayout46.xml"/></Relationships>
</file>

<file path=ppt/slides/_rels/slide156.xml.rels><?xml version="1.0" encoding="UTF-8" standalone="yes"?>
<Relationships xmlns="http://schemas.openxmlformats.org/package/2006/relationships"><Relationship Id="rId2" Type="http://schemas.openxmlformats.org/officeDocument/2006/relationships/notesSlide" Target="../notesSlides/notesSlide137.xml"/><Relationship Id="rId1" Type="http://schemas.openxmlformats.org/officeDocument/2006/relationships/slideLayout" Target="../slideLayouts/slideLayout46.xml"/></Relationships>
</file>

<file path=ppt/slides/_rels/slide157.xml.rels><?xml version="1.0" encoding="UTF-8" standalone="yes"?>
<Relationships xmlns="http://schemas.openxmlformats.org/package/2006/relationships"><Relationship Id="rId2" Type="http://schemas.openxmlformats.org/officeDocument/2006/relationships/notesSlide" Target="../notesSlides/notesSlide138.xml"/><Relationship Id="rId1" Type="http://schemas.openxmlformats.org/officeDocument/2006/relationships/slideLayout" Target="../slideLayouts/slideLayout45.xml"/></Relationships>
</file>

<file path=ppt/slides/_rels/slide158.xml.rels><?xml version="1.0" encoding="UTF-8" standalone="yes"?>
<Relationships xmlns="http://schemas.openxmlformats.org/package/2006/relationships"><Relationship Id="rId13" Type="http://schemas.openxmlformats.org/officeDocument/2006/relationships/tags" Target="../tags/tag75.xml"/><Relationship Id="rId18" Type="http://schemas.openxmlformats.org/officeDocument/2006/relationships/tags" Target="../tags/tag80.xml"/><Relationship Id="rId26" Type="http://schemas.openxmlformats.org/officeDocument/2006/relationships/tags" Target="../tags/tag88.xml"/><Relationship Id="rId39" Type="http://schemas.openxmlformats.org/officeDocument/2006/relationships/tags" Target="../tags/tag101.xml"/><Relationship Id="rId21" Type="http://schemas.openxmlformats.org/officeDocument/2006/relationships/tags" Target="../tags/tag83.xml"/><Relationship Id="rId34" Type="http://schemas.openxmlformats.org/officeDocument/2006/relationships/tags" Target="../tags/tag96.xml"/><Relationship Id="rId42" Type="http://schemas.openxmlformats.org/officeDocument/2006/relationships/tags" Target="../tags/tag104.xml"/><Relationship Id="rId47" Type="http://schemas.openxmlformats.org/officeDocument/2006/relationships/tags" Target="../tags/tag109.xml"/><Relationship Id="rId50" Type="http://schemas.openxmlformats.org/officeDocument/2006/relationships/tags" Target="../tags/tag112.xml"/><Relationship Id="rId55" Type="http://schemas.openxmlformats.org/officeDocument/2006/relationships/tags" Target="../tags/tag117.xml"/><Relationship Id="rId63" Type="http://schemas.openxmlformats.org/officeDocument/2006/relationships/tags" Target="../tags/tag125.xml"/><Relationship Id="rId7" Type="http://schemas.openxmlformats.org/officeDocument/2006/relationships/tags" Target="../tags/tag69.xml"/><Relationship Id="rId2" Type="http://schemas.openxmlformats.org/officeDocument/2006/relationships/tags" Target="../tags/tag64.xml"/><Relationship Id="rId16" Type="http://schemas.openxmlformats.org/officeDocument/2006/relationships/tags" Target="../tags/tag78.xml"/><Relationship Id="rId29" Type="http://schemas.openxmlformats.org/officeDocument/2006/relationships/tags" Target="../tags/tag91.xml"/><Relationship Id="rId1" Type="http://schemas.openxmlformats.org/officeDocument/2006/relationships/tags" Target="../tags/tag63.xml"/><Relationship Id="rId6" Type="http://schemas.openxmlformats.org/officeDocument/2006/relationships/tags" Target="../tags/tag68.xml"/><Relationship Id="rId11" Type="http://schemas.openxmlformats.org/officeDocument/2006/relationships/tags" Target="../tags/tag73.xml"/><Relationship Id="rId24" Type="http://schemas.openxmlformats.org/officeDocument/2006/relationships/tags" Target="../tags/tag86.xml"/><Relationship Id="rId32" Type="http://schemas.openxmlformats.org/officeDocument/2006/relationships/tags" Target="../tags/tag94.xml"/><Relationship Id="rId37" Type="http://schemas.openxmlformats.org/officeDocument/2006/relationships/tags" Target="../tags/tag99.xml"/><Relationship Id="rId40" Type="http://schemas.openxmlformats.org/officeDocument/2006/relationships/tags" Target="../tags/tag102.xml"/><Relationship Id="rId45" Type="http://schemas.openxmlformats.org/officeDocument/2006/relationships/tags" Target="../tags/tag107.xml"/><Relationship Id="rId53" Type="http://schemas.openxmlformats.org/officeDocument/2006/relationships/tags" Target="../tags/tag115.xml"/><Relationship Id="rId58" Type="http://schemas.openxmlformats.org/officeDocument/2006/relationships/tags" Target="../tags/tag120.xml"/><Relationship Id="rId66" Type="http://schemas.openxmlformats.org/officeDocument/2006/relationships/tags" Target="../tags/tag128.xml"/><Relationship Id="rId5" Type="http://schemas.openxmlformats.org/officeDocument/2006/relationships/tags" Target="../tags/tag67.xml"/><Relationship Id="rId15" Type="http://schemas.openxmlformats.org/officeDocument/2006/relationships/tags" Target="../tags/tag77.xml"/><Relationship Id="rId23" Type="http://schemas.openxmlformats.org/officeDocument/2006/relationships/tags" Target="../tags/tag85.xml"/><Relationship Id="rId28" Type="http://schemas.openxmlformats.org/officeDocument/2006/relationships/tags" Target="../tags/tag90.xml"/><Relationship Id="rId36" Type="http://schemas.openxmlformats.org/officeDocument/2006/relationships/tags" Target="../tags/tag98.xml"/><Relationship Id="rId49" Type="http://schemas.openxmlformats.org/officeDocument/2006/relationships/tags" Target="../tags/tag111.xml"/><Relationship Id="rId57" Type="http://schemas.openxmlformats.org/officeDocument/2006/relationships/tags" Target="../tags/tag119.xml"/><Relationship Id="rId61" Type="http://schemas.openxmlformats.org/officeDocument/2006/relationships/tags" Target="../tags/tag123.xml"/><Relationship Id="rId10" Type="http://schemas.openxmlformats.org/officeDocument/2006/relationships/tags" Target="../tags/tag72.xml"/><Relationship Id="rId19" Type="http://schemas.openxmlformats.org/officeDocument/2006/relationships/tags" Target="../tags/tag81.xml"/><Relationship Id="rId31" Type="http://schemas.openxmlformats.org/officeDocument/2006/relationships/tags" Target="../tags/tag93.xml"/><Relationship Id="rId44" Type="http://schemas.openxmlformats.org/officeDocument/2006/relationships/tags" Target="../tags/tag106.xml"/><Relationship Id="rId52" Type="http://schemas.openxmlformats.org/officeDocument/2006/relationships/tags" Target="../tags/tag114.xml"/><Relationship Id="rId60" Type="http://schemas.openxmlformats.org/officeDocument/2006/relationships/tags" Target="../tags/tag122.xml"/><Relationship Id="rId65" Type="http://schemas.openxmlformats.org/officeDocument/2006/relationships/tags" Target="../tags/tag127.xml"/><Relationship Id="rId4" Type="http://schemas.openxmlformats.org/officeDocument/2006/relationships/tags" Target="../tags/tag66.xml"/><Relationship Id="rId9" Type="http://schemas.openxmlformats.org/officeDocument/2006/relationships/tags" Target="../tags/tag71.xml"/><Relationship Id="rId14" Type="http://schemas.openxmlformats.org/officeDocument/2006/relationships/tags" Target="../tags/tag76.xml"/><Relationship Id="rId22" Type="http://schemas.openxmlformats.org/officeDocument/2006/relationships/tags" Target="../tags/tag84.xml"/><Relationship Id="rId27" Type="http://schemas.openxmlformats.org/officeDocument/2006/relationships/tags" Target="../tags/tag89.xml"/><Relationship Id="rId30" Type="http://schemas.openxmlformats.org/officeDocument/2006/relationships/tags" Target="../tags/tag92.xml"/><Relationship Id="rId35" Type="http://schemas.openxmlformats.org/officeDocument/2006/relationships/tags" Target="../tags/tag97.xml"/><Relationship Id="rId43" Type="http://schemas.openxmlformats.org/officeDocument/2006/relationships/tags" Target="../tags/tag105.xml"/><Relationship Id="rId48" Type="http://schemas.openxmlformats.org/officeDocument/2006/relationships/tags" Target="../tags/tag110.xml"/><Relationship Id="rId56" Type="http://schemas.openxmlformats.org/officeDocument/2006/relationships/tags" Target="../tags/tag118.xml"/><Relationship Id="rId64" Type="http://schemas.openxmlformats.org/officeDocument/2006/relationships/tags" Target="../tags/tag126.xml"/><Relationship Id="rId8" Type="http://schemas.openxmlformats.org/officeDocument/2006/relationships/tags" Target="../tags/tag70.xml"/><Relationship Id="rId51" Type="http://schemas.openxmlformats.org/officeDocument/2006/relationships/tags" Target="../tags/tag113.xml"/><Relationship Id="rId3" Type="http://schemas.openxmlformats.org/officeDocument/2006/relationships/tags" Target="../tags/tag65.xml"/><Relationship Id="rId12" Type="http://schemas.openxmlformats.org/officeDocument/2006/relationships/tags" Target="../tags/tag74.xml"/><Relationship Id="rId17" Type="http://schemas.openxmlformats.org/officeDocument/2006/relationships/tags" Target="../tags/tag79.xml"/><Relationship Id="rId25" Type="http://schemas.openxmlformats.org/officeDocument/2006/relationships/tags" Target="../tags/tag87.xml"/><Relationship Id="rId33" Type="http://schemas.openxmlformats.org/officeDocument/2006/relationships/tags" Target="../tags/tag95.xml"/><Relationship Id="rId38" Type="http://schemas.openxmlformats.org/officeDocument/2006/relationships/tags" Target="../tags/tag100.xml"/><Relationship Id="rId46" Type="http://schemas.openxmlformats.org/officeDocument/2006/relationships/tags" Target="../tags/tag108.xml"/><Relationship Id="rId59" Type="http://schemas.openxmlformats.org/officeDocument/2006/relationships/tags" Target="../tags/tag121.xml"/><Relationship Id="rId67" Type="http://schemas.openxmlformats.org/officeDocument/2006/relationships/slideLayout" Target="../slideLayouts/slideLayout46.xml"/><Relationship Id="rId20" Type="http://schemas.openxmlformats.org/officeDocument/2006/relationships/tags" Target="../tags/tag82.xml"/><Relationship Id="rId41" Type="http://schemas.openxmlformats.org/officeDocument/2006/relationships/tags" Target="../tags/tag103.xml"/><Relationship Id="rId54" Type="http://schemas.openxmlformats.org/officeDocument/2006/relationships/tags" Target="../tags/tag116.xml"/><Relationship Id="rId62" Type="http://schemas.openxmlformats.org/officeDocument/2006/relationships/tags" Target="../tags/tag124.xml"/></Relationships>
</file>

<file path=ppt/slides/_rels/slide159.xml.rels><?xml version="1.0" encoding="UTF-8" standalone="yes"?>
<Relationships xmlns="http://schemas.openxmlformats.org/package/2006/relationships"><Relationship Id="rId26" Type="http://schemas.openxmlformats.org/officeDocument/2006/relationships/tags" Target="../tags/tag154.xml"/><Relationship Id="rId117" Type="http://schemas.openxmlformats.org/officeDocument/2006/relationships/tags" Target="../tags/tag245.xml"/><Relationship Id="rId21" Type="http://schemas.openxmlformats.org/officeDocument/2006/relationships/tags" Target="../tags/tag149.xml"/><Relationship Id="rId42" Type="http://schemas.openxmlformats.org/officeDocument/2006/relationships/tags" Target="../tags/tag170.xml"/><Relationship Id="rId47" Type="http://schemas.openxmlformats.org/officeDocument/2006/relationships/tags" Target="../tags/tag175.xml"/><Relationship Id="rId63" Type="http://schemas.openxmlformats.org/officeDocument/2006/relationships/tags" Target="../tags/tag191.xml"/><Relationship Id="rId68" Type="http://schemas.openxmlformats.org/officeDocument/2006/relationships/tags" Target="../tags/tag196.xml"/><Relationship Id="rId84" Type="http://schemas.openxmlformats.org/officeDocument/2006/relationships/tags" Target="../tags/tag212.xml"/><Relationship Id="rId89" Type="http://schemas.openxmlformats.org/officeDocument/2006/relationships/tags" Target="../tags/tag217.xml"/><Relationship Id="rId112" Type="http://schemas.openxmlformats.org/officeDocument/2006/relationships/tags" Target="../tags/tag240.xml"/><Relationship Id="rId133" Type="http://schemas.openxmlformats.org/officeDocument/2006/relationships/tags" Target="../tags/tag261.xml"/><Relationship Id="rId138" Type="http://schemas.openxmlformats.org/officeDocument/2006/relationships/tags" Target="../tags/tag266.xml"/><Relationship Id="rId16" Type="http://schemas.openxmlformats.org/officeDocument/2006/relationships/tags" Target="../tags/tag144.xml"/><Relationship Id="rId107" Type="http://schemas.openxmlformats.org/officeDocument/2006/relationships/tags" Target="../tags/tag235.xml"/><Relationship Id="rId11" Type="http://schemas.openxmlformats.org/officeDocument/2006/relationships/tags" Target="../tags/tag139.xml"/><Relationship Id="rId32" Type="http://schemas.openxmlformats.org/officeDocument/2006/relationships/tags" Target="../tags/tag160.xml"/><Relationship Id="rId37" Type="http://schemas.openxmlformats.org/officeDocument/2006/relationships/tags" Target="../tags/tag165.xml"/><Relationship Id="rId53" Type="http://schemas.openxmlformats.org/officeDocument/2006/relationships/tags" Target="../tags/tag181.xml"/><Relationship Id="rId58" Type="http://schemas.openxmlformats.org/officeDocument/2006/relationships/tags" Target="../tags/tag186.xml"/><Relationship Id="rId74" Type="http://schemas.openxmlformats.org/officeDocument/2006/relationships/tags" Target="../tags/tag202.xml"/><Relationship Id="rId79" Type="http://schemas.openxmlformats.org/officeDocument/2006/relationships/tags" Target="../tags/tag207.xml"/><Relationship Id="rId102" Type="http://schemas.openxmlformats.org/officeDocument/2006/relationships/tags" Target="../tags/tag230.xml"/><Relationship Id="rId123" Type="http://schemas.openxmlformats.org/officeDocument/2006/relationships/tags" Target="../tags/tag251.xml"/><Relationship Id="rId128" Type="http://schemas.openxmlformats.org/officeDocument/2006/relationships/tags" Target="../tags/tag256.xml"/><Relationship Id="rId144" Type="http://schemas.openxmlformats.org/officeDocument/2006/relationships/tags" Target="../tags/tag272.xml"/><Relationship Id="rId149" Type="http://schemas.openxmlformats.org/officeDocument/2006/relationships/tags" Target="../tags/tag277.xml"/><Relationship Id="rId5" Type="http://schemas.openxmlformats.org/officeDocument/2006/relationships/tags" Target="../tags/tag133.xml"/><Relationship Id="rId90" Type="http://schemas.openxmlformats.org/officeDocument/2006/relationships/tags" Target="../tags/tag218.xml"/><Relationship Id="rId95" Type="http://schemas.openxmlformats.org/officeDocument/2006/relationships/tags" Target="../tags/tag223.xml"/><Relationship Id="rId22" Type="http://schemas.openxmlformats.org/officeDocument/2006/relationships/tags" Target="../tags/tag150.xml"/><Relationship Id="rId27" Type="http://schemas.openxmlformats.org/officeDocument/2006/relationships/tags" Target="../tags/tag155.xml"/><Relationship Id="rId43" Type="http://schemas.openxmlformats.org/officeDocument/2006/relationships/tags" Target="../tags/tag171.xml"/><Relationship Id="rId48" Type="http://schemas.openxmlformats.org/officeDocument/2006/relationships/tags" Target="../tags/tag176.xml"/><Relationship Id="rId64" Type="http://schemas.openxmlformats.org/officeDocument/2006/relationships/tags" Target="../tags/tag192.xml"/><Relationship Id="rId69" Type="http://schemas.openxmlformats.org/officeDocument/2006/relationships/tags" Target="../tags/tag197.xml"/><Relationship Id="rId113" Type="http://schemas.openxmlformats.org/officeDocument/2006/relationships/tags" Target="../tags/tag241.xml"/><Relationship Id="rId118" Type="http://schemas.openxmlformats.org/officeDocument/2006/relationships/tags" Target="../tags/tag246.xml"/><Relationship Id="rId134" Type="http://schemas.openxmlformats.org/officeDocument/2006/relationships/tags" Target="../tags/tag262.xml"/><Relationship Id="rId139" Type="http://schemas.openxmlformats.org/officeDocument/2006/relationships/tags" Target="../tags/tag267.xml"/><Relationship Id="rId80" Type="http://schemas.openxmlformats.org/officeDocument/2006/relationships/tags" Target="../tags/tag208.xml"/><Relationship Id="rId85" Type="http://schemas.openxmlformats.org/officeDocument/2006/relationships/tags" Target="../tags/tag213.xml"/><Relationship Id="rId150" Type="http://schemas.openxmlformats.org/officeDocument/2006/relationships/tags" Target="../tags/tag278.xml"/><Relationship Id="rId12" Type="http://schemas.openxmlformats.org/officeDocument/2006/relationships/tags" Target="../tags/tag140.xml"/><Relationship Id="rId17" Type="http://schemas.openxmlformats.org/officeDocument/2006/relationships/tags" Target="../tags/tag145.xml"/><Relationship Id="rId25" Type="http://schemas.openxmlformats.org/officeDocument/2006/relationships/tags" Target="../tags/tag153.xml"/><Relationship Id="rId33" Type="http://schemas.openxmlformats.org/officeDocument/2006/relationships/tags" Target="../tags/tag161.xml"/><Relationship Id="rId38" Type="http://schemas.openxmlformats.org/officeDocument/2006/relationships/tags" Target="../tags/tag166.xml"/><Relationship Id="rId46" Type="http://schemas.openxmlformats.org/officeDocument/2006/relationships/tags" Target="../tags/tag174.xml"/><Relationship Id="rId59" Type="http://schemas.openxmlformats.org/officeDocument/2006/relationships/tags" Target="../tags/tag187.xml"/><Relationship Id="rId67" Type="http://schemas.openxmlformats.org/officeDocument/2006/relationships/tags" Target="../tags/tag195.xml"/><Relationship Id="rId103" Type="http://schemas.openxmlformats.org/officeDocument/2006/relationships/tags" Target="../tags/tag231.xml"/><Relationship Id="rId108" Type="http://schemas.openxmlformats.org/officeDocument/2006/relationships/tags" Target="../tags/tag236.xml"/><Relationship Id="rId116" Type="http://schemas.openxmlformats.org/officeDocument/2006/relationships/tags" Target="../tags/tag244.xml"/><Relationship Id="rId124" Type="http://schemas.openxmlformats.org/officeDocument/2006/relationships/tags" Target="../tags/tag252.xml"/><Relationship Id="rId129" Type="http://schemas.openxmlformats.org/officeDocument/2006/relationships/tags" Target="../tags/tag257.xml"/><Relationship Id="rId137" Type="http://schemas.openxmlformats.org/officeDocument/2006/relationships/tags" Target="../tags/tag265.xml"/><Relationship Id="rId20" Type="http://schemas.openxmlformats.org/officeDocument/2006/relationships/tags" Target="../tags/tag148.xml"/><Relationship Id="rId41" Type="http://schemas.openxmlformats.org/officeDocument/2006/relationships/tags" Target="../tags/tag169.xml"/><Relationship Id="rId54" Type="http://schemas.openxmlformats.org/officeDocument/2006/relationships/tags" Target="../tags/tag182.xml"/><Relationship Id="rId62" Type="http://schemas.openxmlformats.org/officeDocument/2006/relationships/tags" Target="../tags/tag190.xml"/><Relationship Id="rId70" Type="http://schemas.openxmlformats.org/officeDocument/2006/relationships/tags" Target="../tags/tag198.xml"/><Relationship Id="rId75" Type="http://schemas.openxmlformats.org/officeDocument/2006/relationships/tags" Target="../tags/tag203.xml"/><Relationship Id="rId83" Type="http://schemas.openxmlformats.org/officeDocument/2006/relationships/tags" Target="../tags/tag211.xml"/><Relationship Id="rId88" Type="http://schemas.openxmlformats.org/officeDocument/2006/relationships/tags" Target="../tags/tag216.xml"/><Relationship Id="rId91" Type="http://schemas.openxmlformats.org/officeDocument/2006/relationships/tags" Target="../tags/tag219.xml"/><Relationship Id="rId96" Type="http://schemas.openxmlformats.org/officeDocument/2006/relationships/tags" Target="../tags/tag224.xml"/><Relationship Id="rId111" Type="http://schemas.openxmlformats.org/officeDocument/2006/relationships/tags" Target="../tags/tag239.xml"/><Relationship Id="rId132" Type="http://schemas.openxmlformats.org/officeDocument/2006/relationships/tags" Target="../tags/tag260.xml"/><Relationship Id="rId140" Type="http://schemas.openxmlformats.org/officeDocument/2006/relationships/tags" Target="../tags/tag268.xml"/><Relationship Id="rId145" Type="http://schemas.openxmlformats.org/officeDocument/2006/relationships/tags" Target="../tags/tag273.xml"/><Relationship Id="rId1" Type="http://schemas.openxmlformats.org/officeDocument/2006/relationships/tags" Target="../tags/tag129.xml"/><Relationship Id="rId6" Type="http://schemas.openxmlformats.org/officeDocument/2006/relationships/tags" Target="../tags/tag134.xml"/><Relationship Id="rId15" Type="http://schemas.openxmlformats.org/officeDocument/2006/relationships/tags" Target="../tags/tag143.xml"/><Relationship Id="rId23" Type="http://schemas.openxmlformats.org/officeDocument/2006/relationships/tags" Target="../tags/tag151.xml"/><Relationship Id="rId28" Type="http://schemas.openxmlformats.org/officeDocument/2006/relationships/tags" Target="../tags/tag156.xml"/><Relationship Id="rId36" Type="http://schemas.openxmlformats.org/officeDocument/2006/relationships/tags" Target="../tags/tag164.xml"/><Relationship Id="rId49" Type="http://schemas.openxmlformats.org/officeDocument/2006/relationships/tags" Target="../tags/tag177.xml"/><Relationship Id="rId57" Type="http://schemas.openxmlformats.org/officeDocument/2006/relationships/tags" Target="../tags/tag185.xml"/><Relationship Id="rId106" Type="http://schemas.openxmlformats.org/officeDocument/2006/relationships/tags" Target="../tags/tag234.xml"/><Relationship Id="rId114" Type="http://schemas.openxmlformats.org/officeDocument/2006/relationships/tags" Target="../tags/tag242.xml"/><Relationship Id="rId119" Type="http://schemas.openxmlformats.org/officeDocument/2006/relationships/tags" Target="../tags/tag247.xml"/><Relationship Id="rId127" Type="http://schemas.openxmlformats.org/officeDocument/2006/relationships/tags" Target="../tags/tag255.xml"/><Relationship Id="rId10" Type="http://schemas.openxmlformats.org/officeDocument/2006/relationships/tags" Target="../tags/tag138.xml"/><Relationship Id="rId31" Type="http://schemas.openxmlformats.org/officeDocument/2006/relationships/tags" Target="../tags/tag159.xml"/><Relationship Id="rId44" Type="http://schemas.openxmlformats.org/officeDocument/2006/relationships/tags" Target="../tags/tag172.xml"/><Relationship Id="rId52" Type="http://schemas.openxmlformats.org/officeDocument/2006/relationships/tags" Target="../tags/tag180.xml"/><Relationship Id="rId60" Type="http://schemas.openxmlformats.org/officeDocument/2006/relationships/tags" Target="../tags/tag188.xml"/><Relationship Id="rId65" Type="http://schemas.openxmlformats.org/officeDocument/2006/relationships/tags" Target="../tags/tag193.xml"/><Relationship Id="rId73" Type="http://schemas.openxmlformats.org/officeDocument/2006/relationships/tags" Target="../tags/tag201.xml"/><Relationship Id="rId78" Type="http://schemas.openxmlformats.org/officeDocument/2006/relationships/tags" Target="../tags/tag206.xml"/><Relationship Id="rId81" Type="http://schemas.openxmlformats.org/officeDocument/2006/relationships/tags" Target="../tags/tag209.xml"/><Relationship Id="rId86" Type="http://schemas.openxmlformats.org/officeDocument/2006/relationships/tags" Target="../tags/tag214.xml"/><Relationship Id="rId94" Type="http://schemas.openxmlformats.org/officeDocument/2006/relationships/tags" Target="../tags/tag222.xml"/><Relationship Id="rId99" Type="http://schemas.openxmlformats.org/officeDocument/2006/relationships/tags" Target="../tags/tag227.xml"/><Relationship Id="rId101" Type="http://schemas.openxmlformats.org/officeDocument/2006/relationships/tags" Target="../tags/tag229.xml"/><Relationship Id="rId122" Type="http://schemas.openxmlformats.org/officeDocument/2006/relationships/tags" Target="../tags/tag250.xml"/><Relationship Id="rId130" Type="http://schemas.openxmlformats.org/officeDocument/2006/relationships/tags" Target="../tags/tag258.xml"/><Relationship Id="rId135" Type="http://schemas.openxmlformats.org/officeDocument/2006/relationships/tags" Target="../tags/tag263.xml"/><Relationship Id="rId143" Type="http://schemas.openxmlformats.org/officeDocument/2006/relationships/tags" Target="../tags/tag271.xml"/><Relationship Id="rId148" Type="http://schemas.openxmlformats.org/officeDocument/2006/relationships/tags" Target="../tags/tag276.xml"/><Relationship Id="rId151" Type="http://schemas.openxmlformats.org/officeDocument/2006/relationships/tags" Target="../tags/tag279.xml"/><Relationship Id="rId4" Type="http://schemas.openxmlformats.org/officeDocument/2006/relationships/tags" Target="../tags/tag132.xml"/><Relationship Id="rId9" Type="http://schemas.openxmlformats.org/officeDocument/2006/relationships/tags" Target="../tags/tag137.xml"/><Relationship Id="rId13" Type="http://schemas.openxmlformats.org/officeDocument/2006/relationships/tags" Target="../tags/tag141.xml"/><Relationship Id="rId18" Type="http://schemas.openxmlformats.org/officeDocument/2006/relationships/tags" Target="../tags/tag146.xml"/><Relationship Id="rId39" Type="http://schemas.openxmlformats.org/officeDocument/2006/relationships/tags" Target="../tags/tag167.xml"/><Relationship Id="rId109" Type="http://schemas.openxmlformats.org/officeDocument/2006/relationships/tags" Target="../tags/tag237.xml"/><Relationship Id="rId34" Type="http://schemas.openxmlformats.org/officeDocument/2006/relationships/tags" Target="../tags/tag162.xml"/><Relationship Id="rId50" Type="http://schemas.openxmlformats.org/officeDocument/2006/relationships/tags" Target="../tags/tag178.xml"/><Relationship Id="rId55" Type="http://schemas.openxmlformats.org/officeDocument/2006/relationships/tags" Target="../tags/tag183.xml"/><Relationship Id="rId76" Type="http://schemas.openxmlformats.org/officeDocument/2006/relationships/tags" Target="../tags/tag204.xml"/><Relationship Id="rId97" Type="http://schemas.openxmlformats.org/officeDocument/2006/relationships/tags" Target="../tags/tag225.xml"/><Relationship Id="rId104" Type="http://schemas.openxmlformats.org/officeDocument/2006/relationships/tags" Target="../tags/tag232.xml"/><Relationship Id="rId120" Type="http://schemas.openxmlformats.org/officeDocument/2006/relationships/tags" Target="../tags/tag248.xml"/><Relationship Id="rId125" Type="http://schemas.openxmlformats.org/officeDocument/2006/relationships/tags" Target="../tags/tag253.xml"/><Relationship Id="rId141" Type="http://schemas.openxmlformats.org/officeDocument/2006/relationships/tags" Target="../tags/tag269.xml"/><Relationship Id="rId146" Type="http://schemas.openxmlformats.org/officeDocument/2006/relationships/tags" Target="../tags/tag274.xml"/><Relationship Id="rId7" Type="http://schemas.openxmlformats.org/officeDocument/2006/relationships/tags" Target="../tags/tag135.xml"/><Relationship Id="rId71" Type="http://schemas.openxmlformats.org/officeDocument/2006/relationships/tags" Target="../tags/tag199.xml"/><Relationship Id="rId92" Type="http://schemas.openxmlformats.org/officeDocument/2006/relationships/tags" Target="../tags/tag220.xml"/><Relationship Id="rId2" Type="http://schemas.openxmlformats.org/officeDocument/2006/relationships/tags" Target="../tags/tag130.xml"/><Relationship Id="rId29" Type="http://schemas.openxmlformats.org/officeDocument/2006/relationships/tags" Target="../tags/tag157.xml"/><Relationship Id="rId24" Type="http://schemas.openxmlformats.org/officeDocument/2006/relationships/tags" Target="../tags/tag152.xml"/><Relationship Id="rId40" Type="http://schemas.openxmlformats.org/officeDocument/2006/relationships/tags" Target="../tags/tag168.xml"/><Relationship Id="rId45" Type="http://schemas.openxmlformats.org/officeDocument/2006/relationships/tags" Target="../tags/tag173.xml"/><Relationship Id="rId66" Type="http://schemas.openxmlformats.org/officeDocument/2006/relationships/tags" Target="../tags/tag194.xml"/><Relationship Id="rId87" Type="http://schemas.openxmlformats.org/officeDocument/2006/relationships/tags" Target="../tags/tag215.xml"/><Relationship Id="rId110" Type="http://schemas.openxmlformats.org/officeDocument/2006/relationships/tags" Target="../tags/tag238.xml"/><Relationship Id="rId115" Type="http://schemas.openxmlformats.org/officeDocument/2006/relationships/tags" Target="../tags/tag243.xml"/><Relationship Id="rId131" Type="http://schemas.openxmlformats.org/officeDocument/2006/relationships/tags" Target="../tags/tag259.xml"/><Relationship Id="rId136" Type="http://schemas.openxmlformats.org/officeDocument/2006/relationships/tags" Target="../tags/tag264.xml"/><Relationship Id="rId61" Type="http://schemas.openxmlformats.org/officeDocument/2006/relationships/tags" Target="../tags/tag189.xml"/><Relationship Id="rId82" Type="http://schemas.openxmlformats.org/officeDocument/2006/relationships/tags" Target="../tags/tag210.xml"/><Relationship Id="rId152" Type="http://schemas.openxmlformats.org/officeDocument/2006/relationships/slideLayout" Target="../slideLayouts/slideLayout46.xml"/><Relationship Id="rId19" Type="http://schemas.openxmlformats.org/officeDocument/2006/relationships/tags" Target="../tags/tag147.xml"/><Relationship Id="rId14" Type="http://schemas.openxmlformats.org/officeDocument/2006/relationships/tags" Target="../tags/tag142.xml"/><Relationship Id="rId30" Type="http://schemas.openxmlformats.org/officeDocument/2006/relationships/tags" Target="../tags/tag158.xml"/><Relationship Id="rId35" Type="http://schemas.openxmlformats.org/officeDocument/2006/relationships/tags" Target="../tags/tag163.xml"/><Relationship Id="rId56" Type="http://schemas.openxmlformats.org/officeDocument/2006/relationships/tags" Target="../tags/tag184.xml"/><Relationship Id="rId77" Type="http://schemas.openxmlformats.org/officeDocument/2006/relationships/tags" Target="../tags/tag205.xml"/><Relationship Id="rId100" Type="http://schemas.openxmlformats.org/officeDocument/2006/relationships/tags" Target="../tags/tag228.xml"/><Relationship Id="rId105" Type="http://schemas.openxmlformats.org/officeDocument/2006/relationships/tags" Target="../tags/tag233.xml"/><Relationship Id="rId126" Type="http://schemas.openxmlformats.org/officeDocument/2006/relationships/tags" Target="../tags/tag254.xml"/><Relationship Id="rId147" Type="http://schemas.openxmlformats.org/officeDocument/2006/relationships/tags" Target="../tags/tag275.xml"/><Relationship Id="rId8" Type="http://schemas.openxmlformats.org/officeDocument/2006/relationships/tags" Target="../tags/tag136.xml"/><Relationship Id="rId51" Type="http://schemas.openxmlformats.org/officeDocument/2006/relationships/tags" Target="../tags/tag179.xml"/><Relationship Id="rId72" Type="http://schemas.openxmlformats.org/officeDocument/2006/relationships/tags" Target="../tags/tag200.xml"/><Relationship Id="rId93" Type="http://schemas.openxmlformats.org/officeDocument/2006/relationships/tags" Target="../tags/tag221.xml"/><Relationship Id="rId98" Type="http://schemas.openxmlformats.org/officeDocument/2006/relationships/tags" Target="../tags/tag226.xml"/><Relationship Id="rId121" Type="http://schemas.openxmlformats.org/officeDocument/2006/relationships/tags" Target="../tags/tag249.xml"/><Relationship Id="rId142" Type="http://schemas.openxmlformats.org/officeDocument/2006/relationships/tags" Target="../tags/tag270.xml"/><Relationship Id="rId3" Type="http://schemas.openxmlformats.org/officeDocument/2006/relationships/tags" Target="../tags/tag13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7.xml"/></Relationships>
</file>

<file path=ppt/slides/_rels/slide160.xml.rels><?xml version="1.0" encoding="UTF-8" standalone="yes"?>
<Relationships xmlns="http://schemas.openxmlformats.org/package/2006/relationships"><Relationship Id="rId26" Type="http://schemas.openxmlformats.org/officeDocument/2006/relationships/tags" Target="../tags/tag305.xml"/><Relationship Id="rId117" Type="http://schemas.openxmlformats.org/officeDocument/2006/relationships/tags" Target="../tags/tag396.xml"/><Relationship Id="rId21" Type="http://schemas.openxmlformats.org/officeDocument/2006/relationships/tags" Target="../tags/tag300.xml"/><Relationship Id="rId42" Type="http://schemas.openxmlformats.org/officeDocument/2006/relationships/tags" Target="../tags/tag321.xml"/><Relationship Id="rId47" Type="http://schemas.openxmlformats.org/officeDocument/2006/relationships/tags" Target="../tags/tag326.xml"/><Relationship Id="rId63" Type="http://schemas.openxmlformats.org/officeDocument/2006/relationships/tags" Target="../tags/tag342.xml"/><Relationship Id="rId68" Type="http://schemas.openxmlformats.org/officeDocument/2006/relationships/tags" Target="../tags/tag347.xml"/><Relationship Id="rId84" Type="http://schemas.openxmlformats.org/officeDocument/2006/relationships/tags" Target="../tags/tag363.xml"/><Relationship Id="rId89" Type="http://schemas.openxmlformats.org/officeDocument/2006/relationships/tags" Target="../tags/tag368.xml"/><Relationship Id="rId112" Type="http://schemas.openxmlformats.org/officeDocument/2006/relationships/tags" Target="../tags/tag391.xml"/><Relationship Id="rId133" Type="http://schemas.openxmlformats.org/officeDocument/2006/relationships/tags" Target="../tags/tag412.xml"/><Relationship Id="rId138" Type="http://schemas.openxmlformats.org/officeDocument/2006/relationships/tags" Target="../tags/tag417.xml"/><Relationship Id="rId154" Type="http://schemas.openxmlformats.org/officeDocument/2006/relationships/tags" Target="../tags/tag433.xml"/><Relationship Id="rId159" Type="http://schemas.openxmlformats.org/officeDocument/2006/relationships/tags" Target="../tags/tag438.xml"/><Relationship Id="rId16" Type="http://schemas.openxmlformats.org/officeDocument/2006/relationships/tags" Target="../tags/tag295.xml"/><Relationship Id="rId107" Type="http://schemas.openxmlformats.org/officeDocument/2006/relationships/tags" Target="../tags/tag386.xml"/><Relationship Id="rId11" Type="http://schemas.openxmlformats.org/officeDocument/2006/relationships/tags" Target="../tags/tag290.xml"/><Relationship Id="rId32" Type="http://schemas.openxmlformats.org/officeDocument/2006/relationships/tags" Target="../tags/tag311.xml"/><Relationship Id="rId37" Type="http://schemas.openxmlformats.org/officeDocument/2006/relationships/tags" Target="../tags/tag316.xml"/><Relationship Id="rId53" Type="http://schemas.openxmlformats.org/officeDocument/2006/relationships/tags" Target="../tags/tag332.xml"/><Relationship Id="rId58" Type="http://schemas.openxmlformats.org/officeDocument/2006/relationships/tags" Target="../tags/tag337.xml"/><Relationship Id="rId74" Type="http://schemas.openxmlformats.org/officeDocument/2006/relationships/tags" Target="../tags/tag353.xml"/><Relationship Id="rId79" Type="http://schemas.openxmlformats.org/officeDocument/2006/relationships/tags" Target="../tags/tag358.xml"/><Relationship Id="rId102" Type="http://schemas.openxmlformats.org/officeDocument/2006/relationships/tags" Target="../tags/tag381.xml"/><Relationship Id="rId123" Type="http://schemas.openxmlformats.org/officeDocument/2006/relationships/tags" Target="../tags/tag402.xml"/><Relationship Id="rId128" Type="http://schemas.openxmlformats.org/officeDocument/2006/relationships/tags" Target="../tags/tag407.xml"/><Relationship Id="rId144" Type="http://schemas.openxmlformats.org/officeDocument/2006/relationships/tags" Target="../tags/tag423.xml"/><Relationship Id="rId149" Type="http://schemas.openxmlformats.org/officeDocument/2006/relationships/tags" Target="../tags/tag428.xml"/><Relationship Id="rId5" Type="http://schemas.openxmlformats.org/officeDocument/2006/relationships/tags" Target="../tags/tag284.xml"/><Relationship Id="rId90" Type="http://schemas.openxmlformats.org/officeDocument/2006/relationships/tags" Target="../tags/tag369.xml"/><Relationship Id="rId95" Type="http://schemas.openxmlformats.org/officeDocument/2006/relationships/tags" Target="../tags/tag374.xml"/><Relationship Id="rId160" Type="http://schemas.openxmlformats.org/officeDocument/2006/relationships/tags" Target="../tags/tag439.xml"/><Relationship Id="rId165" Type="http://schemas.openxmlformats.org/officeDocument/2006/relationships/tags" Target="../tags/tag444.xml"/><Relationship Id="rId22" Type="http://schemas.openxmlformats.org/officeDocument/2006/relationships/tags" Target="../tags/tag301.xml"/><Relationship Id="rId27" Type="http://schemas.openxmlformats.org/officeDocument/2006/relationships/tags" Target="../tags/tag306.xml"/><Relationship Id="rId43" Type="http://schemas.openxmlformats.org/officeDocument/2006/relationships/tags" Target="../tags/tag322.xml"/><Relationship Id="rId48" Type="http://schemas.openxmlformats.org/officeDocument/2006/relationships/tags" Target="../tags/tag327.xml"/><Relationship Id="rId64" Type="http://schemas.openxmlformats.org/officeDocument/2006/relationships/tags" Target="../tags/tag343.xml"/><Relationship Id="rId69" Type="http://schemas.openxmlformats.org/officeDocument/2006/relationships/tags" Target="../tags/tag348.xml"/><Relationship Id="rId113" Type="http://schemas.openxmlformats.org/officeDocument/2006/relationships/tags" Target="../tags/tag392.xml"/><Relationship Id="rId118" Type="http://schemas.openxmlformats.org/officeDocument/2006/relationships/tags" Target="../tags/tag397.xml"/><Relationship Id="rId134" Type="http://schemas.openxmlformats.org/officeDocument/2006/relationships/tags" Target="../tags/tag413.xml"/><Relationship Id="rId139" Type="http://schemas.openxmlformats.org/officeDocument/2006/relationships/tags" Target="../tags/tag418.xml"/><Relationship Id="rId80" Type="http://schemas.openxmlformats.org/officeDocument/2006/relationships/tags" Target="../tags/tag359.xml"/><Relationship Id="rId85" Type="http://schemas.openxmlformats.org/officeDocument/2006/relationships/tags" Target="../tags/tag364.xml"/><Relationship Id="rId150" Type="http://schemas.openxmlformats.org/officeDocument/2006/relationships/tags" Target="../tags/tag429.xml"/><Relationship Id="rId155" Type="http://schemas.openxmlformats.org/officeDocument/2006/relationships/tags" Target="../tags/tag434.xml"/><Relationship Id="rId12" Type="http://schemas.openxmlformats.org/officeDocument/2006/relationships/tags" Target="../tags/tag291.xml"/><Relationship Id="rId17" Type="http://schemas.openxmlformats.org/officeDocument/2006/relationships/tags" Target="../tags/tag296.xml"/><Relationship Id="rId33" Type="http://schemas.openxmlformats.org/officeDocument/2006/relationships/tags" Target="../tags/tag312.xml"/><Relationship Id="rId38" Type="http://schemas.openxmlformats.org/officeDocument/2006/relationships/tags" Target="../tags/tag317.xml"/><Relationship Id="rId59" Type="http://schemas.openxmlformats.org/officeDocument/2006/relationships/tags" Target="../tags/tag338.xml"/><Relationship Id="rId103" Type="http://schemas.openxmlformats.org/officeDocument/2006/relationships/tags" Target="../tags/tag382.xml"/><Relationship Id="rId108" Type="http://schemas.openxmlformats.org/officeDocument/2006/relationships/tags" Target="../tags/tag387.xml"/><Relationship Id="rId124" Type="http://schemas.openxmlformats.org/officeDocument/2006/relationships/tags" Target="../tags/tag403.xml"/><Relationship Id="rId129" Type="http://schemas.openxmlformats.org/officeDocument/2006/relationships/tags" Target="../tags/tag408.xml"/><Relationship Id="rId54" Type="http://schemas.openxmlformats.org/officeDocument/2006/relationships/tags" Target="../tags/tag333.xml"/><Relationship Id="rId70" Type="http://schemas.openxmlformats.org/officeDocument/2006/relationships/tags" Target="../tags/tag349.xml"/><Relationship Id="rId75" Type="http://schemas.openxmlformats.org/officeDocument/2006/relationships/tags" Target="../tags/tag354.xml"/><Relationship Id="rId91" Type="http://schemas.openxmlformats.org/officeDocument/2006/relationships/tags" Target="../tags/tag370.xml"/><Relationship Id="rId96" Type="http://schemas.openxmlformats.org/officeDocument/2006/relationships/tags" Target="../tags/tag375.xml"/><Relationship Id="rId140" Type="http://schemas.openxmlformats.org/officeDocument/2006/relationships/tags" Target="../tags/tag419.xml"/><Relationship Id="rId145" Type="http://schemas.openxmlformats.org/officeDocument/2006/relationships/tags" Target="../tags/tag424.xml"/><Relationship Id="rId161" Type="http://schemas.openxmlformats.org/officeDocument/2006/relationships/tags" Target="../tags/tag440.xml"/><Relationship Id="rId166" Type="http://schemas.openxmlformats.org/officeDocument/2006/relationships/tags" Target="../tags/tag445.xml"/><Relationship Id="rId1" Type="http://schemas.openxmlformats.org/officeDocument/2006/relationships/tags" Target="../tags/tag280.xml"/><Relationship Id="rId6" Type="http://schemas.openxmlformats.org/officeDocument/2006/relationships/tags" Target="../tags/tag285.xml"/><Relationship Id="rId15" Type="http://schemas.openxmlformats.org/officeDocument/2006/relationships/tags" Target="../tags/tag294.xml"/><Relationship Id="rId23" Type="http://schemas.openxmlformats.org/officeDocument/2006/relationships/tags" Target="../tags/tag302.xml"/><Relationship Id="rId28" Type="http://schemas.openxmlformats.org/officeDocument/2006/relationships/tags" Target="../tags/tag307.xml"/><Relationship Id="rId36" Type="http://schemas.openxmlformats.org/officeDocument/2006/relationships/tags" Target="../tags/tag315.xml"/><Relationship Id="rId49" Type="http://schemas.openxmlformats.org/officeDocument/2006/relationships/tags" Target="../tags/tag328.xml"/><Relationship Id="rId57" Type="http://schemas.openxmlformats.org/officeDocument/2006/relationships/tags" Target="../tags/tag336.xml"/><Relationship Id="rId106" Type="http://schemas.openxmlformats.org/officeDocument/2006/relationships/tags" Target="../tags/tag385.xml"/><Relationship Id="rId114" Type="http://schemas.openxmlformats.org/officeDocument/2006/relationships/tags" Target="../tags/tag393.xml"/><Relationship Id="rId119" Type="http://schemas.openxmlformats.org/officeDocument/2006/relationships/tags" Target="../tags/tag398.xml"/><Relationship Id="rId127" Type="http://schemas.openxmlformats.org/officeDocument/2006/relationships/tags" Target="../tags/tag406.xml"/><Relationship Id="rId10" Type="http://schemas.openxmlformats.org/officeDocument/2006/relationships/tags" Target="../tags/tag289.xml"/><Relationship Id="rId31" Type="http://schemas.openxmlformats.org/officeDocument/2006/relationships/tags" Target="../tags/tag310.xml"/><Relationship Id="rId44" Type="http://schemas.openxmlformats.org/officeDocument/2006/relationships/tags" Target="../tags/tag323.xml"/><Relationship Id="rId52" Type="http://schemas.openxmlformats.org/officeDocument/2006/relationships/tags" Target="../tags/tag331.xml"/><Relationship Id="rId60" Type="http://schemas.openxmlformats.org/officeDocument/2006/relationships/tags" Target="../tags/tag339.xml"/><Relationship Id="rId65" Type="http://schemas.openxmlformats.org/officeDocument/2006/relationships/tags" Target="../tags/tag344.xml"/><Relationship Id="rId73" Type="http://schemas.openxmlformats.org/officeDocument/2006/relationships/tags" Target="../tags/tag352.xml"/><Relationship Id="rId78" Type="http://schemas.openxmlformats.org/officeDocument/2006/relationships/tags" Target="../tags/tag357.xml"/><Relationship Id="rId81" Type="http://schemas.openxmlformats.org/officeDocument/2006/relationships/tags" Target="../tags/tag360.xml"/><Relationship Id="rId86" Type="http://schemas.openxmlformats.org/officeDocument/2006/relationships/tags" Target="../tags/tag365.xml"/><Relationship Id="rId94" Type="http://schemas.openxmlformats.org/officeDocument/2006/relationships/tags" Target="../tags/tag373.xml"/><Relationship Id="rId99" Type="http://schemas.openxmlformats.org/officeDocument/2006/relationships/tags" Target="../tags/tag378.xml"/><Relationship Id="rId101" Type="http://schemas.openxmlformats.org/officeDocument/2006/relationships/tags" Target="../tags/tag380.xml"/><Relationship Id="rId122" Type="http://schemas.openxmlformats.org/officeDocument/2006/relationships/tags" Target="../tags/tag401.xml"/><Relationship Id="rId130" Type="http://schemas.openxmlformats.org/officeDocument/2006/relationships/tags" Target="../tags/tag409.xml"/><Relationship Id="rId135" Type="http://schemas.openxmlformats.org/officeDocument/2006/relationships/tags" Target="../tags/tag414.xml"/><Relationship Id="rId143" Type="http://schemas.openxmlformats.org/officeDocument/2006/relationships/tags" Target="../tags/tag422.xml"/><Relationship Id="rId148" Type="http://schemas.openxmlformats.org/officeDocument/2006/relationships/tags" Target="../tags/tag427.xml"/><Relationship Id="rId151" Type="http://schemas.openxmlformats.org/officeDocument/2006/relationships/tags" Target="../tags/tag430.xml"/><Relationship Id="rId156" Type="http://schemas.openxmlformats.org/officeDocument/2006/relationships/tags" Target="../tags/tag435.xml"/><Relationship Id="rId164" Type="http://schemas.openxmlformats.org/officeDocument/2006/relationships/tags" Target="../tags/tag443.xml"/><Relationship Id="rId4" Type="http://schemas.openxmlformats.org/officeDocument/2006/relationships/tags" Target="../tags/tag283.xml"/><Relationship Id="rId9" Type="http://schemas.openxmlformats.org/officeDocument/2006/relationships/tags" Target="../tags/tag288.xml"/><Relationship Id="rId13" Type="http://schemas.openxmlformats.org/officeDocument/2006/relationships/tags" Target="../tags/tag292.xml"/><Relationship Id="rId18" Type="http://schemas.openxmlformats.org/officeDocument/2006/relationships/tags" Target="../tags/tag297.xml"/><Relationship Id="rId39" Type="http://schemas.openxmlformats.org/officeDocument/2006/relationships/tags" Target="../tags/tag318.xml"/><Relationship Id="rId109" Type="http://schemas.openxmlformats.org/officeDocument/2006/relationships/tags" Target="../tags/tag388.xml"/><Relationship Id="rId34" Type="http://schemas.openxmlformats.org/officeDocument/2006/relationships/tags" Target="../tags/tag313.xml"/><Relationship Id="rId50" Type="http://schemas.openxmlformats.org/officeDocument/2006/relationships/tags" Target="../tags/tag329.xml"/><Relationship Id="rId55" Type="http://schemas.openxmlformats.org/officeDocument/2006/relationships/tags" Target="../tags/tag334.xml"/><Relationship Id="rId76" Type="http://schemas.openxmlformats.org/officeDocument/2006/relationships/tags" Target="../tags/tag355.xml"/><Relationship Id="rId97" Type="http://schemas.openxmlformats.org/officeDocument/2006/relationships/tags" Target="../tags/tag376.xml"/><Relationship Id="rId104" Type="http://schemas.openxmlformats.org/officeDocument/2006/relationships/tags" Target="../tags/tag383.xml"/><Relationship Id="rId120" Type="http://schemas.openxmlformats.org/officeDocument/2006/relationships/tags" Target="../tags/tag399.xml"/><Relationship Id="rId125" Type="http://schemas.openxmlformats.org/officeDocument/2006/relationships/tags" Target="../tags/tag404.xml"/><Relationship Id="rId141" Type="http://schemas.openxmlformats.org/officeDocument/2006/relationships/tags" Target="../tags/tag420.xml"/><Relationship Id="rId146" Type="http://schemas.openxmlformats.org/officeDocument/2006/relationships/tags" Target="../tags/tag425.xml"/><Relationship Id="rId167" Type="http://schemas.openxmlformats.org/officeDocument/2006/relationships/slideLayout" Target="../slideLayouts/slideLayout59.xml"/><Relationship Id="rId7" Type="http://schemas.openxmlformats.org/officeDocument/2006/relationships/tags" Target="../tags/tag286.xml"/><Relationship Id="rId71" Type="http://schemas.openxmlformats.org/officeDocument/2006/relationships/tags" Target="../tags/tag350.xml"/><Relationship Id="rId92" Type="http://schemas.openxmlformats.org/officeDocument/2006/relationships/tags" Target="../tags/tag371.xml"/><Relationship Id="rId162" Type="http://schemas.openxmlformats.org/officeDocument/2006/relationships/tags" Target="../tags/tag441.xml"/><Relationship Id="rId2" Type="http://schemas.openxmlformats.org/officeDocument/2006/relationships/tags" Target="../tags/tag281.xml"/><Relationship Id="rId29" Type="http://schemas.openxmlformats.org/officeDocument/2006/relationships/tags" Target="../tags/tag308.xml"/><Relationship Id="rId24" Type="http://schemas.openxmlformats.org/officeDocument/2006/relationships/tags" Target="../tags/tag303.xml"/><Relationship Id="rId40" Type="http://schemas.openxmlformats.org/officeDocument/2006/relationships/tags" Target="../tags/tag319.xml"/><Relationship Id="rId45" Type="http://schemas.openxmlformats.org/officeDocument/2006/relationships/tags" Target="../tags/tag324.xml"/><Relationship Id="rId66" Type="http://schemas.openxmlformats.org/officeDocument/2006/relationships/tags" Target="../tags/tag345.xml"/><Relationship Id="rId87" Type="http://schemas.openxmlformats.org/officeDocument/2006/relationships/tags" Target="../tags/tag366.xml"/><Relationship Id="rId110" Type="http://schemas.openxmlformats.org/officeDocument/2006/relationships/tags" Target="../tags/tag389.xml"/><Relationship Id="rId115" Type="http://schemas.openxmlformats.org/officeDocument/2006/relationships/tags" Target="../tags/tag394.xml"/><Relationship Id="rId131" Type="http://schemas.openxmlformats.org/officeDocument/2006/relationships/tags" Target="../tags/tag410.xml"/><Relationship Id="rId136" Type="http://schemas.openxmlformats.org/officeDocument/2006/relationships/tags" Target="../tags/tag415.xml"/><Relationship Id="rId157" Type="http://schemas.openxmlformats.org/officeDocument/2006/relationships/tags" Target="../tags/tag436.xml"/><Relationship Id="rId61" Type="http://schemas.openxmlformats.org/officeDocument/2006/relationships/tags" Target="../tags/tag340.xml"/><Relationship Id="rId82" Type="http://schemas.openxmlformats.org/officeDocument/2006/relationships/tags" Target="../tags/tag361.xml"/><Relationship Id="rId152" Type="http://schemas.openxmlformats.org/officeDocument/2006/relationships/tags" Target="../tags/tag431.xml"/><Relationship Id="rId19" Type="http://schemas.openxmlformats.org/officeDocument/2006/relationships/tags" Target="../tags/tag298.xml"/><Relationship Id="rId14" Type="http://schemas.openxmlformats.org/officeDocument/2006/relationships/tags" Target="../tags/tag293.xml"/><Relationship Id="rId30" Type="http://schemas.openxmlformats.org/officeDocument/2006/relationships/tags" Target="../tags/tag309.xml"/><Relationship Id="rId35" Type="http://schemas.openxmlformats.org/officeDocument/2006/relationships/tags" Target="../tags/tag314.xml"/><Relationship Id="rId56" Type="http://schemas.openxmlformats.org/officeDocument/2006/relationships/tags" Target="../tags/tag335.xml"/><Relationship Id="rId77" Type="http://schemas.openxmlformats.org/officeDocument/2006/relationships/tags" Target="../tags/tag356.xml"/><Relationship Id="rId100" Type="http://schemas.openxmlformats.org/officeDocument/2006/relationships/tags" Target="../tags/tag379.xml"/><Relationship Id="rId105" Type="http://schemas.openxmlformats.org/officeDocument/2006/relationships/tags" Target="../tags/tag384.xml"/><Relationship Id="rId126" Type="http://schemas.openxmlformats.org/officeDocument/2006/relationships/tags" Target="../tags/tag405.xml"/><Relationship Id="rId147" Type="http://schemas.openxmlformats.org/officeDocument/2006/relationships/tags" Target="../tags/tag426.xml"/><Relationship Id="rId168" Type="http://schemas.openxmlformats.org/officeDocument/2006/relationships/notesSlide" Target="../notesSlides/notesSlide139.xml"/><Relationship Id="rId8" Type="http://schemas.openxmlformats.org/officeDocument/2006/relationships/tags" Target="../tags/tag287.xml"/><Relationship Id="rId51" Type="http://schemas.openxmlformats.org/officeDocument/2006/relationships/tags" Target="../tags/tag330.xml"/><Relationship Id="rId72" Type="http://schemas.openxmlformats.org/officeDocument/2006/relationships/tags" Target="../tags/tag351.xml"/><Relationship Id="rId93" Type="http://schemas.openxmlformats.org/officeDocument/2006/relationships/tags" Target="../tags/tag372.xml"/><Relationship Id="rId98" Type="http://schemas.openxmlformats.org/officeDocument/2006/relationships/tags" Target="../tags/tag377.xml"/><Relationship Id="rId121" Type="http://schemas.openxmlformats.org/officeDocument/2006/relationships/tags" Target="../tags/tag400.xml"/><Relationship Id="rId142" Type="http://schemas.openxmlformats.org/officeDocument/2006/relationships/tags" Target="../tags/tag421.xml"/><Relationship Id="rId163" Type="http://schemas.openxmlformats.org/officeDocument/2006/relationships/tags" Target="../tags/tag442.xml"/><Relationship Id="rId3" Type="http://schemas.openxmlformats.org/officeDocument/2006/relationships/tags" Target="../tags/tag282.xml"/><Relationship Id="rId25" Type="http://schemas.openxmlformats.org/officeDocument/2006/relationships/tags" Target="../tags/tag304.xml"/><Relationship Id="rId46" Type="http://schemas.openxmlformats.org/officeDocument/2006/relationships/tags" Target="../tags/tag325.xml"/><Relationship Id="rId67" Type="http://schemas.openxmlformats.org/officeDocument/2006/relationships/tags" Target="../tags/tag346.xml"/><Relationship Id="rId116" Type="http://schemas.openxmlformats.org/officeDocument/2006/relationships/tags" Target="../tags/tag395.xml"/><Relationship Id="rId137" Type="http://schemas.openxmlformats.org/officeDocument/2006/relationships/tags" Target="../tags/tag416.xml"/><Relationship Id="rId158" Type="http://schemas.openxmlformats.org/officeDocument/2006/relationships/tags" Target="../tags/tag437.xml"/><Relationship Id="rId20" Type="http://schemas.openxmlformats.org/officeDocument/2006/relationships/tags" Target="../tags/tag299.xml"/><Relationship Id="rId41" Type="http://schemas.openxmlformats.org/officeDocument/2006/relationships/tags" Target="../tags/tag320.xml"/><Relationship Id="rId62" Type="http://schemas.openxmlformats.org/officeDocument/2006/relationships/tags" Target="../tags/tag341.xml"/><Relationship Id="rId83" Type="http://schemas.openxmlformats.org/officeDocument/2006/relationships/tags" Target="../tags/tag362.xml"/><Relationship Id="rId88" Type="http://schemas.openxmlformats.org/officeDocument/2006/relationships/tags" Target="../tags/tag367.xml"/><Relationship Id="rId111" Type="http://schemas.openxmlformats.org/officeDocument/2006/relationships/tags" Target="../tags/tag390.xml"/><Relationship Id="rId132" Type="http://schemas.openxmlformats.org/officeDocument/2006/relationships/tags" Target="../tags/tag411.xml"/><Relationship Id="rId153" Type="http://schemas.openxmlformats.org/officeDocument/2006/relationships/tags" Target="../tags/tag432.xml"/></Relationships>
</file>

<file path=ppt/slides/_rels/slide161.xml.rels><?xml version="1.0" encoding="UTF-8" standalone="yes"?>
<Relationships xmlns="http://schemas.openxmlformats.org/package/2006/relationships"><Relationship Id="rId26" Type="http://schemas.openxmlformats.org/officeDocument/2006/relationships/tags" Target="../tags/tag471.xml"/><Relationship Id="rId117" Type="http://schemas.openxmlformats.org/officeDocument/2006/relationships/tags" Target="../tags/tag562.xml"/><Relationship Id="rId21" Type="http://schemas.openxmlformats.org/officeDocument/2006/relationships/tags" Target="../tags/tag466.xml"/><Relationship Id="rId42" Type="http://schemas.openxmlformats.org/officeDocument/2006/relationships/tags" Target="../tags/tag487.xml"/><Relationship Id="rId47" Type="http://schemas.openxmlformats.org/officeDocument/2006/relationships/tags" Target="../tags/tag492.xml"/><Relationship Id="rId63" Type="http://schemas.openxmlformats.org/officeDocument/2006/relationships/tags" Target="../tags/tag508.xml"/><Relationship Id="rId68" Type="http://schemas.openxmlformats.org/officeDocument/2006/relationships/tags" Target="../tags/tag513.xml"/><Relationship Id="rId84" Type="http://schemas.openxmlformats.org/officeDocument/2006/relationships/tags" Target="../tags/tag529.xml"/><Relationship Id="rId89" Type="http://schemas.openxmlformats.org/officeDocument/2006/relationships/tags" Target="../tags/tag534.xml"/><Relationship Id="rId112" Type="http://schemas.openxmlformats.org/officeDocument/2006/relationships/tags" Target="../tags/tag557.xml"/><Relationship Id="rId133" Type="http://schemas.openxmlformats.org/officeDocument/2006/relationships/tags" Target="../tags/tag578.xml"/><Relationship Id="rId138" Type="http://schemas.openxmlformats.org/officeDocument/2006/relationships/tags" Target="../tags/tag583.xml"/><Relationship Id="rId154" Type="http://schemas.openxmlformats.org/officeDocument/2006/relationships/tags" Target="../tags/tag599.xml"/><Relationship Id="rId159" Type="http://schemas.openxmlformats.org/officeDocument/2006/relationships/tags" Target="../tags/tag604.xml"/><Relationship Id="rId170" Type="http://schemas.openxmlformats.org/officeDocument/2006/relationships/tags" Target="../tags/tag615.xml"/><Relationship Id="rId16" Type="http://schemas.openxmlformats.org/officeDocument/2006/relationships/tags" Target="../tags/tag461.xml"/><Relationship Id="rId107" Type="http://schemas.openxmlformats.org/officeDocument/2006/relationships/tags" Target="../tags/tag552.xml"/><Relationship Id="rId11" Type="http://schemas.openxmlformats.org/officeDocument/2006/relationships/tags" Target="../tags/tag456.xml"/><Relationship Id="rId32" Type="http://schemas.openxmlformats.org/officeDocument/2006/relationships/tags" Target="../tags/tag477.xml"/><Relationship Id="rId37" Type="http://schemas.openxmlformats.org/officeDocument/2006/relationships/tags" Target="../tags/tag482.xml"/><Relationship Id="rId53" Type="http://schemas.openxmlformats.org/officeDocument/2006/relationships/tags" Target="../tags/tag498.xml"/><Relationship Id="rId58" Type="http://schemas.openxmlformats.org/officeDocument/2006/relationships/tags" Target="../tags/tag503.xml"/><Relationship Id="rId74" Type="http://schemas.openxmlformats.org/officeDocument/2006/relationships/tags" Target="../tags/tag519.xml"/><Relationship Id="rId79" Type="http://schemas.openxmlformats.org/officeDocument/2006/relationships/tags" Target="../tags/tag524.xml"/><Relationship Id="rId102" Type="http://schemas.openxmlformats.org/officeDocument/2006/relationships/tags" Target="../tags/tag547.xml"/><Relationship Id="rId123" Type="http://schemas.openxmlformats.org/officeDocument/2006/relationships/tags" Target="../tags/tag568.xml"/><Relationship Id="rId128" Type="http://schemas.openxmlformats.org/officeDocument/2006/relationships/tags" Target="../tags/tag573.xml"/><Relationship Id="rId144" Type="http://schemas.openxmlformats.org/officeDocument/2006/relationships/tags" Target="../tags/tag589.xml"/><Relationship Id="rId149" Type="http://schemas.openxmlformats.org/officeDocument/2006/relationships/tags" Target="../tags/tag594.xml"/><Relationship Id="rId5" Type="http://schemas.openxmlformats.org/officeDocument/2006/relationships/tags" Target="../tags/tag450.xml"/><Relationship Id="rId90" Type="http://schemas.openxmlformats.org/officeDocument/2006/relationships/tags" Target="../tags/tag535.xml"/><Relationship Id="rId95" Type="http://schemas.openxmlformats.org/officeDocument/2006/relationships/tags" Target="../tags/tag540.xml"/><Relationship Id="rId160" Type="http://schemas.openxmlformats.org/officeDocument/2006/relationships/tags" Target="../tags/tag605.xml"/><Relationship Id="rId165" Type="http://schemas.openxmlformats.org/officeDocument/2006/relationships/tags" Target="../tags/tag610.xml"/><Relationship Id="rId22" Type="http://schemas.openxmlformats.org/officeDocument/2006/relationships/tags" Target="../tags/tag467.xml"/><Relationship Id="rId27" Type="http://schemas.openxmlformats.org/officeDocument/2006/relationships/tags" Target="../tags/tag472.xml"/><Relationship Id="rId43" Type="http://schemas.openxmlformats.org/officeDocument/2006/relationships/tags" Target="../tags/tag488.xml"/><Relationship Id="rId48" Type="http://schemas.openxmlformats.org/officeDocument/2006/relationships/tags" Target="../tags/tag493.xml"/><Relationship Id="rId64" Type="http://schemas.openxmlformats.org/officeDocument/2006/relationships/tags" Target="../tags/tag509.xml"/><Relationship Id="rId69" Type="http://schemas.openxmlformats.org/officeDocument/2006/relationships/tags" Target="../tags/tag514.xml"/><Relationship Id="rId113" Type="http://schemas.openxmlformats.org/officeDocument/2006/relationships/tags" Target="../tags/tag558.xml"/><Relationship Id="rId118" Type="http://schemas.openxmlformats.org/officeDocument/2006/relationships/tags" Target="../tags/tag563.xml"/><Relationship Id="rId134" Type="http://schemas.openxmlformats.org/officeDocument/2006/relationships/tags" Target="../tags/tag579.xml"/><Relationship Id="rId139" Type="http://schemas.openxmlformats.org/officeDocument/2006/relationships/tags" Target="../tags/tag584.xml"/><Relationship Id="rId80" Type="http://schemas.openxmlformats.org/officeDocument/2006/relationships/tags" Target="../tags/tag525.xml"/><Relationship Id="rId85" Type="http://schemas.openxmlformats.org/officeDocument/2006/relationships/tags" Target="../tags/tag530.xml"/><Relationship Id="rId150" Type="http://schemas.openxmlformats.org/officeDocument/2006/relationships/tags" Target="../tags/tag595.xml"/><Relationship Id="rId155" Type="http://schemas.openxmlformats.org/officeDocument/2006/relationships/tags" Target="../tags/tag600.xml"/><Relationship Id="rId171" Type="http://schemas.openxmlformats.org/officeDocument/2006/relationships/tags" Target="../tags/tag616.xml"/><Relationship Id="rId12" Type="http://schemas.openxmlformats.org/officeDocument/2006/relationships/tags" Target="../tags/tag457.xml"/><Relationship Id="rId17" Type="http://schemas.openxmlformats.org/officeDocument/2006/relationships/tags" Target="../tags/tag462.xml"/><Relationship Id="rId33" Type="http://schemas.openxmlformats.org/officeDocument/2006/relationships/tags" Target="../tags/tag478.xml"/><Relationship Id="rId38" Type="http://schemas.openxmlformats.org/officeDocument/2006/relationships/tags" Target="../tags/tag483.xml"/><Relationship Id="rId59" Type="http://schemas.openxmlformats.org/officeDocument/2006/relationships/tags" Target="../tags/tag504.xml"/><Relationship Id="rId103" Type="http://schemas.openxmlformats.org/officeDocument/2006/relationships/tags" Target="../tags/tag548.xml"/><Relationship Id="rId108" Type="http://schemas.openxmlformats.org/officeDocument/2006/relationships/tags" Target="../tags/tag553.xml"/><Relationship Id="rId124" Type="http://schemas.openxmlformats.org/officeDocument/2006/relationships/tags" Target="../tags/tag569.xml"/><Relationship Id="rId129" Type="http://schemas.openxmlformats.org/officeDocument/2006/relationships/tags" Target="../tags/tag574.xml"/><Relationship Id="rId54" Type="http://schemas.openxmlformats.org/officeDocument/2006/relationships/tags" Target="../tags/tag499.xml"/><Relationship Id="rId70" Type="http://schemas.openxmlformats.org/officeDocument/2006/relationships/tags" Target="../tags/tag515.xml"/><Relationship Id="rId75" Type="http://schemas.openxmlformats.org/officeDocument/2006/relationships/tags" Target="../tags/tag520.xml"/><Relationship Id="rId91" Type="http://schemas.openxmlformats.org/officeDocument/2006/relationships/tags" Target="../tags/tag536.xml"/><Relationship Id="rId96" Type="http://schemas.openxmlformats.org/officeDocument/2006/relationships/tags" Target="../tags/tag541.xml"/><Relationship Id="rId140" Type="http://schemas.openxmlformats.org/officeDocument/2006/relationships/tags" Target="../tags/tag585.xml"/><Relationship Id="rId145" Type="http://schemas.openxmlformats.org/officeDocument/2006/relationships/tags" Target="../tags/tag590.xml"/><Relationship Id="rId161" Type="http://schemas.openxmlformats.org/officeDocument/2006/relationships/tags" Target="../tags/tag606.xml"/><Relationship Id="rId166" Type="http://schemas.openxmlformats.org/officeDocument/2006/relationships/tags" Target="../tags/tag611.xml"/><Relationship Id="rId1" Type="http://schemas.openxmlformats.org/officeDocument/2006/relationships/tags" Target="../tags/tag446.xml"/><Relationship Id="rId6" Type="http://schemas.openxmlformats.org/officeDocument/2006/relationships/tags" Target="../tags/tag451.xml"/><Relationship Id="rId15" Type="http://schemas.openxmlformats.org/officeDocument/2006/relationships/tags" Target="../tags/tag460.xml"/><Relationship Id="rId23" Type="http://schemas.openxmlformats.org/officeDocument/2006/relationships/tags" Target="../tags/tag468.xml"/><Relationship Id="rId28" Type="http://schemas.openxmlformats.org/officeDocument/2006/relationships/tags" Target="../tags/tag473.xml"/><Relationship Id="rId36" Type="http://schemas.openxmlformats.org/officeDocument/2006/relationships/tags" Target="../tags/tag481.xml"/><Relationship Id="rId49" Type="http://schemas.openxmlformats.org/officeDocument/2006/relationships/tags" Target="../tags/tag494.xml"/><Relationship Id="rId57" Type="http://schemas.openxmlformats.org/officeDocument/2006/relationships/tags" Target="../tags/tag502.xml"/><Relationship Id="rId106" Type="http://schemas.openxmlformats.org/officeDocument/2006/relationships/tags" Target="../tags/tag551.xml"/><Relationship Id="rId114" Type="http://schemas.openxmlformats.org/officeDocument/2006/relationships/tags" Target="../tags/tag559.xml"/><Relationship Id="rId119" Type="http://schemas.openxmlformats.org/officeDocument/2006/relationships/tags" Target="../tags/tag564.xml"/><Relationship Id="rId127" Type="http://schemas.openxmlformats.org/officeDocument/2006/relationships/tags" Target="../tags/tag572.xml"/><Relationship Id="rId10" Type="http://schemas.openxmlformats.org/officeDocument/2006/relationships/tags" Target="../tags/tag455.xml"/><Relationship Id="rId31" Type="http://schemas.openxmlformats.org/officeDocument/2006/relationships/tags" Target="../tags/tag476.xml"/><Relationship Id="rId44" Type="http://schemas.openxmlformats.org/officeDocument/2006/relationships/tags" Target="../tags/tag489.xml"/><Relationship Id="rId52" Type="http://schemas.openxmlformats.org/officeDocument/2006/relationships/tags" Target="../tags/tag497.xml"/><Relationship Id="rId60" Type="http://schemas.openxmlformats.org/officeDocument/2006/relationships/tags" Target="../tags/tag505.xml"/><Relationship Id="rId65" Type="http://schemas.openxmlformats.org/officeDocument/2006/relationships/tags" Target="../tags/tag510.xml"/><Relationship Id="rId73" Type="http://schemas.openxmlformats.org/officeDocument/2006/relationships/tags" Target="../tags/tag518.xml"/><Relationship Id="rId78" Type="http://schemas.openxmlformats.org/officeDocument/2006/relationships/tags" Target="../tags/tag523.xml"/><Relationship Id="rId81" Type="http://schemas.openxmlformats.org/officeDocument/2006/relationships/tags" Target="../tags/tag526.xml"/><Relationship Id="rId86" Type="http://schemas.openxmlformats.org/officeDocument/2006/relationships/tags" Target="../tags/tag531.xml"/><Relationship Id="rId94" Type="http://schemas.openxmlformats.org/officeDocument/2006/relationships/tags" Target="../tags/tag539.xml"/><Relationship Id="rId99" Type="http://schemas.openxmlformats.org/officeDocument/2006/relationships/tags" Target="../tags/tag544.xml"/><Relationship Id="rId101" Type="http://schemas.openxmlformats.org/officeDocument/2006/relationships/tags" Target="../tags/tag546.xml"/><Relationship Id="rId122" Type="http://schemas.openxmlformats.org/officeDocument/2006/relationships/tags" Target="../tags/tag567.xml"/><Relationship Id="rId130" Type="http://schemas.openxmlformats.org/officeDocument/2006/relationships/tags" Target="../tags/tag575.xml"/><Relationship Id="rId135" Type="http://schemas.openxmlformats.org/officeDocument/2006/relationships/tags" Target="../tags/tag580.xml"/><Relationship Id="rId143" Type="http://schemas.openxmlformats.org/officeDocument/2006/relationships/tags" Target="../tags/tag588.xml"/><Relationship Id="rId148" Type="http://schemas.openxmlformats.org/officeDocument/2006/relationships/tags" Target="../tags/tag593.xml"/><Relationship Id="rId151" Type="http://schemas.openxmlformats.org/officeDocument/2006/relationships/tags" Target="../tags/tag596.xml"/><Relationship Id="rId156" Type="http://schemas.openxmlformats.org/officeDocument/2006/relationships/tags" Target="../tags/tag601.xml"/><Relationship Id="rId164" Type="http://schemas.openxmlformats.org/officeDocument/2006/relationships/tags" Target="../tags/tag609.xml"/><Relationship Id="rId169" Type="http://schemas.openxmlformats.org/officeDocument/2006/relationships/tags" Target="../tags/tag614.xml"/><Relationship Id="rId4" Type="http://schemas.openxmlformats.org/officeDocument/2006/relationships/tags" Target="../tags/tag449.xml"/><Relationship Id="rId9" Type="http://schemas.openxmlformats.org/officeDocument/2006/relationships/tags" Target="../tags/tag454.xml"/><Relationship Id="rId172" Type="http://schemas.openxmlformats.org/officeDocument/2006/relationships/slideLayout" Target="../slideLayouts/slideLayout46.xml"/><Relationship Id="rId13" Type="http://schemas.openxmlformats.org/officeDocument/2006/relationships/tags" Target="../tags/tag458.xml"/><Relationship Id="rId18" Type="http://schemas.openxmlformats.org/officeDocument/2006/relationships/tags" Target="../tags/tag463.xml"/><Relationship Id="rId39" Type="http://schemas.openxmlformats.org/officeDocument/2006/relationships/tags" Target="../tags/tag484.xml"/><Relationship Id="rId109" Type="http://schemas.openxmlformats.org/officeDocument/2006/relationships/tags" Target="../tags/tag554.xml"/><Relationship Id="rId34" Type="http://schemas.openxmlformats.org/officeDocument/2006/relationships/tags" Target="../tags/tag479.xml"/><Relationship Id="rId50" Type="http://schemas.openxmlformats.org/officeDocument/2006/relationships/tags" Target="../tags/tag495.xml"/><Relationship Id="rId55" Type="http://schemas.openxmlformats.org/officeDocument/2006/relationships/tags" Target="../tags/tag500.xml"/><Relationship Id="rId76" Type="http://schemas.openxmlformats.org/officeDocument/2006/relationships/tags" Target="../tags/tag521.xml"/><Relationship Id="rId97" Type="http://schemas.openxmlformats.org/officeDocument/2006/relationships/tags" Target="../tags/tag542.xml"/><Relationship Id="rId104" Type="http://schemas.openxmlformats.org/officeDocument/2006/relationships/tags" Target="../tags/tag549.xml"/><Relationship Id="rId120" Type="http://schemas.openxmlformats.org/officeDocument/2006/relationships/tags" Target="../tags/tag565.xml"/><Relationship Id="rId125" Type="http://schemas.openxmlformats.org/officeDocument/2006/relationships/tags" Target="../tags/tag570.xml"/><Relationship Id="rId141" Type="http://schemas.openxmlformats.org/officeDocument/2006/relationships/tags" Target="../tags/tag586.xml"/><Relationship Id="rId146" Type="http://schemas.openxmlformats.org/officeDocument/2006/relationships/tags" Target="../tags/tag591.xml"/><Relationship Id="rId167" Type="http://schemas.openxmlformats.org/officeDocument/2006/relationships/tags" Target="../tags/tag612.xml"/><Relationship Id="rId7" Type="http://schemas.openxmlformats.org/officeDocument/2006/relationships/tags" Target="../tags/tag452.xml"/><Relationship Id="rId71" Type="http://schemas.openxmlformats.org/officeDocument/2006/relationships/tags" Target="../tags/tag516.xml"/><Relationship Id="rId92" Type="http://schemas.openxmlformats.org/officeDocument/2006/relationships/tags" Target="../tags/tag537.xml"/><Relationship Id="rId162" Type="http://schemas.openxmlformats.org/officeDocument/2006/relationships/tags" Target="../tags/tag607.xml"/><Relationship Id="rId2" Type="http://schemas.openxmlformats.org/officeDocument/2006/relationships/tags" Target="../tags/tag447.xml"/><Relationship Id="rId29" Type="http://schemas.openxmlformats.org/officeDocument/2006/relationships/tags" Target="../tags/tag474.xml"/><Relationship Id="rId24" Type="http://schemas.openxmlformats.org/officeDocument/2006/relationships/tags" Target="../tags/tag469.xml"/><Relationship Id="rId40" Type="http://schemas.openxmlformats.org/officeDocument/2006/relationships/tags" Target="../tags/tag485.xml"/><Relationship Id="rId45" Type="http://schemas.openxmlformats.org/officeDocument/2006/relationships/tags" Target="../tags/tag490.xml"/><Relationship Id="rId66" Type="http://schemas.openxmlformats.org/officeDocument/2006/relationships/tags" Target="../tags/tag511.xml"/><Relationship Id="rId87" Type="http://schemas.openxmlformats.org/officeDocument/2006/relationships/tags" Target="../tags/tag532.xml"/><Relationship Id="rId110" Type="http://schemas.openxmlformats.org/officeDocument/2006/relationships/tags" Target="../tags/tag555.xml"/><Relationship Id="rId115" Type="http://schemas.openxmlformats.org/officeDocument/2006/relationships/tags" Target="../tags/tag560.xml"/><Relationship Id="rId131" Type="http://schemas.openxmlformats.org/officeDocument/2006/relationships/tags" Target="../tags/tag576.xml"/><Relationship Id="rId136" Type="http://schemas.openxmlformats.org/officeDocument/2006/relationships/tags" Target="../tags/tag581.xml"/><Relationship Id="rId157" Type="http://schemas.openxmlformats.org/officeDocument/2006/relationships/tags" Target="../tags/tag602.xml"/><Relationship Id="rId61" Type="http://schemas.openxmlformats.org/officeDocument/2006/relationships/tags" Target="../tags/tag506.xml"/><Relationship Id="rId82" Type="http://schemas.openxmlformats.org/officeDocument/2006/relationships/tags" Target="../tags/tag527.xml"/><Relationship Id="rId152" Type="http://schemas.openxmlformats.org/officeDocument/2006/relationships/tags" Target="../tags/tag597.xml"/><Relationship Id="rId173" Type="http://schemas.openxmlformats.org/officeDocument/2006/relationships/notesSlide" Target="../notesSlides/notesSlide140.xml"/><Relationship Id="rId19" Type="http://schemas.openxmlformats.org/officeDocument/2006/relationships/tags" Target="../tags/tag464.xml"/><Relationship Id="rId14" Type="http://schemas.openxmlformats.org/officeDocument/2006/relationships/tags" Target="../tags/tag459.xml"/><Relationship Id="rId30" Type="http://schemas.openxmlformats.org/officeDocument/2006/relationships/tags" Target="../tags/tag475.xml"/><Relationship Id="rId35" Type="http://schemas.openxmlformats.org/officeDocument/2006/relationships/tags" Target="../tags/tag480.xml"/><Relationship Id="rId56" Type="http://schemas.openxmlformats.org/officeDocument/2006/relationships/tags" Target="../tags/tag501.xml"/><Relationship Id="rId77" Type="http://schemas.openxmlformats.org/officeDocument/2006/relationships/tags" Target="../tags/tag522.xml"/><Relationship Id="rId100" Type="http://schemas.openxmlformats.org/officeDocument/2006/relationships/tags" Target="../tags/tag545.xml"/><Relationship Id="rId105" Type="http://schemas.openxmlformats.org/officeDocument/2006/relationships/tags" Target="../tags/tag550.xml"/><Relationship Id="rId126" Type="http://schemas.openxmlformats.org/officeDocument/2006/relationships/tags" Target="../tags/tag571.xml"/><Relationship Id="rId147" Type="http://schemas.openxmlformats.org/officeDocument/2006/relationships/tags" Target="../tags/tag592.xml"/><Relationship Id="rId168" Type="http://schemas.openxmlformats.org/officeDocument/2006/relationships/tags" Target="../tags/tag613.xml"/><Relationship Id="rId8" Type="http://schemas.openxmlformats.org/officeDocument/2006/relationships/tags" Target="../tags/tag453.xml"/><Relationship Id="rId51" Type="http://schemas.openxmlformats.org/officeDocument/2006/relationships/tags" Target="../tags/tag496.xml"/><Relationship Id="rId72" Type="http://schemas.openxmlformats.org/officeDocument/2006/relationships/tags" Target="../tags/tag517.xml"/><Relationship Id="rId93" Type="http://schemas.openxmlformats.org/officeDocument/2006/relationships/tags" Target="../tags/tag538.xml"/><Relationship Id="rId98" Type="http://schemas.openxmlformats.org/officeDocument/2006/relationships/tags" Target="../tags/tag543.xml"/><Relationship Id="rId121" Type="http://schemas.openxmlformats.org/officeDocument/2006/relationships/tags" Target="../tags/tag566.xml"/><Relationship Id="rId142" Type="http://schemas.openxmlformats.org/officeDocument/2006/relationships/tags" Target="../tags/tag587.xml"/><Relationship Id="rId163" Type="http://schemas.openxmlformats.org/officeDocument/2006/relationships/tags" Target="../tags/tag608.xml"/><Relationship Id="rId3" Type="http://schemas.openxmlformats.org/officeDocument/2006/relationships/tags" Target="../tags/tag448.xml"/><Relationship Id="rId25" Type="http://schemas.openxmlformats.org/officeDocument/2006/relationships/tags" Target="../tags/tag470.xml"/><Relationship Id="rId46" Type="http://schemas.openxmlformats.org/officeDocument/2006/relationships/tags" Target="../tags/tag491.xml"/><Relationship Id="rId67" Type="http://schemas.openxmlformats.org/officeDocument/2006/relationships/tags" Target="../tags/tag512.xml"/><Relationship Id="rId116" Type="http://schemas.openxmlformats.org/officeDocument/2006/relationships/tags" Target="../tags/tag561.xml"/><Relationship Id="rId137" Type="http://schemas.openxmlformats.org/officeDocument/2006/relationships/tags" Target="../tags/tag582.xml"/><Relationship Id="rId158" Type="http://schemas.openxmlformats.org/officeDocument/2006/relationships/tags" Target="../tags/tag603.xml"/><Relationship Id="rId20" Type="http://schemas.openxmlformats.org/officeDocument/2006/relationships/tags" Target="../tags/tag465.xml"/><Relationship Id="rId41" Type="http://schemas.openxmlformats.org/officeDocument/2006/relationships/tags" Target="../tags/tag486.xml"/><Relationship Id="rId62" Type="http://schemas.openxmlformats.org/officeDocument/2006/relationships/tags" Target="../tags/tag507.xml"/><Relationship Id="rId83" Type="http://schemas.openxmlformats.org/officeDocument/2006/relationships/tags" Target="../tags/tag528.xml"/><Relationship Id="rId88" Type="http://schemas.openxmlformats.org/officeDocument/2006/relationships/tags" Target="../tags/tag533.xml"/><Relationship Id="rId111" Type="http://schemas.openxmlformats.org/officeDocument/2006/relationships/tags" Target="../tags/tag556.xml"/><Relationship Id="rId132" Type="http://schemas.openxmlformats.org/officeDocument/2006/relationships/tags" Target="../tags/tag577.xml"/><Relationship Id="rId153" Type="http://schemas.openxmlformats.org/officeDocument/2006/relationships/tags" Target="../tags/tag598.xml"/><Relationship Id="rId174" Type="http://schemas.openxmlformats.org/officeDocument/2006/relationships/image" Target="../media/image70.png"/></Relationships>
</file>

<file path=ppt/slides/_rels/slide162.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163.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141.xml"/><Relationship Id="rId1" Type="http://schemas.openxmlformats.org/officeDocument/2006/relationships/slideLayout" Target="../slideLayouts/slideLayout60.xml"/></Relationships>
</file>

<file path=ppt/slides/_rels/slide164.xml.rels><?xml version="1.0" encoding="UTF-8" standalone="yes"?>
<Relationships xmlns="http://schemas.openxmlformats.org/package/2006/relationships"><Relationship Id="rId2" Type="http://schemas.openxmlformats.org/officeDocument/2006/relationships/notesSlide" Target="../notesSlides/notesSlide142.xml"/><Relationship Id="rId1" Type="http://schemas.openxmlformats.org/officeDocument/2006/relationships/slideLayout" Target="../slideLayouts/slideLayout13.xml"/></Relationships>
</file>

<file path=ppt/slides/_rels/slide165.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143.xml"/><Relationship Id="rId1" Type="http://schemas.openxmlformats.org/officeDocument/2006/relationships/slideLayout" Target="../slideLayouts/slideLayout7.xml"/></Relationships>
</file>

<file path=ppt/slides/_rels/slide166.xml.rels><?xml version="1.0" encoding="UTF-8" standalone="yes"?>
<Relationships xmlns="http://schemas.openxmlformats.org/package/2006/relationships"><Relationship Id="rId3" Type="http://schemas.openxmlformats.org/officeDocument/2006/relationships/image" Target="../media/image73.jpeg"/><Relationship Id="rId2" Type="http://schemas.openxmlformats.org/officeDocument/2006/relationships/notesSlide" Target="../notesSlides/notesSlide144.xml"/><Relationship Id="rId1" Type="http://schemas.openxmlformats.org/officeDocument/2006/relationships/slideLayout" Target="../slideLayouts/slideLayout7.xml"/></Relationships>
</file>

<file path=ppt/slides/_rels/slide167.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notesSlide" Target="../notesSlides/notesSlide145.xml"/><Relationship Id="rId1" Type="http://schemas.openxmlformats.org/officeDocument/2006/relationships/slideLayout" Target="../slideLayouts/slideLayout6.xml"/></Relationships>
</file>

<file path=ppt/slides/_rels/slide168.xml.rels><?xml version="1.0" encoding="UTF-8" standalone="yes"?>
<Relationships xmlns="http://schemas.openxmlformats.org/package/2006/relationships"><Relationship Id="rId3" Type="http://schemas.openxmlformats.org/officeDocument/2006/relationships/image" Target="../media/image75.jpeg"/><Relationship Id="rId2" Type="http://schemas.openxmlformats.org/officeDocument/2006/relationships/notesSlide" Target="../notesSlides/notesSlide146.xml"/><Relationship Id="rId1" Type="http://schemas.openxmlformats.org/officeDocument/2006/relationships/slideLayout" Target="../slideLayouts/slideLayout6.xml"/></Relationships>
</file>

<file path=ppt/slides/_rels/slide169.xml.rels><?xml version="1.0" encoding="UTF-8" standalone="yes"?>
<Relationships xmlns="http://schemas.openxmlformats.org/package/2006/relationships"><Relationship Id="rId3" Type="http://schemas.openxmlformats.org/officeDocument/2006/relationships/image" Target="../media/image76.jpeg"/><Relationship Id="rId2" Type="http://schemas.openxmlformats.org/officeDocument/2006/relationships/notesSlide" Target="../notesSlides/notesSlide147.xml"/><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57.xml"/></Relationships>
</file>

<file path=ppt/slides/_rels/slide170.xml.rels><?xml version="1.0" encoding="UTF-8" standalone="yes"?>
<Relationships xmlns="http://schemas.openxmlformats.org/package/2006/relationships"><Relationship Id="rId3" Type="http://schemas.openxmlformats.org/officeDocument/2006/relationships/image" Target="../media/image77.jpeg"/><Relationship Id="rId2" Type="http://schemas.openxmlformats.org/officeDocument/2006/relationships/notesSlide" Target="../notesSlides/notesSlide148.xml"/><Relationship Id="rId1" Type="http://schemas.openxmlformats.org/officeDocument/2006/relationships/slideLayout" Target="../slideLayouts/slideLayout6.xml"/></Relationships>
</file>

<file path=ppt/slides/_rels/slide171.xml.rels><?xml version="1.0" encoding="UTF-8" standalone="yes"?>
<Relationships xmlns="http://schemas.openxmlformats.org/package/2006/relationships"><Relationship Id="rId3" Type="http://schemas.openxmlformats.org/officeDocument/2006/relationships/image" Target="../media/image78.jpeg"/><Relationship Id="rId2" Type="http://schemas.openxmlformats.org/officeDocument/2006/relationships/notesSlide" Target="../notesSlides/notesSlide149.xml"/><Relationship Id="rId1" Type="http://schemas.openxmlformats.org/officeDocument/2006/relationships/slideLayout" Target="../slideLayouts/slideLayout6.xml"/></Relationships>
</file>

<file path=ppt/slides/_rels/slide172.xml.rels><?xml version="1.0" encoding="UTF-8" standalone="yes"?>
<Relationships xmlns="http://schemas.openxmlformats.org/package/2006/relationships"><Relationship Id="rId2" Type="http://schemas.openxmlformats.org/officeDocument/2006/relationships/notesSlide" Target="../notesSlides/notesSlide150.xml"/><Relationship Id="rId1" Type="http://schemas.openxmlformats.org/officeDocument/2006/relationships/slideLayout" Target="../slideLayouts/slideLayout13.xml"/></Relationships>
</file>

<file path=ppt/slides/_rels/slide173.xml.rels><?xml version="1.0" encoding="UTF-8" standalone="yes"?>
<Relationships xmlns="http://schemas.openxmlformats.org/package/2006/relationships"><Relationship Id="rId3" Type="http://schemas.openxmlformats.org/officeDocument/2006/relationships/chart" Target="../charts/chart30.xml"/><Relationship Id="rId2" Type="http://schemas.openxmlformats.org/officeDocument/2006/relationships/notesSlide" Target="../notesSlides/notesSlide151.xml"/><Relationship Id="rId1" Type="http://schemas.openxmlformats.org/officeDocument/2006/relationships/slideLayout" Target="../slideLayouts/slideLayout6.xml"/></Relationships>
</file>

<file path=ppt/slides/_rels/slide174.xml.rels><?xml version="1.0" encoding="UTF-8" standalone="yes"?>
<Relationships xmlns="http://schemas.openxmlformats.org/package/2006/relationships"><Relationship Id="rId3" Type="http://schemas.openxmlformats.org/officeDocument/2006/relationships/chart" Target="../charts/chart31.xml"/><Relationship Id="rId2" Type="http://schemas.openxmlformats.org/officeDocument/2006/relationships/notesSlide" Target="../notesSlides/notesSlide152.xml"/><Relationship Id="rId1" Type="http://schemas.openxmlformats.org/officeDocument/2006/relationships/slideLayout" Target="../slideLayouts/slideLayout6.xml"/></Relationships>
</file>

<file path=ppt/slides/_rels/slide175.xml.rels><?xml version="1.0" encoding="UTF-8" standalone="yes"?>
<Relationships xmlns="http://schemas.openxmlformats.org/package/2006/relationships"><Relationship Id="rId8" Type="http://schemas.openxmlformats.org/officeDocument/2006/relationships/image" Target="../media/image84.png"/><Relationship Id="rId3" Type="http://schemas.openxmlformats.org/officeDocument/2006/relationships/image" Target="../media/image81.png"/><Relationship Id="rId7" Type="http://schemas.openxmlformats.org/officeDocument/2006/relationships/hyperlink" Target="http://www.calepa.ca.gov/" TargetMode="External"/><Relationship Id="rId2" Type="http://schemas.openxmlformats.org/officeDocument/2006/relationships/notesSlide" Target="../notesSlides/notesSlide153.xml"/><Relationship Id="rId1" Type="http://schemas.openxmlformats.org/officeDocument/2006/relationships/slideLayout" Target="../slideLayouts/slideLayout48.xml"/><Relationship Id="rId6" Type="http://schemas.openxmlformats.org/officeDocument/2006/relationships/image" Target="../media/image83.gif"/><Relationship Id="rId5" Type="http://schemas.openxmlformats.org/officeDocument/2006/relationships/image" Target="../media/image82.png"/><Relationship Id="rId4" Type="http://schemas.openxmlformats.org/officeDocument/2006/relationships/hyperlink" Target="http://resources.ca.gov/" TargetMode="External"/></Relationships>
</file>

<file path=ppt/slides/_rels/slide176.xml.rels><?xml version="1.0" encoding="UTF-8" standalone="yes"?>
<Relationships xmlns="http://schemas.openxmlformats.org/package/2006/relationships"><Relationship Id="rId8" Type="http://schemas.openxmlformats.org/officeDocument/2006/relationships/image" Target="../media/image88.png"/><Relationship Id="rId3" Type="http://schemas.openxmlformats.org/officeDocument/2006/relationships/image" Target="../media/image2.png"/><Relationship Id="rId7" Type="http://schemas.openxmlformats.org/officeDocument/2006/relationships/image" Target="../media/image87.jpeg"/><Relationship Id="rId2" Type="http://schemas.openxmlformats.org/officeDocument/2006/relationships/notesSlide" Target="../notesSlides/notesSlide154.xml"/><Relationship Id="rId1" Type="http://schemas.openxmlformats.org/officeDocument/2006/relationships/slideLayout" Target="../slideLayouts/slideLayout42.xml"/><Relationship Id="rId6" Type="http://schemas.openxmlformats.org/officeDocument/2006/relationships/image" Target="../media/image86.jpeg"/><Relationship Id="rId5" Type="http://schemas.openxmlformats.org/officeDocument/2006/relationships/image" Target="../media/image85.jpeg"/><Relationship Id="rId4" Type="http://schemas.openxmlformats.org/officeDocument/2006/relationships/image" Target="../media/image3.png"/><Relationship Id="rId9" Type="http://schemas.openxmlformats.org/officeDocument/2006/relationships/image" Target="../media/image89.jpeg"/></Relationships>
</file>

<file path=ppt/slides/_rels/slide17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5.xml"/><Relationship Id="rId1" Type="http://schemas.openxmlformats.org/officeDocument/2006/relationships/slideLayout" Target="../slideLayouts/slideLayout42.xml"/></Relationships>
</file>

<file path=ppt/slides/_rels/slide17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56.xml"/><Relationship Id="rId1" Type="http://schemas.openxmlformats.org/officeDocument/2006/relationships/slideLayout" Target="../slideLayouts/slideLayout49.xml"/><Relationship Id="rId5" Type="http://schemas.microsoft.com/office/2007/relationships/hdphoto" Target="../media/hdphoto8.wdp"/><Relationship Id="rId4" Type="http://schemas.openxmlformats.org/officeDocument/2006/relationships/image" Target="../media/image90.png"/></Relationships>
</file>

<file path=ppt/slides/_rels/slide179.xml.rels><?xml version="1.0" encoding="UTF-8" standalone="yes"?>
<Relationships xmlns="http://schemas.openxmlformats.org/package/2006/relationships"><Relationship Id="rId3" Type="http://schemas.openxmlformats.org/officeDocument/2006/relationships/chart" Target="../charts/chart32.xml"/><Relationship Id="rId2" Type="http://schemas.openxmlformats.org/officeDocument/2006/relationships/notesSlide" Target="../notesSlides/notesSlide157.xml"/><Relationship Id="rId1" Type="http://schemas.openxmlformats.org/officeDocument/2006/relationships/slideLayout" Target="../slideLayouts/slideLayout106.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57.xml"/></Relationships>
</file>

<file path=ppt/slides/_rels/slide180.xml.rels><?xml version="1.0" encoding="UTF-8" standalone="yes"?>
<Relationships xmlns="http://schemas.openxmlformats.org/package/2006/relationships"><Relationship Id="rId2" Type="http://schemas.openxmlformats.org/officeDocument/2006/relationships/notesSlide" Target="../notesSlides/notesSlide158.xml"/><Relationship Id="rId1" Type="http://schemas.openxmlformats.org/officeDocument/2006/relationships/slideLayout" Target="../slideLayouts/slideLayout13.xml"/></Relationships>
</file>

<file path=ppt/slides/_rels/slide181.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159.xml"/><Relationship Id="rId1" Type="http://schemas.openxmlformats.org/officeDocument/2006/relationships/slideLayout" Target="../slideLayouts/slideLayout6.xml"/></Relationships>
</file>

<file path=ppt/slides/_rels/slide182.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160.xml"/><Relationship Id="rId1" Type="http://schemas.openxmlformats.org/officeDocument/2006/relationships/slideLayout" Target="../slideLayouts/slideLayout6.xml"/></Relationships>
</file>

<file path=ppt/slides/_rels/slide18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61.xml"/><Relationship Id="rId1" Type="http://schemas.openxmlformats.org/officeDocument/2006/relationships/slideLayout" Target="../slideLayouts/slideLayout788.xml"/></Relationships>
</file>

<file path=ppt/slides/_rels/slide184.xml.rels><?xml version="1.0" encoding="UTF-8" standalone="yes"?>
<Relationships xmlns="http://schemas.openxmlformats.org/package/2006/relationships"><Relationship Id="rId3" Type="http://schemas.openxmlformats.org/officeDocument/2006/relationships/chart" Target="../charts/chart33.xml"/><Relationship Id="rId2" Type="http://schemas.openxmlformats.org/officeDocument/2006/relationships/notesSlide" Target="../notesSlides/notesSlide162.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85.xml.rels><?xml version="1.0" encoding="UTF-8" standalone="yes"?>
<Relationships xmlns="http://schemas.openxmlformats.org/package/2006/relationships"><Relationship Id="rId3" Type="http://schemas.openxmlformats.org/officeDocument/2006/relationships/chart" Target="../charts/chart34.xml"/><Relationship Id="rId2" Type="http://schemas.openxmlformats.org/officeDocument/2006/relationships/notesSlide" Target="../notesSlides/notesSlide163.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86.xml.rels><?xml version="1.0" encoding="UTF-8" standalone="yes"?>
<Relationships xmlns="http://schemas.openxmlformats.org/package/2006/relationships"><Relationship Id="rId3" Type="http://schemas.openxmlformats.org/officeDocument/2006/relationships/chart" Target="../charts/chart35.xml"/><Relationship Id="rId2" Type="http://schemas.openxmlformats.org/officeDocument/2006/relationships/notesSlide" Target="../notesSlides/notesSlide164.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87.xml.rels><?xml version="1.0" encoding="UTF-8" standalone="yes"?>
<Relationships xmlns="http://schemas.openxmlformats.org/package/2006/relationships"><Relationship Id="rId3" Type="http://schemas.openxmlformats.org/officeDocument/2006/relationships/chart" Target="../charts/chart36.xml"/><Relationship Id="rId2" Type="http://schemas.openxmlformats.org/officeDocument/2006/relationships/notesSlide" Target="../notesSlides/notesSlide165.xml"/><Relationship Id="rId1" Type="http://schemas.openxmlformats.org/officeDocument/2006/relationships/slideLayout" Target="../slideLayouts/slideLayout6.xml"/></Relationships>
</file>

<file path=ppt/slides/_rels/slide188.xml.rels><?xml version="1.0" encoding="UTF-8" standalone="yes"?>
<Relationships xmlns="http://schemas.openxmlformats.org/package/2006/relationships"><Relationship Id="rId3" Type="http://schemas.openxmlformats.org/officeDocument/2006/relationships/chart" Target="../charts/chart37.xml"/><Relationship Id="rId2" Type="http://schemas.openxmlformats.org/officeDocument/2006/relationships/notesSlide" Target="../notesSlides/notesSlide166.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89.xml.rels><?xml version="1.0" encoding="UTF-8" standalone="yes"?>
<Relationships xmlns="http://schemas.openxmlformats.org/package/2006/relationships"><Relationship Id="rId3" Type="http://schemas.openxmlformats.org/officeDocument/2006/relationships/chart" Target="../charts/chart38.xml"/><Relationship Id="rId2" Type="http://schemas.openxmlformats.org/officeDocument/2006/relationships/notesSlide" Target="../notesSlides/notesSlide167.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5.xml"/></Relationships>
</file>

<file path=ppt/slides/_rels/slide190.xml.rels><?xml version="1.0" encoding="UTF-8" standalone="yes"?>
<Relationships xmlns="http://schemas.openxmlformats.org/package/2006/relationships"><Relationship Id="rId3" Type="http://schemas.openxmlformats.org/officeDocument/2006/relationships/chart" Target="../charts/chart39.xml"/><Relationship Id="rId2" Type="http://schemas.openxmlformats.org/officeDocument/2006/relationships/notesSlide" Target="../notesSlides/notesSlide168.xml"/><Relationship Id="rId1" Type="http://schemas.openxmlformats.org/officeDocument/2006/relationships/slideLayout" Target="../slideLayouts/slideLayout6.xml"/><Relationship Id="rId4" Type="http://schemas.openxmlformats.org/officeDocument/2006/relationships/image" Target="../media/image93.jpeg"/></Relationships>
</file>

<file path=ppt/slides/_rels/slide191.xml.rels><?xml version="1.0" encoding="UTF-8" standalone="yes"?>
<Relationships xmlns="http://schemas.openxmlformats.org/package/2006/relationships"><Relationship Id="rId3" Type="http://schemas.openxmlformats.org/officeDocument/2006/relationships/image" Target="../media/image94.jpeg"/><Relationship Id="rId2" Type="http://schemas.openxmlformats.org/officeDocument/2006/relationships/notesSlide" Target="../notesSlides/notesSlide169.xml"/><Relationship Id="rId1" Type="http://schemas.openxmlformats.org/officeDocument/2006/relationships/slideLayout" Target="../slideLayouts/slideLayout46.xml"/><Relationship Id="rId5" Type="http://schemas.openxmlformats.org/officeDocument/2006/relationships/chart" Target="../charts/chart40.xml"/><Relationship Id="rId4" Type="http://schemas.openxmlformats.org/officeDocument/2006/relationships/image" Target="../media/image9.png"/></Relationships>
</file>

<file path=ppt/slides/_rels/slide192.xml.rels><?xml version="1.0" encoding="UTF-8" standalone="yes"?>
<Relationships xmlns="http://schemas.openxmlformats.org/package/2006/relationships"><Relationship Id="rId2" Type="http://schemas.openxmlformats.org/officeDocument/2006/relationships/image" Target="../media/image95.png"/><Relationship Id="rId1" Type="http://schemas.openxmlformats.org/officeDocument/2006/relationships/slideLayout" Target="../slideLayouts/slideLayout51.xml"/></Relationships>
</file>

<file path=ppt/slides/_rels/slide193.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170.xml"/><Relationship Id="rId1" Type="http://schemas.openxmlformats.org/officeDocument/2006/relationships/slideLayout" Target="../slideLayouts/slideLayout45.xml"/></Relationships>
</file>

<file path=ppt/slides/_rels/slide194.xml.rels><?xml version="1.0" encoding="UTF-8" standalone="yes"?>
<Relationships xmlns="http://schemas.openxmlformats.org/package/2006/relationships"><Relationship Id="rId2" Type="http://schemas.openxmlformats.org/officeDocument/2006/relationships/notesSlide" Target="../notesSlides/notesSlide171.xml"/><Relationship Id="rId1" Type="http://schemas.openxmlformats.org/officeDocument/2006/relationships/slideLayout" Target="../slideLayouts/slideLayout6.xml"/></Relationships>
</file>

<file path=ppt/slides/_rels/slide19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2.xml"/><Relationship Id="rId1" Type="http://schemas.openxmlformats.org/officeDocument/2006/relationships/slideLayout" Target="../slideLayouts/slideLayout911.xml"/></Relationships>
</file>

<file path=ppt/slides/_rels/slide19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3.xml"/><Relationship Id="rId1" Type="http://schemas.openxmlformats.org/officeDocument/2006/relationships/slideLayout" Target="../slideLayouts/slideLayout911.xml"/></Relationships>
</file>

<file path=ppt/slides/_rels/slide19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4.xml"/><Relationship Id="rId1" Type="http://schemas.openxmlformats.org/officeDocument/2006/relationships/slideLayout" Target="../slideLayouts/slideLayout912.xml"/></Relationships>
</file>

<file path=ppt/slides/_rels/slide198.xml.rels><?xml version="1.0" encoding="UTF-8" standalone="yes"?>
<Relationships xmlns="http://schemas.openxmlformats.org/package/2006/relationships"><Relationship Id="rId3" Type="http://schemas.openxmlformats.org/officeDocument/2006/relationships/chart" Target="../charts/chart41.xml"/><Relationship Id="rId2" Type="http://schemas.openxmlformats.org/officeDocument/2006/relationships/notesSlide" Target="../notesSlides/notesSlide175.xml"/><Relationship Id="rId1" Type="http://schemas.openxmlformats.org/officeDocument/2006/relationships/slideLayout" Target="../slideLayouts/slideLayout912.xml"/><Relationship Id="rId4" Type="http://schemas.openxmlformats.org/officeDocument/2006/relationships/image" Target="../media/image4.png"/></Relationships>
</file>

<file path=ppt/slides/_rels/slide19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6.xml"/><Relationship Id="rId1" Type="http://schemas.openxmlformats.org/officeDocument/2006/relationships/slideLayout" Target="../slideLayouts/slideLayout912.xml"/><Relationship Id="rId4" Type="http://schemas.openxmlformats.org/officeDocument/2006/relationships/chart" Target="../charts/chart4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096.xml"/></Relationships>
</file>

<file path=ppt/slides/_rels/slide20.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4.xml"/><Relationship Id="rId1" Type="http://schemas.openxmlformats.org/officeDocument/2006/relationships/slideLayout" Target="../slideLayouts/slideLayout149.xml"/></Relationships>
</file>

<file path=ppt/slides/_rels/slide20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7.xml"/><Relationship Id="rId1" Type="http://schemas.openxmlformats.org/officeDocument/2006/relationships/slideLayout" Target="../slideLayouts/slideLayout912.xml"/><Relationship Id="rId4" Type="http://schemas.openxmlformats.org/officeDocument/2006/relationships/chart" Target="../charts/chart43.xml"/></Relationships>
</file>

<file path=ppt/slides/_rels/slide201.xml.rels><?xml version="1.0" encoding="UTF-8" standalone="yes"?>
<Relationships xmlns="http://schemas.openxmlformats.org/package/2006/relationships"><Relationship Id="rId3" Type="http://schemas.openxmlformats.org/officeDocument/2006/relationships/chart" Target="../charts/chart44.xml"/><Relationship Id="rId2" Type="http://schemas.openxmlformats.org/officeDocument/2006/relationships/notesSlide" Target="../notesSlides/notesSlide178.xml"/><Relationship Id="rId1" Type="http://schemas.openxmlformats.org/officeDocument/2006/relationships/slideLayout" Target="../slideLayouts/slideLayout912.xml"/><Relationship Id="rId5" Type="http://schemas.openxmlformats.org/officeDocument/2006/relationships/image" Target="../media/image2.png"/><Relationship Id="rId4" Type="http://schemas.openxmlformats.org/officeDocument/2006/relationships/image" Target="../media/image4.png"/></Relationships>
</file>

<file path=ppt/slides/_rels/slide20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79.xml"/><Relationship Id="rId1" Type="http://schemas.openxmlformats.org/officeDocument/2006/relationships/slideLayout" Target="../slideLayouts/slideLayout915.xml"/><Relationship Id="rId4" Type="http://schemas.openxmlformats.org/officeDocument/2006/relationships/chart" Target="../charts/chart45.xml"/></Relationships>
</file>

<file path=ppt/slides/_rels/slide203.xml.rels><?xml version="1.0" encoding="UTF-8" standalone="yes"?>
<Relationships xmlns="http://schemas.openxmlformats.org/package/2006/relationships"><Relationship Id="rId2" Type="http://schemas.openxmlformats.org/officeDocument/2006/relationships/image" Target="../media/image97.png"/><Relationship Id="rId1" Type="http://schemas.openxmlformats.org/officeDocument/2006/relationships/slideLayout" Target="../slideLayouts/slideLayout934.xml"/></Relationships>
</file>

<file path=ppt/slides/_rels/slide204.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4.png"/><Relationship Id="rId1" Type="http://schemas.openxmlformats.org/officeDocument/2006/relationships/slideLayout" Target="../slideLayouts/slideLayout490.xml"/><Relationship Id="rId6" Type="http://schemas.openxmlformats.org/officeDocument/2006/relationships/image" Target="../media/image46.png"/><Relationship Id="rId5" Type="http://schemas.openxmlformats.org/officeDocument/2006/relationships/image" Target="../media/image45.png"/><Relationship Id="rId4" Type="http://schemas.openxmlformats.org/officeDocument/2006/relationships/image" Target="../media/image44.png"/></Relationships>
</file>

<file path=ppt/slides/_rels/slide205.xml.rels><?xml version="1.0" encoding="UTF-8" standalone="yes"?>
<Relationships xmlns="http://schemas.openxmlformats.org/package/2006/relationships"><Relationship Id="rId3" Type="http://schemas.openxmlformats.org/officeDocument/2006/relationships/hyperlink" Target="http://www.google.com/url?sa=i&amp;rct=j&amp;q=&amp;esrc=s&amp;frm=1&amp;source=images&amp;cd=&amp;cad=rja&amp;uact=8&amp;ved=0CAcQjRw&amp;url=http://commons.wikimedia.org/wiki/File:United_States_Army_Corps_of_Engineers_logo.svg&amp;ei=bTXhVMjWJcyoogSsq4GgDw&amp;bvm=bv.85970519,d.cGU&amp;psig=AFQjCNHM2rCWbpCBhus-SGGwN7dYl3lUKg&amp;ust=1424131820125121" TargetMode="External"/><Relationship Id="rId2" Type="http://schemas.openxmlformats.org/officeDocument/2006/relationships/image" Target="../media/image4.png"/><Relationship Id="rId1" Type="http://schemas.openxmlformats.org/officeDocument/2006/relationships/slideLayout" Target="../slideLayouts/slideLayout486.xml"/><Relationship Id="rId4" Type="http://schemas.openxmlformats.org/officeDocument/2006/relationships/image" Target="../media/image99.png"/></Relationships>
</file>

<file path=ppt/slides/_rels/slide206.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image" Target="../media/image4.png"/><Relationship Id="rId1" Type="http://schemas.openxmlformats.org/officeDocument/2006/relationships/slideLayout" Target="../slideLayouts/slideLayout486.xml"/><Relationship Id="rId4" Type="http://schemas.microsoft.com/office/2007/relationships/hdphoto" Target="../media/hdphoto9.wdp"/></Relationships>
</file>

<file path=ppt/slides/_rels/slide20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8.xml.rels><?xml version="1.0" encoding="UTF-8" standalone="yes"?>
<Relationships xmlns="http://schemas.openxmlformats.org/package/2006/relationships"><Relationship Id="rId2" Type="http://schemas.openxmlformats.org/officeDocument/2006/relationships/notesSlide" Target="../notesSlides/notesSlide180.xml"/><Relationship Id="rId1" Type="http://schemas.openxmlformats.org/officeDocument/2006/relationships/slideLayout" Target="../slideLayouts/slideLayout3.xml"/></Relationships>
</file>

<file path=ppt/slides/_rels/slide209.xml.rels><?xml version="1.0" encoding="UTF-8" standalone="yes"?>
<Relationships xmlns="http://schemas.openxmlformats.org/package/2006/relationships"><Relationship Id="rId2" Type="http://schemas.openxmlformats.org/officeDocument/2006/relationships/notesSlide" Target="../notesSlides/notesSlide181.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86.xml"/></Relationships>
</file>

<file path=ppt/slides/_rels/slide210.xml.rels><?xml version="1.0" encoding="UTF-8" standalone="yes"?>
<Relationships xmlns="http://schemas.openxmlformats.org/package/2006/relationships"><Relationship Id="rId2" Type="http://schemas.openxmlformats.org/officeDocument/2006/relationships/notesSlide" Target="../notesSlides/notesSlide182.xml"/><Relationship Id="rId1" Type="http://schemas.openxmlformats.org/officeDocument/2006/relationships/slideLayout" Target="../slideLayouts/slideLayout10.xml"/></Relationships>
</file>

<file path=ppt/slides/_rels/slide211.xml.rels><?xml version="1.0" encoding="UTF-8" standalone="yes"?>
<Relationships xmlns="http://schemas.openxmlformats.org/package/2006/relationships"><Relationship Id="rId2" Type="http://schemas.openxmlformats.org/officeDocument/2006/relationships/image" Target="../media/image101.png"/><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6.xml"/><Relationship Id="rId1" Type="http://schemas.openxmlformats.org/officeDocument/2006/relationships/slideLayout" Target="../slideLayouts/slideLayout771.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2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3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719.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5.xml"/></Relationships>
</file>

<file path=ppt/slides/_rels/slide28.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22.xml"/><Relationship Id="rId1" Type="http://schemas.openxmlformats.org/officeDocument/2006/relationships/slideLayout" Target="../slideLayouts/slideLayout223.xml"/><Relationship Id="rId4" Type="http://schemas.openxmlformats.org/officeDocument/2006/relationships/image" Target="../media/image4.png"/></Relationships>
</file>

<file path=ppt/slides/_rels/slide2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3.xml"/><Relationship Id="rId1" Type="http://schemas.openxmlformats.org/officeDocument/2006/relationships/slideLayout" Target="../slideLayouts/slideLayout281.xml"/></Relationships>
</file>

<file path=ppt/slides/_rels/slide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089.xml"/><Relationship Id="rId4" Type="http://schemas.openxmlformats.org/officeDocument/2006/relationships/image" Target="../media/image2.png"/></Relationships>
</file>

<file path=ppt/slides/_rels/slide30.xml.rels><?xml version="1.0" encoding="UTF-8" standalone="yes"?>
<Relationships xmlns="http://schemas.openxmlformats.org/package/2006/relationships"><Relationship Id="rId8" Type="http://schemas.openxmlformats.org/officeDocument/2006/relationships/image" Target="../media/image20.jpeg"/><Relationship Id="rId3" Type="http://schemas.openxmlformats.org/officeDocument/2006/relationships/image" Target="../media/image15.jpeg"/><Relationship Id="rId7" Type="http://schemas.openxmlformats.org/officeDocument/2006/relationships/image" Target="../media/image19.png"/><Relationship Id="rId2" Type="http://schemas.openxmlformats.org/officeDocument/2006/relationships/notesSlide" Target="../notesSlides/notesSlide24.xml"/><Relationship Id="rId1" Type="http://schemas.openxmlformats.org/officeDocument/2006/relationships/slideLayout" Target="../slideLayouts/slideLayout6.xml"/><Relationship Id="rId6" Type="http://schemas.openxmlformats.org/officeDocument/2006/relationships/image" Target="../media/image18.png"/><Relationship Id="rId5" Type="http://schemas.openxmlformats.org/officeDocument/2006/relationships/image" Target="../media/image17.jpeg"/><Relationship Id="rId4" Type="http://schemas.openxmlformats.org/officeDocument/2006/relationships/image" Target="../media/image16.jpeg"/></Relationships>
</file>

<file path=ppt/slides/_rels/slide3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5.xml"/><Relationship Id="rId1" Type="http://schemas.openxmlformats.org/officeDocument/2006/relationships/slideLayout" Target="../slideLayouts/slideLayout657.xml"/><Relationship Id="rId4" Type="http://schemas.openxmlformats.org/officeDocument/2006/relationships/image" Target="../media/image2.png"/></Relationships>
</file>

<file path=ppt/slides/_rels/slide3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6.xml"/><Relationship Id="rId1" Type="http://schemas.openxmlformats.org/officeDocument/2006/relationships/slideLayout" Target="../slideLayouts/slideLayout518.xml"/><Relationship Id="rId4" Type="http://schemas.openxmlformats.org/officeDocument/2006/relationships/image" Target="../media/image22.png"/></Relationships>
</file>

<file path=ppt/slides/_rels/slide3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7.xml"/><Relationship Id="rId1" Type="http://schemas.openxmlformats.org/officeDocument/2006/relationships/slideLayout" Target="../slideLayouts/slideLayout42.xml"/></Relationships>
</file>

<file path=ppt/slides/_rels/slide3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8.xml"/><Relationship Id="rId1" Type="http://schemas.openxmlformats.org/officeDocument/2006/relationships/slideLayout" Target="../slideLayouts/slideLayout4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10.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45.xml"/></Relationships>
</file>

<file path=ppt/slides/_rels/slide3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2.xml"/><Relationship Id="rId1" Type="http://schemas.openxmlformats.org/officeDocument/2006/relationships/slideLayout" Target="../slideLayouts/slideLayout10.xml"/><Relationship Id="rId4" Type="http://schemas.openxmlformats.org/officeDocument/2006/relationships/image" Target="../media/image3.png"/></Relationships>
</file>

<file path=ppt/slides/_rels/slide4.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3.xml"/><Relationship Id="rId1" Type="http://schemas.openxmlformats.org/officeDocument/2006/relationships/slideLayout" Target="../slideLayouts/slideLayout47.xml"/><Relationship Id="rId4" Type="http://schemas.openxmlformats.org/officeDocument/2006/relationships/image" Target="../media/image11.png"/></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78.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47.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45.xml"/></Relationships>
</file>

<file path=ppt/slides/_rels/slide4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6.xml"/><Relationship Id="rId1" Type="http://schemas.openxmlformats.org/officeDocument/2006/relationships/slideLayout" Target="../slideLayouts/slideLayout558.xml"/><Relationship Id="rId5" Type="http://schemas.openxmlformats.org/officeDocument/2006/relationships/image" Target="../media/image23.jpeg"/><Relationship Id="rId4" Type="http://schemas.openxmlformats.org/officeDocument/2006/relationships/chart" Target="../charts/chart4.xml"/></Relationships>
</file>

<file path=ppt/slides/_rels/slide4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7.xml"/><Relationship Id="rId1" Type="http://schemas.openxmlformats.org/officeDocument/2006/relationships/slideLayout" Target="../slideLayouts/slideLayout42.xml"/><Relationship Id="rId5" Type="http://schemas.openxmlformats.org/officeDocument/2006/relationships/image" Target="../media/image23.jpeg"/><Relationship Id="rId4" Type="http://schemas.openxmlformats.org/officeDocument/2006/relationships/chart" Target="../charts/chart5.xml"/></Relationships>
</file>

<file path=ppt/slides/_rels/slide45.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38.xml"/><Relationship Id="rId1" Type="http://schemas.openxmlformats.org/officeDocument/2006/relationships/slideLayout" Target="../slideLayouts/slideLayout558.xml"/><Relationship Id="rId4" Type="http://schemas.openxmlformats.org/officeDocument/2006/relationships/image" Target="../media/image23.jpeg"/></Relationships>
</file>

<file path=ppt/slides/_rels/slide46.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39.xml"/><Relationship Id="rId1" Type="http://schemas.openxmlformats.org/officeDocument/2006/relationships/slideLayout" Target="../slideLayouts/slideLayout558.xml"/><Relationship Id="rId4" Type="http://schemas.openxmlformats.org/officeDocument/2006/relationships/image" Target="../media/image23.jpeg"/></Relationships>
</file>

<file path=ppt/slides/_rels/slide47.xml.rels><?xml version="1.0" encoding="UTF-8" standalone="yes"?>
<Relationships xmlns="http://schemas.openxmlformats.org/package/2006/relationships"><Relationship Id="rId3" Type="http://schemas.openxmlformats.org/officeDocument/2006/relationships/chart" Target="../charts/chart8.xml"/><Relationship Id="rId2" Type="http://schemas.openxmlformats.org/officeDocument/2006/relationships/notesSlide" Target="../notesSlides/notesSlide40.xml"/><Relationship Id="rId1" Type="http://schemas.openxmlformats.org/officeDocument/2006/relationships/slideLayout" Target="../slideLayouts/slideLayout42.xml"/><Relationship Id="rId4" Type="http://schemas.openxmlformats.org/officeDocument/2006/relationships/image" Target="../media/image23.jpeg"/></Relationships>
</file>

<file path=ppt/slides/_rels/slide48.xml.rels><?xml version="1.0" encoding="UTF-8" standalone="yes"?>
<Relationships xmlns="http://schemas.openxmlformats.org/package/2006/relationships"><Relationship Id="rId3" Type="http://schemas.openxmlformats.org/officeDocument/2006/relationships/hyperlink" Target="http://www.google.com/url?sa=i&amp;rct=j&amp;q=&amp;esrc=s&amp;frm=1&amp;source=images&amp;cd=&amp;cad=rja&amp;docid=9lTanM1xHGH82M&amp;tbnid=e_ZLWioR3WfG2M:&amp;ved=0CAUQjRw&amp;url=http://www.leesferry.com/main/guides-services/fishing-conditions-techniques-lees-ferry&amp;ei=pYnZUsiSHNWwoQSz9oHYBw&amp;bvm=bv.59568121,d.cGU&amp;psig=AFQjCNF10zlrLNW3NSivruJGv3Z1z7dRlQ&amp;ust=1390074412775861" TargetMode="External"/><Relationship Id="rId2" Type="http://schemas.openxmlformats.org/officeDocument/2006/relationships/notesSlide" Target="../notesSlides/notesSlide41.xml"/><Relationship Id="rId1" Type="http://schemas.openxmlformats.org/officeDocument/2006/relationships/slideLayout" Target="../slideLayouts/slideLayout558.xml"/><Relationship Id="rId5" Type="http://schemas.openxmlformats.org/officeDocument/2006/relationships/chart" Target="../charts/chart9.xml"/><Relationship Id="rId4" Type="http://schemas.openxmlformats.org/officeDocument/2006/relationships/image" Target="../media/image24.jpeg"/></Relationships>
</file>

<file path=ppt/slides/_rels/slide49.xml.rels><?xml version="1.0" encoding="UTF-8" standalone="yes"?>
<Relationships xmlns="http://schemas.openxmlformats.org/package/2006/relationships"><Relationship Id="rId3" Type="http://schemas.openxmlformats.org/officeDocument/2006/relationships/hyperlink" Target="http://www.google.com/url?sa=i&amp;rct=j&amp;q=&amp;esrc=s&amp;frm=1&amp;source=images&amp;cd=&amp;cad=rja&amp;docid=9lTanM1xHGH82M&amp;tbnid=e_ZLWioR3WfG2M:&amp;ved=0CAUQjRw&amp;url=http://www.leesferry.com/main/guides-services/fishing-conditions-techniques-lees-ferry&amp;ei=pYnZUsiSHNWwoQSz9oHYBw&amp;bvm=bv.59568121,d.cGU&amp;psig=AFQjCNF10zlrLNW3NSivruJGv3Z1z7dRlQ&amp;ust=1390074412775861" TargetMode="External"/><Relationship Id="rId2" Type="http://schemas.openxmlformats.org/officeDocument/2006/relationships/notesSlide" Target="../notesSlides/notesSlide42.xml"/><Relationship Id="rId1" Type="http://schemas.openxmlformats.org/officeDocument/2006/relationships/slideLayout" Target="../slideLayouts/slideLayout1026.xml"/><Relationship Id="rId5" Type="http://schemas.openxmlformats.org/officeDocument/2006/relationships/chart" Target="../charts/chart10.xml"/><Relationship Id="rId4" Type="http://schemas.openxmlformats.org/officeDocument/2006/relationships/image" Target="../media/image24.jpe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093.xml"/></Relationships>
</file>

<file path=ppt/slides/_rels/slide50.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43.xml"/><Relationship Id="rId1" Type="http://schemas.openxmlformats.org/officeDocument/2006/relationships/slideLayout" Target="../slideLayouts/slideLayout561.xml"/></Relationships>
</file>

<file path=ppt/slides/_rels/slide51.xml.rels><?xml version="1.0" encoding="UTF-8" standalone="yes"?>
<Relationships xmlns="http://schemas.openxmlformats.org/package/2006/relationships"><Relationship Id="rId3" Type="http://schemas.openxmlformats.org/officeDocument/2006/relationships/image" Target="../media/image25.gif"/><Relationship Id="rId2" Type="http://schemas.openxmlformats.org/officeDocument/2006/relationships/notesSlide" Target="../notesSlides/notesSlide44.xml"/><Relationship Id="rId1" Type="http://schemas.openxmlformats.org/officeDocument/2006/relationships/slideLayout" Target="../slideLayouts/slideLayout46.xml"/><Relationship Id="rId4" Type="http://schemas.openxmlformats.org/officeDocument/2006/relationships/chart" Target="../charts/chart12.xml"/></Relationships>
</file>

<file path=ppt/slides/_rels/slide52.xml.rels><?xml version="1.0" encoding="UTF-8" standalone="yes"?>
<Relationships xmlns="http://schemas.openxmlformats.org/package/2006/relationships"><Relationship Id="rId3" Type="http://schemas.openxmlformats.org/officeDocument/2006/relationships/chart" Target="../charts/chart13.xml"/><Relationship Id="rId2" Type="http://schemas.openxmlformats.org/officeDocument/2006/relationships/notesSlide" Target="../notesSlides/notesSlide45.xml"/><Relationship Id="rId1" Type="http://schemas.openxmlformats.org/officeDocument/2006/relationships/slideLayout" Target="../slideLayouts/slideLayout42.xml"/><Relationship Id="rId4" Type="http://schemas.openxmlformats.org/officeDocument/2006/relationships/image" Target="../media/image4.png"/></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45.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336.xml"/></Relationships>
</file>

<file path=ppt/slides/_rels/slide55.xml.rels><?xml version="1.0" encoding="UTF-8" standalone="yes"?>
<Relationships xmlns="http://schemas.openxmlformats.org/package/2006/relationships"><Relationship Id="rId3" Type="http://schemas.openxmlformats.org/officeDocument/2006/relationships/chart" Target="../charts/chart14.xml"/><Relationship Id="rId2" Type="http://schemas.openxmlformats.org/officeDocument/2006/relationships/notesSlide" Target="../notesSlides/notesSlide48.xml"/><Relationship Id="rId1" Type="http://schemas.openxmlformats.org/officeDocument/2006/relationships/slideLayout" Target="../slideLayouts/slideLayout10.xml"/></Relationships>
</file>

<file path=ppt/slides/_rels/slide56.xml.rels><?xml version="1.0" encoding="UTF-8" standalone="yes"?>
<Relationships xmlns="http://schemas.openxmlformats.org/package/2006/relationships"><Relationship Id="rId3" Type="http://schemas.openxmlformats.org/officeDocument/2006/relationships/chart" Target="../charts/chart15.xml"/><Relationship Id="rId2" Type="http://schemas.openxmlformats.org/officeDocument/2006/relationships/notesSlide" Target="../notesSlides/notesSlide49.xml"/><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3" Type="http://schemas.openxmlformats.org/officeDocument/2006/relationships/notesSlide" Target="../notesSlides/notesSlide50.xml"/><Relationship Id="rId7" Type="http://schemas.openxmlformats.org/officeDocument/2006/relationships/image" Target="../media/image27.png"/><Relationship Id="rId2" Type="http://schemas.openxmlformats.org/officeDocument/2006/relationships/slideLayout" Target="../slideLayouts/slideLayout363.xml"/><Relationship Id="rId1" Type="http://schemas.openxmlformats.org/officeDocument/2006/relationships/vmlDrawing" Target="../drawings/vmlDrawing1.vml"/><Relationship Id="rId6" Type="http://schemas.openxmlformats.org/officeDocument/2006/relationships/oleObject" Target="../embeddings/Microsoft_Excel_97-2003_Worksheet2.xls"/><Relationship Id="rId5" Type="http://schemas.openxmlformats.org/officeDocument/2006/relationships/image" Target="../media/image26.png"/><Relationship Id="rId4" Type="http://schemas.openxmlformats.org/officeDocument/2006/relationships/oleObject" Target="../embeddings/Microsoft_Excel_97-2003_Worksheet1.xls"/></Relationships>
</file>

<file path=ppt/slides/_rels/slide58.xml.rels><?xml version="1.0" encoding="UTF-8" standalone="yes"?>
<Relationships xmlns="http://schemas.openxmlformats.org/package/2006/relationships"><Relationship Id="rId3" Type="http://schemas.openxmlformats.org/officeDocument/2006/relationships/chart" Target="../charts/chart16.xml"/><Relationship Id="rId2" Type="http://schemas.openxmlformats.org/officeDocument/2006/relationships/notesSlide" Target="../notesSlides/notesSlide51.xml"/><Relationship Id="rId1" Type="http://schemas.openxmlformats.org/officeDocument/2006/relationships/slideLayout" Target="../slideLayouts/slideLayout366.xml"/><Relationship Id="rId5" Type="http://schemas.openxmlformats.org/officeDocument/2006/relationships/chart" Target="../charts/chart18.xml"/><Relationship Id="rId4" Type="http://schemas.openxmlformats.org/officeDocument/2006/relationships/chart" Target="../charts/chart17.xml"/></Relationships>
</file>

<file path=ppt/slides/_rels/slide59.xml.rels><?xml version="1.0" encoding="UTF-8" standalone="yes"?>
<Relationships xmlns="http://schemas.openxmlformats.org/package/2006/relationships"><Relationship Id="rId3" Type="http://schemas.openxmlformats.org/officeDocument/2006/relationships/chart" Target="../charts/chart19.xml"/><Relationship Id="rId2" Type="http://schemas.openxmlformats.org/officeDocument/2006/relationships/notesSlide" Target="../notesSlides/notesSlide52.xml"/><Relationship Id="rId1" Type="http://schemas.openxmlformats.org/officeDocument/2006/relationships/slideLayout" Target="../slideLayouts/slideLayout10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1.xml"/></Relationships>
</file>

<file path=ppt/slides/_rels/slide60.xml.rels><?xml version="1.0" encoding="UTF-8" standalone="yes"?>
<Relationships xmlns="http://schemas.openxmlformats.org/package/2006/relationships"><Relationship Id="rId3" Type="http://schemas.openxmlformats.org/officeDocument/2006/relationships/chart" Target="../charts/chart20.xml"/><Relationship Id="rId2" Type="http://schemas.openxmlformats.org/officeDocument/2006/relationships/notesSlide" Target="../notesSlides/notesSlide53.xml"/><Relationship Id="rId1" Type="http://schemas.openxmlformats.org/officeDocument/2006/relationships/slideLayout" Target="../slideLayouts/slideLayout106.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873.xml"/></Relationships>
</file>

<file path=ppt/slides/_rels/slide62.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28.png"/><Relationship Id="rId7" Type="http://schemas.openxmlformats.org/officeDocument/2006/relationships/hyperlink" Target="http://www.google.com/url?sa=i&amp;rct=j&amp;q=&amp;esrc=s&amp;source=images&amp;cd=&amp;cad=rja&amp;uact=8&amp;ved=0CAcQjRw&amp;url=http://cityofpasadena.net/waterandpower/recycledwater/&amp;ei=oZ2IVcKtNYewogSwlLLwCQ&amp;bvm=bv.96339352,d.cGU&amp;psig=AFQjCNF6wHJToiAB2f_YyZVhKSRJ2zpKDg&amp;ust=1435103004376288" TargetMode="External"/><Relationship Id="rId2" Type="http://schemas.openxmlformats.org/officeDocument/2006/relationships/notesSlide" Target="../notesSlides/notesSlide55.xml"/><Relationship Id="rId1" Type="http://schemas.openxmlformats.org/officeDocument/2006/relationships/slideLayout" Target="../slideLayouts/slideLayout367.xml"/><Relationship Id="rId6" Type="http://schemas.openxmlformats.org/officeDocument/2006/relationships/image" Target="../media/image30.png"/><Relationship Id="rId5" Type="http://schemas.openxmlformats.org/officeDocument/2006/relationships/image" Target="../media/image29.png"/><Relationship Id="rId4" Type="http://schemas.microsoft.com/office/2007/relationships/hdphoto" Target="../media/hdphoto2.wdp"/><Relationship Id="rId9" Type="http://schemas.microsoft.com/office/2007/relationships/hdphoto" Target="../media/hdphoto3.wdp"/></Relationships>
</file>

<file path=ppt/slides/_rels/slide6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56.xml"/><Relationship Id="rId1" Type="http://schemas.openxmlformats.org/officeDocument/2006/relationships/slideLayout" Target="../slideLayouts/slideLayout367.xml"/><Relationship Id="rId5" Type="http://schemas.openxmlformats.org/officeDocument/2006/relationships/image" Target="../media/image33.jpeg"/><Relationship Id="rId4" Type="http://schemas.openxmlformats.org/officeDocument/2006/relationships/hyperlink" Target="https://www.google.com/url?sa=i&amp;rct=j&amp;q=&amp;esrc=s&amp;source=images&amp;cd=&amp;cad=rja&amp;uact=8&amp;ved=0CAcQjRxqFQoTCN7_2Kzxz8gCFRPlYwodtZ4ADQ&amp;url=https://blog.aquaamerica.com/post/2014/11/04/Diary-of-an-Aqua-Water-Drop-Chloe-(Groundwater-Treatment).aspx&amp;psig=AFQjCNHoLd4IgzLog1FhYKnZAmQUa6OWUQ&amp;ust=1445390482556054" TargetMode="External"/></Relationships>
</file>

<file path=ppt/slides/_rels/slide6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57.xml"/><Relationship Id="rId1" Type="http://schemas.openxmlformats.org/officeDocument/2006/relationships/slideLayout" Target="../slideLayouts/slideLayout737.xml"/><Relationship Id="rId4" Type="http://schemas.microsoft.com/office/2007/relationships/hdphoto" Target="../media/hdphoto4.wdp"/></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544.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45.xml"/></Relationships>
</file>

<file path=ppt/slides/_rels/slide6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60.xml"/><Relationship Id="rId1" Type="http://schemas.openxmlformats.org/officeDocument/2006/relationships/slideLayout" Target="../slideLayouts/slideLayout47.xml"/></Relationships>
</file>

<file path=ppt/slides/_rels/slide6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61.xml"/><Relationship Id="rId1" Type="http://schemas.openxmlformats.org/officeDocument/2006/relationships/slideLayout" Target="../slideLayouts/slideLayout47.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4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1.xml"/></Relationships>
</file>

<file path=ppt/slides/_rels/slide70.xml.rels><?xml version="1.0" encoding="UTF-8" standalone="yes"?>
<Relationships xmlns="http://schemas.openxmlformats.org/package/2006/relationships"><Relationship Id="rId8" Type="http://schemas.openxmlformats.org/officeDocument/2006/relationships/image" Target="../media/image39.emf"/><Relationship Id="rId3" Type="http://schemas.openxmlformats.org/officeDocument/2006/relationships/image" Target="../media/image4.png"/><Relationship Id="rId7" Type="http://schemas.openxmlformats.org/officeDocument/2006/relationships/image" Target="../media/image38.jpeg"/><Relationship Id="rId2" Type="http://schemas.openxmlformats.org/officeDocument/2006/relationships/notesSlide" Target="../notesSlides/notesSlide63.xml"/><Relationship Id="rId1" Type="http://schemas.openxmlformats.org/officeDocument/2006/relationships/slideLayout" Target="../slideLayouts/slideLayout487.xml"/><Relationship Id="rId6" Type="http://schemas.openxmlformats.org/officeDocument/2006/relationships/image" Target="../media/image37.jpeg"/><Relationship Id="rId5" Type="http://schemas.microsoft.com/office/2007/relationships/hdphoto" Target="../media/hdphoto5.wdp"/><Relationship Id="rId4" Type="http://schemas.openxmlformats.org/officeDocument/2006/relationships/image" Target="../media/image36.jpeg"/></Relationships>
</file>

<file path=ppt/slides/_rels/slide71.xml.rels><?xml version="1.0" encoding="UTF-8" standalone="yes"?>
<Relationships xmlns="http://schemas.openxmlformats.org/package/2006/relationships"><Relationship Id="rId3" Type="http://schemas.openxmlformats.org/officeDocument/2006/relationships/notesSlide" Target="../notesSlides/notesSlide64.xml"/><Relationship Id="rId2" Type="http://schemas.openxmlformats.org/officeDocument/2006/relationships/slideLayout" Target="../slideLayouts/slideLayout811.xml"/><Relationship Id="rId1" Type="http://schemas.openxmlformats.org/officeDocument/2006/relationships/vmlDrawing" Target="../drawings/vmlDrawing2.vml"/><Relationship Id="rId5" Type="http://schemas.openxmlformats.org/officeDocument/2006/relationships/image" Target="../media/image40.png"/><Relationship Id="rId4" Type="http://schemas.openxmlformats.org/officeDocument/2006/relationships/oleObject" Target="../embeddings/oleObject1.bin"/></Relationships>
</file>

<file path=ppt/slides/_rels/slide7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png"/><Relationship Id="rId1" Type="http://schemas.openxmlformats.org/officeDocument/2006/relationships/slideLayout" Target="../slideLayouts/slideLayout486.xml"/></Relationships>
</file>

<file path=ppt/slides/_rels/slide73.xml.rels><?xml version="1.0" encoding="UTF-8" standalone="yes"?>
<Relationships xmlns="http://schemas.openxmlformats.org/package/2006/relationships"><Relationship Id="rId8" Type="http://schemas.openxmlformats.org/officeDocument/2006/relationships/image" Target="../media/image47.png"/><Relationship Id="rId3" Type="http://schemas.openxmlformats.org/officeDocument/2006/relationships/image" Target="../media/image42.png"/><Relationship Id="rId7" Type="http://schemas.openxmlformats.org/officeDocument/2006/relationships/image" Target="../media/image46.png"/><Relationship Id="rId2" Type="http://schemas.openxmlformats.org/officeDocument/2006/relationships/image" Target="../media/image4.png"/><Relationship Id="rId1" Type="http://schemas.openxmlformats.org/officeDocument/2006/relationships/slideLayout" Target="../slideLayouts/slideLayout490.xml"/><Relationship Id="rId6" Type="http://schemas.openxmlformats.org/officeDocument/2006/relationships/image" Target="../media/image45.png"/><Relationship Id="rId5" Type="http://schemas.openxmlformats.org/officeDocument/2006/relationships/image" Target="../media/image44.png"/><Relationship Id="rId4" Type="http://schemas.openxmlformats.org/officeDocument/2006/relationships/image" Target="../media/image43.png"/></Relationships>
</file>

<file path=ppt/slides/_rels/slide7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65.xml"/><Relationship Id="rId1" Type="http://schemas.openxmlformats.org/officeDocument/2006/relationships/slideLayout" Target="../slideLayouts/slideLayout487.xml"/><Relationship Id="rId4" Type="http://schemas.openxmlformats.org/officeDocument/2006/relationships/image" Target="../media/image48.png"/></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45.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47.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48.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45.xml"/></Relationships>
</file>

<file path=ppt/slides/_rels/slide79.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0.xml"/><Relationship Id="rId1" Type="http://schemas.openxmlformats.org/officeDocument/2006/relationships/slideLayout" Target="../slideLayouts/slideLayout4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004.xml"/></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45.xml"/></Relationships>
</file>

<file path=ppt/slides/_rels/slide81.xml.rels><?xml version="1.0" encoding="UTF-8" standalone="yes"?>
<Relationships xmlns="http://schemas.openxmlformats.org/package/2006/relationships"><Relationship Id="rId3" Type="http://schemas.openxmlformats.org/officeDocument/2006/relationships/image" Target="../media/image49.gif"/><Relationship Id="rId2" Type="http://schemas.openxmlformats.org/officeDocument/2006/relationships/notesSlide" Target="../notesSlides/notesSlide72.xml"/><Relationship Id="rId1" Type="http://schemas.openxmlformats.org/officeDocument/2006/relationships/slideLayout" Target="../slideLayouts/slideLayout46.xml"/><Relationship Id="rId4" Type="http://schemas.openxmlformats.org/officeDocument/2006/relationships/image" Target="../media/image50.png"/></Relationships>
</file>

<file path=ppt/slides/_rels/slide82.xml.rels><?xml version="1.0" encoding="UTF-8" standalone="yes"?>
<Relationships xmlns="http://schemas.openxmlformats.org/package/2006/relationships"><Relationship Id="rId3" Type="http://schemas.openxmlformats.org/officeDocument/2006/relationships/image" Target="../media/image49.gif"/><Relationship Id="rId2" Type="http://schemas.openxmlformats.org/officeDocument/2006/relationships/notesSlide" Target="../notesSlides/notesSlide73.xml"/><Relationship Id="rId1" Type="http://schemas.openxmlformats.org/officeDocument/2006/relationships/slideLayout" Target="../slideLayouts/slideLayout46.xml"/><Relationship Id="rId4" Type="http://schemas.openxmlformats.org/officeDocument/2006/relationships/image" Target="../media/image50.png"/></Relationships>
</file>

<file path=ppt/slides/_rels/slide8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74.xml"/><Relationship Id="rId1" Type="http://schemas.openxmlformats.org/officeDocument/2006/relationships/slideLayout" Target="../slideLayouts/slideLayout46.xml"/><Relationship Id="rId4" Type="http://schemas.microsoft.com/office/2007/relationships/hdphoto" Target="../media/hdphoto4.wdp"/></Relationships>
</file>

<file path=ppt/slides/_rels/slide84.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75.xml"/><Relationship Id="rId1" Type="http://schemas.openxmlformats.org/officeDocument/2006/relationships/slideLayout" Target="../slideLayouts/slideLayout42.xml"/><Relationship Id="rId4" Type="http://schemas.microsoft.com/office/2007/relationships/hdphoto" Target="../media/hdphoto6.wdp"/></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45.xml"/></Relationships>
</file>

<file path=ppt/slides/_rels/slide8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7.xml"/><Relationship Id="rId1" Type="http://schemas.openxmlformats.org/officeDocument/2006/relationships/slideLayout" Target="../slideLayouts/slideLayout839.xml"/></Relationships>
</file>

<file path=ppt/slides/_rels/slide87.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837.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622.xml"/></Relationships>
</file>

<file path=ppt/slides/_rels/slide89.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53.png"/><Relationship Id="rId7" Type="http://schemas.openxmlformats.org/officeDocument/2006/relationships/image" Target="../media/image56.png"/><Relationship Id="rId2" Type="http://schemas.openxmlformats.org/officeDocument/2006/relationships/notesSlide" Target="../notesSlides/notesSlide79.xml"/><Relationship Id="rId1" Type="http://schemas.openxmlformats.org/officeDocument/2006/relationships/slideLayout" Target="../slideLayouts/slideLayout638.xml"/><Relationship Id="rId6" Type="http://schemas.openxmlformats.org/officeDocument/2006/relationships/image" Target="../media/image2.png"/><Relationship Id="rId5" Type="http://schemas.openxmlformats.org/officeDocument/2006/relationships/image" Target="../media/image55.png"/><Relationship Id="rId10" Type="http://schemas.openxmlformats.org/officeDocument/2006/relationships/image" Target="../media/image58.jpeg"/><Relationship Id="rId4" Type="http://schemas.openxmlformats.org/officeDocument/2006/relationships/image" Target="../media/image54.png"/><Relationship Id="rId9" Type="http://schemas.openxmlformats.org/officeDocument/2006/relationships/hyperlink" Target="http://www.roadtraffic-technology.com/projects/smart/" TargetMode="Externa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5.xml"/></Relationships>
</file>

<file path=ppt/slides/_rels/slide90.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53.png"/><Relationship Id="rId7" Type="http://schemas.openxmlformats.org/officeDocument/2006/relationships/image" Target="../media/image56.png"/><Relationship Id="rId2" Type="http://schemas.openxmlformats.org/officeDocument/2006/relationships/notesSlide" Target="../notesSlides/notesSlide80.xml"/><Relationship Id="rId1" Type="http://schemas.openxmlformats.org/officeDocument/2006/relationships/slideLayout" Target="../slideLayouts/slideLayout638.xml"/><Relationship Id="rId6" Type="http://schemas.openxmlformats.org/officeDocument/2006/relationships/image" Target="../media/image55.png"/><Relationship Id="rId5" Type="http://schemas.openxmlformats.org/officeDocument/2006/relationships/image" Target="../media/image54.png"/><Relationship Id="rId10" Type="http://schemas.openxmlformats.org/officeDocument/2006/relationships/image" Target="../media/image58.jpeg"/><Relationship Id="rId4" Type="http://schemas.openxmlformats.org/officeDocument/2006/relationships/image" Target="../media/image2.png"/><Relationship Id="rId9" Type="http://schemas.openxmlformats.org/officeDocument/2006/relationships/hyperlink" Target="http://www.roadtraffic-technology.com/projects/smart/" TargetMode="External"/></Relationships>
</file>

<file path=ppt/slides/_rels/slide91.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700.xml"/></Relationships>
</file>

<file path=ppt/slides/_rels/slide92.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notesSlide" Target="../notesSlides/notesSlide82.xml"/><Relationship Id="rId1" Type="http://schemas.openxmlformats.org/officeDocument/2006/relationships/slideLayout" Target="../slideLayouts/slideLayout46.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12.xml"/></Relationships>
</file>

<file path=ppt/slides/_rels/slide9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84.xml"/><Relationship Id="rId1" Type="http://schemas.openxmlformats.org/officeDocument/2006/relationships/slideLayout" Target="../slideLayouts/slideLayout42.xml"/></Relationships>
</file>

<file path=ppt/slides/_rels/slide95.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notesSlide" Target="../notesSlides/notesSlide85.xml"/><Relationship Id="rId1" Type="http://schemas.openxmlformats.org/officeDocument/2006/relationships/slideLayout" Target="../slideLayouts/slideLayout13.xml"/></Relationships>
</file>

<file path=ppt/slides/_rels/slide96.xml.rels><?xml version="1.0" encoding="UTF-8" standalone="yes"?>
<Relationships xmlns="http://schemas.openxmlformats.org/package/2006/relationships"><Relationship Id="rId2" Type="http://schemas.openxmlformats.org/officeDocument/2006/relationships/notesSlide" Target="../notesSlides/notesSlide86.xml"/><Relationship Id="rId1" Type="http://schemas.openxmlformats.org/officeDocument/2006/relationships/slideLayout" Target="../slideLayouts/slideLayout47.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87.xml"/><Relationship Id="rId1" Type="http://schemas.openxmlformats.org/officeDocument/2006/relationships/slideLayout" Target="../slideLayouts/slideLayout47.xml"/></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88.xml"/><Relationship Id="rId1" Type="http://schemas.openxmlformats.org/officeDocument/2006/relationships/slideLayout" Target="../slideLayouts/slideLayout51.xml"/></Relationships>
</file>

<file path=ppt/slides/_rels/slide99.xml.rels><?xml version="1.0" encoding="UTF-8" standalone="yes"?>
<Relationships xmlns="http://schemas.openxmlformats.org/package/2006/relationships"><Relationship Id="rId2" Type="http://schemas.openxmlformats.org/officeDocument/2006/relationships/notesSlide" Target="../notesSlides/notesSlide89.xml"/><Relationship Id="rId1" Type="http://schemas.openxmlformats.org/officeDocument/2006/relationships/slideLayout" Target="../slideLayouts/slideLayout5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5400" y="1870805"/>
            <a:ext cx="7010400" cy="1495794"/>
          </a:xfrm>
        </p:spPr>
        <p:txBody>
          <a:bodyPr/>
          <a:lstStyle/>
          <a:p>
            <a:pPr algn="ctr"/>
            <a:r>
              <a:rPr lang="en-US" sz="5400" b="1" dirty="0" smtClean="0"/>
              <a:t>Primary Retreat</a:t>
            </a:r>
            <a:br>
              <a:rPr lang="en-US" sz="5400" b="1" dirty="0" smtClean="0"/>
            </a:br>
            <a:r>
              <a:rPr lang="en-US" sz="5400" b="1" dirty="0" smtClean="0"/>
              <a:t>Presentation Slides</a:t>
            </a:r>
            <a:endParaRPr lang="en-US" sz="5400" b="1" dirty="0"/>
          </a:p>
        </p:txBody>
      </p:sp>
    </p:spTree>
    <p:extLst>
      <p:ext uri="{BB962C8B-B14F-4D97-AF65-F5344CB8AC3E}">
        <p14:creationId xmlns:p14="http://schemas.microsoft.com/office/powerpoint/2010/main" val="2298375797"/>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
          <p:cNvSpPr>
            <a:spLocks noGrp="1"/>
          </p:cNvSpPr>
          <p:nvPr>
            <p:ph type="title"/>
          </p:nvPr>
        </p:nvSpPr>
        <p:spPr/>
        <p:txBody>
          <a:bodyPr>
            <a:normAutofit fontScale="90000"/>
          </a:bodyPr>
          <a:lstStyle/>
          <a:p>
            <a:pPr algn="ctr"/>
            <a:r>
              <a:rPr lang="en-US" dirty="0" smtClean="0"/>
              <a:t>California WaterFix:  </a:t>
            </a:r>
            <a:br>
              <a:rPr lang="en-US" dirty="0" smtClean="0"/>
            </a:br>
            <a:r>
              <a:rPr lang="en-US" dirty="0" smtClean="0"/>
              <a:t>Securing Water Supplies for California</a:t>
            </a:r>
            <a:endParaRPr lang="en-US" dirty="0"/>
          </a:p>
        </p:txBody>
      </p:sp>
      <p:sp>
        <p:nvSpPr>
          <p:cNvPr id="2" name="Text Placeholder 1"/>
          <p:cNvSpPr>
            <a:spLocks noGrp="1"/>
          </p:cNvSpPr>
          <p:nvPr>
            <p:ph type="body" sz="quarter" idx="10"/>
          </p:nvPr>
        </p:nvSpPr>
        <p:spPr>
          <a:xfrm>
            <a:off x="457200" y="1981200"/>
            <a:ext cx="3886200" cy="4648200"/>
          </a:xfrm>
        </p:spPr>
        <p:txBody>
          <a:bodyPr/>
          <a:lstStyle/>
          <a:p>
            <a:pPr>
              <a:spcBef>
                <a:spcPts val="0"/>
              </a:spcBef>
              <a:spcAft>
                <a:spcPts val="1800"/>
              </a:spcAft>
            </a:pPr>
            <a:r>
              <a:rPr lang="en-US" sz="2400" dirty="0"/>
              <a:t>Enhances supply reliability and Delta ecosystem</a:t>
            </a:r>
          </a:p>
          <a:p>
            <a:pPr>
              <a:spcBef>
                <a:spcPts val="0"/>
              </a:spcBef>
              <a:spcAft>
                <a:spcPts val="1800"/>
              </a:spcAft>
            </a:pPr>
            <a:r>
              <a:rPr lang="en-US" sz="2400" dirty="0"/>
              <a:t>Supports Southern California’s local resources</a:t>
            </a:r>
          </a:p>
          <a:p>
            <a:pPr>
              <a:spcBef>
                <a:spcPts val="0"/>
              </a:spcBef>
              <a:spcAft>
                <a:spcPts val="1800"/>
              </a:spcAft>
            </a:pPr>
            <a:r>
              <a:rPr lang="en-US" sz="2400" dirty="0"/>
              <a:t>Modernizes the State Water Project and addresses flaws since its creation</a:t>
            </a:r>
          </a:p>
          <a:p>
            <a:pPr>
              <a:spcBef>
                <a:spcPts val="0"/>
              </a:spcBef>
              <a:spcAft>
                <a:spcPts val="1800"/>
              </a:spcAft>
            </a:pPr>
            <a:r>
              <a:rPr lang="en-US" sz="2400" dirty="0"/>
              <a:t>Protects billions of dollars of past investments made by Southern California </a:t>
            </a:r>
          </a:p>
          <a:p>
            <a:pPr>
              <a:spcBef>
                <a:spcPts val="0"/>
              </a:spcBef>
              <a:spcAft>
                <a:spcPts val="1800"/>
              </a:spcAft>
            </a:pPr>
            <a:endParaRPr lang="en-US" sz="2400" dirty="0"/>
          </a:p>
        </p:txBody>
      </p:sp>
      <p:sp>
        <p:nvSpPr>
          <p:cNvPr id="4" name="Slide Number Placeholder 3"/>
          <p:cNvSpPr>
            <a:spLocks noGrp="1"/>
          </p:cNvSpPr>
          <p:nvPr>
            <p:ph type="sldNum" sz="quarter" idx="4294967295"/>
          </p:nvPr>
        </p:nvSpPr>
        <p:spPr>
          <a:xfrm>
            <a:off x="8305800" y="6416675"/>
            <a:ext cx="838200" cy="365125"/>
          </a:xfrm>
          <a:prstGeom prst="rect">
            <a:avLst/>
          </a:prstGeom>
        </p:spPr>
        <p:txBody>
          <a:bodyPr/>
          <a:lstStyle/>
          <a:p>
            <a:pPr algn="ctr"/>
            <a:fld id="{B6F15528-21DE-4FAA-801E-634DDDAF4B2B}" type="slidenum">
              <a:rPr lang="en-US" smtClean="0"/>
              <a:pPr algn="ctr"/>
              <a:t>10</a:t>
            </a:fld>
            <a:endParaRPr lang="en-US" dirty="0"/>
          </a:p>
        </p:txBody>
      </p:sp>
      <p:pic>
        <p:nvPicPr>
          <p:cNvPr id="8" name="Picture 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572000" y="2209800"/>
            <a:ext cx="4368800" cy="3276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91668194"/>
      </p:ext>
    </p:extLst>
  </p:cSld>
  <p:clrMapOvr>
    <a:masterClrMapping/>
  </p:clrMapOvr>
  <p:transition spd="slow">
    <p:fade/>
  </p:transition>
  <p:timing>
    <p:tnLst>
      <p:par>
        <p:cTn id="1" dur="indefinite" restart="never" nodeType="tmRoot"/>
      </p:par>
    </p:tn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sz="4400" dirty="0" smtClean="0"/>
              <a:t>State Water Project</a:t>
            </a:r>
            <a:r>
              <a:rPr lang="en-US" dirty="0" smtClean="0"/>
              <a:t/>
            </a:r>
            <a:br>
              <a:rPr lang="en-US" dirty="0" smtClean="0"/>
            </a:br>
            <a:r>
              <a:rPr lang="en-US" sz="3600" dirty="0" smtClean="0">
                <a:solidFill>
                  <a:schemeClr val="tx1"/>
                </a:solidFill>
              </a:rPr>
              <a:t>Cost Allocation Consensus Principles</a:t>
            </a:r>
            <a:endParaRPr lang="en-US" sz="3600" dirty="0">
              <a:solidFill>
                <a:schemeClr val="tx1"/>
              </a:solidFill>
            </a:endParaRPr>
          </a:p>
        </p:txBody>
      </p:sp>
      <p:sp>
        <p:nvSpPr>
          <p:cNvPr id="3" name="Content Placeholder 2"/>
          <p:cNvSpPr>
            <a:spLocks noGrp="1"/>
          </p:cNvSpPr>
          <p:nvPr>
            <p:ph idx="4294967295"/>
          </p:nvPr>
        </p:nvSpPr>
        <p:spPr>
          <a:xfrm>
            <a:off x="381000" y="2389188"/>
            <a:ext cx="8382000" cy="3554412"/>
          </a:xfrm>
          <a:prstGeom prst="rect">
            <a:avLst/>
          </a:prstGeom>
        </p:spPr>
        <p:txBody>
          <a:bodyPr/>
          <a:lstStyle/>
          <a:p>
            <a:pPr>
              <a:spcBef>
                <a:spcPts val="0"/>
              </a:spcBef>
              <a:spcAft>
                <a:spcPts val="1800"/>
              </a:spcAft>
            </a:pPr>
            <a:r>
              <a:rPr lang="en-US" sz="2600" dirty="0"/>
              <a:t>New conveyance has definable benefits</a:t>
            </a:r>
          </a:p>
          <a:p>
            <a:pPr>
              <a:spcBef>
                <a:spcPts val="0"/>
              </a:spcBef>
              <a:spcAft>
                <a:spcPts val="1800"/>
              </a:spcAft>
            </a:pPr>
            <a:r>
              <a:rPr lang="en-US" sz="2600" dirty="0"/>
              <a:t>Participants have proportional share in tunnel capacity</a:t>
            </a:r>
          </a:p>
          <a:p>
            <a:pPr>
              <a:spcBef>
                <a:spcPts val="0"/>
              </a:spcBef>
              <a:spcAft>
                <a:spcPts val="1800"/>
              </a:spcAft>
            </a:pPr>
            <a:r>
              <a:rPr lang="en-US" sz="2600" dirty="0"/>
              <a:t>Available capacity/supply due to participation level can be purchased by other agencies on an at-cost basis</a:t>
            </a:r>
          </a:p>
          <a:p>
            <a:pPr>
              <a:spcBef>
                <a:spcPts val="0"/>
              </a:spcBef>
              <a:spcAft>
                <a:spcPts val="1800"/>
              </a:spcAft>
            </a:pPr>
            <a:r>
              <a:rPr lang="en-US" sz="2600" dirty="0"/>
              <a:t>Contract model assumes high level of participation</a:t>
            </a:r>
          </a:p>
        </p:txBody>
      </p:sp>
      <p:sp>
        <p:nvSpPr>
          <p:cNvPr id="4" name="Slide Number Placeholder 3"/>
          <p:cNvSpPr txBox="1">
            <a:spLocks/>
          </p:cNvSpPr>
          <p:nvPr/>
        </p:nvSpPr>
        <p:spPr>
          <a:xfrm>
            <a:off x="8458200" y="6427789"/>
            <a:ext cx="685800" cy="365125"/>
          </a:xfrm>
          <a:prstGeom prst="rect">
            <a:avLst/>
          </a:prstGeom>
        </p:spPr>
        <p:txBody>
          <a:bodyPr/>
          <a:lstStyle/>
          <a:p>
            <a:pPr algn="ctr" fontAlgn="base">
              <a:spcBef>
                <a:spcPct val="0"/>
              </a:spcBef>
              <a:spcAft>
                <a:spcPct val="0"/>
              </a:spcAft>
              <a:defRPr/>
            </a:pPr>
            <a:fld id="{7A37C76E-89DA-4ED5-A436-13A1ABC61839}" type="slidenum">
              <a:rPr lang="en-US" sz="1400" smtClean="0">
                <a:solidFill>
                  <a:prstClr val="white"/>
                </a:solidFill>
                <a:cs typeface="Arial" pitchFamily="34" charset="0"/>
              </a:rPr>
              <a:pPr algn="ctr" fontAlgn="base">
                <a:spcBef>
                  <a:spcPct val="0"/>
                </a:spcBef>
                <a:spcAft>
                  <a:spcPct val="0"/>
                </a:spcAft>
                <a:defRPr/>
              </a:pPr>
              <a:t>100</a:t>
            </a:fld>
            <a:endParaRPr lang="en-US" sz="1400" dirty="0">
              <a:solidFill>
                <a:prstClr val="white"/>
              </a:solidFill>
              <a:cs typeface="Arial" pitchFamily="34" charset="0"/>
            </a:endParaRPr>
          </a:p>
        </p:txBody>
      </p:sp>
    </p:spTree>
    <p:extLst>
      <p:ext uri="{BB962C8B-B14F-4D97-AF65-F5344CB8AC3E}">
        <p14:creationId xmlns:p14="http://schemas.microsoft.com/office/powerpoint/2010/main" val="212834800"/>
      </p:ext>
    </p:extLst>
  </p:cSld>
  <p:clrMapOvr>
    <a:masterClrMapping/>
  </p:clrMapOvr>
  <p:transition spd="slow">
    <p:fade/>
  </p:transition>
  <p:timing>
    <p:tnLst>
      <p:par>
        <p:cTn id="1" dur="indefinite" restart="never" nodeType="tmRoot"/>
      </p:par>
    </p:tn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Financial Analysis</a:t>
            </a:r>
            <a:endParaRPr lang="en-US" dirty="0"/>
          </a:p>
        </p:txBody>
      </p:sp>
    </p:spTree>
    <p:extLst>
      <p:ext uri="{BB962C8B-B14F-4D97-AF65-F5344CB8AC3E}">
        <p14:creationId xmlns:p14="http://schemas.microsoft.com/office/powerpoint/2010/main" val="2101874259"/>
      </p:ext>
    </p:extLst>
  </p:cSld>
  <p:clrMapOvr>
    <a:masterClrMapping/>
  </p:clrMapOvr>
  <p:transition spd="slow">
    <p:fade/>
  </p:transition>
  <p:timing>
    <p:tnLst>
      <p:par>
        <p:cTn id="1" dur="indefinite" restart="never" nodeType="tmRoot"/>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bwMode="auto">
          <a:xfrm>
            <a:off x="304800" y="1905000"/>
            <a:ext cx="4114800" cy="4617493"/>
          </a:xfrm>
          <a:prstGeom prst="roundRect">
            <a:avLst/>
          </a:prstGeom>
          <a:noFill/>
          <a:ln w="57150">
            <a:solidFill>
              <a:schemeClr val="tx1">
                <a:lumMod val="65000"/>
              </a:schemeClr>
            </a:solidFill>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t" anchorCtr="0" compatLnSpc="1">
            <a:prstTxWarp prst="textNoShape">
              <a:avLst/>
            </a:prstTxWarp>
          </a:bodyPr>
          <a:lstStyle/>
          <a:p>
            <a:pPr algn="ctr" defTabSz="914099" fontAlgn="base">
              <a:spcBef>
                <a:spcPct val="0"/>
              </a:spcBef>
              <a:spcAft>
                <a:spcPct val="0"/>
              </a:spcAft>
            </a:pPr>
            <a:r>
              <a:rPr lang="en-US" sz="2600" b="1" dirty="0" smtClean="0">
                <a:solidFill>
                  <a:srgbClr val="FFFFFF"/>
                </a:solidFill>
                <a:effectLst>
                  <a:outerShdw blurRad="38100" dist="38100" dir="2700000" algn="tl">
                    <a:srgbClr val="000000">
                      <a:alpha val="43137"/>
                    </a:srgbClr>
                  </a:outerShdw>
                </a:effectLst>
              </a:rPr>
              <a:t>Ecosystem Restoration</a:t>
            </a:r>
          </a:p>
        </p:txBody>
      </p:sp>
      <p:sp>
        <p:nvSpPr>
          <p:cNvPr id="26" name="Rounded Rectangle 25"/>
          <p:cNvSpPr/>
          <p:nvPr/>
        </p:nvSpPr>
        <p:spPr bwMode="auto">
          <a:xfrm>
            <a:off x="4723645" y="1905000"/>
            <a:ext cx="4114800" cy="4617493"/>
          </a:xfrm>
          <a:prstGeom prst="roundRect">
            <a:avLst/>
          </a:prstGeom>
          <a:noFill/>
          <a:ln w="57150">
            <a:solidFill>
              <a:schemeClr val="tx1">
                <a:lumMod val="65000"/>
              </a:schemeClr>
            </a:solidFill>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t" anchorCtr="0" compatLnSpc="1">
            <a:prstTxWarp prst="textNoShape">
              <a:avLst/>
            </a:prstTxWarp>
          </a:bodyPr>
          <a:lstStyle/>
          <a:p>
            <a:pPr algn="ctr" defTabSz="914099" fontAlgn="base">
              <a:spcBef>
                <a:spcPct val="0"/>
              </a:spcBef>
              <a:spcAft>
                <a:spcPct val="0"/>
              </a:spcAft>
            </a:pPr>
            <a:r>
              <a:rPr lang="en-US" sz="2600" b="1" dirty="0" smtClean="0">
                <a:solidFill>
                  <a:srgbClr val="FFFFFF"/>
                </a:solidFill>
                <a:effectLst>
                  <a:outerShdw blurRad="38100" dist="38100" dir="2700000" algn="tl">
                    <a:srgbClr val="000000">
                      <a:alpha val="43137"/>
                    </a:srgbClr>
                  </a:outerShdw>
                </a:effectLst>
              </a:rPr>
              <a:t>Conveyance &amp; Mitigation</a:t>
            </a:r>
          </a:p>
        </p:txBody>
      </p:sp>
      <p:sp>
        <p:nvSpPr>
          <p:cNvPr id="10247" name="Title 4"/>
          <p:cNvSpPr>
            <a:spLocks noGrp="1"/>
          </p:cNvSpPr>
          <p:nvPr>
            <p:ph type="title"/>
          </p:nvPr>
        </p:nvSpPr>
        <p:spPr>
          <a:xfrm>
            <a:off x="533400" y="381000"/>
            <a:ext cx="8229600" cy="1107996"/>
          </a:xfrm>
        </p:spPr>
        <p:txBody>
          <a:bodyPr/>
          <a:lstStyle/>
          <a:p>
            <a:pPr algn="r"/>
            <a:r>
              <a:rPr lang="en-US" altLang="en-US" dirty="0" smtClean="0"/>
              <a:t>Cost Allocation</a:t>
            </a:r>
            <a:br>
              <a:rPr lang="en-US" altLang="en-US" dirty="0" smtClean="0"/>
            </a:br>
            <a:r>
              <a:rPr lang="en-US" altLang="en-US" sz="3600" dirty="0" smtClean="0">
                <a:solidFill>
                  <a:schemeClr val="tx1"/>
                </a:solidFill>
              </a:rPr>
              <a:t>Funding Agencies</a:t>
            </a:r>
            <a:endParaRPr lang="en-US" altLang="en-US" sz="4800" dirty="0" smtClean="0">
              <a:solidFill>
                <a:schemeClr val="tx1"/>
              </a:solidFill>
            </a:endParaRPr>
          </a:p>
        </p:txBody>
      </p:sp>
      <p:cxnSp>
        <p:nvCxnSpPr>
          <p:cNvPr id="12" name="Gewinkelte Verbindung 33"/>
          <p:cNvCxnSpPr/>
          <p:nvPr/>
        </p:nvCxnSpPr>
        <p:spPr bwMode="gray">
          <a:xfrm rot="10800000" flipV="1">
            <a:off x="5821682" y="2904899"/>
            <a:ext cx="1147181" cy="831850"/>
          </a:xfrm>
          <a:prstGeom prst="bentConnector2">
            <a:avLst/>
          </a:prstGeom>
          <a:ln w="19050">
            <a:solidFill>
              <a:schemeClr val="accent1">
                <a:lumMod val="60000"/>
                <a:lumOff val="40000"/>
              </a:schemeClr>
            </a:solidFill>
            <a:headEnd type="none" w="med" len="med"/>
            <a:tailEnd type="none" w="med" len="med"/>
          </a:ln>
        </p:spPr>
        <p:style>
          <a:lnRef idx="2">
            <a:schemeClr val="accent6"/>
          </a:lnRef>
          <a:fillRef idx="0">
            <a:schemeClr val="accent6"/>
          </a:fillRef>
          <a:effectRef idx="1">
            <a:schemeClr val="accent6"/>
          </a:effectRef>
          <a:fontRef idx="minor">
            <a:schemeClr val="tx1"/>
          </a:fontRef>
        </p:style>
      </p:cxnSp>
      <p:cxnSp>
        <p:nvCxnSpPr>
          <p:cNvPr id="69" name="Elbow Connector 68"/>
          <p:cNvCxnSpPr/>
          <p:nvPr/>
        </p:nvCxnSpPr>
        <p:spPr bwMode="auto">
          <a:xfrm>
            <a:off x="6546318" y="2904899"/>
            <a:ext cx="1138823" cy="831850"/>
          </a:xfrm>
          <a:prstGeom prst="bentConnector2">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cxnSp>
        <p:nvCxnSpPr>
          <p:cNvPr id="71" name="Straight Arrow Connector 70"/>
          <p:cNvCxnSpPr>
            <a:stCxn id="21" idx="2"/>
            <a:endCxn id="64" idx="0"/>
          </p:cNvCxnSpPr>
          <p:nvPr/>
        </p:nvCxnSpPr>
        <p:spPr bwMode="auto">
          <a:xfrm flipH="1">
            <a:off x="5821680" y="4419374"/>
            <a:ext cx="1" cy="152400"/>
          </a:xfrm>
          <a:prstGeom prst="straightConnector1">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cxnSp>
        <p:nvCxnSpPr>
          <p:cNvPr id="72" name="Straight Arrow Connector 71"/>
          <p:cNvCxnSpPr>
            <a:stCxn id="23" idx="2"/>
            <a:endCxn id="60" idx="0"/>
          </p:cNvCxnSpPr>
          <p:nvPr/>
        </p:nvCxnSpPr>
        <p:spPr bwMode="auto">
          <a:xfrm>
            <a:off x="7685141" y="4419374"/>
            <a:ext cx="0" cy="457200"/>
          </a:xfrm>
          <a:prstGeom prst="straightConnector1">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sp>
        <p:nvSpPr>
          <p:cNvPr id="17" name="Rechteck 16"/>
          <p:cNvSpPr/>
          <p:nvPr/>
        </p:nvSpPr>
        <p:spPr bwMode="gray">
          <a:xfrm>
            <a:off x="1795901" y="4324916"/>
            <a:ext cx="2374410" cy="968376"/>
          </a:xfrm>
          <a:prstGeom prst="ellipse">
            <a:avLst/>
          </a:prstGeom>
          <a:solidFill>
            <a:schemeClr val="accent2">
              <a:lumMod val="75000"/>
            </a:schemeClr>
          </a:solidFill>
          <a:ln w="12700">
            <a:noFill/>
            <a:miter lim="800000"/>
            <a:headEnd/>
            <a:tailEnd/>
          </a:ln>
          <a:effectLst>
            <a:outerShdw blurRad="127000" dist="63500" dir="2700000" algn="tl" rotWithShape="0">
              <a:prstClr val="black">
                <a:alpha val="40000"/>
              </a:prstClr>
            </a:outerShdw>
          </a:effectLst>
          <a:scene3d>
            <a:camera prst="orthographicFront"/>
            <a:lightRig rig="threePt" dir="t"/>
          </a:scene3d>
          <a:sp3d>
            <a:bevelT/>
          </a:sp3d>
        </p:spPr>
        <p:txBody>
          <a:bodyPr lIns="0" tIns="0" rIns="0" bIns="0" anchor="ctr"/>
          <a:lstStyle/>
          <a:p>
            <a:pPr algn="ctr">
              <a:spcAft>
                <a:spcPts val="400"/>
              </a:spcAft>
              <a:defRPr/>
            </a:pPr>
            <a:r>
              <a:rPr lang="de-DE" sz="2400" b="1" noProof="1" smtClean="0">
                <a:latin typeface="+mn-lt"/>
              </a:rPr>
              <a:t>Federal Government</a:t>
            </a:r>
            <a:endParaRPr lang="de-DE" sz="2400" b="1" noProof="1">
              <a:latin typeface="+mn-lt"/>
            </a:endParaRPr>
          </a:p>
        </p:txBody>
      </p:sp>
      <p:sp>
        <p:nvSpPr>
          <p:cNvPr id="18" name="Rechteck 18"/>
          <p:cNvSpPr/>
          <p:nvPr/>
        </p:nvSpPr>
        <p:spPr bwMode="gray">
          <a:xfrm>
            <a:off x="651177" y="2954110"/>
            <a:ext cx="2372602" cy="968376"/>
          </a:xfrm>
          <a:prstGeom prst="ellipse">
            <a:avLst/>
          </a:prstGeom>
          <a:solidFill>
            <a:schemeClr val="accent4">
              <a:lumMod val="75000"/>
            </a:schemeClr>
          </a:solidFill>
          <a:ln w="12700">
            <a:noFill/>
            <a:miter lim="800000"/>
            <a:headEnd/>
            <a:tailEnd/>
          </a:ln>
          <a:effectLst>
            <a:outerShdw blurRad="127000" dist="63500" dir="2700000" algn="tl" rotWithShape="0">
              <a:prstClr val="black">
                <a:alpha val="40000"/>
              </a:prstClr>
            </a:outerShdw>
          </a:effectLst>
          <a:scene3d>
            <a:camera prst="orthographicFront"/>
            <a:lightRig rig="threePt" dir="t"/>
          </a:scene3d>
          <a:sp3d>
            <a:bevelT/>
          </a:sp3d>
        </p:spPr>
        <p:txBody>
          <a:bodyPr lIns="0" tIns="0" rIns="0" bIns="0" anchor="ctr"/>
          <a:lstStyle/>
          <a:p>
            <a:pPr algn="ctr">
              <a:spcAft>
                <a:spcPts val="400"/>
              </a:spcAft>
              <a:defRPr/>
            </a:pPr>
            <a:r>
              <a:rPr lang="de-DE" sz="2400" b="1" noProof="1">
                <a:latin typeface="+mn-lt"/>
              </a:rPr>
              <a:t>State</a:t>
            </a:r>
            <a:r>
              <a:rPr lang="de-DE" sz="2400" b="1" noProof="1">
                <a:solidFill>
                  <a:schemeClr val="bg1"/>
                </a:solidFill>
                <a:latin typeface="+mn-lt"/>
              </a:rPr>
              <a:t> </a:t>
            </a:r>
            <a:r>
              <a:rPr lang="de-DE" sz="2400" b="1" noProof="1">
                <a:latin typeface="+mn-lt"/>
              </a:rPr>
              <a:t>of California</a:t>
            </a:r>
          </a:p>
        </p:txBody>
      </p:sp>
      <p:sp>
        <p:nvSpPr>
          <p:cNvPr id="20" name="Rechteck 17"/>
          <p:cNvSpPr/>
          <p:nvPr/>
        </p:nvSpPr>
        <p:spPr bwMode="gray">
          <a:xfrm>
            <a:off x="4978107" y="2669949"/>
            <a:ext cx="3499514" cy="533400"/>
          </a:xfrm>
          <a:prstGeom prst="roundRect">
            <a:avLst/>
          </a:prstGeom>
          <a:ln>
            <a:headEnd/>
            <a:tailEnd/>
          </a:ln>
        </p:spPr>
        <p:style>
          <a:lnRef idx="1">
            <a:schemeClr val="accent1"/>
          </a:lnRef>
          <a:fillRef idx="2">
            <a:schemeClr val="accent1"/>
          </a:fillRef>
          <a:effectRef idx="1">
            <a:schemeClr val="accent1"/>
          </a:effectRef>
          <a:fontRef idx="minor">
            <a:schemeClr val="dk1"/>
          </a:fontRef>
        </p:style>
        <p:txBody>
          <a:bodyPr lIns="108000" tIns="72000" rIns="108000" bIns="72000" anchor="ctr"/>
          <a:lstStyle/>
          <a:p>
            <a:pPr algn="ctr">
              <a:spcAft>
                <a:spcPts val="400"/>
              </a:spcAft>
              <a:defRPr/>
            </a:pPr>
            <a:r>
              <a:rPr lang="de-DE" sz="2400" b="1" noProof="1"/>
              <a:t>CVP/SWP </a:t>
            </a:r>
            <a:r>
              <a:rPr lang="de-DE" sz="2400" b="1" noProof="1" smtClean="0"/>
              <a:t>Contractors</a:t>
            </a:r>
            <a:endParaRPr lang="de-DE" sz="2400" b="1" noProof="1"/>
          </a:p>
        </p:txBody>
      </p:sp>
      <p:sp>
        <p:nvSpPr>
          <p:cNvPr id="64" name="Rechteck 30"/>
          <p:cNvSpPr/>
          <p:nvPr/>
        </p:nvSpPr>
        <p:spPr bwMode="gray">
          <a:xfrm>
            <a:off x="4953000" y="4571774"/>
            <a:ext cx="1737360" cy="1779588"/>
          </a:xfrm>
          <a:prstGeom prst="roundRect">
            <a:avLst/>
          </a:prstGeom>
          <a:ln>
            <a:headEnd/>
            <a:tailEnd/>
          </a:ln>
        </p:spPr>
        <p:style>
          <a:lnRef idx="0">
            <a:schemeClr val="accent3"/>
          </a:lnRef>
          <a:fillRef idx="3">
            <a:schemeClr val="accent3"/>
          </a:fillRef>
          <a:effectRef idx="3">
            <a:schemeClr val="accent3"/>
          </a:effectRef>
          <a:fontRef idx="minor">
            <a:schemeClr val="lt1"/>
          </a:fontRef>
        </p:style>
        <p:txBody>
          <a:bodyPr lIns="108000" tIns="72000" rIns="108000" bIns="72000" anchor="ctr"/>
          <a:lstStyle/>
          <a:p>
            <a:pPr marL="174625" indent="-174625">
              <a:lnSpc>
                <a:spcPct val="90000"/>
              </a:lnSpc>
              <a:buFont typeface="Arial" panose="020B0604020202020204" pitchFamily="34" charset="0"/>
              <a:buChar char="•"/>
              <a:defRPr/>
            </a:pPr>
            <a:r>
              <a:rPr lang="en-US" sz="2000" b="1" noProof="1" smtClean="0">
                <a:solidFill>
                  <a:schemeClr val="tx1"/>
                </a:solidFill>
              </a:rPr>
              <a:t>Ag</a:t>
            </a:r>
          </a:p>
          <a:p>
            <a:pPr marL="174625" indent="-174625">
              <a:lnSpc>
                <a:spcPct val="90000"/>
              </a:lnSpc>
              <a:buFont typeface="Arial" panose="020B0604020202020204" pitchFamily="34" charset="0"/>
              <a:buChar char="•"/>
              <a:defRPr/>
            </a:pPr>
            <a:r>
              <a:rPr lang="en-US" sz="2000" b="1" noProof="1" smtClean="0">
                <a:solidFill>
                  <a:schemeClr val="tx1"/>
                </a:solidFill>
              </a:rPr>
              <a:t>Urban</a:t>
            </a:r>
          </a:p>
          <a:p>
            <a:pPr marL="174625" indent="-174625">
              <a:lnSpc>
                <a:spcPct val="90000"/>
              </a:lnSpc>
              <a:buFont typeface="Arial" panose="020B0604020202020204" pitchFamily="34" charset="0"/>
              <a:buChar char="•"/>
              <a:defRPr/>
            </a:pPr>
            <a:r>
              <a:rPr lang="en-US" sz="2000" b="1" noProof="1" smtClean="0">
                <a:solidFill>
                  <a:schemeClr val="tx1"/>
                </a:solidFill>
              </a:rPr>
              <a:t>Exchange</a:t>
            </a:r>
          </a:p>
          <a:p>
            <a:pPr marL="174625" indent="-174625">
              <a:lnSpc>
                <a:spcPct val="90000"/>
              </a:lnSpc>
              <a:buFont typeface="Arial" panose="020B0604020202020204" pitchFamily="34" charset="0"/>
              <a:buChar char="•"/>
              <a:defRPr/>
            </a:pPr>
            <a:r>
              <a:rPr lang="en-US" sz="2000" b="1" noProof="1" smtClean="0">
                <a:solidFill>
                  <a:schemeClr val="tx1"/>
                </a:solidFill>
              </a:rPr>
              <a:t>Refuge</a:t>
            </a:r>
          </a:p>
          <a:p>
            <a:pPr marL="174625" indent="-174625">
              <a:lnSpc>
                <a:spcPct val="90000"/>
              </a:lnSpc>
              <a:buFont typeface="Arial" panose="020B0604020202020204" pitchFamily="34" charset="0"/>
              <a:buChar char="•"/>
              <a:defRPr/>
            </a:pPr>
            <a:r>
              <a:rPr lang="en-US" sz="2000" b="1" noProof="1" smtClean="0">
                <a:solidFill>
                  <a:schemeClr val="tx1"/>
                </a:solidFill>
              </a:rPr>
              <a:t>Settlement</a:t>
            </a:r>
            <a:endParaRPr lang="en-US" sz="2000" b="1" noProof="1">
              <a:solidFill>
                <a:schemeClr val="tx1"/>
              </a:solidFill>
            </a:endParaRPr>
          </a:p>
        </p:txBody>
      </p:sp>
      <p:sp>
        <p:nvSpPr>
          <p:cNvPr id="60" name="Rechteck 30"/>
          <p:cNvSpPr/>
          <p:nvPr/>
        </p:nvSpPr>
        <p:spPr bwMode="gray">
          <a:xfrm>
            <a:off x="6816461" y="4876574"/>
            <a:ext cx="1737360" cy="833437"/>
          </a:xfrm>
          <a:prstGeom prst="roundRect">
            <a:avLst/>
          </a:prstGeom>
          <a:ln>
            <a:headEnd/>
            <a:tailEnd/>
          </a:ln>
        </p:spPr>
        <p:style>
          <a:lnRef idx="0">
            <a:schemeClr val="accent6"/>
          </a:lnRef>
          <a:fillRef idx="3">
            <a:schemeClr val="accent6"/>
          </a:fillRef>
          <a:effectRef idx="3">
            <a:schemeClr val="accent6"/>
          </a:effectRef>
          <a:fontRef idx="minor">
            <a:schemeClr val="lt1"/>
          </a:fontRef>
        </p:style>
        <p:txBody>
          <a:bodyPr lIns="108000" tIns="72000" rIns="108000" bIns="72000" anchor="ctr"/>
          <a:lstStyle/>
          <a:p>
            <a:pPr marL="174625" indent="-174625">
              <a:lnSpc>
                <a:spcPct val="90000"/>
              </a:lnSpc>
              <a:buFont typeface="Arial" panose="020B0604020202020204" pitchFamily="34" charset="0"/>
              <a:buChar char="•"/>
              <a:defRPr/>
            </a:pPr>
            <a:r>
              <a:rPr lang="en-US" sz="2000" b="1" noProof="1">
                <a:solidFill>
                  <a:schemeClr val="tx1"/>
                </a:solidFill>
              </a:rPr>
              <a:t>Ag</a:t>
            </a:r>
          </a:p>
          <a:p>
            <a:pPr marL="174625" indent="-174625">
              <a:lnSpc>
                <a:spcPct val="90000"/>
              </a:lnSpc>
              <a:buFont typeface="Arial" panose="020B0604020202020204" pitchFamily="34" charset="0"/>
              <a:buChar char="•"/>
              <a:defRPr/>
            </a:pPr>
            <a:r>
              <a:rPr lang="en-US" sz="2000" b="1" noProof="1">
                <a:solidFill>
                  <a:schemeClr val="tx1"/>
                </a:solidFill>
              </a:rPr>
              <a:t>Urban</a:t>
            </a:r>
          </a:p>
        </p:txBody>
      </p:sp>
      <p:sp>
        <p:nvSpPr>
          <p:cNvPr id="21" name="Rechteck 30"/>
          <p:cNvSpPr/>
          <p:nvPr/>
        </p:nvSpPr>
        <p:spPr bwMode="gray">
          <a:xfrm>
            <a:off x="4953001" y="3584349"/>
            <a:ext cx="1737360" cy="835025"/>
          </a:xfrm>
          <a:prstGeom prst="roundRect">
            <a:avLst/>
          </a:prstGeom>
          <a:ln>
            <a:headEnd/>
            <a:tailEnd/>
          </a:ln>
        </p:spPr>
        <p:style>
          <a:lnRef idx="0">
            <a:schemeClr val="accent3"/>
          </a:lnRef>
          <a:fillRef idx="3">
            <a:schemeClr val="accent3"/>
          </a:fillRef>
          <a:effectRef idx="3">
            <a:schemeClr val="accent3"/>
          </a:effectRef>
          <a:fontRef idx="minor">
            <a:schemeClr val="lt1"/>
          </a:fontRef>
        </p:style>
        <p:txBody>
          <a:bodyPr lIns="108000" tIns="72000" rIns="108000" bIns="72000" anchor="ctr"/>
          <a:lstStyle/>
          <a:p>
            <a:pPr algn="ctr">
              <a:spcAft>
                <a:spcPts val="400"/>
              </a:spcAft>
              <a:defRPr/>
            </a:pPr>
            <a:r>
              <a:rPr lang="en-US" sz="2000" b="1" noProof="1"/>
              <a:t>CVP </a:t>
            </a:r>
            <a:r>
              <a:rPr lang="en-US" sz="2000" b="1" noProof="1" smtClean="0"/>
              <a:t>Contractors</a:t>
            </a:r>
          </a:p>
        </p:txBody>
      </p:sp>
      <p:sp>
        <p:nvSpPr>
          <p:cNvPr id="23" name="Rechteck 32"/>
          <p:cNvSpPr/>
          <p:nvPr/>
        </p:nvSpPr>
        <p:spPr bwMode="gray">
          <a:xfrm>
            <a:off x="6816461" y="3584349"/>
            <a:ext cx="1737360" cy="835025"/>
          </a:xfrm>
          <a:prstGeom prst="roundRect">
            <a:avLst/>
          </a:prstGeom>
          <a:ln>
            <a:headEnd/>
            <a:tailEnd/>
          </a:ln>
        </p:spPr>
        <p:style>
          <a:lnRef idx="0">
            <a:schemeClr val="accent6"/>
          </a:lnRef>
          <a:fillRef idx="3">
            <a:schemeClr val="accent6"/>
          </a:fillRef>
          <a:effectRef idx="3">
            <a:schemeClr val="accent6"/>
          </a:effectRef>
          <a:fontRef idx="minor">
            <a:schemeClr val="lt1"/>
          </a:fontRef>
        </p:style>
        <p:txBody>
          <a:bodyPr lIns="108000" tIns="72000" rIns="108000" bIns="72000" anchor="ctr"/>
          <a:lstStyle/>
          <a:p>
            <a:pPr algn="ctr">
              <a:spcAft>
                <a:spcPts val="400"/>
              </a:spcAft>
              <a:defRPr/>
            </a:pPr>
            <a:r>
              <a:rPr lang="de-DE" sz="2000" b="1" noProof="1">
                <a:solidFill>
                  <a:schemeClr val="tx1"/>
                </a:solidFill>
              </a:rPr>
              <a:t>SWP Contractors</a:t>
            </a:r>
          </a:p>
        </p:txBody>
      </p:sp>
    </p:spTree>
    <p:extLst>
      <p:ext uri="{BB962C8B-B14F-4D97-AF65-F5344CB8AC3E}">
        <p14:creationId xmlns:p14="http://schemas.microsoft.com/office/powerpoint/2010/main" val="1529462502"/>
      </p:ext>
    </p:extLst>
  </p:cSld>
  <p:clrMapOvr>
    <a:masterClrMapping/>
  </p:clrMapOvr>
  <p:transition spd="slow">
    <p:fade/>
  </p:transition>
  <p:timing>
    <p:tnLst>
      <p:par>
        <p:cTn id="1" dur="indefinite" restart="never" nodeType="tmRoot"/>
      </p:par>
    </p:tnLst>
  </p:timing>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997196"/>
          </a:xfrm>
        </p:spPr>
        <p:txBody>
          <a:bodyPr/>
          <a:lstStyle/>
          <a:p>
            <a:r>
              <a:rPr lang="en-US" sz="4000" dirty="0" smtClean="0"/>
              <a:t>Central Valley Project/State Water Project</a:t>
            </a:r>
            <a:br>
              <a:rPr lang="en-US" sz="4000" dirty="0" smtClean="0"/>
            </a:br>
            <a:r>
              <a:rPr lang="en-US" sz="3200" dirty="0" smtClean="0">
                <a:solidFill>
                  <a:schemeClr val="tx1"/>
                </a:solidFill>
              </a:rPr>
              <a:t>Long-Term Average Exports</a:t>
            </a:r>
            <a:endParaRPr lang="en-US" dirty="0">
              <a:solidFill>
                <a:schemeClr val="tx1"/>
              </a:solidFill>
            </a:endParaRPr>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375452668"/>
              </p:ext>
            </p:extLst>
          </p:nvPr>
        </p:nvGraphicFramePr>
        <p:xfrm>
          <a:off x="228600" y="1905000"/>
          <a:ext cx="8382000" cy="4724400"/>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2"/>
          <p:cNvSpPr txBox="1"/>
          <p:nvPr/>
        </p:nvSpPr>
        <p:spPr bwMode="ltGray">
          <a:xfrm>
            <a:off x="1875390" y="2321575"/>
            <a:ext cx="914400" cy="461665"/>
          </a:xfrm>
          <a:prstGeom prst="rect">
            <a:avLst/>
          </a:prstGeom>
          <a:noFill/>
        </p:spPr>
        <p:txBody>
          <a:bodyPr wrap="square" rtlCol="0">
            <a:spAutoFit/>
          </a:bodyPr>
          <a:lstStyle/>
          <a:p>
            <a:pPr algn="ctr"/>
            <a:r>
              <a:rPr lang="en-US" sz="2400" b="1" dirty="0" smtClean="0">
                <a:latin typeface="+mn-lt"/>
              </a:rPr>
              <a:t>CVP</a:t>
            </a:r>
            <a:endParaRPr lang="en-US" sz="2400" b="1" dirty="0">
              <a:latin typeface="+mn-lt"/>
            </a:endParaRPr>
          </a:p>
        </p:txBody>
      </p:sp>
      <p:sp>
        <p:nvSpPr>
          <p:cNvPr id="6" name="TextBox 5"/>
          <p:cNvSpPr txBox="1"/>
          <p:nvPr/>
        </p:nvSpPr>
        <p:spPr bwMode="ltGray">
          <a:xfrm>
            <a:off x="4324228" y="2321575"/>
            <a:ext cx="914400" cy="461665"/>
          </a:xfrm>
          <a:prstGeom prst="rect">
            <a:avLst/>
          </a:prstGeom>
          <a:noFill/>
        </p:spPr>
        <p:txBody>
          <a:bodyPr wrap="square" rtlCol="0">
            <a:spAutoFit/>
          </a:bodyPr>
          <a:lstStyle/>
          <a:p>
            <a:pPr algn="ctr"/>
            <a:r>
              <a:rPr lang="en-US" sz="2400" b="1" dirty="0" smtClean="0">
                <a:latin typeface="+mn-lt"/>
              </a:rPr>
              <a:t>CVP</a:t>
            </a:r>
            <a:endParaRPr lang="en-US" sz="2400" b="1" dirty="0">
              <a:latin typeface="+mn-lt"/>
            </a:endParaRPr>
          </a:p>
        </p:txBody>
      </p:sp>
      <p:sp>
        <p:nvSpPr>
          <p:cNvPr id="7" name="TextBox 6"/>
          <p:cNvSpPr txBox="1"/>
          <p:nvPr/>
        </p:nvSpPr>
        <p:spPr bwMode="ltGray">
          <a:xfrm>
            <a:off x="6788724" y="2321575"/>
            <a:ext cx="914400" cy="461665"/>
          </a:xfrm>
          <a:prstGeom prst="rect">
            <a:avLst/>
          </a:prstGeom>
          <a:noFill/>
        </p:spPr>
        <p:txBody>
          <a:bodyPr wrap="square" rtlCol="0">
            <a:spAutoFit/>
          </a:bodyPr>
          <a:lstStyle/>
          <a:p>
            <a:pPr algn="ctr"/>
            <a:r>
              <a:rPr lang="en-US" sz="2400" b="1" dirty="0" smtClean="0">
                <a:latin typeface="+mn-lt"/>
              </a:rPr>
              <a:t>CVP</a:t>
            </a:r>
            <a:endParaRPr lang="en-US" sz="2400" b="1" dirty="0">
              <a:latin typeface="+mn-lt"/>
            </a:endParaRPr>
          </a:p>
        </p:txBody>
      </p:sp>
      <p:sp>
        <p:nvSpPr>
          <p:cNvPr id="8" name="TextBox 7"/>
          <p:cNvSpPr txBox="1"/>
          <p:nvPr/>
        </p:nvSpPr>
        <p:spPr bwMode="ltGray">
          <a:xfrm>
            <a:off x="1875390" y="3978664"/>
            <a:ext cx="914400" cy="461665"/>
          </a:xfrm>
          <a:prstGeom prst="rect">
            <a:avLst/>
          </a:prstGeom>
          <a:noFill/>
        </p:spPr>
        <p:txBody>
          <a:bodyPr wrap="square" rtlCol="0">
            <a:spAutoFit/>
          </a:bodyPr>
          <a:lstStyle/>
          <a:p>
            <a:pPr algn="ctr"/>
            <a:r>
              <a:rPr lang="en-US" sz="2400" b="1" dirty="0" smtClean="0">
                <a:latin typeface="+mn-lt"/>
              </a:rPr>
              <a:t>SWP</a:t>
            </a:r>
            <a:endParaRPr lang="en-US" sz="2400" b="1" dirty="0">
              <a:latin typeface="+mn-lt"/>
            </a:endParaRPr>
          </a:p>
        </p:txBody>
      </p:sp>
      <p:sp>
        <p:nvSpPr>
          <p:cNvPr id="9" name="TextBox 8"/>
          <p:cNvSpPr txBox="1"/>
          <p:nvPr/>
        </p:nvSpPr>
        <p:spPr bwMode="ltGray">
          <a:xfrm>
            <a:off x="4324228" y="3978664"/>
            <a:ext cx="914400" cy="461665"/>
          </a:xfrm>
          <a:prstGeom prst="rect">
            <a:avLst/>
          </a:prstGeom>
          <a:noFill/>
        </p:spPr>
        <p:txBody>
          <a:bodyPr wrap="square" rtlCol="0">
            <a:spAutoFit/>
          </a:bodyPr>
          <a:lstStyle/>
          <a:p>
            <a:pPr algn="ctr"/>
            <a:r>
              <a:rPr lang="en-US" sz="2400" b="1" dirty="0" smtClean="0">
                <a:latin typeface="+mn-lt"/>
              </a:rPr>
              <a:t>SWP</a:t>
            </a:r>
            <a:endParaRPr lang="en-US" sz="2400" b="1" dirty="0">
              <a:latin typeface="+mn-lt"/>
            </a:endParaRPr>
          </a:p>
        </p:txBody>
      </p:sp>
      <p:sp>
        <p:nvSpPr>
          <p:cNvPr id="10" name="TextBox 9"/>
          <p:cNvSpPr txBox="1"/>
          <p:nvPr/>
        </p:nvSpPr>
        <p:spPr bwMode="ltGray">
          <a:xfrm>
            <a:off x="6788724" y="3978664"/>
            <a:ext cx="914400" cy="461665"/>
          </a:xfrm>
          <a:prstGeom prst="rect">
            <a:avLst/>
          </a:prstGeom>
          <a:noFill/>
        </p:spPr>
        <p:txBody>
          <a:bodyPr wrap="square" rtlCol="0">
            <a:spAutoFit/>
          </a:bodyPr>
          <a:lstStyle/>
          <a:p>
            <a:pPr algn="ctr"/>
            <a:r>
              <a:rPr lang="en-US" sz="2400" b="1" dirty="0" smtClean="0">
                <a:latin typeface="+mn-lt"/>
              </a:rPr>
              <a:t>SWP</a:t>
            </a:r>
            <a:endParaRPr lang="en-US" sz="2400" b="1" dirty="0">
              <a:latin typeface="+mn-lt"/>
            </a:endParaRPr>
          </a:p>
        </p:txBody>
      </p:sp>
    </p:spTree>
    <p:extLst>
      <p:ext uri="{BB962C8B-B14F-4D97-AF65-F5344CB8AC3E}">
        <p14:creationId xmlns:p14="http://schemas.microsoft.com/office/powerpoint/2010/main" val="2939962754"/>
      </p:ext>
    </p:extLst>
  </p:cSld>
  <p:clrMapOvr>
    <a:masterClrMapping/>
  </p:clrMapOvr>
  <p:transition spd="slow">
    <p:fade/>
  </p:transition>
  <p:timing>
    <p:tnLst>
      <p:par>
        <p:cTn id="1" dur="indefinite" restart="never" nodeType="tmRoot"/>
      </p:par>
    </p:tnLst>
  </p:timing>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bwMode="invGray"/>
        <p:txBody>
          <a:bodyPr/>
          <a:lstStyle/>
          <a:p>
            <a:r>
              <a:rPr lang="en-US" sz="4800" dirty="0" smtClean="0"/>
              <a:t>Estimated Cost and </a:t>
            </a:r>
            <a:br>
              <a:rPr lang="en-US" sz="4800" dirty="0" smtClean="0"/>
            </a:br>
            <a:r>
              <a:rPr lang="en-US" sz="4800" dirty="0" smtClean="0"/>
              <a:t>Cost per Acre Foot Analysis</a:t>
            </a:r>
            <a:endParaRPr lang="en-US" sz="4800" dirty="0"/>
          </a:p>
        </p:txBody>
      </p:sp>
    </p:spTree>
    <p:custDataLst>
      <p:tags r:id="rId1"/>
    </p:custDataLst>
    <p:extLst>
      <p:ext uri="{BB962C8B-B14F-4D97-AF65-F5344CB8AC3E}">
        <p14:creationId xmlns:p14="http://schemas.microsoft.com/office/powerpoint/2010/main" val="3956811127"/>
      </p:ext>
    </p:extLst>
  </p:cSld>
  <p:clrMapOvr>
    <a:masterClrMapping/>
  </p:clrMapOvr>
  <p:transition spd="med">
    <p:fade/>
  </p:transition>
  <p:timing>
    <p:tnLst>
      <p:par>
        <p:cTn id="1" dur="indefinite" restart="never" nodeType="tmRoot"/>
      </p:par>
    </p:tnLst>
  </p:timing>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4294967295"/>
            <p:extLst>
              <p:ext uri="{D42A27DB-BD31-4B8C-83A1-F6EECF244321}">
                <p14:modId xmlns:p14="http://schemas.microsoft.com/office/powerpoint/2010/main" val="1209587097"/>
              </p:ext>
            </p:extLst>
          </p:nvPr>
        </p:nvGraphicFramePr>
        <p:xfrm>
          <a:off x="190500" y="1600200"/>
          <a:ext cx="8763000" cy="4902468"/>
        </p:xfrm>
        <a:graphic>
          <a:graphicData uri="http://schemas.openxmlformats.org/drawingml/2006/table">
            <a:tbl>
              <a:tblPr firstRow="1" bandRow="1">
                <a:tableStyleId>{5C22544A-7EE6-4342-B048-85BDC9FD1C3A}</a:tableStyleId>
              </a:tblPr>
              <a:tblGrid>
                <a:gridCol w="3162300"/>
                <a:gridCol w="1905000"/>
                <a:gridCol w="1828800"/>
                <a:gridCol w="1866900"/>
              </a:tblGrid>
              <a:tr h="169545">
                <a:tc>
                  <a:txBody>
                    <a:bodyPr/>
                    <a:lstStyle/>
                    <a:p>
                      <a:pPr algn="ctr" fontAlgn="ctr">
                        <a:lnSpc>
                          <a:spcPct val="80000"/>
                        </a:lnSpc>
                      </a:pPr>
                      <a:endParaRPr lang="en-US" sz="1800" b="1" i="0" u="none" strike="noStrike" dirty="0">
                        <a:solidFill>
                          <a:schemeClr val="tx1"/>
                        </a:solidFill>
                        <a:effectLst/>
                        <a:latin typeface="Calibri"/>
                      </a:endParaRPr>
                    </a:p>
                  </a:txBody>
                  <a:tcPr marL="9525" marR="9525" marT="9525" marB="0" anchor="ctr"/>
                </a:tc>
                <a:tc>
                  <a:txBody>
                    <a:bodyPr/>
                    <a:lstStyle/>
                    <a:p>
                      <a:pPr algn="ctr" fontAlgn="ctr">
                        <a:lnSpc>
                          <a:spcPct val="80000"/>
                        </a:lnSpc>
                      </a:pPr>
                      <a:r>
                        <a:rPr lang="en-US" sz="2000" b="1" i="0" u="none" strike="noStrike" dirty="0" smtClean="0">
                          <a:solidFill>
                            <a:schemeClr val="tx1"/>
                          </a:solidFill>
                          <a:effectLst/>
                          <a:latin typeface="Calibri"/>
                        </a:rPr>
                        <a:t>50%</a:t>
                      </a:r>
                      <a:r>
                        <a:rPr lang="en-US" sz="2000" b="1" i="0" u="none" strike="noStrike" baseline="0" dirty="0" smtClean="0">
                          <a:solidFill>
                            <a:schemeClr val="tx1"/>
                          </a:solidFill>
                          <a:effectLst/>
                          <a:latin typeface="Calibri"/>
                        </a:rPr>
                        <a:t> SWP Share</a:t>
                      </a:r>
                      <a:endParaRPr lang="en-US" sz="2000" b="1" i="0" u="none" strike="noStrike" dirty="0">
                        <a:solidFill>
                          <a:schemeClr val="tx1"/>
                        </a:solidFill>
                        <a:effectLst/>
                        <a:latin typeface="Calibri"/>
                      </a:endParaRPr>
                    </a:p>
                  </a:txBody>
                  <a:tcPr marL="9525" marR="9525" marT="9525" marB="0" anchor="ctr"/>
                </a:tc>
                <a:tc>
                  <a:txBody>
                    <a:bodyPr/>
                    <a:lstStyle/>
                    <a:p>
                      <a:pPr algn="ctr" fontAlgn="ctr">
                        <a:lnSpc>
                          <a:spcPct val="80000"/>
                        </a:lnSpc>
                      </a:pPr>
                      <a:r>
                        <a:rPr lang="en-US" sz="2000" b="1" i="0" u="none" strike="noStrike" dirty="0" smtClean="0">
                          <a:solidFill>
                            <a:schemeClr val="tx1"/>
                          </a:solidFill>
                          <a:effectLst/>
                          <a:latin typeface="Calibri"/>
                        </a:rPr>
                        <a:t>55% SWP Share</a:t>
                      </a:r>
                      <a:endParaRPr lang="en-US" sz="2000" b="1" i="0" u="none" strike="noStrike" dirty="0">
                        <a:solidFill>
                          <a:schemeClr val="tx1"/>
                        </a:solidFill>
                        <a:effectLst/>
                        <a:latin typeface="Calibri"/>
                      </a:endParaRPr>
                    </a:p>
                  </a:txBody>
                  <a:tcPr marL="9525" marR="9525" marT="9525" marB="0" anchor="ctr"/>
                </a:tc>
                <a:tc>
                  <a:txBody>
                    <a:bodyPr/>
                    <a:lstStyle/>
                    <a:p>
                      <a:pPr algn="ctr" fontAlgn="ctr">
                        <a:lnSpc>
                          <a:spcPct val="80000"/>
                        </a:lnSpc>
                      </a:pPr>
                      <a:r>
                        <a:rPr lang="en-US" sz="2000" b="1" i="0" u="none" strike="noStrike" dirty="0" smtClean="0">
                          <a:solidFill>
                            <a:schemeClr val="tx1"/>
                          </a:solidFill>
                          <a:effectLst/>
                          <a:latin typeface="Calibri"/>
                        </a:rPr>
                        <a:t>60% SWP Share</a:t>
                      </a:r>
                      <a:endParaRPr lang="en-US" sz="2000" b="1" i="0" u="none" strike="noStrike" dirty="0">
                        <a:solidFill>
                          <a:schemeClr val="tx1"/>
                        </a:solidFill>
                        <a:effectLst/>
                        <a:latin typeface="Calibri"/>
                      </a:endParaRPr>
                    </a:p>
                  </a:txBody>
                  <a:tcPr marL="9525" marR="9525" marT="9525" marB="0" anchor="ctr"/>
                </a:tc>
              </a:tr>
              <a:tr h="257697">
                <a:tc>
                  <a:txBody>
                    <a:bodyPr/>
                    <a:lstStyle/>
                    <a:p>
                      <a:pPr algn="l" fontAlgn="ctr">
                        <a:lnSpc>
                          <a:spcPct val="80000"/>
                        </a:lnSpc>
                      </a:pPr>
                      <a:r>
                        <a:rPr lang="en-US" sz="1800" b="1" i="0" u="sng" strike="noStrike" dirty="0" smtClean="0">
                          <a:effectLst/>
                          <a:latin typeface="+mn-lt"/>
                        </a:rPr>
                        <a:t>Financial Assumptions</a:t>
                      </a:r>
                      <a:endParaRPr lang="en-US" sz="1800" b="1" i="0" u="sng" strike="noStrike" dirty="0">
                        <a:effectLst/>
                        <a:latin typeface="+mn-lt"/>
                      </a:endParaRPr>
                    </a:p>
                  </a:txBody>
                  <a:tcPr marL="9525" marR="9525" marT="9525" marB="0" anchor="ctr"/>
                </a:tc>
                <a:tc>
                  <a:txBody>
                    <a:bodyPr/>
                    <a:lstStyle/>
                    <a:p>
                      <a:pPr>
                        <a:lnSpc>
                          <a:spcPct val="80000"/>
                        </a:lnSpc>
                      </a:pPr>
                      <a:endParaRPr lang="en-US" dirty="0">
                        <a:latin typeface="+mn-lt"/>
                      </a:endParaRPr>
                    </a:p>
                  </a:txBody>
                  <a:tcPr marL="9525" marR="9525" marT="9525" marB="0" anchor="ctr"/>
                </a:tc>
                <a:tc>
                  <a:txBody>
                    <a:bodyPr/>
                    <a:lstStyle/>
                    <a:p>
                      <a:pPr>
                        <a:lnSpc>
                          <a:spcPct val="80000"/>
                        </a:lnSpc>
                      </a:pPr>
                      <a:endParaRPr lang="en-US" dirty="0">
                        <a:latin typeface="+mn-lt"/>
                      </a:endParaRPr>
                    </a:p>
                  </a:txBody>
                  <a:tcPr marL="9525" marR="9525" marT="9525" marB="0" anchor="ctr"/>
                </a:tc>
                <a:tc>
                  <a:txBody>
                    <a:bodyPr/>
                    <a:lstStyle/>
                    <a:p>
                      <a:pPr algn="r" fontAlgn="ctr">
                        <a:lnSpc>
                          <a:spcPct val="80000"/>
                        </a:lnSpc>
                      </a:pPr>
                      <a:endParaRPr lang="en-US" sz="1600" b="0" i="0" u="none" strike="noStrike" dirty="0">
                        <a:solidFill>
                          <a:srgbClr val="0000FF"/>
                        </a:solidFill>
                        <a:effectLst/>
                        <a:latin typeface="+mn-lt"/>
                      </a:endParaRPr>
                    </a:p>
                  </a:txBody>
                  <a:tcPr marL="9525" marR="9525" marT="9525" marB="0" anchor="ctr"/>
                </a:tc>
              </a:tr>
              <a:tr h="84441">
                <a:tc>
                  <a:txBody>
                    <a:bodyPr/>
                    <a:lstStyle/>
                    <a:p>
                      <a:pPr algn="r" fontAlgn="ctr">
                        <a:lnSpc>
                          <a:spcPct val="80000"/>
                        </a:lnSpc>
                      </a:pPr>
                      <a:r>
                        <a:rPr lang="en-US" sz="1600" b="1" i="0" u="none" strike="noStrike" dirty="0" smtClean="0">
                          <a:effectLst/>
                          <a:latin typeface="+mn-lt"/>
                        </a:rPr>
                        <a:t>Capital</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14.99 billion</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14.99 billion</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14.99 billion</a:t>
                      </a:r>
                    </a:p>
                  </a:txBody>
                  <a:tcPr marL="9525" marR="9525" marT="9525" marB="0" anchor="ctr"/>
                </a:tc>
              </a:tr>
              <a:tr h="169545">
                <a:tc>
                  <a:txBody>
                    <a:bodyPr/>
                    <a:lstStyle/>
                    <a:p>
                      <a:pPr algn="r" fontAlgn="ctr">
                        <a:lnSpc>
                          <a:spcPct val="80000"/>
                        </a:lnSpc>
                      </a:pPr>
                      <a:r>
                        <a:rPr lang="en-US" sz="1600" b="1" i="0" u="none" strike="noStrike" dirty="0">
                          <a:effectLst/>
                          <a:latin typeface="+mn-lt"/>
                        </a:rPr>
                        <a:t>O&amp;M </a:t>
                      </a:r>
                      <a:r>
                        <a:rPr lang="en-US" sz="1600" b="1" i="0" u="none" strike="noStrike" dirty="0" smtClean="0">
                          <a:effectLst/>
                          <a:latin typeface="+mn-lt"/>
                        </a:rPr>
                        <a:t>(over repay period)</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1.20 billion</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a:t>
                      </a:r>
                      <a:r>
                        <a:rPr lang="en-US" sz="1600" b="0" i="0" u="none" strike="noStrike" dirty="0" smtClean="0">
                          <a:solidFill>
                            <a:schemeClr val="bg1"/>
                          </a:solidFill>
                          <a:effectLst/>
                          <a:latin typeface="+mn-lt"/>
                        </a:rPr>
                        <a:t>1.20 </a:t>
                      </a:r>
                      <a:r>
                        <a:rPr lang="en-US" sz="1600" b="0" i="0" u="none" strike="noStrike" dirty="0">
                          <a:solidFill>
                            <a:schemeClr val="bg1"/>
                          </a:solidFill>
                          <a:effectLst/>
                          <a:latin typeface="+mn-lt"/>
                        </a:rPr>
                        <a:t>billion</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a:t>
                      </a:r>
                      <a:r>
                        <a:rPr lang="en-US" sz="1600" b="0" i="0" u="none" strike="noStrike" dirty="0" smtClean="0">
                          <a:solidFill>
                            <a:schemeClr val="bg1"/>
                          </a:solidFill>
                          <a:effectLst/>
                          <a:latin typeface="+mn-lt"/>
                        </a:rPr>
                        <a:t>1.20 </a:t>
                      </a:r>
                      <a:r>
                        <a:rPr lang="en-US" sz="1600" b="0" i="0" u="none" strike="noStrike" dirty="0">
                          <a:solidFill>
                            <a:schemeClr val="bg1"/>
                          </a:solidFill>
                          <a:effectLst/>
                          <a:latin typeface="+mn-lt"/>
                        </a:rPr>
                        <a:t>billion</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SWP/CVP </a:t>
                      </a:r>
                      <a:r>
                        <a:rPr lang="en-US" sz="1600" b="1" i="0" u="none" strike="noStrike" dirty="0">
                          <a:effectLst/>
                          <a:latin typeface="+mn-lt"/>
                        </a:rPr>
                        <a:t>Cost </a:t>
                      </a:r>
                      <a:r>
                        <a:rPr lang="en-US" sz="1600" b="1" i="0" u="none" strike="noStrike" dirty="0" smtClean="0">
                          <a:effectLst/>
                          <a:latin typeface="+mn-lt"/>
                        </a:rPr>
                        <a:t>Share</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50% / 50</a:t>
                      </a:r>
                      <a:r>
                        <a:rPr lang="en-US" sz="1600" b="0" i="0" u="none" strike="noStrike" dirty="0">
                          <a:solidFill>
                            <a:schemeClr val="bg1"/>
                          </a:solidFill>
                          <a:effectLst/>
                          <a:latin typeface="+mn-lt"/>
                        </a:rPr>
                        <a:t>%</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55</a:t>
                      </a:r>
                      <a:r>
                        <a:rPr lang="en-US" sz="1600" b="0" i="0" u="none" strike="noStrike" dirty="0" smtClean="0">
                          <a:solidFill>
                            <a:schemeClr val="bg1"/>
                          </a:solidFill>
                          <a:effectLst/>
                          <a:latin typeface="+mn-lt"/>
                        </a:rPr>
                        <a:t>% / 45%</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60</a:t>
                      </a:r>
                      <a:r>
                        <a:rPr lang="en-US" sz="1600" b="0" i="0" u="none" strike="noStrike" dirty="0" smtClean="0">
                          <a:solidFill>
                            <a:schemeClr val="bg1"/>
                          </a:solidFill>
                          <a:effectLst/>
                          <a:latin typeface="+mn-lt"/>
                        </a:rPr>
                        <a:t>% / 40%</a:t>
                      </a:r>
                      <a:endParaRPr lang="en-US" sz="1600" b="0" i="0" u="none" strike="noStrike" dirty="0">
                        <a:solidFill>
                          <a:schemeClr val="bg1"/>
                        </a:solidFill>
                        <a:effectLst/>
                        <a:latin typeface="+mn-lt"/>
                      </a:endParaRP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Contractor Share (MWD)</a:t>
                      </a: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45.81 %</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45.81 %</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45.81 %</a:t>
                      </a:r>
                      <a:endParaRPr lang="en-US" sz="1600" b="0" i="0" u="none" strike="noStrike" dirty="0">
                        <a:solidFill>
                          <a:schemeClr val="bg1"/>
                        </a:solidFill>
                        <a:effectLst/>
                        <a:latin typeface="+mn-lt"/>
                      </a:endParaRPr>
                    </a:p>
                  </a:txBody>
                  <a:tcPr marL="9525" marR="9525" marT="9525" marB="0" anchor="ctr"/>
                </a:tc>
              </a:tr>
              <a:tr h="55485">
                <a:tc>
                  <a:txBody>
                    <a:bodyPr/>
                    <a:lstStyle/>
                    <a:p>
                      <a:pPr algn="r" fontAlgn="ctr">
                        <a:lnSpc>
                          <a:spcPct val="80000"/>
                        </a:lnSpc>
                      </a:pPr>
                      <a:r>
                        <a:rPr lang="en-US" sz="1600" b="1" i="0" u="none" strike="noStrike" dirty="0">
                          <a:effectLst/>
                          <a:latin typeface="+mn-lt"/>
                        </a:rPr>
                        <a:t>Bond </a:t>
                      </a:r>
                      <a:r>
                        <a:rPr lang="en-US" sz="1600" b="1" i="0" u="none" strike="noStrike" dirty="0" smtClean="0">
                          <a:effectLst/>
                          <a:latin typeface="+mn-lt"/>
                        </a:rPr>
                        <a:t>Rate</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6.135%</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6.135%</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6.135%</a:t>
                      </a:r>
                    </a:p>
                  </a:txBody>
                  <a:tcPr marL="9525" marR="9525" marT="9525" marB="0" anchor="ctr"/>
                </a:tc>
              </a:tr>
              <a:tr h="169545">
                <a:tc>
                  <a:txBody>
                    <a:bodyPr/>
                    <a:lstStyle/>
                    <a:p>
                      <a:pPr algn="r" fontAlgn="ctr">
                        <a:lnSpc>
                          <a:spcPct val="80000"/>
                        </a:lnSpc>
                      </a:pPr>
                      <a:r>
                        <a:rPr lang="en-US" sz="1600" b="1" i="0" u="none" strike="noStrike" dirty="0">
                          <a:effectLst/>
                          <a:latin typeface="+mn-lt"/>
                        </a:rPr>
                        <a:t>Discount-Inflation </a:t>
                      </a:r>
                      <a:r>
                        <a:rPr lang="en-US" sz="1600" b="1" i="0" u="none" strike="noStrike" dirty="0" smtClean="0">
                          <a:effectLst/>
                          <a:latin typeface="+mn-lt"/>
                        </a:rPr>
                        <a:t>Rate</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0.0%</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0.0%</a:t>
                      </a: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0.0%</a:t>
                      </a:r>
                    </a:p>
                  </a:txBody>
                  <a:tcPr marL="9525" marR="9525" marT="9525" marB="0" anchor="ctr"/>
                </a:tc>
              </a:tr>
              <a:tr h="169545">
                <a:tc>
                  <a:txBody>
                    <a:bodyPr/>
                    <a:lstStyle/>
                    <a:p>
                      <a:pPr algn="r" fontAlgn="ctr">
                        <a:lnSpc>
                          <a:spcPct val="80000"/>
                        </a:lnSpc>
                      </a:pPr>
                      <a:r>
                        <a:rPr lang="en-US" sz="1600" b="1" i="0" u="none" strike="noStrike" dirty="0">
                          <a:effectLst/>
                          <a:latin typeface="+mn-lt"/>
                        </a:rPr>
                        <a:t>Repayment </a:t>
                      </a:r>
                      <a:r>
                        <a:rPr lang="en-US" sz="1600" b="1" i="0" u="none" strike="noStrike" dirty="0" smtClean="0">
                          <a:effectLst/>
                          <a:latin typeface="+mn-lt"/>
                        </a:rPr>
                        <a:t>Period</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40 </a:t>
                      </a:r>
                      <a:r>
                        <a:rPr lang="en-US" sz="1600" b="0" i="0" u="none" strike="noStrike" dirty="0" smtClean="0">
                          <a:solidFill>
                            <a:schemeClr val="bg1"/>
                          </a:solidFill>
                          <a:effectLst/>
                          <a:latin typeface="+mn-lt"/>
                        </a:rPr>
                        <a:t>yrs.</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40 </a:t>
                      </a:r>
                      <a:r>
                        <a:rPr lang="en-US" sz="1600" b="0" i="0" u="none" strike="noStrike" dirty="0" smtClean="0">
                          <a:solidFill>
                            <a:schemeClr val="bg1"/>
                          </a:solidFill>
                          <a:effectLst/>
                          <a:latin typeface="+mn-lt"/>
                        </a:rPr>
                        <a:t>yrs.</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a:solidFill>
                            <a:schemeClr val="bg1"/>
                          </a:solidFill>
                          <a:effectLst/>
                          <a:latin typeface="+mn-lt"/>
                        </a:rPr>
                        <a:t>40 </a:t>
                      </a:r>
                      <a:r>
                        <a:rPr lang="en-US" sz="1600" b="0" i="0" u="none" strike="noStrike" dirty="0" smtClean="0">
                          <a:solidFill>
                            <a:schemeClr val="bg1"/>
                          </a:solidFill>
                          <a:effectLst/>
                          <a:latin typeface="+mn-lt"/>
                        </a:rPr>
                        <a:t>yrs.</a:t>
                      </a:r>
                      <a:endParaRPr lang="en-US" sz="1600" b="0" i="0" u="none" strike="noStrike" dirty="0">
                        <a:solidFill>
                          <a:schemeClr val="bg1"/>
                        </a:solidFill>
                        <a:effectLst/>
                        <a:latin typeface="+mn-lt"/>
                      </a:endParaRP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MWD Annual Sales</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1.75 million</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1.75 million</a:t>
                      </a:r>
                      <a:endParaRPr lang="en-US" sz="1600" b="0" i="0" u="none" strike="noStrike" dirty="0">
                        <a:solidFill>
                          <a:schemeClr val="bg1"/>
                        </a:solidFill>
                        <a:effectLst/>
                        <a:latin typeface="+mn-lt"/>
                      </a:endParaRPr>
                    </a:p>
                  </a:txBody>
                  <a:tcPr marL="9525" marR="9525" marT="9525" marB="0" anchor="ctr"/>
                </a:tc>
                <a:tc>
                  <a:txBody>
                    <a:bodyPr/>
                    <a:lstStyle/>
                    <a:p>
                      <a:pPr algn="r" fontAlgn="ctr">
                        <a:lnSpc>
                          <a:spcPct val="80000"/>
                        </a:lnSpc>
                      </a:pPr>
                      <a:r>
                        <a:rPr lang="en-US" sz="1600" b="0" i="0" u="none" strike="noStrike" dirty="0" smtClean="0">
                          <a:solidFill>
                            <a:schemeClr val="bg1"/>
                          </a:solidFill>
                          <a:effectLst/>
                          <a:latin typeface="+mn-lt"/>
                        </a:rPr>
                        <a:t>1.75 million</a:t>
                      </a:r>
                      <a:endParaRPr lang="en-US" sz="1600" b="0" i="0" u="none" strike="noStrike" dirty="0">
                        <a:solidFill>
                          <a:schemeClr val="bg1"/>
                        </a:solidFill>
                        <a:effectLst/>
                        <a:latin typeface="+mn-lt"/>
                      </a:endParaRPr>
                    </a:p>
                  </a:txBody>
                  <a:tcPr marL="9525" marR="9525" marT="9525" marB="0" anchor="ctr"/>
                </a:tc>
              </a:tr>
              <a:tr h="170688">
                <a:tc gridSpan="3">
                  <a:txBody>
                    <a:bodyPr/>
                    <a:lstStyle/>
                    <a:p>
                      <a:pPr algn="l" fontAlgn="ctr">
                        <a:lnSpc>
                          <a:spcPct val="80000"/>
                        </a:lnSpc>
                      </a:pPr>
                      <a:r>
                        <a:rPr lang="en-US" sz="1800" b="1" i="0" u="sng" strike="noStrike" dirty="0" smtClean="0">
                          <a:solidFill>
                            <a:schemeClr val="bg1"/>
                          </a:solidFill>
                          <a:effectLst/>
                          <a:latin typeface="+mn-lt"/>
                        </a:rPr>
                        <a:t>Cal </a:t>
                      </a:r>
                      <a:r>
                        <a:rPr lang="en-US" sz="1800" b="1" i="0" u="sng" strike="noStrike" dirty="0">
                          <a:solidFill>
                            <a:schemeClr val="bg1"/>
                          </a:solidFill>
                          <a:effectLst/>
                          <a:latin typeface="+mn-lt"/>
                        </a:rPr>
                        <a:t>WaterFix </a:t>
                      </a:r>
                      <a:r>
                        <a:rPr lang="en-US" sz="1800" b="1" i="0" u="sng" strike="noStrike" dirty="0" smtClean="0">
                          <a:solidFill>
                            <a:schemeClr val="bg1"/>
                          </a:solidFill>
                          <a:effectLst/>
                          <a:latin typeface="+mn-lt"/>
                        </a:rPr>
                        <a:t>Alternative 4A (Year 2025</a:t>
                      </a:r>
                      <a:r>
                        <a:rPr lang="en-US" sz="1800" b="1" i="0" u="sng" strike="noStrike" dirty="0">
                          <a:solidFill>
                            <a:schemeClr val="bg1"/>
                          </a:solidFill>
                          <a:effectLst/>
                          <a:latin typeface="+mn-lt"/>
                        </a:rPr>
                        <a:t>)</a:t>
                      </a:r>
                    </a:p>
                  </a:txBody>
                  <a:tcPr marL="9525" marR="9525" marT="9525" marB="0" anchor="ctr"/>
                </a:tc>
                <a:tc hMerge="1">
                  <a:txBody>
                    <a:bodyPr/>
                    <a:lstStyle/>
                    <a:p>
                      <a:endParaRPr lang="en-US"/>
                    </a:p>
                  </a:txBody>
                  <a:tcPr/>
                </a:tc>
                <a:tc hMerge="1">
                  <a:txBody>
                    <a:bodyPr/>
                    <a:lstStyle/>
                    <a:p>
                      <a:endParaRPr lang="en-US"/>
                    </a:p>
                  </a:txBody>
                  <a:tcPr/>
                </a:tc>
                <a:tc>
                  <a:txBody>
                    <a:bodyPr/>
                    <a:lstStyle/>
                    <a:p>
                      <a:pPr algn="l" fontAlgn="ctr">
                        <a:lnSpc>
                          <a:spcPct val="80000"/>
                        </a:lnSpc>
                      </a:pPr>
                      <a:r>
                        <a:rPr lang="en-US" sz="1600" b="1" i="0" u="none" strike="noStrike" dirty="0">
                          <a:solidFill>
                            <a:schemeClr val="bg1"/>
                          </a:solidFill>
                          <a:effectLst/>
                          <a:latin typeface="+mn-lt"/>
                        </a:rPr>
                        <a:t> </a:t>
                      </a:r>
                    </a:p>
                  </a:txBody>
                  <a:tcPr marL="9525" marR="9525" marT="9525" marB="0" anchor="ctr"/>
                </a:tc>
              </a:tr>
              <a:tr h="169545">
                <a:tc>
                  <a:txBody>
                    <a:bodyPr/>
                    <a:lstStyle/>
                    <a:p>
                      <a:pPr algn="r" fontAlgn="ctr">
                        <a:lnSpc>
                          <a:spcPct val="80000"/>
                        </a:lnSpc>
                      </a:pPr>
                      <a:r>
                        <a:rPr lang="en-US" sz="1600" b="1" i="0" u="none" strike="noStrike" dirty="0">
                          <a:effectLst/>
                          <a:latin typeface="+mn-lt"/>
                        </a:rPr>
                        <a:t>SWP/CVP </a:t>
                      </a:r>
                      <a:r>
                        <a:rPr lang="en-US" sz="1600" b="1" i="1" u="sng" strike="noStrike" dirty="0">
                          <a:effectLst/>
                          <a:latin typeface="+mn-lt"/>
                        </a:rPr>
                        <a:t>without</a:t>
                      </a:r>
                      <a:r>
                        <a:rPr lang="en-US" sz="1600" b="1" i="0" u="none" strike="noStrike" dirty="0">
                          <a:effectLst/>
                          <a:latin typeface="+mn-lt"/>
                        </a:rPr>
                        <a:t> Fix (2025)</a:t>
                      </a:r>
                    </a:p>
                  </a:txBody>
                  <a:tcPr marL="9525" marR="9525" marT="9525" marB="0" anchor="ctr"/>
                </a:tc>
                <a:tc>
                  <a:txBody>
                    <a:bodyPr/>
                    <a:lstStyle/>
                    <a:p>
                      <a:pPr algn="r" fontAlgn="ctr">
                        <a:lnSpc>
                          <a:spcPct val="80000"/>
                        </a:lnSpc>
                      </a:pPr>
                      <a:r>
                        <a:rPr lang="en-US" sz="1600" b="0" i="0" u="none" strike="noStrike" dirty="0" smtClean="0">
                          <a:effectLst/>
                          <a:latin typeface="+mn-lt"/>
                        </a:rPr>
                        <a:t>3.5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3.5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3.5 </a:t>
                      </a:r>
                      <a:r>
                        <a:rPr lang="en-US" sz="1600" b="0" i="0" u="none" strike="noStrike" dirty="0">
                          <a:effectLst/>
                          <a:latin typeface="+mn-lt"/>
                        </a:rPr>
                        <a:t>maf</a:t>
                      </a:r>
                    </a:p>
                  </a:txBody>
                  <a:tcPr marL="9525" marR="9525" marT="9525" marB="0" anchor="ctr"/>
                </a:tc>
              </a:tr>
              <a:tr h="169545">
                <a:tc>
                  <a:txBody>
                    <a:bodyPr/>
                    <a:lstStyle/>
                    <a:p>
                      <a:pPr algn="r" fontAlgn="ctr">
                        <a:lnSpc>
                          <a:spcPct val="80000"/>
                        </a:lnSpc>
                      </a:pPr>
                      <a:r>
                        <a:rPr lang="en-US" sz="1600" b="1" i="0" u="none" strike="noStrike" dirty="0">
                          <a:effectLst/>
                          <a:latin typeface="+mn-lt"/>
                        </a:rPr>
                        <a:t>SWP/CVP </a:t>
                      </a:r>
                      <a:r>
                        <a:rPr lang="en-US" sz="1600" b="1" i="1" u="sng" strike="noStrike" dirty="0">
                          <a:effectLst/>
                          <a:latin typeface="+mn-lt"/>
                        </a:rPr>
                        <a:t>with</a:t>
                      </a:r>
                      <a:r>
                        <a:rPr lang="en-US" sz="1600" b="1" i="0" u="none" strike="noStrike" dirty="0">
                          <a:effectLst/>
                          <a:latin typeface="+mn-lt"/>
                        </a:rPr>
                        <a:t> Fix (2025)</a:t>
                      </a:r>
                    </a:p>
                  </a:txBody>
                  <a:tcPr marL="9525" marR="9525" marT="9525" marB="0" anchor="ctr"/>
                </a:tc>
                <a:tc>
                  <a:txBody>
                    <a:bodyPr/>
                    <a:lstStyle/>
                    <a:p>
                      <a:pPr algn="r" fontAlgn="ctr">
                        <a:lnSpc>
                          <a:spcPct val="80000"/>
                        </a:lnSpc>
                      </a:pPr>
                      <a:r>
                        <a:rPr lang="en-US" sz="1600" b="0" i="0" u="none" strike="noStrike" dirty="0">
                          <a:effectLst/>
                          <a:latin typeface="+mn-lt"/>
                        </a:rPr>
                        <a:t>4.9 maf</a:t>
                      </a:r>
                    </a:p>
                  </a:txBody>
                  <a:tcPr marL="9525" marR="9525" marT="9525" marB="0" anchor="ctr"/>
                </a:tc>
                <a:tc>
                  <a:txBody>
                    <a:bodyPr/>
                    <a:lstStyle/>
                    <a:p>
                      <a:pPr algn="r" fontAlgn="ctr">
                        <a:lnSpc>
                          <a:spcPct val="80000"/>
                        </a:lnSpc>
                      </a:pPr>
                      <a:r>
                        <a:rPr lang="en-US" sz="1600" b="0" i="0" u="none" strike="noStrike" dirty="0">
                          <a:effectLst/>
                          <a:latin typeface="+mn-lt"/>
                        </a:rPr>
                        <a:t>4.9 maf</a:t>
                      </a:r>
                    </a:p>
                  </a:txBody>
                  <a:tcPr marL="9525" marR="9525" marT="9525" marB="0" anchor="ctr"/>
                </a:tc>
                <a:tc>
                  <a:txBody>
                    <a:bodyPr/>
                    <a:lstStyle/>
                    <a:p>
                      <a:pPr algn="r" fontAlgn="ctr">
                        <a:lnSpc>
                          <a:spcPct val="80000"/>
                        </a:lnSpc>
                      </a:pPr>
                      <a:r>
                        <a:rPr lang="en-US" sz="1600" b="0" i="0" u="none" strike="noStrike" dirty="0">
                          <a:effectLst/>
                          <a:latin typeface="+mn-lt"/>
                        </a:rPr>
                        <a:t>4.9 maf</a:t>
                      </a:r>
                    </a:p>
                  </a:txBody>
                  <a:tcPr marL="9525" marR="9525" marT="9525" marB="0" anchor="ctr"/>
                </a:tc>
              </a:tr>
              <a:tr h="169545">
                <a:tc>
                  <a:txBody>
                    <a:bodyPr/>
                    <a:lstStyle/>
                    <a:p>
                      <a:pPr algn="r" fontAlgn="ctr">
                        <a:lnSpc>
                          <a:spcPct val="80000"/>
                        </a:lnSpc>
                      </a:pPr>
                      <a:r>
                        <a:rPr lang="en-US" sz="1600" b="1" i="0" u="none" strike="noStrike" dirty="0">
                          <a:effectLst/>
                          <a:latin typeface="+mn-lt"/>
                        </a:rPr>
                        <a:t>SWP/CVP Restored Supplies</a:t>
                      </a:r>
                    </a:p>
                  </a:txBody>
                  <a:tcPr marL="9525" marR="9525" marT="9525" marB="0" anchor="ctr"/>
                </a:tc>
                <a:tc>
                  <a:txBody>
                    <a:bodyPr/>
                    <a:lstStyle/>
                    <a:p>
                      <a:pPr algn="r" fontAlgn="ctr">
                        <a:lnSpc>
                          <a:spcPct val="80000"/>
                        </a:lnSpc>
                      </a:pPr>
                      <a:r>
                        <a:rPr lang="en-US" sz="1600" b="0" i="0" u="none" strike="noStrike" dirty="0" smtClean="0">
                          <a:effectLst/>
                          <a:latin typeface="+mn-lt"/>
                        </a:rPr>
                        <a:t>1.4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1.4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1.4 </a:t>
                      </a:r>
                      <a:r>
                        <a:rPr lang="en-US" sz="1600" b="0" i="0" u="none" strike="noStrike" dirty="0">
                          <a:effectLst/>
                          <a:latin typeface="+mn-lt"/>
                        </a:rPr>
                        <a:t>maf</a:t>
                      </a:r>
                    </a:p>
                  </a:txBody>
                  <a:tcPr marL="9525" marR="9525" marT="9525" marB="0" anchor="ctr"/>
                </a:tc>
              </a:tr>
              <a:tr h="169545">
                <a:tc>
                  <a:txBody>
                    <a:bodyPr/>
                    <a:lstStyle/>
                    <a:p>
                      <a:pPr algn="r" fontAlgn="ctr">
                        <a:lnSpc>
                          <a:spcPct val="80000"/>
                        </a:lnSpc>
                      </a:pPr>
                      <a:r>
                        <a:rPr lang="en-US" sz="1600" b="1" i="0" u="none" strike="noStrike" dirty="0">
                          <a:effectLst/>
                          <a:latin typeface="+mn-lt"/>
                        </a:rPr>
                        <a:t>SWP Restored Supplies</a:t>
                      </a:r>
                    </a:p>
                  </a:txBody>
                  <a:tcPr marL="9525" marR="9525" marT="9525" marB="0" anchor="ctr"/>
                </a:tc>
                <a:tc>
                  <a:txBody>
                    <a:bodyPr/>
                    <a:lstStyle/>
                    <a:p>
                      <a:pPr algn="r" fontAlgn="ctr">
                        <a:lnSpc>
                          <a:spcPct val="80000"/>
                        </a:lnSpc>
                      </a:pPr>
                      <a:r>
                        <a:rPr lang="en-US" sz="1600" b="0" i="0" u="none" strike="noStrike" dirty="0" smtClean="0">
                          <a:effectLst/>
                          <a:latin typeface="+mn-lt"/>
                        </a:rPr>
                        <a:t>0.700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0.770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0.840 </a:t>
                      </a:r>
                      <a:r>
                        <a:rPr lang="en-US" sz="1600" b="0" i="0" u="none" strike="noStrike" dirty="0">
                          <a:effectLst/>
                          <a:latin typeface="+mn-lt"/>
                        </a:rPr>
                        <a:t>maf</a:t>
                      </a:r>
                    </a:p>
                  </a:txBody>
                  <a:tcPr marL="9525" marR="9525" marT="9525" marB="0" anchor="ctr"/>
                </a:tc>
              </a:tr>
              <a:tr h="169545">
                <a:tc>
                  <a:txBody>
                    <a:bodyPr/>
                    <a:lstStyle/>
                    <a:p>
                      <a:pPr algn="r" fontAlgn="ctr">
                        <a:lnSpc>
                          <a:spcPct val="80000"/>
                        </a:lnSpc>
                      </a:pPr>
                      <a:r>
                        <a:rPr lang="en-US" sz="1600" b="1" i="0" u="none" strike="noStrike" dirty="0">
                          <a:effectLst/>
                          <a:latin typeface="+mn-lt"/>
                        </a:rPr>
                        <a:t>MWD Restored Supplies</a:t>
                      </a:r>
                    </a:p>
                  </a:txBody>
                  <a:tcPr marL="9525" marR="9525" marT="9525" marB="0" anchor="ctr"/>
                </a:tc>
                <a:tc>
                  <a:txBody>
                    <a:bodyPr/>
                    <a:lstStyle/>
                    <a:p>
                      <a:pPr algn="r" fontAlgn="ctr">
                        <a:lnSpc>
                          <a:spcPct val="80000"/>
                        </a:lnSpc>
                      </a:pPr>
                      <a:r>
                        <a:rPr lang="en-US" sz="1600" b="0" i="0" u="none" strike="noStrike" dirty="0" smtClean="0">
                          <a:effectLst/>
                          <a:latin typeface="+mn-lt"/>
                        </a:rPr>
                        <a:t>0.321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0.353 </a:t>
                      </a:r>
                      <a:r>
                        <a:rPr lang="en-US" sz="1600" b="0" i="0" u="none" strike="noStrike" dirty="0">
                          <a:effectLst/>
                          <a:latin typeface="+mn-lt"/>
                        </a:rPr>
                        <a:t>maf</a:t>
                      </a:r>
                    </a:p>
                  </a:txBody>
                  <a:tcPr marL="9525" marR="9525" marT="9525" marB="0" anchor="ctr"/>
                </a:tc>
                <a:tc>
                  <a:txBody>
                    <a:bodyPr/>
                    <a:lstStyle/>
                    <a:p>
                      <a:pPr algn="r" fontAlgn="ctr">
                        <a:lnSpc>
                          <a:spcPct val="80000"/>
                        </a:lnSpc>
                      </a:pPr>
                      <a:r>
                        <a:rPr lang="en-US" sz="1600" b="0" i="0" u="none" strike="noStrike" dirty="0" smtClean="0">
                          <a:effectLst/>
                          <a:latin typeface="+mn-lt"/>
                        </a:rPr>
                        <a:t>0.385 </a:t>
                      </a:r>
                      <a:r>
                        <a:rPr lang="en-US" sz="1600" b="0" i="0" u="none" strike="noStrike" dirty="0">
                          <a:effectLst/>
                          <a:latin typeface="+mn-lt"/>
                        </a:rPr>
                        <a:t>maf</a:t>
                      </a:r>
                    </a:p>
                  </a:txBody>
                  <a:tcPr marL="9525" marR="9525" marT="9525" marB="0" anchor="ctr"/>
                </a:tc>
              </a:tr>
              <a:tr h="56910">
                <a:tc>
                  <a:txBody>
                    <a:bodyPr/>
                    <a:lstStyle/>
                    <a:p>
                      <a:pPr algn="r" fontAlgn="ctr">
                        <a:lnSpc>
                          <a:spcPct val="80000"/>
                        </a:lnSpc>
                      </a:pPr>
                      <a:r>
                        <a:rPr lang="en-US" sz="500" b="1" i="0" u="none" strike="noStrike" dirty="0">
                          <a:effectLst/>
                          <a:latin typeface="+mn-lt"/>
                        </a:rPr>
                        <a:t> </a:t>
                      </a:r>
                    </a:p>
                  </a:txBody>
                  <a:tcPr marL="9525" marR="9525" marT="9525" marB="0" anchor="ctr"/>
                </a:tc>
                <a:tc>
                  <a:txBody>
                    <a:bodyPr/>
                    <a:lstStyle/>
                    <a:p>
                      <a:pPr>
                        <a:lnSpc>
                          <a:spcPct val="80000"/>
                        </a:lnSpc>
                      </a:pPr>
                      <a:endParaRPr lang="en-US" sz="500" dirty="0">
                        <a:latin typeface="+mn-lt"/>
                      </a:endParaRPr>
                    </a:p>
                  </a:txBody>
                  <a:tcPr marL="9525" marR="9525" marT="9525" marB="0" anchor="ctr"/>
                </a:tc>
                <a:tc>
                  <a:txBody>
                    <a:bodyPr/>
                    <a:lstStyle/>
                    <a:p>
                      <a:pPr>
                        <a:lnSpc>
                          <a:spcPct val="80000"/>
                        </a:lnSpc>
                      </a:pPr>
                      <a:endParaRPr lang="en-US" sz="500" dirty="0">
                        <a:latin typeface="+mn-lt"/>
                      </a:endParaRPr>
                    </a:p>
                  </a:txBody>
                  <a:tcPr marL="9525" marR="9525" marT="9525" marB="0" anchor="ctr"/>
                </a:tc>
                <a:tc>
                  <a:txBody>
                    <a:bodyPr/>
                    <a:lstStyle/>
                    <a:p>
                      <a:pPr algn="r" fontAlgn="ctr">
                        <a:lnSpc>
                          <a:spcPct val="80000"/>
                        </a:lnSpc>
                      </a:pPr>
                      <a:r>
                        <a:rPr lang="en-US" sz="500" b="0" i="0" u="none" strike="noStrike" dirty="0">
                          <a:effectLst/>
                          <a:latin typeface="+mn-lt"/>
                        </a:rPr>
                        <a:t> </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MWD Total</a:t>
                      </a:r>
                      <a:r>
                        <a:rPr lang="en-US" sz="1600" b="1" i="0" u="none" strike="noStrike" baseline="0" dirty="0" smtClean="0">
                          <a:effectLst/>
                          <a:latin typeface="+mn-lt"/>
                        </a:rPr>
                        <a:t> Capital Cost</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3.43 billion</a:t>
                      </a:r>
                      <a:endParaRPr lang="en-US" sz="1600" b="0"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3.78 billion</a:t>
                      </a:r>
                      <a:endParaRPr lang="en-US" sz="1600" b="0"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4.13 billion</a:t>
                      </a:r>
                      <a:endParaRPr lang="en-US" sz="1600" b="0" i="0" u="none" strike="noStrike" dirty="0">
                        <a:effectLst/>
                        <a:latin typeface="+mn-lt"/>
                      </a:endParaRP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MWD Annual Debt Service Cost </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251 million</a:t>
                      </a:r>
                      <a:endParaRPr lang="en-US" sz="1600" b="0"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276 million</a:t>
                      </a:r>
                      <a:endParaRPr lang="en-US" sz="1600" b="0"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301 million</a:t>
                      </a:r>
                      <a:endParaRPr lang="en-US" sz="1600" b="0" i="0" u="none" strike="noStrike" dirty="0">
                        <a:effectLst/>
                        <a:latin typeface="+mn-lt"/>
                      </a:endParaRPr>
                    </a:p>
                  </a:txBody>
                  <a:tcPr marL="9525" marR="9525" marT="9525" marB="0" anchor="ctr"/>
                </a:tc>
              </a:tr>
              <a:tr h="169545">
                <a:tc>
                  <a:txBody>
                    <a:bodyPr/>
                    <a:lstStyle/>
                    <a:p>
                      <a:pPr algn="r" fontAlgn="ctr">
                        <a:lnSpc>
                          <a:spcPct val="80000"/>
                        </a:lnSpc>
                      </a:pPr>
                      <a:r>
                        <a:rPr lang="en-US" sz="1600" b="1" i="0" u="none" strike="noStrike" dirty="0">
                          <a:effectLst/>
                          <a:latin typeface="+mn-lt"/>
                        </a:rPr>
                        <a:t>Melded </a:t>
                      </a:r>
                      <a:r>
                        <a:rPr lang="en-US" sz="1600" b="1" i="0" u="none" strike="noStrike" dirty="0" smtClean="0">
                          <a:effectLst/>
                          <a:latin typeface="+mn-lt"/>
                        </a:rPr>
                        <a:t>Capital/O&amp;M (at Delta)</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effectLst/>
                          <a:latin typeface="+mn-lt"/>
                        </a:rPr>
                        <a:t>$223 /AF</a:t>
                      </a:r>
                    </a:p>
                  </a:txBody>
                  <a:tcPr marL="9525" marR="9525" marT="9525" marB="0" anchor="ctr"/>
                </a:tc>
                <a:tc>
                  <a:txBody>
                    <a:bodyPr/>
                    <a:lstStyle/>
                    <a:p>
                      <a:pPr algn="r" fontAlgn="ctr">
                        <a:lnSpc>
                          <a:spcPct val="80000"/>
                        </a:lnSpc>
                      </a:pPr>
                      <a:r>
                        <a:rPr lang="en-US" sz="1600" b="0" i="0" u="none" strike="noStrike" dirty="0">
                          <a:effectLst/>
                          <a:latin typeface="+mn-lt"/>
                        </a:rPr>
                        <a:t>$223 /AF</a:t>
                      </a:r>
                    </a:p>
                  </a:txBody>
                  <a:tcPr marL="9525" marR="9525" marT="9525" marB="0" anchor="ctr"/>
                </a:tc>
                <a:tc>
                  <a:txBody>
                    <a:bodyPr/>
                    <a:lstStyle/>
                    <a:p>
                      <a:pPr algn="r" fontAlgn="ctr">
                        <a:lnSpc>
                          <a:spcPct val="80000"/>
                        </a:lnSpc>
                      </a:pPr>
                      <a:r>
                        <a:rPr lang="en-US" sz="1600" b="0" i="0" u="none" strike="noStrike" dirty="0">
                          <a:effectLst/>
                          <a:latin typeface="+mn-lt"/>
                        </a:rPr>
                        <a:t>$223 /AF</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Melded</a:t>
                      </a:r>
                      <a:r>
                        <a:rPr lang="en-US" sz="1600" b="1" i="0" u="none" strike="noStrike" baseline="0" dirty="0" smtClean="0">
                          <a:effectLst/>
                          <a:latin typeface="+mn-lt"/>
                        </a:rPr>
                        <a:t> </a:t>
                      </a:r>
                      <a:r>
                        <a:rPr lang="en-US" sz="1600" b="1" i="0" u="none" strike="noStrike" dirty="0" smtClean="0">
                          <a:effectLst/>
                          <a:latin typeface="+mn-lt"/>
                        </a:rPr>
                        <a:t>Capital/O&amp;M (at MWD)</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454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smtClean="0">
                          <a:effectLst/>
                          <a:latin typeface="+mn-lt"/>
                        </a:rPr>
                        <a:t>$454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smtClean="0">
                          <a:effectLst/>
                          <a:latin typeface="+mn-lt"/>
                        </a:rPr>
                        <a:t>$454 </a:t>
                      </a:r>
                      <a:r>
                        <a:rPr lang="en-US" sz="1600" b="0" i="0" u="none" strike="noStrike" dirty="0">
                          <a:effectLst/>
                          <a:latin typeface="+mn-lt"/>
                        </a:rPr>
                        <a:t>/AF</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Incremental Capital/O&amp;M (at Delta)</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smtClean="0">
                          <a:effectLst/>
                          <a:latin typeface="+mn-lt"/>
                        </a:rPr>
                        <a:t>$782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smtClean="0">
                          <a:effectLst/>
                          <a:latin typeface="+mn-lt"/>
                        </a:rPr>
                        <a:t>$782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smtClean="0">
                          <a:effectLst/>
                          <a:latin typeface="+mn-lt"/>
                        </a:rPr>
                        <a:t>$782 </a:t>
                      </a:r>
                      <a:r>
                        <a:rPr lang="en-US" sz="1600" b="0" i="0" u="none" strike="noStrike" dirty="0">
                          <a:effectLst/>
                          <a:latin typeface="+mn-lt"/>
                        </a:rPr>
                        <a:t>/AF</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Incremental Capital/O&amp;M (at MWD)</a:t>
                      </a:r>
                      <a:endParaRPr lang="en-US" sz="1600" b="1" i="0" u="none" strike="noStrike" dirty="0">
                        <a:effectLst/>
                        <a:latin typeface="+mn-lt"/>
                      </a:endParaRPr>
                    </a:p>
                  </a:txBody>
                  <a:tcPr marL="9525" marR="9525" marT="9525" marB="0" anchor="ctr"/>
                </a:tc>
                <a:tc>
                  <a:txBody>
                    <a:bodyPr/>
                    <a:lstStyle/>
                    <a:p>
                      <a:pPr algn="r" fontAlgn="ctr">
                        <a:lnSpc>
                          <a:spcPct val="80000"/>
                        </a:lnSpc>
                      </a:pPr>
                      <a:r>
                        <a:rPr lang="en-US" sz="1600" b="0" i="0" u="none" strike="noStrike" dirty="0">
                          <a:effectLst/>
                          <a:latin typeface="+mn-lt"/>
                        </a:rPr>
                        <a:t>$</a:t>
                      </a:r>
                      <a:r>
                        <a:rPr lang="en-US" sz="1600" b="0" i="0" u="none" strike="noStrike" dirty="0" smtClean="0">
                          <a:effectLst/>
                          <a:latin typeface="+mn-lt"/>
                        </a:rPr>
                        <a:t>1,013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a:effectLst/>
                          <a:latin typeface="+mn-lt"/>
                        </a:rPr>
                        <a:t>$</a:t>
                      </a:r>
                      <a:r>
                        <a:rPr lang="en-US" sz="1600" b="0" i="0" u="none" strike="noStrike" dirty="0" smtClean="0">
                          <a:effectLst/>
                          <a:latin typeface="+mn-lt"/>
                        </a:rPr>
                        <a:t>1,013 </a:t>
                      </a:r>
                      <a:r>
                        <a:rPr lang="en-US" sz="1600" b="0" i="0" u="none" strike="noStrike" dirty="0">
                          <a:effectLst/>
                          <a:latin typeface="+mn-lt"/>
                        </a:rPr>
                        <a:t>/AF</a:t>
                      </a:r>
                    </a:p>
                  </a:txBody>
                  <a:tcPr marL="9525" marR="9525" marT="9525" marB="0" anchor="ctr"/>
                </a:tc>
                <a:tc>
                  <a:txBody>
                    <a:bodyPr/>
                    <a:lstStyle/>
                    <a:p>
                      <a:pPr algn="r" fontAlgn="ctr">
                        <a:lnSpc>
                          <a:spcPct val="80000"/>
                        </a:lnSpc>
                      </a:pPr>
                      <a:r>
                        <a:rPr lang="en-US" sz="1600" b="0" i="0" u="none" strike="noStrike" dirty="0">
                          <a:effectLst/>
                          <a:latin typeface="+mn-lt"/>
                        </a:rPr>
                        <a:t>$</a:t>
                      </a:r>
                      <a:r>
                        <a:rPr lang="en-US" sz="1600" b="0" i="0" u="none" strike="noStrike" dirty="0" smtClean="0">
                          <a:effectLst/>
                          <a:latin typeface="+mn-lt"/>
                        </a:rPr>
                        <a:t>1,013 </a:t>
                      </a:r>
                      <a:r>
                        <a:rPr lang="en-US" sz="1600" b="0" i="0" u="none" strike="noStrike" dirty="0">
                          <a:effectLst/>
                          <a:latin typeface="+mn-lt"/>
                        </a:rPr>
                        <a:t>/AF</a:t>
                      </a:r>
                    </a:p>
                  </a:txBody>
                  <a:tcPr marL="9525" marR="9525" marT="9525" marB="0" anchor="ctr"/>
                </a:tc>
              </a:tr>
              <a:tr h="169545">
                <a:tc>
                  <a:txBody>
                    <a:bodyPr/>
                    <a:lstStyle/>
                    <a:p>
                      <a:pPr algn="r" fontAlgn="ctr">
                        <a:lnSpc>
                          <a:spcPct val="80000"/>
                        </a:lnSpc>
                      </a:pPr>
                      <a:r>
                        <a:rPr lang="en-US" sz="1600" b="1" i="0" u="none" strike="noStrike" dirty="0" smtClean="0">
                          <a:effectLst/>
                          <a:latin typeface="+mn-lt"/>
                        </a:rPr>
                        <a:t>MWD T1 Treated w-WaterFix</a:t>
                      </a:r>
                    </a:p>
                  </a:txBody>
                  <a:tcPr marL="9525" marR="9525" marT="9525" marB="0" anchor="ctr"/>
                </a:tc>
                <a:tc>
                  <a:txBody>
                    <a:bodyPr/>
                    <a:lstStyle/>
                    <a:p>
                      <a:pPr algn="r" fontAlgn="ctr">
                        <a:lnSpc>
                          <a:spcPct val="80000"/>
                        </a:lnSpc>
                      </a:pPr>
                      <a:r>
                        <a:rPr lang="en-US" sz="1600" b="0" i="0" u="none" strike="noStrike" dirty="0" smtClean="0">
                          <a:effectLst/>
                          <a:latin typeface="+mn-lt"/>
                        </a:rPr>
                        <a:t>$1,085 /AF</a:t>
                      </a:r>
                    </a:p>
                  </a:txBody>
                  <a:tcPr marL="9525" marR="9525" marT="9525" marB="0" anchor="ctr"/>
                </a:tc>
                <a:tc>
                  <a:txBody>
                    <a:bodyPr/>
                    <a:lstStyle/>
                    <a:p>
                      <a:pPr algn="r" fontAlgn="ctr">
                        <a:lnSpc>
                          <a:spcPct val="80000"/>
                        </a:lnSpc>
                      </a:pPr>
                      <a:r>
                        <a:rPr lang="en-US" sz="1600" b="0" i="0" u="none" strike="noStrike" dirty="0" smtClean="0">
                          <a:effectLst/>
                          <a:latin typeface="+mn-lt"/>
                        </a:rPr>
                        <a:t>$1,100 /AF</a:t>
                      </a:r>
                    </a:p>
                  </a:txBody>
                  <a:tcPr marL="9525" marR="9525" marT="9525" marB="0" anchor="ctr"/>
                </a:tc>
                <a:tc>
                  <a:txBody>
                    <a:bodyPr/>
                    <a:lstStyle/>
                    <a:p>
                      <a:pPr algn="r" fontAlgn="ctr">
                        <a:lnSpc>
                          <a:spcPct val="80000"/>
                        </a:lnSpc>
                      </a:pPr>
                      <a:r>
                        <a:rPr lang="en-US" sz="1600" b="0" i="0" u="none" strike="noStrike" dirty="0" smtClean="0">
                          <a:effectLst/>
                          <a:latin typeface="+mn-lt"/>
                        </a:rPr>
                        <a:t>$1,114 /AF</a:t>
                      </a:r>
                    </a:p>
                  </a:txBody>
                  <a:tcPr marL="9525" marR="9525" marT="9525" marB="0" anchor="ctr"/>
                </a:tc>
              </a:tr>
            </a:tbl>
          </a:graphicData>
        </a:graphic>
      </p:graphicFrame>
      <p:sp>
        <p:nvSpPr>
          <p:cNvPr id="7" name="Title 6"/>
          <p:cNvSpPr>
            <a:spLocks noGrp="1"/>
          </p:cNvSpPr>
          <p:nvPr>
            <p:ph type="title"/>
          </p:nvPr>
        </p:nvSpPr>
        <p:spPr>
          <a:xfrm>
            <a:off x="533400" y="381000"/>
            <a:ext cx="8229600" cy="1107996"/>
          </a:xfrm>
        </p:spPr>
        <p:txBody>
          <a:bodyPr/>
          <a:lstStyle/>
          <a:p>
            <a:r>
              <a:rPr lang="en-US" dirty="0" smtClean="0"/>
              <a:t>California WaterFix</a:t>
            </a:r>
            <a:br>
              <a:rPr lang="en-US" dirty="0" smtClean="0"/>
            </a:br>
            <a:r>
              <a:rPr lang="en-US" sz="3600" dirty="0" smtClean="0">
                <a:solidFill>
                  <a:schemeClr val="tx1"/>
                </a:solidFill>
              </a:rPr>
              <a:t>Cost Allocation Analysis</a:t>
            </a:r>
            <a:endParaRPr lang="en-US" dirty="0">
              <a:solidFill>
                <a:schemeClr val="tx1"/>
              </a:solidFill>
            </a:endParaRPr>
          </a:p>
        </p:txBody>
      </p:sp>
      <p:sp>
        <p:nvSpPr>
          <p:cNvPr id="9" name="TextBox 8"/>
          <p:cNvSpPr txBox="1"/>
          <p:nvPr/>
        </p:nvSpPr>
        <p:spPr>
          <a:xfrm>
            <a:off x="266703" y="6581001"/>
            <a:ext cx="6491714" cy="276999"/>
          </a:xfrm>
          <a:prstGeom prst="rect">
            <a:avLst/>
          </a:prstGeom>
          <a:noFill/>
        </p:spPr>
        <p:txBody>
          <a:bodyPr wrap="none" rtlCol="0">
            <a:spAutoFit/>
          </a:bodyPr>
          <a:lstStyle/>
          <a:p>
            <a:r>
              <a:rPr lang="en-US" sz="1200" i="1" dirty="0">
                <a:solidFill>
                  <a:srgbClr val="FFC000"/>
                </a:solidFill>
                <a:latin typeface="+mn-lt"/>
              </a:rPr>
              <a:t>* </a:t>
            </a:r>
            <a:r>
              <a:rPr lang="en-US" sz="1200" i="1" dirty="0" smtClean="0">
                <a:solidFill>
                  <a:srgbClr val="FFC000"/>
                </a:solidFill>
                <a:latin typeface="+mn-lt"/>
              </a:rPr>
              <a:t>The “at MWD” costs include </a:t>
            </a:r>
            <a:r>
              <a:rPr lang="en-US" sz="1200" i="1" dirty="0">
                <a:solidFill>
                  <a:srgbClr val="FFC000"/>
                </a:solidFill>
                <a:latin typeface="+mn-lt"/>
              </a:rPr>
              <a:t>California Aqueduct </a:t>
            </a:r>
            <a:r>
              <a:rPr lang="en-US" sz="1200" i="1" dirty="0" smtClean="0">
                <a:solidFill>
                  <a:srgbClr val="FFC000"/>
                </a:solidFill>
                <a:latin typeface="+mn-lt"/>
              </a:rPr>
              <a:t>Power </a:t>
            </a:r>
            <a:r>
              <a:rPr lang="en-US" sz="1200" i="1" dirty="0">
                <a:solidFill>
                  <a:srgbClr val="FFC000"/>
                </a:solidFill>
                <a:latin typeface="+mn-lt"/>
              </a:rPr>
              <a:t>Cost ($200/AF) and WQ Treatment ($31/AF</a:t>
            </a:r>
            <a:r>
              <a:rPr lang="en-US" sz="1200" i="1" dirty="0" smtClean="0">
                <a:solidFill>
                  <a:srgbClr val="FFC000"/>
                </a:solidFill>
                <a:latin typeface="+mn-lt"/>
              </a:rPr>
              <a:t>)</a:t>
            </a:r>
            <a:endParaRPr lang="en-US" sz="1200" i="1" dirty="0">
              <a:solidFill>
                <a:srgbClr val="FFC000"/>
              </a:solidFill>
              <a:latin typeface="+mn-lt"/>
            </a:endParaRPr>
          </a:p>
        </p:txBody>
      </p:sp>
    </p:spTree>
    <p:extLst>
      <p:ext uri="{BB962C8B-B14F-4D97-AF65-F5344CB8AC3E}">
        <p14:creationId xmlns:p14="http://schemas.microsoft.com/office/powerpoint/2010/main" val="2008502988"/>
      </p:ext>
    </p:extLst>
  </p:cSld>
  <p:clrMapOvr>
    <a:masterClrMapping/>
  </p:clrMapOvr>
  <p:transition spd="slow">
    <p:fade/>
  </p:transition>
  <p:timing>
    <p:tnLst>
      <p:par>
        <p:cTn id="1" dur="indefinite" restart="never" nodeType="tmRoot"/>
      </p:par>
    </p:tn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533400" y="381000"/>
            <a:ext cx="8229600" cy="1052596"/>
          </a:xfrm>
        </p:spPr>
        <p:txBody>
          <a:bodyPr/>
          <a:lstStyle/>
          <a:p>
            <a:r>
              <a:rPr lang="en-US" dirty="0"/>
              <a:t>Financing Costs - Cal </a:t>
            </a:r>
            <a:r>
              <a:rPr lang="en-US" dirty="0" smtClean="0"/>
              <a:t>WaterFix</a:t>
            </a:r>
            <a:r>
              <a:rPr lang="en-US" dirty="0"/>
              <a:t/>
            </a:r>
            <a:br>
              <a:rPr lang="en-US" dirty="0"/>
            </a:br>
            <a:r>
              <a:rPr lang="en-US" sz="3200" dirty="0" smtClean="0">
                <a:solidFill>
                  <a:schemeClr val="tx1"/>
                </a:solidFill>
              </a:rPr>
              <a:t>$15 Billion </a:t>
            </a:r>
            <a:r>
              <a:rPr lang="en-US" sz="3200" dirty="0">
                <a:solidFill>
                  <a:schemeClr val="tx1"/>
                </a:solidFill>
              </a:rPr>
              <a:t>Capital Cost - 40 </a:t>
            </a:r>
            <a:r>
              <a:rPr lang="en-US" sz="3200" dirty="0" smtClean="0">
                <a:solidFill>
                  <a:schemeClr val="tx1"/>
                </a:solidFill>
              </a:rPr>
              <a:t>Year Term</a:t>
            </a:r>
            <a:endParaRPr lang="en-US" sz="3200" dirty="0">
              <a:solidFill>
                <a:schemeClr val="tx1"/>
              </a:solidFill>
            </a:endParaRPr>
          </a:p>
        </p:txBody>
      </p:sp>
      <p:graphicFrame>
        <p:nvGraphicFramePr>
          <p:cNvPr id="3" name="Content Placeholder 2"/>
          <p:cNvGraphicFramePr>
            <a:graphicFrameLocks noGrp="1"/>
          </p:cNvGraphicFramePr>
          <p:nvPr>
            <p:ph idx="4294967295"/>
            <p:extLst>
              <p:ext uri="{D42A27DB-BD31-4B8C-83A1-F6EECF244321}">
                <p14:modId xmlns:p14="http://schemas.microsoft.com/office/powerpoint/2010/main" val="4041170072"/>
              </p:ext>
            </p:extLst>
          </p:nvPr>
        </p:nvGraphicFramePr>
        <p:xfrm>
          <a:off x="304800" y="2590800"/>
          <a:ext cx="8534400" cy="3108960"/>
        </p:xfrm>
        <a:graphic>
          <a:graphicData uri="http://schemas.openxmlformats.org/drawingml/2006/table">
            <a:tbl>
              <a:tblPr firstRow="1" bandRow="1">
                <a:tableStyleId>{AF606853-7671-496A-8E4F-DF71F8EC918B}</a:tableStyleId>
              </a:tblPr>
              <a:tblGrid>
                <a:gridCol w="3810000"/>
                <a:gridCol w="1828800"/>
                <a:gridCol w="2895600"/>
              </a:tblGrid>
              <a:tr h="874396">
                <a:tc>
                  <a:txBody>
                    <a:bodyPr/>
                    <a:lstStyle/>
                    <a:p>
                      <a:pPr algn="ctr"/>
                      <a:r>
                        <a:rPr lang="en-US" sz="2400" dirty="0" smtClean="0"/>
                        <a:t>Interest Rate </a:t>
                      </a:r>
                      <a:endParaRPr lang="en-US" sz="2400" dirty="0"/>
                    </a:p>
                  </a:txBody>
                  <a:tcPr marL="45720" marR="45720" anchor="ctr"/>
                </a:tc>
                <a:tc>
                  <a:txBody>
                    <a:bodyPr/>
                    <a:lstStyle/>
                    <a:p>
                      <a:pPr algn="ctr"/>
                      <a:r>
                        <a:rPr lang="en-US" sz="2400" dirty="0" smtClean="0"/>
                        <a:t>Annual Debt    Service </a:t>
                      </a:r>
                      <a:endParaRPr lang="en-US" sz="2400" dirty="0"/>
                    </a:p>
                  </a:txBody>
                  <a:tcPr marL="45720" marR="45720"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400" dirty="0" smtClean="0"/>
                        <a:t>Cost per Acre-foot</a:t>
                      </a:r>
                    </a:p>
                    <a:p>
                      <a:pPr marL="0" marR="0" indent="0" algn="ctr" defTabSz="914363" rtl="0" eaLnBrk="1" fontAlgn="auto" latinLnBrk="0" hangingPunct="1">
                        <a:lnSpc>
                          <a:spcPct val="100000"/>
                        </a:lnSpc>
                        <a:spcBef>
                          <a:spcPts val="0"/>
                        </a:spcBef>
                        <a:spcAft>
                          <a:spcPts val="0"/>
                        </a:spcAft>
                        <a:buClrTx/>
                        <a:buSzTx/>
                        <a:buFontTx/>
                        <a:buNone/>
                        <a:tabLst/>
                        <a:defRPr/>
                      </a:pPr>
                      <a:r>
                        <a:rPr lang="en-US" sz="2400" dirty="0" smtClean="0"/>
                        <a:t> </a:t>
                      </a:r>
                      <a:r>
                        <a:rPr lang="en-US" sz="2000" dirty="0" smtClean="0"/>
                        <a:t>(Based on 5 million af/yr.)</a:t>
                      </a:r>
                      <a:endParaRPr lang="en-US" sz="2000" dirty="0"/>
                    </a:p>
                  </a:txBody>
                  <a:tcPr marL="45720" marR="45720" anchor="ctr"/>
                </a:tc>
              </a:tr>
              <a:tr h="558641">
                <a:tc>
                  <a:txBody>
                    <a:bodyPr/>
                    <a:lstStyle/>
                    <a:p>
                      <a:pPr>
                        <a:tabLst>
                          <a:tab pos="1031875" algn="l"/>
                        </a:tabLst>
                      </a:pPr>
                      <a:r>
                        <a:rPr lang="en-US" sz="2200" dirty="0" smtClean="0"/>
                        <a:t>6.135% 	(So. Cal Water Comm.) </a:t>
                      </a:r>
                      <a:endParaRPr lang="en-US" sz="2200" dirty="0"/>
                    </a:p>
                  </a:txBody>
                  <a:tcPr anchor="ctr"/>
                </a:tc>
                <a:tc>
                  <a:txBody>
                    <a:bodyPr/>
                    <a:lstStyle/>
                    <a:p>
                      <a:pPr algn="ctr"/>
                      <a:r>
                        <a:rPr lang="en-US" sz="2200" dirty="0" smtClean="0"/>
                        <a:t>$ 1.0B/year </a:t>
                      </a:r>
                      <a:endParaRPr lang="en-US" sz="2200" dirty="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200" dirty="0" smtClean="0"/>
                        <a:t>$200/af</a:t>
                      </a:r>
                      <a:endParaRPr lang="en-US" sz="2200" dirty="0"/>
                    </a:p>
                  </a:txBody>
                  <a:tcPr anchor="ctr"/>
                </a:tc>
              </a:tr>
              <a:tr h="558641">
                <a:tc>
                  <a:txBody>
                    <a:bodyPr/>
                    <a:lstStyle/>
                    <a:p>
                      <a:pPr>
                        <a:tabLst>
                          <a:tab pos="1031875" algn="l"/>
                        </a:tabLst>
                      </a:pPr>
                      <a:r>
                        <a:rPr lang="en-US" sz="2200" dirty="0" smtClean="0"/>
                        <a:t>5.0%</a:t>
                      </a:r>
                      <a:endParaRPr lang="en-US" sz="2200" dirty="0"/>
                    </a:p>
                  </a:txBody>
                  <a:tcPr anchor="ctr"/>
                </a:tc>
                <a:tc>
                  <a:txBody>
                    <a:bodyPr/>
                    <a:lstStyle/>
                    <a:p>
                      <a:pPr algn="ctr"/>
                      <a:r>
                        <a:rPr lang="en-US" sz="2200" dirty="0" smtClean="0"/>
                        <a:t>$874M/year</a:t>
                      </a:r>
                      <a:endParaRPr lang="en-US" sz="2200" dirty="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200" dirty="0" smtClean="0"/>
                        <a:t>$175/af</a:t>
                      </a:r>
                    </a:p>
                  </a:txBody>
                  <a:tcPr anchor="ctr"/>
                </a:tc>
              </a:tr>
              <a:tr h="558641">
                <a:tc>
                  <a:txBody>
                    <a:bodyPr/>
                    <a:lstStyle/>
                    <a:p>
                      <a:pPr>
                        <a:tabLst>
                          <a:tab pos="1031875" algn="l"/>
                        </a:tabLst>
                      </a:pPr>
                      <a:r>
                        <a:rPr lang="en-US" sz="2200" dirty="0" smtClean="0"/>
                        <a:t>3.7%	(Current rates)</a:t>
                      </a:r>
                      <a:endParaRPr lang="en-US" sz="2200" dirty="0"/>
                    </a:p>
                  </a:txBody>
                  <a:tcPr anchor="ctr"/>
                </a:tc>
                <a:tc>
                  <a:txBody>
                    <a:bodyPr/>
                    <a:lstStyle/>
                    <a:p>
                      <a:pPr algn="ctr"/>
                      <a:r>
                        <a:rPr lang="en-US" sz="2200" dirty="0" smtClean="0"/>
                        <a:t>$732M/year</a:t>
                      </a:r>
                      <a:endParaRPr lang="en-US" sz="2200" dirty="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200" dirty="0" smtClean="0"/>
                        <a:t>$146/af</a:t>
                      </a:r>
                    </a:p>
                  </a:txBody>
                  <a:tcPr anchor="ctr"/>
                </a:tc>
              </a:tr>
              <a:tr h="558641">
                <a:tc>
                  <a:txBody>
                    <a:bodyPr/>
                    <a:lstStyle/>
                    <a:p>
                      <a:pPr marL="0" marR="0" indent="0" algn="l" defTabSz="914363" rtl="0" eaLnBrk="1" fontAlgn="auto" latinLnBrk="0" hangingPunct="1">
                        <a:lnSpc>
                          <a:spcPct val="100000"/>
                        </a:lnSpc>
                        <a:spcBef>
                          <a:spcPts val="0"/>
                        </a:spcBef>
                        <a:spcAft>
                          <a:spcPts val="0"/>
                        </a:spcAft>
                        <a:buClrTx/>
                        <a:buSzTx/>
                        <a:buFontTx/>
                        <a:buNone/>
                        <a:tabLst>
                          <a:tab pos="1031875" algn="l"/>
                        </a:tabLst>
                        <a:defRPr/>
                      </a:pPr>
                      <a:r>
                        <a:rPr lang="en-US" sz="2200" dirty="0" smtClean="0"/>
                        <a:t>2.62% 	(30-yr Treasury rate)</a:t>
                      </a:r>
                      <a:endParaRPr lang="en-US" sz="2200" dirty="0"/>
                    </a:p>
                  </a:txBody>
                  <a:tcPr anchor="ctr"/>
                </a:tc>
                <a:tc>
                  <a:txBody>
                    <a:bodyPr/>
                    <a:lstStyle/>
                    <a:p>
                      <a:pPr algn="ctr"/>
                      <a:r>
                        <a:rPr lang="en-US" sz="2200" dirty="0" smtClean="0"/>
                        <a:t>$610M/year </a:t>
                      </a:r>
                      <a:endParaRPr lang="en-US" sz="2200" dirty="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200" dirty="0" smtClean="0"/>
                        <a:t>$122/af</a:t>
                      </a:r>
                      <a:endParaRPr lang="en-US" sz="2200" dirty="0"/>
                    </a:p>
                  </a:txBody>
                  <a:tcPr anchor="ctr"/>
                </a:tc>
              </a:tr>
            </a:tbl>
          </a:graphicData>
        </a:graphic>
      </p:graphicFrame>
    </p:spTree>
    <p:extLst>
      <p:ext uri="{BB962C8B-B14F-4D97-AF65-F5344CB8AC3E}">
        <p14:creationId xmlns:p14="http://schemas.microsoft.com/office/powerpoint/2010/main" val="3117859126"/>
      </p:ext>
    </p:extLst>
  </p:cSld>
  <p:clrMapOvr>
    <a:masterClrMapping/>
  </p:clrMapOvr>
  <p:transition spd="slow">
    <p:fade/>
  </p:transition>
  <p:timing>
    <p:tnLst>
      <p:par>
        <p:cTn id="1" dur="indefinite" restart="never" nodeType="tmRoot"/>
      </p:par>
    </p:tn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34000" y="839788"/>
            <a:ext cx="3429000" cy="1218795"/>
          </a:xfrm>
        </p:spPr>
        <p:txBody>
          <a:bodyPr/>
          <a:lstStyle/>
          <a:p>
            <a:pPr algn="ctr"/>
            <a:r>
              <a:rPr lang="en-US" dirty="0" smtClean="0"/>
              <a:t>MWD Rates</a:t>
            </a:r>
            <a:br>
              <a:rPr lang="en-US" dirty="0" smtClean="0"/>
            </a:br>
            <a:r>
              <a:rPr lang="en-US" dirty="0" smtClean="0"/>
              <a:t>2015</a:t>
            </a:r>
            <a:endParaRPr lang="en-US" dirty="0"/>
          </a:p>
        </p:txBody>
      </p:sp>
      <p:sp>
        <p:nvSpPr>
          <p:cNvPr id="6" name="Text Placeholder 5"/>
          <p:cNvSpPr>
            <a:spLocks noGrp="1"/>
          </p:cNvSpPr>
          <p:nvPr>
            <p:ph type="body" sz="quarter" idx="10"/>
          </p:nvPr>
        </p:nvSpPr>
        <p:spPr>
          <a:xfrm>
            <a:off x="5224549" y="2438400"/>
            <a:ext cx="3690851" cy="3124200"/>
          </a:xfrm>
        </p:spPr>
        <p:txBody>
          <a:bodyPr/>
          <a:lstStyle/>
          <a:p>
            <a:pPr>
              <a:tabLst>
                <a:tab pos="3479800" algn="r"/>
              </a:tabLst>
            </a:pPr>
            <a:r>
              <a:rPr lang="en-US" sz="2400" dirty="0" smtClean="0"/>
              <a:t>Full service – 	$942/af</a:t>
            </a:r>
          </a:p>
          <a:p>
            <a:pPr>
              <a:tabLst>
                <a:tab pos="3479800" algn="r"/>
              </a:tabLst>
            </a:pPr>
            <a:r>
              <a:rPr lang="en-US" sz="2400" dirty="0" smtClean="0"/>
              <a:t>Surcharges</a:t>
            </a:r>
          </a:p>
          <a:p>
            <a:pPr lvl="1">
              <a:tabLst>
                <a:tab pos="3479800" algn="r"/>
              </a:tabLst>
            </a:pPr>
            <a:r>
              <a:rPr lang="en-US" sz="2000" dirty="0" smtClean="0"/>
              <a:t>Treatment </a:t>
            </a:r>
            <a:r>
              <a:rPr lang="en-US" sz="2000" dirty="0"/>
              <a:t>– </a:t>
            </a:r>
            <a:r>
              <a:rPr lang="en-US" sz="2000" dirty="0" smtClean="0"/>
              <a:t>	$348/af</a:t>
            </a:r>
          </a:p>
          <a:p>
            <a:pPr lvl="1">
              <a:tabLst>
                <a:tab pos="3479800" algn="r"/>
              </a:tabLst>
            </a:pPr>
            <a:r>
              <a:rPr lang="en-US" sz="2000" dirty="0" smtClean="0"/>
              <a:t>Power – 	$138/af</a:t>
            </a:r>
          </a:p>
          <a:p>
            <a:pPr lvl="1">
              <a:tabLst>
                <a:tab pos="3479800" algn="r"/>
              </a:tabLst>
            </a:pPr>
            <a:r>
              <a:rPr lang="en-US" sz="2000" dirty="0" smtClean="0"/>
              <a:t>Stewardship – 	$41/af</a:t>
            </a:r>
          </a:p>
          <a:p>
            <a:pPr lvl="1">
              <a:tabLst>
                <a:tab pos="3479800" algn="r"/>
              </a:tabLst>
            </a:pPr>
            <a:r>
              <a:rPr lang="en-US" sz="2000" dirty="0" smtClean="0"/>
              <a:t>System Access – 	$259/af</a:t>
            </a:r>
            <a:endParaRPr lang="en-US" sz="2000" dirty="0"/>
          </a:p>
          <a:p>
            <a:pPr lvl="1"/>
            <a:endParaRPr lang="en-US" sz="2000" dirty="0"/>
          </a:p>
          <a:p>
            <a:pPr lvl="1"/>
            <a:endParaRPr lang="en-US" sz="2000" dirty="0"/>
          </a:p>
          <a:p>
            <a:pPr lvl="1"/>
            <a:endParaRPr lang="en-US" sz="2000" dirty="0"/>
          </a:p>
          <a:p>
            <a:endParaRPr lang="en-US" sz="2400" dirty="0"/>
          </a:p>
        </p:txBody>
      </p:sp>
      <p:pic>
        <p:nvPicPr>
          <p:cNvPr id="1026" name="Picture 2"/>
          <p:cNvPicPr>
            <a:picLocks noChangeAspect="1" noChangeArrowheads="1"/>
          </p:cNvPicPr>
          <p:nvPr/>
        </p:nvPicPr>
        <p:blipFill>
          <a:blip r:embed="rId2">
            <a:extLst>
              <a:ext uri="{BEBA8EAE-BF5A-486C-A8C5-ECC9F3942E4B}">
                <a14:imgProps xmlns:a14="http://schemas.microsoft.com/office/drawing/2010/main">
                  <a14:imgLayer r:embed="rId3">
                    <a14:imgEffect>
                      <a14:sharpenSoften amount="50000"/>
                    </a14:imgEffect>
                  </a14:imgLayer>
                </a14:imgProps>
              </a:ext>
              <a:ext uri="{28A0092B-C50C-407E-A947-70E740481C1C}">
                <a14:useLocalDpi xmlns:a14="http://schemas.microsoft.com/office/drawing/2010/main" val="0"/>
              </a:ext>
            </a:extLst>
          </a:blip>
          <a:srcRect/>
          <a:stretch>
            <a:fillRect/>
          </a:stretch>
        </p:blipFill>
        <p:spPr bwMode="auto">
          <a:xfrm>
            <a:off x="30051" y="1"/>
            <a:ext cx="5094218" cy="6858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Rectangle 6"/>
          <p:cNvSpPr/>
          <p:nvPr/>
        </p:nvSpPr>
        <p:spPr bwMode="auto">
          <a:xfrm>
            <a:off x="4459310" y="381000"/>
            <a:ext cx="646090" cy="6477001"/>
          </a:xfrm>
          <a:prstGeom prst="rect">
            <a:avLst/>
          </a:prstGeom>
          <a:noFill/>
          <a:ln w="28575">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Tree>
    <p:extLst>
      <p:ext uri="{BB962C8B-B14F-4D97-AF65-F5344CB8AC3E}">
        <p14:creationId xmlns:p14="http://schemas.microsoft.com/office/powerpoint/2010/main" val="2016023512"/>
      </p:ext>
    </p:extLst>
  </p:cSld>
  <p:clrMapOvr>
    <a:masterClrMapping/>
  </p:clrMapOvr>
  <p:transition>
    <p:fade/>
  </p:transition>
  <p:timing>
    <p:tnLst>
      <p:par>
        <p:cTn id="1" dur="indefinite" restart="never" nodeType="tmRoot"/>
      </p:par>
    </p:tn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Permitting &amp; Schedule</a:t>
            </a:r>
            <a:endParaRPr lang="en-US" dirty="0"/>
          </a:p>
        </p:txBody>
      </p:sp>
    </p:spTree>
    <p:extLst>
      <p:ext uri="{BB962C8B-B14F-4D97-AF65-F5344CB8AC3E}">
        <p14:creationId xmlns:p14="http://schemas.microsoft.com/office/powerpoint/2010/main" val="171345706"/>
      </p:ext>
    </p:extLst>
  </p:cSld>
  <p:clrMapOvr>
    <a:masterClrMapping/>
  </p:clrMapOvr>
  <p:transition spd="slow">
    <p:fade/>
  </p:transition>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extBox 35"/>
          <p:cNvSpPr txBox="1"/>
          <p:nvPr>
            <p:custDataLst>
              <p:tags r:id="rId1"/>
            </p:custDataLst>
          </p:nvPr>
        </p:nvSpPr>
        <p:spPr>
          <a:xfrm>
            <a:off x="986354" y="6377197"/>
            <a:ext cx="647165" cy="249299"/>
          </a:xfrm>
          <a:prstGeom prst="rect">
            <a:avLst/>
          </a:prstGeom>
          <a:noFill/>
        </p:spPr>
        <p:txBody>
          <a:bodyPr vert="horz" wrap="none" lIns="114300" tIns="0" rIns="114300" bIns="0" rtlCol="0" anchor="ctr">
            <a:spAutoFit/>
          </a:bodyPr>
          <a:lstStyle/>
          <a:p>
            <a:pPr algn="ctr" fontAlgn="auto">
              <a:spcBef>
                <a:spcPts val="0"/>
              </a:spcBef>
              <a:spcAft>
                <a:spcPts val="0"/>
              </a:spcAft>
            </a:pPr>
            <a:r>
              <a:rPr lang="en-US" sz="1620" b="1" dirty="0">
                <a:solidFill>
                  <a:prstClr val="white"/>
                </a:solidFill>
                <a:latin typeface="Calibri"/>
              </a:rPr>
              <a:t>Start</a:t>
            </a:r>
          </a:p>
        </p:txBody>
      </p:sp>
      <p:sp>
        <p:nvSpPr>
          <p:cNvPr id="60" name="TextBox 59"/>
          <p:cNvSpPr txBox="1"/>
          <p:nvPr>
            <p:custDataLst>
              <p:tags r:id="rId2"/>
            </p:custDataLst>
          </p:nvPr>
        </p:nvSpPr>
        <p:spPr>
          <a:xfrm>
            <a:off x="7819129" y="6377197"/>
            <a:ext cx="860235" cy="249299"/>
          </a:xfrm>
          <a:prstGeom prst="rect">
            <a:avLst/>
          </a:prstGeom>
          <a:noFill/>
        </p:spPr>
        <p:txBody>
          <a:bodyPr vert="horz" wrap="none" lIns="114300" tIns="0" rIns="114300" bIns="0" rtlCol="0" anchor="ctr">
            <a:spAutoFit/>
          </a:bodyPr>
          <a:lstStyle/>
          <a:p>
            <a:pPr algn="ctr" fontAlgn="auto">
              <a:spcBef>
                <a:spcPts val="0"/>
              </a:spcBef>
              <a:spcAft>
                <a:spcPts val="0"/>
              </a:spcAft>
            </a:pPr>
            <a:r>
              <a:rPr lang="en-US" sz="1620" b="1" dirty="0">
                <a:solidFill>
                  <a:prstClr val="white"/>
                </a:solidFill>
                <a:latin typeface="Calibri"/>
              </a:rPr>
              <a:t>Year</a:t>
            </a:r>
            <a:r>
              <a:rPr lang="en-US" sz="1620" b="1" dirty="0">
                <a:solidFill>
                  <a:prstClr val="black">
                    <a:lumMod val="50000"/>
                  </a:prstClr>
                </a:solidFill>
                <a:latin typeface="Calibri"/>
              </a:rPr>
              <a:t> </a:t>
            </a:r>
            <a:r>
              <a:rPr lang="en-US" sz="1620" b="1" dirty="0">
                <a:solidFill>
                  <a:prstClr val="white"/>
                </a:solidFill>
                <a:latin typeface="Calibri"/>
              </a:rPr>
              <a:t>16</a:t>
            </a:r>
          </a:p>
        </p:txBody>
      </p:sp>
      <p:sp>
        <p:nvSpPr>
          <p:cNvPr id="95" name="Title 1"/>
          <p:cNvSpPr txBox="1">
            <a:spLocks/>
          </p:cNvSpPr>
          <p:nvPr/>
        </p:nvSpPr>
        <p:spPr>
          <a:xfrm>
            <a:off x="1143000" y="500488"/>
            <a:ext cx="7150776" cy="754834"/>
          </a:xfrm>
          <a:prstGeom prst="rect">
            <a:avLst/>
          </a:prstGeom>
        </p:spPr>
        <p:txBody>
          <a:bodyPr/>
          <a:lstStyle>
            <a:lvl1pPr algn="ctr" defTabSz="457200" rtl="0" eaLnBrk="1" latinLnBrk="0" hangingPunct="1">
              <a:spcBef>
                <a:spcPct val="0"/>
              </a:spcBef>
              <a:buNone/>
              <a:defRPr sz="3200" b="0" kern="1200" cap="all">
                <a:solidFill>
                  <a:schemeClr val="tx2">
                    <a:lumMod val="75000"/>
                    <a:lumOff val="25000"/>
                  </a:schemeClr>
                </a:solidFill>
                <a:latin typeface="+mj-lt"/>
                <a:ea typeface="+mj-ea"/>
                <a:cs typeface="+mj-cs"/>
              </a:defRPr>
            </a:lvl1pPr>
          </a:lstStyle>
          <a:p>
            <a:pPr fontAlgn="auto">
              <a:spcAft>
                <a:spcPts val="0"/>
              </a:spcAft>
            </a:pPr>
            <a:endParaRPr lang="en-US" sz="2880" dirty="0">
              <a:solidFill>
                <a:srgbClr val="EBDDC3">
                  <a:lumMod val="75000"/>
                  <a:lumOff val="25000"/>
                </a:srgbClr>
              </a:solidFill>
            </a:endParaRPr>
          </a:p>
        </p:txBody>
      </p:sp>
      <p:cxnSp>
        <p:nvCxnSpPr>
          <p:cNvPr id="19" name="Straight Connector 18"/>
          <p:cNvCxnSpPr/>
          <p:nvPr>
            <p:custDataLst>
              <p:tags r:id="rId3"/>
            </p:custDataLst>
          </p:nvPr>
        </p:nvCxnSpPr>
        <p:spPr>
          <a:xfrm>
            <a:off x="1583576" y="4114075"/>
            <a:ext cx="1087052"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0" name="Rectangle 19"/>
          <p:cNvSpPr/>
          <p:nvPr>
            <p:custDataLst>
              <p:tags r:id="rId4"/>
            </p:custDataLst>
          </p:nvPr>
        </p:nvSpPr>
        <p:spPr>
          <a:xfrm>
            <a:off x="2670630" y="3997789"/>
            <a:ext cx="1419374" cy="232571"/>
          </a:xfrm>
          <a:prstGeom prst="rect">
            <a:avLst/>
          </a:prstGeom>
          <a:solidFill>
            <a:schemeClr val="accent4"/>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21" name="Straight Connector 20"/>
          <p:cNvCxnSpPr/>
          <p:nvPr>
            <p:custDataLst>
              <p:tags r:id="rId5"/>
            </p:custDataLst>
          </p:nvPr>
        </p:nvCxnSpPr>
        <p:spPr>
          <a:xfrm>
            <a:off x="1727012" y="4414268"/>
            <a:ext cx="943617" cy="5055"/>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2" name="Rectangle 21"/>
          <p:cNvSpPr/>
          <p:nvPr>
            <p:custDataLst>
              <p:tags r:id="rId6"/>
            </p:custDataLst>
          </p:nvPr>
        </p:nvSpPr>
        <p:spPr>
          <a:xfrm>
            <a:off x="2670630" y="4303039"/>
            <a:ext cx="1419374" cy="232571"/>
          </a:xfrm>
          <a:prstGeom prst="rect">
            <a:avLst/>
          </a:prstGeom>
          <a:solidFill>
            <a:schemeClr val="tx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23" name="Straight Connector 22"/>
          <p:cNvCxnSpPr/>
          <p:nvPr>
            <p:custDataLst>
              <p:tags r:id="rId7"/>
            </p:custDataLst>
          </p:nvPr>
        </p:nvCxnSpPr>
        <p:spPr>
          <a:xfrm>
            <a:off x="1463152" y="4723022"/>
            <a:ext cx="1716136" cy="1549"/>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4" name="Rectangle 23"/>
          <p:cNvSpPr/>
          <p:nvPr>
            <p:custDataLst>
              <p:tags r:id="rId8"/>
            </p:custDataLst>
          </p:nvPr>
        </p:nvSpPr>
        <p:spPr>
          <a:xfrm>
            <a:off x="3179288" y="4608288"/>
            <a:ext cx="4000241" cy="232571"/>
          </a:xfrm>
          <a:prstGeom prst="rect">
            <a:avLst/>
          </a:prstGeom>
          <a:solidFill>
            <a:schemeClr val="accent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25" name="Straight Connector 24"/>
          <p:cNvCxnSpPr/>
          <p:nvPr>
            <p:custDataLst>
              <p:tags r:id="rId9"/>
            </p:custDataLst>
          </p:nvPr>
        </p:nvCxnSpPr>
        <p:spPr>
          <a:xfrm flipV="1">
            <a:off x="2133600" y="5029820"/>
            <a:ext cx="2356426" cy="1"/>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6" name="Rectangle 25"/>
          <p:cNvSpPr/>
          <p:nvPr>
            <p:custDataLst>
              <p:tags r:id="rId10"/>
            </p:custDataLst>
          </p:nvPr>
        </p:nvSpPr>
        <p:spPr>
          <a:xfrm>
            <a:off x="4490026" y="4913536"/>
            <a:ext cx="2516903" cy="232571"/>
          </a:xfrm>
          <a:prstGeom prst="rect">
            <a:avLst/>
          </a:prstGeom>
          <a:solidFill>
            <a:schemeClr val="bg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27" name="Straight Connector 26"/>
          <p:cNvCxnSpPr/>
          <p:nvPr>
            <p:custDataLst>
              <p:tags r:id="rId11"/>
            </p:custDataLst>
          </p:nvPr>
        </p:nvCxnSpPr>
        <p:spPr>
          <a:xfrm flipV="1">
            <a:off x="1401776" y="5335068"/>
            <a:ext cx="3201964" cy="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8" name="Rectangle 27"/>
          <p:cNvSpPr/>
          <p:nvPr>
            <p:custDataLst>
              <p:tags r:id="rId12"/>
            </p:custDataLst>
          </p:nvPr>
        </p:nvSpPr>
        <p:spPr>
          <a:xfrm>
            <a:off x="4603738" y="5218785"/>
            <a:ext cx="2631630" cy="232571"/>
          </a:xfrm>
          <a:prstGeom prst="rect">
            <a:avLst/>
          </a:prstGeom>
          <a:solidFill>
            <a:srgbClr val="6F319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29" name="Straight Connector 28"/>
          <p:cNvCxnSpPr/>
          <p:nvPr>
            <p:custDataLst>
              <p:tags r:id="rId13"/>
            </p:custDataLst>
          </p:nvPr>
        </p:nvCxnSpPr>
        <p:spPr>
          <a:xfrm flipV="1">
            <a:off x="986354" y="5640318"/>
            <a:ext cx="4933201" cy="240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0" name="Rectangle 29"/>
          <p:cNvSpPr/>
          <p:nvPr>
            <p:custDataLst>
              <p:tags r:id="rId14"/>
            </p:custDataLst>
          </p:nvPr>
        </p:nvSpPr>
        <p:spPr>
          <a:xfrm>
            <a:off x="5919553" y="5524033"/>
            <a:ext cx="1615326" cy="232571"/>
          </a:xfrm>
          <a:prstGeom prst="rect">
            <a:avLst/>
          </a:prstGeom>
          <a:solidFill>
            <a:srgbClr val="40D69D"/>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cxnSp>
        <p:nvCxnSpPr>
          <p:cNvPr id="31" name="Straight Connector 30"/>
          <p:cNvCxnSpPr/>
          <p:nvPr>
            <p:custDataLst>
              <p:tags r:id="rId15"/>
            </p:custDataLst>
          </p:nvPr>
        </p:nvCxnSpPr>
        <p:spPr>
          <a:xfrm>
            <a:off x="1914449" y="5945566"/>
            <a:ext cx="4226439"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2" name="Rectangle 31"/>
          <p:cNvSpPr/>
          <p:nvPr>
            <p:custDataLst>
              <p:tags r:id="rId16"/>
            </p:custDataLst>
          </p:nvPr>
        </p:nvSpPr>
        <p:spPr>
          <a:xfrm>
            <a:off x="6140888" y="5829281"/>
            <a:ext cx="851828" cy="232571"/>
          </a:xfrm>
          <a:prstGeom prst="rect">
            <a:avLst/>
          </a:prstGeom>
          <a:solidFill>
            <a:srgbClr val="02B2EE"/>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62" name="TextBox 61"/>
          <p:cNvSpPr txBox="1"/>
          <p:nvPr>
            <p:custDataLst>
              <p:tags r:id="rId17"/>
            </p:custDataLst>
          </p:nvPr>
        </p:nvSpPr>
        <p:spPr>
          <a:xfrm>
            <a:off x="838201" y="5817244"/>
            <a:ext cx="1249903"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Pump Plant </a:t>
            </a:r>
          </a:p>
        </p:txBody>
      </p:sp>
      <p:sp>
        <p:nvSpPr>
          <p:cNvPr id="63" name="TextBox 62"/>
          <p:cNvSpPr txBox="1"/>
          <p:nvPr>
            <p:custDataLst>
              <p:tags r:id="rId18"/>
            </p:custDataLst>
          </p:nvPr>
        </p:nvSpPr>
        <p:spPr>
          <a:xfrm>
            <a:off x="7281789" y="5836611"/>
            <a:ext cx="490731" cy="230070"/>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2.25 Years</a:t>
            </a:r>
          </a:p>
        </p:txBody>
      </p:sp>
      <p:sp>
        <p:nvSpPr>
          <p:cNvPr id="64" name="TextBox 63"/>
          <p:cNvSpPr txBox="1"/>
          <p:nvPr>
            <p:custDataLst>
              <p:tags r:id="rId19"/>
            </p:custDataLst>
          </p:nvPr>
        </p:nvSpPr>
        <p:spPr>
          <a:xfrm>
            <a:off x="7860036" y="5528841"/>
            <a:ext cx="445764" cy="227762"/>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4.5 Years</a:t>
            </a:r>
          </a:p>
        </p:txBody>
      </p:sp>
      <p:sp>
        <p:nvSpPr>
          <p:cNvPr id="65" name="TextBox 64"/>
          <p:cNvSpPr txBox="1"/>
          <p:nvPr>
            <p:custDataLst>
              <p:tags r:id="rId20"/>
            </p:custDataLst>
          </p:nvPr>
        </p:nvSpPr>
        <p:spPr>
          <a:xfrm>
            <a:off x="7551625" y="5205710"/>
            <a:ext cx="421806" cy="258494"/>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7.25 Years</a:t>
            </a:r>
          </a:p>
        </p:txBody>
      </p:sp>
      <p:sp>
        <p:nvSpPr>
          <p:cNvPr id="66" name="TextBox 65"/>
          <p:cNvSpPr txBox="1"/>
          <p:nvPr>
            <p:custDataLst>
              <p:tags r:id="rId21"/>
            </p:custDataLst>
          </p:nvPr>
        </p:nvSpPr>
        <p:spPr>
          <a:xfrm>
            <a:off x="838201" y="4849772"/>
            <a:ext cx="1978629" cy="307777"/>
          </a:xfrm>
          <a:prstGeom prst="rect">
            <a:avLst/>
          </a:prstGeom>
          <a:noFill/>
        </p:spPr>
        <p:txBody>
          <a:bodyPr vert="horz" wrap="square" lIns="0" tIns="0" rIns="0" bIns="0" rtlCol="0" anchor="ctr">
            <a:spAutoFit/>
          </a:bodyPr>
          <a:lstStyle/>
          <a:p>
            <a:pPr fontAlgn="auto">
              <a:spcBef>
                <a:spcPts val="0"/>
              </a:spcBef>
              <a:spcAft>
                <a:spcPts val="0"/>
              </a:spcAft>
            </a:pPr>
            <a:r>
              <a:rPr lang="en-US" sz="2000" b="1" dirty="0">
                <a:solidFill>
                  <a:prstClr val="white"/>
                </a:solidFill>
                <a:latin typeface="Calibri"/>
              </a:rPr>
              <a:t>Clifton Court</a:t>
            </a:r>
          </a:p>
        </p:txBody>
      </p:sp>
      <p:sp>
        <p:nvSpPr>
          <p:cNvPr id="67" name="TextBox 66"/>
          <p:cNvSpPr txBox="1"/>
          <p:nvPr>
            <p:custDataLst>
              <p:tags r:id="rId22"/>
            </p:custDataLst>
          </p:nvPr>
        </p:nvSpPr>
        <p:spPr>
          <a:xfrm>
            <a:off x="7246459" y="4904680"/>
            <a:ext cx="497973" cy="220153"/>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7 Years</a:t>
            </a:r>
          </a:p>
        </p:txBody>
      </p:sp>
      <p:sp>
        <p:nvSpPr>
          <p:cNvPr id="68" name="TextBox 67"/>
          <p:cNvSpPr txBox="1"/>
          <p:nvPr>
            <p:custDataLst>
              <p:tags r:id="rId23"/>
            </p:custDataLst>
          </p:nvPr>
        </p:nvSpPr>
        <p:spPr>
          <a:xfrm>
            <a:off x="7391400" y="4598103"/>
            <a:ext cx="922166" cy="249839"/>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10.75 Years</a:t>
            </a:r>
          </a:p>
        </p:txBody>
      </p:sp>
      <p:sp>
        <p:nvSpPr>
          <p:cNvPr id="69" name="TextBox 68"/>
          <p:cNvSpPr txBox="1"/>
          <p:nvPr>
            <p:custDataLst>
              <p:tags r:id="rId24"/>
            </p:custDataLst>
          </p:nvPr>
        </p:nvSpPr>
        <p:spPr>
          <a:xfrm>
            <a:off x="4309612" y="4299895"/>
            <a:ext cx="517291" cy="228747"/>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4 Years</a:t>
            </a:r>
          </a:p>
        </p:txBody>
      </p:sp>
      <p:sp>
        <p:nvSpPr>
          <p:cNvPr id="70" name="TextBox 69"/>
          <p:cNvSpPr txBox="1"/>
          <p:nvPr>
            <p:custDataLst>
              <p:tags r:id="rId25"/>
            </p:custDataLst>
          </p:nvPr>
        </p:nvSpPr>
        <p:spPr>
          <a:xfrm>
            <a:off x="4318478" y="3989447"/>
            <a:ext cx="474624" cy="230804"/>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4 Years</a:t>
            </a:r>
          </a:p>
        </p:txBody>
      </p:sp>
      <p:grpSp>
        <p:nvGrpSpPr>
          <p:cNvPr id="48" name="Group 47"/>
          <p:cNvGrpSpPr/>
          <p:nvPr/>
        </p:nvGrpSpPr>
        <p:grpSpPr>
          <a:xfrm>
            <a:off x="1463152" y="2446186"/>
            <a:ext cx="2277408" cy="235652"/>
            <a:chOff x="1463152" y="2446186"/>
            <a:chExt cx="2277408" cy="235652"/>
          </a:xfrm>
        </p:grpSpPr>
        <p:cxnSp>
          <p:nvCxnSpPr>
            <p:cNvPr id="13" name="Straight Connector 12"/>
            <p:cNvCxnSpPr/>
            <p:nvPr>
              <p:custDataLst>
                <p:tags r:id="rId53"/>
              </p:custDataLst>
            </p:nvPr>
          </p:nvCxnSpPr>
          <p:spPr>
            <a:xfrm flipV="1">
              <a:off x="1463152" y="2565550"/>
              <a:ext cx="614548" cy="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 name="Rectangle 13"/>
            <p:cNvSpPr/>
            <p:nvPr>
              <p:custDataLst>
                <p:tags r:id="rId54"/>
              </p:custDataLst>
            </p:nvPr>
          </p:nvSpPr>
          <p:spPr>
            <a:xfrm>
              <a:off x="2077699" y="2449267"/>
              <a:ext cx="1029504" cy="232571"/>
            </a:xfrm>
            <a:prstGeom prst="rect">
              <a:avLst/>
            </a:prstGeom>
            <a:solidFill>
              <a:schemeClr val="accent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3" name="TextBox 72"/>
            <p:cNvSpPr txBox="1"/>
            <p:nvPr>
              <p:custDataLst>
                <p:tags r:id="rId55"/>
              </p:custDataLst>
            </p:nvPr>
          </p:nvSpPr>
          <p:spPr>
            <a:xfrm>
              <a:off x="3321734" y="2446186"/>
              <a:ext cx="418826" cy="197329"/>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3 Years</a:t>
              </a:r>
            </a:p>
          </p:txBody>
        </p:sp>
      </p:grpSp>
      <p:sp>
        <p:nvSpPr>
          <p:cNvPr id="80" name="TextBox 79"/>
          <p:cNvSpPr txBox="1"/>
          <p:nvPr>
            <p:custDataLst>
              <p:tags r:id="rId26"/>
            </p:custDataLst>
          </p:nvPr>
        </p:nvSpPr>
        <p:spPr>
          <a:xfrm>
            <a:off x="838202" y="5501821"/>
            <a:ext cx="802822"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IF </a:t>
            </a:r>
          </a:p>
        </p:txBody>
      </p:sp>
      <p:sp>
        <p:nvSpPr>
          <p:cNvPr id="81" name="TextBox 80"/>
          <p:cNvSpPr txBox="1"/>
          <p:nvPr>
            <p:custDataLst>
              <p:tags r:id="rId27"/>
            </p:custDataLst>
          </p:nvPr>
        </p:nvSpPr>
        <p:spPr>
          <a:xfrm>
            <a:off x="838201" y="5196573"/>
            <a:ext cx="1045706"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Intake</a:t>
            </a:r>
          </a:p>
        </p:txBody>
      </p:sp>
      <p:sp>
        <p:nvSpPr>
          <p:cNvPr id="82" name="TextBox 81"/>
          <p:cNvSpPr txBox="1"/>
          <p:nvPr>
            <p:custDataLst>
              <p:tags r:id="rId28"/>
            </p:custDataLst>
          </p:nvPr>
        </p:nvSpPr>
        <p:spPr>
          <a:xfrm>
            <a:off x="838202" y="4586076"/>
            <a:ext cx="1609062"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Tunnel</a:t>
            </a:r>
          </a:p>
        </p:txBody>
      </p:sp>
      <p:sp>
        <p:nvSpPr>
          <p:cNvPr id="83" name="TextBox 82"/>
          <p:cNvSpPr txBox="1"/>
          <p:nvPr>
            <p:custDataLst>
              <p:tags r:id="rId29"/>
            </p:custDataLst>
          </p:nvPr>
        </p:nvSpPr>
        <p:spPr>
          <a:xfrm>
            <a:off x="838201" y="4280828"/>
            <a:ext cx="1076248"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Site Work</a:t>
            </a:r>
          </a:p>
        </p:txBody>
      </p:sp>
      <p:sp>
        <p:nvSpPr>
          <p:cNvPr id="84" name="TextBox 83"/>
          <p:cNvSpPr txBox="1"/>
          <p:nvPr>
            <p:custDataLst>
              <p:tags r:id="rId30"/>
            </p:custDataLst>
          </p:nvPr>
        </p:nvSpPr>
        <p:spPr>
          <a:xfrm>
            <a:off x="838201" y="3975578"/>
            <a:ext cx="1127151"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Utilities</a:t>
            </a:r>
          </a:p>
        </p:txBody>
      </p:sp>
      <p:grpSp>
        <p:nvGrpSpPr>
          <p:cNvPr id="50" name="Group 49"/>
          <p:cNvGrpSpPr/>
          <p:nvPr/>
        </p:nvGrpSpPr>
        <p:grpSpPr>
          <a:xfrm>
            <a:off x="809626" y="3075801"/>
            <a:ext cx="3152774" cy="276999"/>
            <a:chOff x="809626" y="3037553"/>
            <a:chExt cx="3152774" cy="276999"/>
          </a:xfrm>
        </p:grpSpPr>
        <p:cxnSp>
          <p:nvCxnSpPr>
            <p:cNvPr id="17" name="Straight Connector 16"/>
            <p:cNvCxnSpPr/>
            <p:nvPr>
              <p:custDataLst>
                <p:tags r:id="rId49"/>
              </p:custDataLst>
            </p:nvPr>
          </p:nvCxnSpPr>
          <p:spPr>
            <a:xfrm flipV="1">
              <a:off x="986354" y="3176048"/>
              <a:ext cx="1091345" cy="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8" name="Rectangle 17"/>
            <p:cNvSpPr/>
            <p:nvPr>
              <p:custDataLst>
                <p:tags r:id="rId50"/>
              </p:custDataLst>
            </p:nvPr>
          </p:nvSpPr>
          <p:spPr>
            <a:xfrm>
              <a:off x="2077699" y="3059764"/>
              <a:ext cx="1116818" cy="232571"/>
            </a:xfrm>
            <a:prstGeom prst="rect">
              <a:avLst/>
            </a:prstGeom>
            <a:solidFill>
              <a:srgbClr val="40D69D"/>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1" name="TextBox 70"/>
            <p:cNvSpPr txBox="1"/>
            <p:nvPr>
              <p:custDataLst>
                <p:tags r:id="rId51"/>
              </p:custDataLst>
            </p:nvPr>
          </p:nvSpPr>
          <p:spPr>
            <a:xfrm>
              <a:off x="3416496" y="3040863"/>
              <a:ext cx="545904" cy="223955"/>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3 Years</a:t>
              </a:r>
            </a:p>
          </p:txBody>
        </p:sp>
        <p:sp>
          <p:nvSpPr>
            <p:cNvPr id="85" name="TextBox 84"/>
            <p:cNvSpPr txBox="1"/>
            <p:nvPr>
              <p:custDataLst>
                <p:tags r:id="rId52"/>
              </p:custDataLst>
            </p:nvPr>
          </p:nvSpPr>
          <p:spPr>
            <a:xfrm>
              <a:off x="809626" y="3037553"/>
              <a:ext cx="477039"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IF</a:t>
              </a:r>
            </a:p>
          </p:txBody>
        </p:sp>
      </p:grpSp>
      <p:grpSp>
        <p:nvGrpSpPr>
          <p:cNvPr id="49" name="Group 48"/>
          <p:cNvGrpSpPr/>
          <p:nvPr/>
        </p:nvGrpSpPr>
        <p:grpSpPr>
          <a:xfrm>
            <a:off x="809626" y="2732302"/>
            <a:ext cx="2973423" cy="276999"/>
            <a:chOff x="809626" y="2732302"/>
            <a:chExt cx="2973423" cy="276999"/>
          </a:xfrm>
        </p:grpSpPr>
        <p:cxnSp>
          <p:nvCxnSpPr>
            <p:cNvPr id="15" name="Straight Connector 14"/>
            <p:cNvCxnSpPr>
              <a:stCxn id="86" idx="3"/>
            </p:cNvCxnSpPr>
            <p:nvPr>
              <p:custDataLst>
                <p:tags r:id="rId45"/>
              </p:custDataLst>
            </p:nvPr>
          </p:nvCxnSpPr>
          <p:spPr>
            <a:xfrm flipV="1">
              <a:off x="2026728" y="2870800"/>
              <a:ext cx="50971" cy="2"/>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 name="Rectangle 15"/>
            <p:cNvSpPr/>
            <p:nvPr>
              <p:custDataLst>
                <p:tags r:id="rId46"/>
              </p:custDataLst>
            </p:nvPr>
          </p:nvSpPr>
          <p:spPr>
            <a:xfrm>
              <a:off x="2077699" y="2754515"/>
              <a:ext cx="1116818" cy="232571"/>
            </a:xfrm>
            <a:prstGeom prst="rect">
              <a:avLst/>
            </a:prstGeom>
            <a:solidFill>
              <a:schemeClr val="bg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2" name="TextBox 71"/>
            <p:cNvSpPr txBox="1"/>
            <p:nvPr>
              <p:custDataLst>
                <p:tags r:id="rId47"/>
              </p:custDataLst>
            </p:nvPr>
          </p:nvSpPr>
          <p:spPr>
            <a:xfrm>
              <a:off x="3421539" y="2750277"/>
              <a:ext cx="361510" cy="230804"/>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3 Years</a:t>
              </a:r>
            </a:p>
          </p:txBody>
        </p:sp>
        <p:sp>
          <p:nvSpPr>
            <p:cNvPr id="86" name="TextBox 85"/>
            <p:cNvSpPr txBox="1"/>
            <p:nvPr>
              <p:custDataLst>
                <p:tags r:id="rId48"/>
              </p:custDataLst>
            </p:nvPr>
          </p:nvSpPr>
          <p:spPr>
            <a:xfrm>
              <a:off x="809626" y="2732302"/>
              <a:ext cx="1217102"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Clifton Court</a:t>
              </a:r>
            </a:p>
          </p:txBody>
        </p:sp>
      </p:grpSp>
      <p:sp>
        <p:nvSpPr>
          <p:cNvPr id="87" name="TextBox 86"/>
          <p:cNvSpPr txBox="1"/>
          <p:nvPr>
            <p:custDataLst>
              <p:tags r:id="rId31"/>
            </p:custDataLst>
          </p:nvPr>
        </p:nvSpPr>
        <p:spPr>
          <a:xfrm>
            <a:off x="809627" y="2427055"/>
            <a:ext cx="750464"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Tunnel</a:t>
            </a:r>
          </a:p>
        </p:txBody>
      </p:sp>
      <p:grpSp>
        <p:nvGrpSpPr>
          <p:cNvPr id="47" name="Group 46"/>
          <p:cNvGrpSpPr/>
          <p:nvPr/>
        </p:nvGrpSpPr>
        <p:grpSpPr>
          <a:xfrm>
            <a:off x="809627" y="2121808"/>
            <a:ext cx="2899390" cy="276999"/>
            <a:chOff x="809627" y="2121808"/>
            <a:chExt cx="2899390" cy="276999"/>
          </a:xfrm>
        </p:grpSpPr>
        <p:cxnSp>
          <p:nvCxnSpPr>
            <p:cNvPr id="11" name="Straight Connector 10"/>
            <p:cNvCxnSpPr/>
            <p:nvPr>
              <p:custDataLst>
                <p:tags r:id="rId41"/>
              </p:custDataLst>
            </p:nvPr>
          </p:nvCxnSpPr>
          <p:spPr>
            <a:xfrm flipV="1">
              <a:off x="1376325" y="2260302"/>
              <a:ext cx="701374" cy="5"/>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 name="Rectangle 11"/>
            <p:cNvSpPr/>
            <p:nvPr>
              <p:custDataLst>
                <p:tags r:id="rId42"/>
              </p:custDataLst>
            </p:nvPr>
          </p:nvSpPr>
          <p:spPr>
            <a:xfrm>
              <a:off x="2077698" y="2144018"/>
              <a:ext cx="899547" cy="232571"/>
            </a:xfrm>
            <a:prstGeom prst="rect">
              <a:avLst/>
            </a:prstGeom>
            <a:solidFill>
              <a:srgbClr val="6F319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4" name="TextBox 73"/>
            <p:cNvSpPr txBox="1"/>
            <p:nvPr>
              <p:custDataLst>
                <p:tags r:id="rId43"/>
              </p:custDataLst>
            </p:nvPr>
          </p:nvSpPr>
          <p:spPr>
            <a:xfrm>
              <a:off x="3199224" y="2159391"/>
              <a:ext cx="509793" cy="215431"/>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2.5 Years</a:t>
              </a:r>
            </a:p>
          </p:txBody>
        </p:sp>
        <p:sp>
          <p:nvSpPr>
            <p:cNvPr id="88" name="TextBox 87"/>
            <p:cNvSpPr txBox="1"/>
            <p:nvPr>
              <p:custDataLst>
                <p:tags r:id="rId44"/>
              </p:custDataLst>
            </p:nvPr>
          </p:nvSpPr>
          <p:spPr>
            <a:xfrm>
              <a:off x="809627" y="2121808"/>
              <a:ext cx="719923"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Intake</a:t>
              </a:r>
            </a:p>
          </p:txBody>
        </p:sp>
      </p:grpSp>
      <p:grpSp>
        <p:nvGrpSpPr>
          <p:cNvPr id="46" name="Group 45"/>
          <p:cNvGrpSpPr/>
          <p:nvPr/>
        </p:nvGrpSpPr>
        <p:grpSpPr>
          <a:xfrm>
            <a:off x="809626" y="1816557"/>
            <a:ext cx="2645282" cy="276999"/>
            <a:chOff x="809626" y="1816557"/>
            <a:chExt cx="2645282" cy="276999"/>
          </a:xfrm>
        </p:grpSpPr>
        <p:cxnSp>
          <p:nvCxnSpPr>
            <p:cNvPr id="9" name="Straight Connector 8"/>
            <p:cNvCxnSpPr>
              <a:stCxn id="89" idx="3"/>
            </p:cNvCxnSpPr>
            <p:nvPr>
              <p:custDataLst>
                <p:tags r:id="rId37"/>
              </p:custDataLst>
            </p:nvPr>
          </p:nvCxnSpPr>
          <p:spPr>
            <a:xfrm>
              <a:off x="1965352" y="1955057"/>
              <a:ext cx="122752" cy="52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0" name="Rectangle 9"/>
            <p:cNvSpPr/>
            <p:nvPr>
              <p:custDataLst>
                <p:tags r:id="rId38"/>
              </p:custDataLst>
            </p:nvPr>
          </p:nvSpPr>
          <p:spPr>
            <a:xfrm>
              <a:off x="2077699" y="1838770"/>
              <a:ext cx="739131" cy="232571"/>
            </a:xfrm>
            <a:prstGeom prst="rect">
              <a:avLst/>
            </a:prstGeom>
            <a:solidFill>
              <a:srgbClr val="02B2EE"/>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5" name="TextBox 74"/>
            <p:cNvSpPr txBox="1"/>
            <p:nvPr>
              <p:custDataLst>
                <p:tags r:id="rId39"/>
              </p:custDataLst>
            </p:nvPr>
          </p:nvSpPr>
          <p:spPr>
            <a:xfrm>
              <a:off x="3061877" y="1874031"/>
              <a:ext cx="393031" cy="145549"/>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2 Years</a:t>
              </a:r>
            </a:p>
          </p:txBody>
        </p:sp>
        <p:sp>
          <p:nvSpPr>
            <p:cNvPr id="89" name="TextBox 88"/>
            <p:cNvSpPr txBox="1"/>
            <p:nvPr>
              <p:custDataLst>
                <p:tags r:id="rId40"/>
              </p:custDataLst>
            </p:nvPr>
          </p:nvSpPr>
          <p:spPr>
            <a:xfrm>
              <a:off x="809626" y="1816557"/>
              <a:ext cx="1155726"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Pump Plant </a:t>
              </a:r>
            </a:p>
          </p:txBody>
        </p:sp>
      </p:grpSp>
      <p:grpSp>
        <p:nvGrpSpPr>
          <p:cNvPr id="51" name="Group 50"/>
          <p:cNvGrpSpPr/>
          <p:nvPr/>
        </p:nvGrpSpPr>
        <p:grpSpPr>
          <a:xfrm>
            <a:off x="809627" y="1447800"/>
            <a:ext cx="2868875" cy="276999"/>
            <a:chOff x="809627" y="1511310"/>
            <a:chExt cx="2868875" cy="276999"/>
          </a:xfrm>
        </p:grpSpPr>
        <p:cxnSp>
          <p:nvCxnSpPr>
            <p:cNvPr id="7" name="Straight Connector 6"/>
            <p:cNvCxnSpPr>
              <a:stCxn id="90" idx="3"/>
            </p:cNvCxnSpPr>
            <p:nvPr>
              <p:custDataLst>
                <p:tags r:id="rId33"/>
              </p:custDataLst>
            </p:nvPr>
          </p:nvCxnSpPr>
          <p:spPr>
            <a:xfrm flipV="1">
              <a:off x="1610995" y="1649806"/>
              <a:ext cx="324564" cy="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8" name="Rectangle 7"/>
            <p:cNvSpPr/>
            <p:nvPr>
              <p:custDataLst>
                <p:tags r:id="rId34"/>
              </p:custDataLst>
            </p:nvPr>
          </p:nvSpPr>
          <p:spPr>
            <a:xfrm>
              <a:off x="1935558" y="1533522"/>
              <a:ext cx="1065039" cy="232571"/>
            </a:xfrm>
            <a:prstGeom prst="rect">
              <a:avLst/>
            </a:prstGeom>
            <a:solidFill>
              <a:schemeClr val="accent4"/>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pPr>
              <a:endParaRPr lang="en-US" sz="2000" dirty="0">
                <a:solidFill>
                  <a:prstClr val="white"/>
                </a:solidFill>
              </a:endParaRPr>
            </a:p>
          </p:txBody>
        </p:sp>
        <p:sp>
          <p:nvSpPr>
            <p:cNvPr id="76" name="TextBox 75"/>
            <p:cNvSpPr txBox="1"/>
            <p:nvPr>
              <p:custDataLst>
                <p:tags r:id="rId35"/>
              </p:custDataLst>
            </p:nvPr>
          </p:nvSpPr>
          <p:spPr>
            <a:xfrm>
              <a:off x="3174810" y="1534733"/>
              <a:ext cx="503692" cy="200733"/>
            </a:xfrm>
            <a:prstGeom prst="rect">
              <a:avLst/>
            </a:prstGeom>
            <a:noFill/>
          </p:spPr>
          <p:txBody>
            <a:bodyPr vert="horz" wrap="none" lIns="0" tIns="0" rIns="0" bIns="0" rtlCol="0" anchor="ctr">
              <a:noAutofit/>
            </a:bodyPr>
            <a:lstStyle/>
            <a:p>
              <a:pPr algn="ctr" fontAlgn="auto">
                <a:spcBef>
                  <a:spcPts val="0"/>
                </a:spcBef>
                <a:spcAft>
                  <a:spcPts val="0"/>
                </a:spcAft>
              </a:pPr>
              <a:r>
                <a:rPr lang="en-US" sz="2000" dirty="0">
                  <a:solidFill>
                    <a:prstClr val="white"/>
                  </a:solidFill>
                  <a:latin typeface="Calibri"/>
                </a:rPr>
                <a:t>3 Years</a:t>
              </a:r>
            </a:p>
          </p:txBody>
        </p:sp>
        <p:sp>
          <p:nvSpPr>
            <p:cNvPr id="90" name="TextBox 89"/>
            <p:cNvSpPr txBox="1"/>
            <p:nvPr>
              <p:custDataLst>
                <p:tags r:id="rId36"/>
              </p:custDataLst>
            </p:nvPr>
          </p:nvSpPr>
          <p:spPr>
            <a:xfrm>
              <a:off x="809627" y="1511310"/>
              <a:ext cx="801368" cy="276999"/>
            </a:xfrm>
            <a:prstGeom prst="rect">
              <a:avLst/>
            </a:prstGeom>
            <a:noFill/>
          </p:spPr>
          <p:txBody>
            <a:bodyPr vert="horz" wrap="square" lIns="0" tIns="0" rIns="0" bIns="0" rtlCol="0" anchor="ctr">
              <a:spAutoFit/>
            </a:bodyPr>
            <a:lstStyle/>
            <a:p>
              <a:pPr fontAlgn="auto">
                <a:spcBef>
                  <a:spcPts val="0"/>
                </a:spcBef>
                <a:spcAft>
                  <a:spcPts val="0"/>
                </a:spcAft>
              </a:pPr>
              <a:r>
                <a:rPr lang="en-US" b="1" dirty="0">
                  <a:solidFill>
                    <a:prstClr val="white"/>
                  </a:solidFill>
                  <a:latin typeface="Calibri"/>
                </a:rPr>
                <a:t>Utilities </a:t>
              </a:r>
            </a:p>
          </p:txBody>
        </p:sp>
      </p:grpSp>
      <p:sp>
        <p:nvSpPr>
          <p:cNvPr id="96" name="TextBox 95"/>
          <p:cNvSpPr txBox="1"/>
          <p:nvPr/>
        </p:nvSpPr>
        <p:spPr>
          <a:xfrm>
            <a:off x="152400" y="1338433"/>
            <a:ext cx="553998" cy="2290309"/>
          </a:xfrm>
          <a:prstGeom prst="rect">
            <a:avLst/>
          </a:prstGeom>
          <a:noFill/>
        </p:spPr>
        <p:txBody>
          <a:bodyPr vert="vert270" wrap="square" rtlCol="0">
            <a:spAutoFit/>
          </a:bodyPr>
          <a:lstStyle/>
          <a:p>
            <a:pPr algn="ctr" fontAlgn="auto">
              <a:spcBef>
                <a:spcPts val="0"/>
              </a:spcBef>
              <a:spcAft>
                <a:spcPts val="0"/>
              </a:spcAft>
            </a:pPr>
            <a:r>
              <a:rPr lang="en-US" sz="2400" b="1" dirty="0">
                <a:solidFill>
                  <a:prstClr val="white"/>
                </a:solidFill>
                <a:latin typeface="Calibri"/>
              </a:rPr>
              <a:t>Design Phase</a:t>
            </a:r>
          </a:p>
        </p:txBody>
      </p:sp>
      <p:sp>
        <p:nvSpPr>
          <p:cNvPr id="97" name="TextBox 96"/>
          <p:cNvSpPr txBox="1"/>
          <p:nvPr/>
        </p:nvSpPr>
        <p:spPr>
          <a:xfrm>
            <a:off x="152400" y="3628743"/>
            <a:ext cx="553998" cy="2748454"/>
          </a:xfrm>
          <a:prstGeom prst="rect">
            <a:avLst/>
          </a:prstGeom>
          <a:noFill/>
        </p:spPr>
        <p:txBody>
          <a:bodyPr vert="vert270" wrap="square" rtlCol="0">
            <a:spAutoFit/>
          </a:bodyPr>
          <a:lstStyle/>
          <a:p>
            <a:pPr fontAlgn="auto">
              <a:spcBef>
                <a:spcPts val="0"/>
              </a:spcBef>
              <a:spcAft>
                <a:spcPts val="0"/>
              </a:spcAft>
            </a:pPr>
            <a:r>
              <a:rPr lang="en-US" sz="2400" b="1" dirty="0">
                <a:solidFill>
                  <a:prstClr val="white"/>
                </a:solidFill>
                <a:latin typeface="Calibri"/>
              </a:rPr>
              <a:t>Construction  Phase</a:t>
            </a:r>
          </a:p>
        </p:txBody>
      </p:sp>
      <p:cxnSp>
        <p:nvCxnSpPr>
          <p:cNvPr id="99" name="Straight Connector 98"/>
          <p:cNvCxnSpPr/>
          <p:nvPr/>
        </p:nvCxnSpPr>
        <p:spPr>
          <a:xfrm>
            <a:off x="652404" y="1338433"/>
            <a:ext cx="7675244" cy="0"/>
          </a:xfrm>
          <a:prstGeom prst="line">
            <a:avLst/>
          </a:prstGeom>
        </p:spPr>
        <p:style>
          <a:lnRef idx="2">
            <a:schemeClr val="accent1"/>
          </a:lnRef>
          <a:fillRef idx="0">
            <a:schemeClr val="accent1"/>
          </a:fillRef>
          <a:effectRef idx="1">
            <a:schemeClr val="accent1"/>
          </a:effectRef>
          <a:fontRef idx="minor">
            <a:schemeClr val="tx1"/>
          </a:fontRef>
        </p:style>
      </p:cxnSp>
      <p:cxnSp>
        <p:nvCxnSpPr>
          <p:cNvPr id="100" name="Straight Connector 99"/>
          <p:cNvCxnSpPr/>
          <p:nvPr/>
        </p:nvCxnSpPr>
        <p:spPr>
          <a:xfrm>
            <a:off x="685802" y="3657600"/>
            <a:ext cx="7675244" cy="0"/>
          </a:xfrm>
          <a:prstGeom prst="line">
            <a:avLst/>
          </a:prstGeom>
        </p:spPr>
        <p:style>
          <a:lnRef idx="2">
            <a:schemeClr val="accent1"/>
          </a:lnRef>
          <a:fillRef idx="0">
            <a:schemeClr val="accent1"/>
          </a:fillRef>
          <a:effectRef idx="1">
            <a:schemeClr val="accent1"/>
          </a:effectRef>
          <a:fontRef idx="minor">
            <a:schemeClr val="tx1"/>
          </a:fontRef>
        </p:style>
      </p:cxnSp>
      <p:cxnSp>
        <p:nvCxnSpPr>
          <p:cNvPr id="101" name="Straight Connector 100"/>
          <p:cNvCxnSpPr/>
          <p:nvPr/>
        </p:nvCxnSpPr>
        <p:spPr>
          <a:xfrm>
            <a:off x="718235" y="6324600"/>
            <a:ext cx="7675244" cy="0"/>
          </a:xfrm>
          <a:prstGeom prst="line">
            <a:avLst/>
          </a:prstGeom>
        </p:spPr>
        <p:style>
          <a:lnRef idx="2">
            <a:schemeClr val="accent1"/>
          </a:lnRef>
          <a:fillRef idx="0">
            <a:schemeClr val="accent1"/>
          </a:fillRef>
          <a:effectRef idx="1">
            <a:schemeClr val="accent1"/>
          </a:effectRef>
          <a:fontRef idx="minor">
            <a:schemeClr val="tx1"/>
          </a:fontRef>
        </p:style>
      </p:cxnSp>
      <p:sp>
        <p:nvSpPr>
          <p:cNvPr id="98" name="OTLSHAPE_TB_00000000000000000000000000000000_ScaleContainer"/>
          <p:cNvSpPr/>
          <p:nvPr>
            <p:custDataLst>
              <p:tags r:id="rId32"/>
            </p:custDataLst>
          </p:nvPr>
        </p:nvSpPr>
        <p:spPr>
          <a:xfrm>
            <a:off x="1560091" y="6389064"/>
            <a:ext cx="6366691" cy="240336"/>
          </a:xfrm>
          <a:prstGeom prst="roundRect">
            <a:avLst/>
          </a:prstGeom>
          <a:solidFill>
            <a:schemeClr val="accent2">
              <a:lumMod val="75000"/>
            </a:schemeClr>
          </a:soli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1">
            <a:schemeClr val="accent1"/>
          </a:lnRef>
          <a:fillRef idx="3">
            <a:schemeClr val="accent1"/>
          </a:fillRef>
          <a:effectRef idx="2">
            <a:schemeClr val="accent1"/>
          </a:effectRef>
          <a:fontRef idx="minor">
            <a:schemeClr val="lt1"/>
          </a:fontRef>
        </p:style>
        <p:txBody>
          <a:bodyPr rtlCol="0" anchor="ctr"/>
          <a:lstStyle/>
          <a:p>
            <a:pPr algn="ctr" fontAlgn="auto">
              <a:spcBef>
                <a:spcPts val="0"/>
              </a:spcBef>
              <a:spcAft>
                <a:spcPts val="0"/>
              </a:spcAft>
            </a:pPr>
            <a:endParaRPr lang="en-US" sz="1620" dirty="0">
              <a:solidFill>
                <a:prstClr val="white"/>
              </a:solidFill>
            </a:endParaRPr>
          </a:p>
        </p:txBody>
      </p:sp>
      <p:sp>
        <p:nvSpPr>
          <p:cNvPr id="3" name="Title 2"/>
          <p:cNvSpPr>
            <a:spLocks noGrp="1"/>
          </p:cNvSpPr>
          <p:nvPr>
            <p:ph type="title"/>
          </p:nvPr>
        </p:nvSpPr>
        <p:spPr>
          <a:xfrm>
            <a:off x="304800" y="228600"/>
            <a:ext cx="8763000" cy="997196"/>
          </a:xfrm>
        </p:spPr>
        <p:txBody>
          <a:bodyPr/>
          <a:lstStyle/>
          <a:p>
            <a:pPr algn="r"/>
            <a:r>
              <a:rPr lang="en-US" sz="4000" dirty="0" smtClean="0"/>
              <a:t>California Water Fix </a:t>
            </a:r>
            <a:r>
              <a:rPr lang="en-US" dirty="0" smtClean="0"/>
              <a:t/>
            </a:r>
            <a:br>
              <a:rPr lang="en-US" dirty="0" smtClean="0"/>
            </a:br>
            <a:r>
              <a:rPr lang="en-US" sz="3200" dirty="0">
                <a:solidFill>
                  <a:schemeClr val="tx1"/>
                </a:solidFill>
              </a:rPr>
              <a:t>Preliminary </a:t>
            </a:r>
            <a:r>
              <a:rPr lang="en-US" sz="3200" dirty="0" smtClean="0">
                <a:solidFill>
                  <a:schemeClr val="tx1"/>
                </a:solidFill>
              </a:rPr>
              <a:t> Draft Design and Construction Phases</a:t>
            </a:r>
            <a:endParaRPr lang="en-US" dirty="0">
              <a:solidFill>
                <a:schemeClr val="tx1"/>
              </a:solidFill>
            </a:endParaRPr>
          </a:p>
        </p:txBody>
      </p:sp>
      <p:sp>
        <p:nvSpPr>
          <p:cNvPr id="91" name="Slide Number Placeholder 1"/>
          <p:cNvSpPr>
            <a:spLocks noGrp="1"/>
          </p:cNvSpPr>
          <p:nvPr>
            <p:ph type="sldNum" sz="quarter" idx="4294967295"/>
          </p:nvPr>
        </p:nvSpPr>
        <p:spPr>
          <a:xfrm>
            <a:off x="8471140" y="6475622"/>
            <a:ext cx="685800" cy="365125"/>
          </a:xfrm>
          <a:prstGeom prst="rect">
            <a:avLst/>
          </a:prstGeom>
          <a:ln/>
        </p:spPr>
        <p:txBody>
          <a:bodyPr/>
          <a:lstStyle/>
          <a:p>
            <a:pPr algn="ctr"/>
            <a:fld id="{A7005702-AB44-4A1F-BAC8-6B47F143A6F2}" type="slidenum">
              <a:rPr lang="en-US" sz="1400">
                <a:solidFill>
                  <a:prstClr val="white"/>
                </a:solidFill>
              </a:rPr>
              <a:pPr algn="ctr"/>
              <a:t>109</a:t>
            </a:fld>
            <a:endParaRPr lang="en-US" sz="1400" dirty="0">
              <a:solidFill>
                <a:prstClr val="white"/>
              </a:solidFill>
            </a:endParaRPr>
          </a:p>
        </p:txBody>
      </p:sp>
      <p:sp>
        <p:nvSpPr>
          <p:cNvPr id="2" name="Rectangle 1"/>
          <p:cNvSpPr/>
          <p:nvPr/>
        </p:nvSpPr>
        <p:spPr bwMode="auto">
          <a:xfrm>
            <a:off x="4568258" y="1571589"/>
            <a:ext cx="3825222" cy="1933611"/>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UNDER CONSTRUCTION</a:t>
            </a:r>
          </a:p>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a:p>
            <a:pPr algn="ctr" defTabSz="914099"/>
            <a:r>
              <a:rPr lang="en-US" sz="2300" i="1" dirty="0" smtClean="0">
                <a:solidFill>
                  <a:srgbClr val="FFFFFF"/>
                </a:solidFill>
                <a:effectLst>
                  <a:outerShdw blurRad="38100" dist="38100" dir="2700000" algn="tl">
                    <a:srgbClr val="000000">
                      <a:alpha val="43137"/>
                    </a:srgbClr>
                  </a:outerShdw>
                </a:effectLst>
                <a:latin typeface="Segoe" pitchFamily="34" charset="0"/>
              </a:rPr>
              <a:t>Simplifying with Planning, Start of Construction and End of Construction only</a:t>
            </a:r>
          </a:p>
        </p:txBody>
      </p:sp>
    </p:spTree>
    <p:extLst>
      <p:ext uri="{BB962C8B-B14F-4D97-AF65-F5344CB8AC3E}">
        <p14:creationId xmlns:p14="http://schemas.microsoft.com/office/powerpoint/2010/main" val="3135994222"/>
      </p:ext>
    </p:extLst>
  </p:cSld>
  <p:clrMapOvr>
    <a:masterClrMapping/>
  </p:clrMapOvr>
  <p:transition>
    <p:fade/>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533400" y="381000"/>
            <a:ext cx="8229600" cy="1107996"/>
          </a:xfrm>
        </p:spPr>
        <p:txBody>
          <a:bodyPr/>
          <a:lstStyle/>
          <a:p>
            <a:r>
              <a:rPr lang="en-US" dirty="0" smtClean="0"/>
              <a:t>California WaterFix</a:t>
            </a:r>
            <a:br>
              <a:rPr lang="en-US" dirty="0" smtClean="0"/>
            </a:br>
            <a:r>
              <a:rPr lang="en-US" sz="3600" dirty="0" smtClean="0">
                <a:solidFill>
                  <a:schemeClr val="tx1"/>
                </a:solidFill>
              </a:rPr>
              <a:t>Major Permits and Authorizations</a:t>
            </a:r>
            <a:endParaRPr lang="en-US" sz="3600" dirty="0">
              <a:solidFill>
                <a:schemeClr val="tx1"/>
              </a:solidFill>
            </a:endParaRPr>
          </a:p>
        </p:txBody>
      </p:sp>
      <p:sp>
        <p:nvSpPr>
          <p:cNvPr id="5" name="Slide Number Placeholder 3"/>
          <p:cNvSpPr>
            <a:spLocks noGrp="1"/>
          </p:cNvSpPr>
          <p:nvPr>
            <p:ph type="sldNum" sz="quarter" idx="4294967295"/>
          </p:nvPr>
        </p:nvSpPr>
        <p:spPr>
          <a:xfrm>
            <a:off x="7010400" y="6356350"/>
            <a:ext cx="2133600" cy="365125"/>
          </a:xfrm>
          <a:prstGeom prst="rect">
            <a:avLst/>
          </a:prstGeom>
        </p:spPr>
        <p:txBody>
          <a:bodyPr/>
          <a:lstStyle/>
          <a:p>
            <a:fld id="{B6F15528-21DE-4FAA-801E-634DDDAF4B2B}" type="slidenum">
              <a:rPr lang="en-US" smtClean="0">
                <a:solidFill>
                  <a:srgbClr val="2980B9">
                    <a:lumMod val="50000"/>
                  </a:srgbClr>
                </a:solidFill>
              </a:rPr>
              <a:pPr/>
              <a:t>11</a:t>
            </a:fld>
            <a:endParaRPr lang="en-US" dirty="0">
              <a:solidFill>
                <a:srgbClr val="2980B9">
                  <a:lumMod val="50000"/>
                </a:srgbClr>
              </a:solidFill>
            </a:endParaRPr>
          </a:p>
        </p:txBody>
      </p:sp>
      <p:graphicFrame>
        <p:nvGraphicFramePr>
          <p:cNvPr id="2" name="Table 1"/>
          <p:cNvGraphicFramePr>
            <a:graphicFrameLocks noGrp="1"/>
          </p:cNvGraphicFramePr>
          <p:nvPr>
            <p:extLst>
              <p:ext uri="{D42A27DB-BD31-4B8C-83A1-F6EECF244321}">
                <p14:modId xmlns:p14="http://schemas.microsoft.com/office/powerpoint/2010/main" val="209227647"/>
              </p:ext>
            </p:extLst>
          </p:nvPr>
        </p:nvGraphicFramePr>
        <p:xfrm>
          <a:off x="381000" y="1981200"/>
          <a:ext cx="8229600" cy="4709160"/>
        </p:xfrm>
        <a:graphic>
          <a:graphicData uri="http://schemas.openxmlformats.org/drawingml/2006/table">
            <a:tbl>
              <a:tblPr firstRow="1" bandRow="1">
                <a:tableStyleId>{B301B821-A1FF-4177-AEE7-76D212191A09}</a:tableStyleId>
              </a:tblPr>
              <a:tblGrid>
                <a:gridCol w="1600200"/>
                <a:gridCol w="2590800"/>
                <a:gridCol w="4038600"/>
              </a:tblGrid>
              <a:tr h="370840">
                <a:tc>
                  <a:txBody>
                    <a:bodyPr/>
                    <a:lstStyle/>
                    <a:p>
                      <a:pPr algn="ctr">
                        <a:lnSpc>
                          <a:spcPct val="90000"/>
                        </a:lnSpc>
                      </a:pPr>
                      <a:r>
                        <a:rPr lang="en-US" sz="2400" dirty="0" smtClean="0"/>
                        <a:t>Agency</a:t>
                      </a:r>
                      <a:endParaRPr lang="en-US" sz="2400" dirty="0"/>
                    </a:p>
                  </a:txBody>
                  <a:tcPr/>
                </a:tc>
                <a:tc>
                  <a:txBody>
                    <a:bodyPr/>
                    <a:lstStyle/>
                    <a:p>
                      <a:pPr algn="ctr">
                        <a:lnSpc>
                          <a:spcPct val="90000"/>
                        </a:lnSpc>
                      </a:pPr>
                      <a:r>
                        <a:rPr lang="en-US" sz="2400" dirty="0" smtClean="0"/>
                        <a:t>Document</a:t>
                      </a:r>
                      <a:endParaRPr lang="en-US" sz="2400" dirty="0"/>
                    </a:p>
                  </a:txBody>
                  <a:tcPr/>
                </a:tc>
                <a:tc>
                  <a:txBody>
                    <a:bodyPr/>
                    <a:lstStyle/>
                    <a:p>
                      <a:pPr algn="ctr">
                        <a:lnSpc>
                          <a:spcPct val="90000"/>
                        </a:lnSpc>
                      </a:pPr>
                      <a:r>
                        <a:rPr lang="en-US" sz="2400" dirty="0" smtClean="0"/>
                        <a:t>Scope</a:t>
                      </a:r>
                      <a:endParaRPr lang="en-US" sz="2400" dirty="0"/>
                    </a:p>
                  </a:txBody>
                  <a:tcPr/>
                </a:tc>
              </a:tr>
              <a:tr h="370840">
                <a:tc>
                  <a:txBody>
                    <a:bodyPr/>
                    <a:lstStyle/>
                    <a:p>
                      <a:pPr>
                        <a:lnSpc>
                          <a:spcPct val="90000"/>
                        </a:lnSpc>
                      </a:pPr>
                      <a:r>
                        <a:rPr lang="en-US" sz="1900" dirty="0" smtClean="0">
                          <a:solidFill>
                            <a:schemeClr val="bg2">
                              <a:lumMod val="10000"/>
                            </a:schemeClr>
                          </a:solidFill>
                        </a:rPr>
                        <a:t>USBR/DWR</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Final EIS/EIR</a:t>
                      </a:r>
                    </a:p>
                    <a:p>
                      <a:pPr>
                        <a:lnSpc>
                          <a:spcPct val="90000"/>
                        </a:lnSpc>
                      </a:pPr>
                      <a:r>
                        <a:rPr lang="en-US" sz="1900" dirty="0" smtClean="0">
                          <a:solidFill>
                            <a:schemeClr val="bg2">
                              <a:lumMod val="10000"/>
                            </a:schemeClr>
                          </a:solidFill>
                        </a:rPr>
                        <a:t>ROD/NOD</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Environmental documents and project approval under CEQA and</a:t>
                      </a:r>
                      <a:r>
                        <a:rPr lang="en-US" sz="1900" baseline="0" dirty="0" smtClean="0">
                          <a:solidFill>
                            <a:schemeClr val="bg2">
                              <a:lumMod val="10000"/>
                            </a:schemeClr>
                          </a:solidFill>
                        </a:rPr>
                        <a:t> NEPA</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USFWS/</a:t>
                      </a:r>
                      <a:r>
                        <a:rPr lang="en-US" sz="1900" baseline="0" dirty="0" smtClean="0">
                          <a:solidFill>
                            <a:schemeClr val="bg2">
                              <a:lumMod val="10000"/>
                            </a:schemeClr>
                          </a:solidFill>
                        </a:rPr>
                        <a:t>NMFS</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Biological</a:t>
                      </a:r>
                      <a:r>
                        <a:rPr lang="en-US" sz="1900" baseline="0" dirty="0" smtClean="0">
                          <a:solidFill>
                            <a:schemeClr val="bg2">
                              <a:lumMod val="10000"/>
                            </a:schemeClr>
                          </a:solidFill>
                        </a:rPr>
                        <a:t> Opinion</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Take of threatened or endangered species under Section 7 of ESA</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CDFW</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Section 2081(b) Permit</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Take of threatened</a:t>
                      </a:r>
                      <a:r>
                        <a:rPr lang="en-US" sz="1900" baseline="0" dirty="0" smtClean="0">
                          <a:solidFill>
                            <a:schemeClr val="bg2">
                              <a:lumMod val="10000"/>
                            </a:schemeClr>
                          </a:solidFill>
                        </a:rPr>
                        <a:t> or endangered species </a:t>
                      </a:r>
                      <a:r>
                        <a:rPr lang="en-US" sz="1900" dirty="0" smtClean="0">
                          <a:solidFill>
                            <a:schemeClr val="bg2">
                              <a:lumMod val="10000"/>
                            </a:schemeClr>
                          </a:solidFill>
                        </a:rPr>
                        <a:t>under CESA</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SWRCB</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Change</a:t>
                      </a:r>
                      <a:r>
                        <a:rPr lang="en-US" sz="1900" baseline="0" dirty="0" smtClean="0">
                          <a:solidFill>
                            <a:schemeClr val="bg2">
                              <a:lumMod val="10000"/>
                            </a:schemeClr>
                          </a:solidFill>
                        </a:rPr>
                        <a:t> in Point of Diversion Permit</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Water right permit for new point of diversion for new intakes </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SWRCB </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Section 401 Certification </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Compliance with the state water quality laws and regulations</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US Corp</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Section 404 Permit</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Permit for placement of fill in waters of the</a:t>
                      </a:r>
                      <a:r>
                        <a:rPr lang="en-US" sz="1900" baseline="0" dirty="0" smtClean="0">
                          <a:solidFill>
                            <a:schemeClr val="bg2">
                              <a:lumMod val="10000"/>
                            </a:schemeClr>
                          </a:solidFill>
                        </a:rPr>
                        <a:t> U.S.</a:t>
                      </a:r>
                      <a:r>
                        <a:rPr lang="en-US" sz="1900" dirty="0" smtClean="0">
                          <a:solidFill>
                            <a:schemeClr val="bg2">
                              <a:lumMod val="10000"/>
                            </a:schemeClr>
                          </a:solidFill>
                        </a:rPr>
                        <a:t> under the CWA</a:t>
                      </a:r>
                      <a:endParaRPr lang="en-US" sz="1900" dirty="0">
                        <a:solidFill>
                          <a:schemeClr val="bg2">
                            <a:lumMod val="10000"/>
                          </a:schemeClr>
                        </a:solidFill>
                      </a:endParaRPr>
                    </a:p>
                  </a:txBody>
                  <a:tcPr/>
                </a:tc>
              </a:tr>
              <a:tr h="370840">
                <a:tc>
                  <a:txBody>
                    <a:bodyPr/>
                    <a:lstStyle/>
                    <a:p>
                      <a:pPr>
                        <a:lnSpc>
                          <a:spcPct val="90000"/>
                        </a:lnSpc>
                      </a:pPr>
                      <a:r>
                        <a:rPr lang="en-US" sz="1900" dirty="0" smtClean="0">
                          <a:solidFill>
                            <a:schemeClr val="bg2">
                              <a:lumMod val="10000"/>
                            </a:schemeClr>
                          </a:solidFill>
                        </a:rPr>
                        <a:t>DSC</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Consistency Certification</a:t>
                      </a:r>
                      <a:endParaRPr lang="en-US" sz="1900" dirty="0">
                        <a:solidFill>
                          <a:schemeClr val="bg2">
                            <a:lumMod val="10000"/>
                          </a:schemeClr>
                        </a:solidFill>
                      </a:endParaRPr>
                    </a:p>
                  </a:txBody>
                  <a:tcPr/>
                </a:tc>
                <a:tc>
                  <a:txBody>
                    <a:bodyPr/>
                    <a:lstStyle/>
                    <a:p>
                      <a:pPr>
                        <a:lnSpc>
                          <a:spcPct val="90000"/>
                        </a:lnSpc>
                      </a:pPr>
                      <a:r>
                        <a:rPr lang="en-US" sz="1900" dirty="0" smtClean="0">
                          <a:solidFill>
                            <a:schemeClr val="bg2">
                              <a:lumMod val="10000"/>
                            </a:schemeClr>
                          </a:solidFill>
                        </a:rPr>
                        <a:t>Appeal of Certification of Consistency with the Delta Plan</a:t>
                      </a:r>
                      <a:endParaRPr lang="en-US" sz="1900" dirty="0">
                        <a:solidFill>
                          <a:schemeClr val="bg2">
                            <a:lumMod val="10000"/>
                          </a:schemeClr>
                        </a:solidFill>
                      </a:endParaRPr>
                    </a:p>
                  </a:txBody>
                  <a:tcPr/>
                </a:tc>
              </a:tr>
            </a:tbl>
          </a:graphicData>
        </a:graphic>
      </p:graphicFrame>
    </p:spTree>
    <p:extLst>
      <p:ext uri="{BB962C8B-B14F-4D97-AF65-F5344CB8AC3E}">
        <p14:creationId xmlns:p14="http://schemas.microsoft.com/office/powerpoint/2010/main" val="721161282"/>
      </p:ext>
    </p:extLst>
  </p:cSld>
  <p:clrMapOvr>
    <a:masterClrMapping/>
  </p:clrMapOvr>
  <p:transition spd="slow">
    <p:fade/>
  </p:transition>
  <p:timing>
    <p:tnLst>
      <p:par>
        <p:cTn id="1" dur="indefinite" restart="never" nodeType="tmRoot"/>
      </p:par>
    </p:tn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6000" dirty="0" smtClean="0"/>
              <a:t>Regulatory Trends</a:t>
            </a:r>
            <a:endParaRPr lang="en-US" sz="6000" dirty="0"/>
          </a:p>
        </p:txBody>
      </p:sp>
    </p:spTree>
    <p:extLst>
      <p:ext uri="{BB962C8B-B14F-4D97-AF65-F5344CB8AC3E}">
        <p14:creationId xmlns:p14="http://schemas.microsoft.com/office/powerpoint/2010/main" val="4272507189"/>
      </p:ext>
    </p:extLst>
  </p:cSld>
  <p:clrMapOvr>
    <a:masterClrMapping/>
  </p:clrMapOvr>
  <p:transition spd="slow">
    <p:fade/>
  </p:transition>
  <p:timing>
    <p:tnLst>
      <p:par>
        <p:cTn id="1" dur="indefinite" restart="never" nodeType="tmRoot"/>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81000" y="360402"/>
            <a:ext cx="8382000" cy="553998"/>
          </a:xfrm>
        </p:spPr>
        <p:txBody>
          <a:bodyPr/>
          <a:lstStyle/>
          <a:p>
            <a:pPr algn="ctr"/>
            <a:r>
              <a:rPr lang="en-US" sz="4000" b="1" dirty="0" smtClean="0"/>
              <a:t>Comparison of Regulatory Approaches</a:t>
            </a:r>
            <a:endParaRPr lang="en-US" sz="4000" b="1" dirty="0"/>
          </a:p>
        </p:txBody>
      </p:sp>
      <p:sp>
        <p:nvSpPr>
          <p:cNvPr id="5" name="Content Placeholder 4"/>
          <p:cNvSpPr>
            <a:spLocks noGrp="1"/>
          </p:cNvSpPr>
          <p:nvPr>
            <p:ph sz="half" idx="1"/>
          </p:nvPr>
        </p:nvSpPr>
        <p:spPr>
          <a:xfrm>
            <a:off x="76200" y="2324552"/>
            <a:ext cx="4416552" cy="4099584"/>
          </a:xfrm>
          <a:noFill/>
          <a:ln/>
        </p:spPr>
        <p:style>
          <a:lnRef idx="1">
            <a:schemeClr val="accent1"/>
          </a:lnRef>
          <a:fillRef idx="2">
            <a:schemeClr val="accent1"/>
          </a:fillRef>
          <a:effectRef idx="1">
            <a:schemeClr val="accent1"/>
          </a:effectRef>
          <a:fontRef idx="minor">
            <a:schemeClr val="dk1"/>
          </a:fontRef>
        </p:style>
        <p:txBody>
          <a:bodyPr/>
          <a:lstStyle/>
          <a:p>
            <a:pPr lvl="0"/>
            <a:r>
              <a:rPr lang="en-US" sz="2400" dirty="0">
                <a:solidFill>
                  <a:schemeClr val="tx1"/>
                </a:solidFill>
              </a:rPr>
              <a:t>Consistent with past compliance approach for SWP/CVP </a:t>
            </a:r>
            <a:r>
              <a:rPr lang="en-US" sz="2400" dirty="0" smtClean="0">
                <a:solidFill>
                  <a:schemeClr val="tx1"/>
                </a:solidFill>
              </a:rPr>
              <a:t>ops</a:t>
            </a:r>
            <a:endParaRPr lang="en-US" sz="2400" dirty="0">
              <a:solidFill>
                <a:schemeClr val="tx1"/>
              </a:solidFill>
            </a:endParaRPr>
          </a:p>
          <a:p>
            <a:pPr lvl="0"/>
            <a:r>
              <a:rPr lang="en-US" sz="2400" dirty="0" smtClean="0">
                <a:solidFill>
                  <a:schemeClr val="tx1"/>
                </a:solidFill>
              </a:rPr>
              <a:t>No </a:t>
            </a:r>
            <a:r>
              <a:rPr lang="en-US" sz="2400" dirty="0">
                <a:solidFill>
                  <a:schemeClr val="tx1"/>
                </a:solidFill>
              </a:rPr>
              <a:t>regulatory or water supply assurances</a:t>
            </a:r>
          </a:p>
          <a:p>
            <a:pPr lvl="0"/>
            <a:r>
              <a:rPr lang="en-US" sz="2400" dirty="0">
                <a:solidFill>
                  <a:schemeClr val="tx1"/>
                </a:solidFill>
              </a:rPr>
              <a:t>No coverage for </a:t>
            </a:r>
            <a:r>
              <a:rPr lang="en-US" sz="2400" dirty="0" smtClean="0">
                <a:solidFill>
                  <a:schemeClr val="tx1"/>
                </a:solidFill>
              </a:rPr>
              <a:t>unlisted and </a:t>
            </a:r>
            <a:br>
              <a:rPr lang="en-US" sz="2400" dirty="0" smtClean="0">
                <a:solidFill>
                  <a:schemeClr val="tx1"/>
                </a:solidFill>
              </a:rPr>
            </a:br>
            <a:r>
              <a:rPr lang="en-US" sz="2400" dirty="0" smtClean="0">
                <a:solidFill>
                  <a:schemeClr val="tx1"/>
                </a:solidFill>
              </a:rPr>
              <a:t>CA fully protected </a:t>
            </a:r>
            <a:r>
              <a:rPr lang="en-US" sz="2400" dirty="0">
                <a:solidFill>
                  <a:schemeClr val="tx1"/>
                </a:solidFill>
              </a:rPr>
              <a:t>species</a:t>
            </a:r>
          </a:p>
          <a:p>
            <a:pPr lvl="0"/>
            <a:r>
              <a:rPr lang="en-US" sz="2400" dirty="0" smtClean="0">
                <a:solidFill>
                  <a:schemeClr val="tx1"/>
                </a:solidFill>
              </a:rPr>
              <a:t>Shorter </a:t>
            </a:r>
            <a:r>
              <a:rPr lang="en-US" sz="2400" dirty="0">
                <a:solidFill>
                  <a:schemeClr val="tx1"/>
                </a:solidFill>
              </a:rPr>
              <a:t>duration </a:t>
            </a:r>
            <a:r>
              <a:rPr lang="en-US" sz="2400" dirty="0" smtClean="0">
                <a:solidFill>
                  <a:schemeClr val="tx1"/>
                </a:solidFill>
              </a:rPr>
              <a:t>for permits</a:t>
            </a:r>
          </a:p>
          <a:p>
            <a:pPr lvl="0"/>
            <a:r>
              <a:rPr lang="en-US" sz="2400" dirty="0" smtClean="0">
                <a:solidFill>
                  <a:schemeClr val="tx1"/>
                </a:solidFill>
              </a:rPr>
              <a:t>No funding liability for public benefit conservation measures</a:t>
            </a:r>
          </a:p>
          <a:p>
            <a:pPr lvl="0"/>
            <a:r>
              <a:rPr lang="en-US" sz="2400" dirty="0" smtClean="0">
                <a:solidFill>
                  <a:schemeClr val="tx1"/>
                </a:solidFill>
              </a:rPr>
              <a:t>Greater fishery agency control</a:t>
            </a:r>
            <a:endParaRPr lang="en-US" sz="2400" dirty="0">
              <a:solidFill>
                <a:schemeClr val="tx1"/>
              </a:solidFill>
            </a:endParaRPr>
          </a:p>
          <a:p>
            <a:pPr lvl="0"/>
            <a:endParaRPr lang="en-US" sz="2400" dirty="0">
              <a:solidFill>
                <a:schemeClr val="tx1"/>
              </a:solidFill>
            </a:endParaRPr>
          </a:p>
        </p:txBody>
      </p:sp>
      <p:sp>
        <p:nvSpPr>
          <p:cNvPr id="6" name="Content Placeholder 5"/>
          <p:cNvSpPr>
            <a:spLocks noGrp="1"/>
          </p:cNvSpPr>
          <p:nvPr>
            <p:ph sz="half" idx="2"/>
          </p:nvPr>
        </p:nvSpPr>
        <p:spPr>
          <a:xfrm>
            <a:off x="4648200" y="2324552"/>
            <a:ext cx="4416552" cy="4025717"/>
          </a:xfrm>
          <a:noFill/>
          <a:ln/>
        </p:spPr>
        <p:style>
          <a:lnRef idx="1">
            <a:schemeClr val="accent2"/>
          </a:lnRef>
          <a:fillRef idx="3">
            <a:schemeClr val="accent2"/>
          </a:fillRef>
          <a:effectRef idx="2">
            <a:schemeClr val="accent2"/>
          </a:effectRef>
          <a:fontRef idx="minor">
            <a:schemeClr val="lt1"/>
          </a:fontRef>
        </p:style>
        <p:txBody>
          <a:bodyPr/>
          <a:lstStyle/>
          <a:p>
            <a:pPr lvl="0"/>
            <a:r>
              <a:rPr lang="en-US" sz="2400" dirty="0"/>
              <a:t>New compliance approach for SWP/CVP operations</a:t>
            </a:r>
          </a:p>
          <a:p>
            <a:pPr lvl="0"/>
            <a:r>
              <a:rPr lang="en-US" sz="2400" dirty="0" smtClean="0"/>
              <a:t>Regulatory </a:t>
            </a:r>
            <a:r>
              <a:rPr lang="en-US" sz="2400" dirty="0"/>
              <a:t>and water supply assurances</a:t>
            </a:r>
          </a:p>
          <a:p>
            <a:pPr lvl="0"/>
            <a:r>
              <a:rPr lang="en-US" sz="2400" dirty="0" smtClean="0"/>
              <a:t>Coverage for unlisted and </a:t>
            </a:r>
            <a:br>
              <a:rPr lang="en-US" sz="2400" dirty="0" smtClean="0"/>
            </a:br>
            <a:r>
              <a:rPr lang="en-US" sz="2400" dirty="0" smtClean="0"/>
              <a:t>CA fully protected species</a:t>
            </a:r>
            <a:endParaRPr lang="en-US" sz="2400" dirty="0"/>
          </a:p>
          <a:p>
            <a:pPr lvl="0"/>
            <a:r>
              <a:rPr lang="en-US" sz="2400" dirty="0" smtClean="0"/>
              <a:t>Long-term permits (50 years)</a:t>
            </a:r>
          </a:p>
          <a:p>
            <a:pPr lvl="0"/>
            <a:r>
              <a:rPr lang="en-US" sz="2400" dirty="0" smtClean="0"/>
              <a:t>Potential backstop of public funding shortfall</a:t>
            </a:r>
          </a:p>
          <a:p>
            <a:pPr lvl="0"/>
            <a:r>
              <a:rPr lang="en-US" sz="2400" dirty="0" smtClean="0"/>
              <a:t>Greater opportunity for Contractor engagement</a:t>
            </a:r>
            <a:endParaRPr lang="en-US" sz="2400" dirty="0"/>
          </a:p>
        </p:txBody>
      </p:sp>
      <p:sp>
        <p:nvSpPr>
          <p:cNvPr id="7" name="Rectangle 6"/>
          <p:cNvSpPr/>
          <p:nvPr/>
        </p:nvSpPr>
        <p:spPr bwMode="auto">
          <a:xfrm>
            <a:off x="76200" y="1447800"/>
            <a:ext cx="4419600" cy="838200"/>
          </a:xfrm>
          <a:prstGeom prst="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b="1" dirty="0">
                <a:solidFill>
                  <a:srgbClr val="FFFFFF"/>
                </a:solidFill>
                <a:effectLst>
                  <a:outerShdw blurRad="38100" dist="38100" dir="2700000" algn="tl">
                    <a:srgbClr val="000000">
                      <a:alpha val="43137"/>
                    </a:srgbClr>
                  </a:outerShdw>
                </a:effectLst>
                <a:latin typeface="Segoe" pitchFamily="34" charset="0"/>
              </a:rPr>
              <a:t>ESA Section 7 BO and </a:t>
            </a:r>
            <a:r>
              <a:rPr lang="en-US" sz="2300" b="1" dirty="0" smtClean="0">
                <a:solidFill>
                  <a:srgbClr val="FFFFFF"/>
                </a:solidFill>
                <a:effectLst>
                  <a:outerShdw blurRad="38100" dist="38100" dir="2700000" algn="tl">
                    <a:srgbClr val="000000">
                      <a:alpha val="43137"/>
                    </a:srgbClr>
                  </a:outerShdw>
                </a:effectLst>
                <a:latin typeface="Segoe" pitchFamily="34" charset="0"/>
              </a:rPr>
              <a:t/>
            </a:r>
            <a:br>
              <a:rPr lang="en-US" sz="2300" b="1" dirty="0" smtClean="0">
                <a:solidFill>
                  <a:srgbClr val="FFFFFF"/>
                </a:solidFill>
                <a:effectLst>
                  <a:outerShdw blurRad="38100" dist="38100" dir="2700000" algn="tl">
                    <a:srgbClr val="000000">
                      <a:alpha val="43137"/>
                    </a:srgbClr>
                  </a:outerShdw>
                </a:effectLst>
                <a:latin typeface="Segoe" pitchFamily="34" charset="0"/>
              </a:rPr>
            </a:br>
            <a:r>
              <a:rPr lang="en-US" sz="2300" b="1" dirty="0" smtClean="0">
                <a:solidFill>
                  <a:srgbClr val="FFFFFF"/>
                </a:solidFill>
                <a:effectLst>
                  <a:outerShdw blurRad="38100" dist="38100" dir="2700000" algn="tl">
                    <a:srgbClr val="000000">
                      <a:alpha val="43137"/>
                    </a:srgbClr>
                  </a:outerShdw>
                </a:effectLst>
                <a:latin typeface="Segoe" pitchFamily="34" charset="0"/>
              </a:rPr>
              <a:t>CESA </a:t>
            </a:r>
            <a:r>
              <a:rPr lang="en-US" sz="2300" b="1" dirty="0">
                <a:solidFill>
                  <a:srgbClr val="FFFFFF"/>
                </a:solidFill>
                <a:effectLst>
                  <a:outerShdw blurRad="38100" dist="38100" dir="2700000" algn="tl">
                    <a:srgbClr val="000000">
                      <a:alpha val="43137"/>
                    </a:srgbClr>
                  </a:outerShdw>
                </a:effectLst>
                <a:latin typeface="Segoe" pitchFamily="34" charset="0"/>
              </a:rPr>
              <a:t>2081 Permit</a:t>
            </a:r>
            <a:endParaRPr lang="en-US" sz="2300" b="1"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8" name="Rectangle 7"/>
          <p:cNvSpPr/>
          <p:nvPr/>
        </p:nvSpPr>
        <p:spPr bwMode="auto">
          <a:xfrm>
            <a:off x="4648200" y="1447800"/>
            <a:ext cx="4419600" cy="838200"/>
          </a:xfrm>
          <a:prstGeom prst="rect">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b="1" dirty="0">
                <a:solidFill>
                  <a:srgbClr val="FFFFFF"/>
                </a:solidFill>
                <a:effectLst>
                  <a:outerShdw blurRad="38100" dist="38100" dir="2700000" algn="tl">
                    <a:srgbClr val="000000">
                      <a:alpha val="43137"/>
                    </a:srgbClr>
                  </a:outerShdw>
                </a:effectLst>
                <a:latin typeface="Segoe" pitchFamily="34" charset="0"/>
              </a:rPr>
              <a:t>ESA Section 10 HCP and California NCCP</a:t>
            </a:r>
            <a:endParaRPr lang="en-US" sz="2300" b="1" dirty="0" smtClean="0">
              <a:solidFill>
                <a:srgbClr val="FFFFFF"/>
              </a:solidFill>
              <a:effectLst>
                <a:outerShdw blurRad="38100" dist="38100" dir="2700000" algn="tl">
                  <a:srgbClr val="000000">
                    <a:alpha val="43137"/>
                  </a:srgbClr>
                </a:outerShdw>
              </a:effectLst>
              <a:latin typeface="Segoe" pitchFamily="34" charset="0"/>
            </a:endParaRPr>
          </a:p>
        </p:txBody>
      </p:sp>
    </p:spTree>
    <p:extLst>
      <p:ext uri="{BB962C8B-B14F-4D97-AF65-F5344CB8AC3E}">
        <p14:creationId xmlns:p14="http://schemas.microsoft.com/office/powerpoint/2010/main" val="2222980666"/>
      </p:ext>
    </p:extLst>
  </p:cSld>
  <p:clrMapOvr>
    <a:masterClrMapping/>
  </p:clrMapOvr>
  <p:transition spd="slow">
    <p:fade/>
  </p:transition>
  <p:timing>
    <p:tnLst>
      <p:par>
        <p:cTn id="1" dur="indefinite" restart="never" nodeType="tmRoot"/>
      </p:par>
    </p:tnLst>
  </p:timing>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a:xfrm>
            <a:off x="457200" y="2819603"/>
            <a:ext cx="8229600" cy="1218795"/>
          </a:xfrm>
        </p:spPr>
        <p:txBody>
          <a:bodyPr/>
          <a:lstStyle/>
          <a:p>
            <a:r>
              <a:rPr lang="en-US" dirty="0"/>
              <a:t>Excess Storm Flow</a:t>
            </a:r>
            <a:br>
              <a:rPr lang="en-US" dirty="0"/>
            </a:br>
            <a:r>
              <a:rPr lang="en-US" dirty="0" smtClean="0"/>
              <a:t>Analysis</a:t>
            </a:r>
            <a:endParaRPr lang="en-US" dirty="0"/>
          </a:p>
        </p:txBody>
      </p:sp>
    </p:spTree>
    <p:custDataLst>
      <p:tags r:id="rId1"/>
    </p:custDataLst>
    <p:extLst>
      <p:ext uri="{BB962C8B-B14F-4D97-AF65-F5344CB8AC3E}">
        <p14:creationId xmlns:p14="http://schemas.microsoft.com/office/powerpoint/2010/main" val="3247531941"/>
      </p:ext>
    </p:extLst>
  </p:cSld>
  <p:clrMapOvr>
    <a:masterClrMapping/>
  </p:clrMapOvr>
  <p:transition spd="med">
    <p:fade/>
  </p:transition>
  <p:timing>
    <p:tnLst>
      <p:par>
        <p:cTn id="1" dur="indefinite" restart="never" nodeType="tmRoot"/>
      </p:par>
    </p:tnLst>
  </p:timing>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218795"/>
          </a:xfrm>
        </p:spPr>
        <p:txBody>
          <a:bodyPr/>
          <a:lstStyle/>
          <a:p>
            <a:r>
              <a:rPr lang="en-US" dirty="0" smtClean="0"/>
              <a:t>A modern system would allow storage of excess water for California</a:t>
            </a:r>
            <a:endParaRPr lang="en-US" dirty="0"/>
          </a:p>
        </p:txBody>
      </p:sp>
      <p:sp>
        <p:nvSpPr>
          <p:cNvPr id="3" name="Text Placeholder 2"/>
          <p:cNvSpPr>
            <a:spLocks noGrp="1"/>
          </p:cNvSpPr>
          <p:nvPr>
            <p:ph type="body" sz="quarter" idx="10"/>
          </p:nvPr>
        </p:nvSpPr>
        <p:spPr>
          <a:xfrm>
            <a:off x="1257301" y="3525296"/>
            <a:ext cx="6629399" cy="640080"/>
          </a:xfrm>
        </p:spPr>
        <p:style>
          <a:lnRef idx="0">
            <a:schemeClr val="accent3"/>
          </a:lnRef>
          <a:fillRef idx="3">
            <a:schemeClr val="accent3"/>
          </a:fillRef>
          <a:effectRef idx="3">
            <a:schemeClr val="accent3"/>
          </a:effectRef>
          <a:fontRef idx="minor">
            <a:schemeClr val="lt1"/>
          </a:fontRef>
        </p:style>
        <p:txBody>
          <a:bodyPr anchor="ctr" anchorCtr="1">
            <a:noAutofit/>
          </a:bodyPr>
          <a:lstStyle/>
          <a:p>
            <a:pPr marL="0" indent="0" algn="ctr">
              <a:buNone/>
            </a:pPr>
            <a:r>
              <a:rPr lang="en-US" b="1" dirty="0" smtClean="0"/>
              <a:t>486,000 acre-feet</a:t>
            </a:r>
          </a:p>
        </p:txBody>
      </p:sp>
      <p:pic>
        <p:nvPicPr>
          <p:cNvPr id="2050" name="Picture 2"/>
          <p:cNvPicPr>
            <a:picLocks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485775" y="2286000"/>
            <a:ext cx="3019425" cy="914400"/>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ext Placeholder 2"/>
          <p:cNvSpPr txBox="1">
            <a:spLocks/>
          </p:cNvSpPr>
          <p:nvPr/>
        </p:nvSpPr>
        <p:spPr bwMode="auto">
          <a:xfrm>
            <a:off x="1257301" y="4300425"/>
            <a:ext cx="6629399" cy="640080"/>
          </a:xfrm>
          <a:prstGeom prst="rect">
            <a:avLst/>
          </a:prstGeom>
          <a:ln>
            <a:headEnd/>
            <a:tailEnd/>
          </a:ln>
        </p:spPr>
        <p:style>
          <a:lnRef idx="0">
            <a:schemeClr val="accent4"/>
          </a:lnRef>
          <a:fillRef idx="3">
            <a:schemeClr val="accent4"/>
          </a:fillRef>
          <a:effectRef idx="3">
            <a:schemeClr val="accent4"/>
          </a:effectRef>
          <a:fontRef idx="minor">
            <a:schemeClr val="lt1"/>
          </a:fontRef>
        </p:style>
        <p:txBody>
          <a:bodyPr vert="horz" wrap="square" lIns="0" tIns="0" rIns="0" bIns="0" numCol="1" anchor="ctr" anchorCtr="1" compatLnSpc="1">
            <a:prstTxWarp prst="textNoShape">
              <a:avLst/>
            </a:prstTxWarp>
            <a:noAutofit/>
          </a:bodyPr>
          <a:lstStyle>
            <a:lvl1pPr marL="396875" indent="-396875" algn="l" defTabSz="912813" rtl="0" eaLnBrk="0" fontAlgn="base" hangingPunct="0">
              <a:lnSpc>
                <a:spcPct val="90000"/>
              </a:lnSpc>
              <a:spcBef>
                <a:spcPct val="20000"/>
              </a:spcBef>
              <a:spcAft>
                <a:spcPct val="0"/>
              </a:spcAft>
              <a:buBlip>
                <a:blip r:embed="rId4"/>
              </a:buBlip>
              <a:defRPr lang="en-US" sz="2800" kern="1200" dirty="0" smtClean="0">
                <a:solidFill>
                  <a:schemeClr val="lt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5"/>
              </a:buBlip>
              <a:defRPr lang="en-US" sz="2400" kern="1200" dirty="0">
                <a:solidFill>
                  <a:schemeClr val="lt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9pPr>
          </a:lstStyle>
          <a:p>
            <a:pPr marL="0" indent="0" algn="ctr">
              <a:buFontTx/>
              <a:buNone/>
            </a:pPr>
            <a:r>
              <a:rPr b="1" dirty="0">
                <a:solidFill>
                  <a:prstClr val="white"/>
                </a:solidFill>
              </a:rPr>
              <a:t>158 billion gallons</a:t>
            </a:r>
          </a:p>
        </p:txBody>
      </p:sp>
      <p:sp>
        <p:nvSpPr>
          <p:cNvPr id="6" name="Text Placeholder 2"/>
          <p:cNvSpPr txBox="1">
            <a:spLocks/>
          </p:cNvSpPr>
          <p:nvPr/>
        </p:nvSpPr>
        <p:spPr bwMode="auto">
          <a:xfrm>
            <a:off x="1257301" y="5075555"/>
            <a:ext cx="6629399" cy="640080"/>
          </a:xfrm>
          <a:prstGeom prst="rect">
            <a:avLst/>
          </a:prstGeom>
          <a:ln>
            <a:headEnd/>
            <a:tailEnd/>
          </a:ln>
        </p:spPr>
        <p:style>
          <a:lnRef idx="0">
            <a:schemeClr val="accent5"/>
          </a:lnRef>
          <a:fillRef idx="3">
            <a:schemeClr val="accent5"/>
          </a:fillRef>
          <a:effectRef idx="3">
            <a:schemeClr val="accent5"/>
          </a:effectRef>
          <a:fontRef idx="minor">
            <a:schemeClr val="lt1"/>
          </a:fontRef>
        </p:style>
        <p:txBody>
          <a:bodyPr vert="horz" wrap="square" lIns="0" tIns="0" rIns="0" bIns="0" numCol="1" anchor="ctr" anchorCtr="1" compatLnSpc="1">
            <a:prstTxWarp prst="textNoShape">
              <a:avLst/>
            </a:prstTxWarp>
            <a:noAutofit/>
          </a:bodyPr>
          <a:lstStyle>
            <a:lvl1pPr marL="396875" indent="-396875" algn="l" defTabSz="912813" rtl="0" eaLnBrk="0" fontAlgn="base" hangingPunct="0">
              <a:lnSpc>
                <a:spcPct val="90000"/>
              </a:lnSpc>
              <a:spcBef>
                <a:spcPct val="20000"/>
              </a:spcBef>
              <a:spcAft>
                <a:spcPct val="0"/>
              </a:spcAft>
              <a:buBlip>
                <a:blip r:embed="rId4"/>
              </a:buBlip>
              <a:defRPr lang="en-US" sz="2800" kern="1200" dirty="0" smtClean="0">
                <a:solidFill>
                  <a:schemeClr val="lt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ct val="20000"/>
              </a:spcBef>
              <a:spcAft>
                <a:spcPct val="0"/>
              </a:spcAft>
              <a:buBlip>
                <a:blip r:embed="rId5"/>
              </a:buBlip>
              <a:defRPr lang="en-US" sz="2400" kern="1200" dirty="0" smtClean="0">
                <a:solidFill>
                  <a:schemeClr val="lt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ct val="20000"/>
              </a:spcBef>
              <a:spcAft>
                <a:spcPct val="0"/>
              </a:spcAft>
              <a:buBlip>
                <a:blip r:embed="rId5"/>
              </a:buBlip>
              <a:defRPr lang="en-US" sz="2400" kern="1200" dirty="0">
                <a:solidFill>
                  <a:schemeClr val="lt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lt1"/>
                </a:solidFill>
                <a:latin typeface="+mn-lt"/>
                <a:ea typeface="+mn-ea"/>
                <a:cs typeface="+mn-cs"/>
              </a:defRPr>
            </a:lvl9pPr>
          </a:lstStyle>
          <a:p>
            <a:pPr marL="0" indent="0" algn="ctr">
              <a:buFontTx/>
              <a:buNone/>
            </a:pPr>
            <a:r>
              <a:rPr b="1" dirty="0">
                <a:solidFill>
                  <a:prstClr val="white"/>
                </a:solidFill>
              </a:rPr>
              <a:t>Enough for 3.6 million people for one year</a:t>
            </a:r>
          </a:p>
        </p:txBody>
      </p:sp>
      <p:sp>
        <p:nvSpPr>
          <p:cNvPr id="4" name="TextBox 3"/>
          <p:cNvSpPr txBox="1"/>
          <p:nvPr/>
        </p:nvSpPr>
        <p:spPr>
          <a:xfrm>
            <a:off x="243840" y="6400800"/>
            <a:ext cx="2434000" cy="338554"/>
          </a:xfrm>
          <a:prstGeom prst="rect">
            <a:avLst/>
          </a:prstGeom>
          <a:noFill/>
        </p:spPr>
        <p:txBody>
          <a:bodyPr wrap="none" rtlCol="0">
            <a:spAutoFit/>
          </a:bodyPr>
          <a:lstStyle/>
          <a:p>
            <a:r>
              <a:rPr lang="en-US" sz="1600" i="1" dirty="0" smtClean="0">
                <a:solidFill>
                  <a:srgbClr val="FFC000"/>
                </a:solidFill>
                <a:latin typeface="Calibri"/>
              </a:rPr>
              <a:t>Source: California WaterFix</a:t>
            </a:r>
            <a:endParaRPr lang="en-US" sz="1600" i="1" dirty="0">
              <a:solidFill>
                <a:srgbClr val="FFC000"/>
              </a:solidFill>
              <a:latin typeface="Calibri"/>
            </a:endParaRPr>
          </a:p>
        </p:txBody>
      </p:sp>
      <p:sp>
        <p:nvSpPr>
          <p:cNvPr id="7" name="Rectangle 6"/>
          <p:cNvSpPr/>
          <p:nvPr/>
        </p:nvSpPr>
        <p:spPr bwMode="auto">
          <a:xfrm>
            <a:off x="9448800" y="2317403"/>
            <a:ext cx="3017520" cy="914400"/>
          </a:xfrm>
          <a:prstGeom prst="rect">
            <a:avLst/>
          </a:prstGeom>
          <a:ln>
            <a:headEnd type="none" w="med" len="med"/>
            <a:tailEnd type="none" w="med" len="med"/>
          </a:ln>
          <a:scene3d>
            <a:camera prst="orthographicFront" fov="0">
              <a:rot lat="0" lon="0" rev="0"/>
            </a:camera>
            <a:lightRig rig="glow" dir="t">
              <a:rot lat="0" lon="0" rev="6360000"/>
            </a:lightRig>
          </a:scene3d>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Jan 1 – Mar 3</a:t>
            </a:r>
          </a:p>
        </p:txBody>
      </p:sp>
      <p:pic>
        <p:nvPicPr>
          <p:cNvPr id="1026"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17337" y="2240280"/>
            <a:ext cx="2977345" cy="1005840"/>
          </a:xfrm>
          <a:prstGeom prst="rect">
            <a:avLst/>
          </a:prstGeom>
          <a:ln>
            <a:noFill/>
          </a:ln>
          <a:effectLst>
            <a:reflection blurRad="12700" stA="30000" endPos="30000" dist="5000" dir="5400000" sy="-100000" algn="bl" rotWithShape="0"/>
          </a:effectLst>
          <a:scene3d>
            <a:camera prst="perspectiveContrastingLeftFacing">
              <a:rot lat="300000" lon="1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75113747"/>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
                                            <p:bg/>
                                          </p:spTgt>
                                        </p:tgtEl>
                                        <p:attrNameLst>
                                          <p:attrName>style.visibility</p:attrName>
                                        </p:attrNameLst>
                                      </p:cBhvr>
                                      <p:to>
                                        <p:strVal val="visible"/>
                                      </p:to>
                                    </p:set>
                                    <p:animEffect transition="in" filter="wipe(up)">
                                      <p:cBhvr>
                                        <p:cTn id="7" dur="1500"/>
                                        <p:tgtEl>
                                          <p:spTgt spid="3">
                                            <p:bg/>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grpId="0" nodeType="clickEffect">
                                  <p:stCondLst>
                                    <p:cond delay="0"/>
                                  </p:stCondLst>
                                  <p:childTnLst>
                                    <p:set>
                                      <p:cBhvr>
                                        <p:cTn id="11" dur="1" fill="hold">
                                          <p:stCondLst>
                                            <p:cond delay="0"/>
                                          </p:stCondLst>
                                        </p:cTn>
                                        <p:tgtEl>
                                          <p:spTgt spid="3">
                                            <p:txEl>
                                              <p:pRg st="0" end="0"/>
                                            </p:txEl>
                                          </p:spTgt>
                                        </p:tgtEl>
                                        <p:attrNameLst>
                                          <p:attrName>style.visibility</p:attrName>
                                        </p:attrNameLst>
                                      </p:cBhvr>
                                      <p:to>
                                        <p:strVal val="visible"/>
                                      </p:to>
                                    </p:set>
                                    <p:animEffect transition="in" filter="wipe(up)">
                                      <p:cBhvr>
                                        <p:cTn id="12" dur="1500"/>
                                        <p:tgtEl>
                                          <p:spTgt spid="3">
                                            <p:txEl>
                                              <p:pRg st="0" end="0"/>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1" fill="hold" grpId="0" nodeType="clickEffect">
                                  <p:stCondLst>
                                    <p:cond delay="0"/>
                                  </p:stCondLst>
                                  <p:childTnLst>
                                    <p:set>
                                      <p:cBhvr>
                                        <p:cTn id="16" dur="1" fill="hold">
                                          <p:stCondLst>
                                            <p:cond delay="0"/>
                                          </p:stCondLst>
                                        </p:cTn>
                                        <p:tgtEl>
                                          <p:spTgt spid="5"/>
                                        </p:tgtEl>
                                        <p:attrNameLst>
                                          <p:attrName>style.visibility</p:attrName>
                                        </p:attrNameLst>
                                      </p:cBhvr>
                                      <p:to>
                                        <p:strVal val="visible"/>
                                      </p:to>
                                    </p:set>
                                    <p:animEffect transition="in" filter="wipe(up)">
                                      <p:cBhvr>
                                        <p:cTn id="17" dur="1500"/>
                                        <p:tgtEl>
                                          <p:spTgt spid="5"/>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1" fill="hold" grpId="0" nodeType="clickEffect">
                                  <p:stCondLst>
                                    <p:cond delay="0"/>
                                  </p:stCondLst>
                                  <p:childTnLst>
                                    <p:set>
                                      <p:cBhvr>
                                        <p:cTn id="21" dur="1" fill="hold">
                                          <p:stCondLst>
                                            <p:cond delay="0"/>
                                          </p:stCondLst>
                                        </p:cTn>
                                        <p:tgtEl>
                                          <p:spTgt spid="6"/>
                                        </p:tgtEl>
                                        <p:attrNameLst>
                                          <p:attrName>style.visibility</p:attrName>
                                        </p:attrNameLst>
                                      </p:cBhvr>
                                      <p:to>
                                        <p:strVal val="visible"/>
                                      </p:to>
                                    </p:set>
                                    <p:animEffect transition="in" filter="wipe(up)">
                                      <p:cBhvr>
                                        <p:cTn id="22" dur="1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animBg="1"/>
      <p:bldP spid="5" grpId="0" animBg="1"/>
      <p:bldP spid="6" grpId="0" animBg="1"/>
    </p:bldLst>
  </p:timing>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sz="4000" dirty="0"/>
              <a:t>With current facilities</a:t>
            </a:r>
            <a:br>
              <a:rPr lang="en-US" sz="4000" dirty="0"/>
            </a:br>
            <a:r>
              <a:rPr lang="en-US" sz="4000" dirty="0"/>
              <a:t>more runoff does not mean more supplies</a:t>
            </a:r>
          </a:p>
        </p:txBody>
      </p:sp>
      <p:sp>
        <p:nvSpPr>
          <p:cNvPr id="3" name="Text Placeholder 2"/>
          <p:cNvSpPr>
            <a:spLocks noGrp="1"/>
          </p:cNvSpPr>
          <p:nvPr>
            <p:ph type="body" sz="quarter" idx="10"/>
          </p:nvPr>
        </p:nvSpPr>
        <p:spPr>
          <a:xfrm>
            <a:off x="1600200" y="6324600"/>
            <a:ext cx="6934200" cy="304800"/>
          </a:xfrm>
        </p:spPr>
        <p:style>
          <a:lnRef idx="0">
            <a:schemeClr val="accent6"/>
          </a:lnRef>
          <a:fillRef idx="3">
            <a:schemeClr val="accent6"/>
          </a:fillRef>
          <a:effectRef idx="3">
            <a:schemeClr val="accent6"/>
          </a:effectRef>
          <a:fontRef idx="minor">
            <a:schemeClr val="lt1"/>
          </a:fontRef>
        </p:style>
        <p:txBody>
          <a:bodyPr lIns="91440" rIns="91440" anchor="ctr" anchorCtr="0">
            <a:noAutofit/>
          </a:bodyPr>
          <a:lstStyle/>
          <a:p>
            <a:pPr marL="0" indent="0">
              <a:buNone/>
              <a:tabLst>
                <a:tab pos="3433763" algn="ctr"/>
                <a:tab pos="8174038" algn="r"/>
              </a:tabLst>
            </a:pPr>
            <a:r>
              <a:rPr lang="en-US" sz="2200" b="1" dirty="0" smtClean="0">
                <a:solidFill>
                  <a:schemeClr val="tx1"/>
                </a:solidFill>
              </a:rPr>
              <a:t>January	February	March</a:t>
            </a:r>
            <a:endParaRPr lang="en-US" sz="2200" b="1" dirty="0">
              <a:solidFill>
                <a:schemeClr val="tx1"/>
              </a:solidFill>
            </a:endParaRPr>
          </a:p>
        </p:txBody>
      </p:sp>
      <p:graphicFrame>
        <p:nvGraphicFramePr>
          <p:cNvPr id="4" name="Chart 3"/>
          <p:cNvGraphicFramePr/>
          <p:nvPr>
            <p:extLst>
              <p:ext uri="{D42A27DB-BD31-4B8C-83A1-F6EECF244321}">
                <p14:modId xmlns:p14="http://schemas.microsoft.com/office/powerpoint/2010/main" val="4027390682"/>
              </p:ext>
            </p:extLst>
          </p:nvPr>
        </p:nvGraphicFramePr>
        <p:xfrm>
          <a:off x="76200" y="1295400"/>
          <a:ext cx="8686800" cy="4952999"/>
        </p:xfrm>
        <a:graphic>
          <a:graphicData uri="http://schemas.openxmlformats.org/drawingml/2006/chart">
            <c:chart xmlns:c="http://schemas.openxmlformats.org/drawingml/2006/chart" xmlns:r="http://schemas.openxmlformats.org/officeDocument/2006/relationships" r:id="rId3"/>
          </a:graphicData>
        </a:graphic>
      </p:graphicFrame>
      <p:sp>
        <p:nvSpPr>
          <p:cNvPr id="5" name="Title 2"/>
          <p:cNvSpPr txBox="1">
            <a:spLocks/>
          </p:cNvSpPr>
          <p:nvPr/>
        </p:nvSpPr>
        <p:spPr bwMode="ltGray">
          <a:xfrm>
            <a:off x="5208706" y="2031394"/>
            <a:ext cx="3877707" cy="837152"/>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lnSpc>
                <a:spcPct val="85000"/>
              </a:lnSpc>
            </a:pPr>
            <a:r>
              <a:rPr sz="2200" u="sng" dirty="0" smtClean="0">
                <a:effectLst>
                  <a:outerShdw blurRad="50800" dist="38100" dir="2700000" algn="tl" rotWithShape="0">
                    <a:prstClr val="black">
                      <a:alpha val="80000"/>
                    </a:prstClr>
                  </a:outerShdw>
                </a:effectLst>
              </a:rPr>
              <a:t>Storm #1 (21-day analysis)</a:t>
            </a:r>
            <a:endParaRPr sz="2200" u="sng" dirty="0">
              <a:effectLst>
                <a:outerShdw blurRad="50800" dist="38100" dir="2700000" algn="tl" rotWithShape="0">
                  <a:prstClr val="black">
                    <a:alpha val="80000"/>
                  </a:prstClr>
                </a:outerShdw>
              </a:effectLst>
            </a:endParaRPr>
          </a:p>
          <a:p>
            <a:pPr marL="225425" indent="-225425" algn="l">
              <a:lnSpc>
                <a:spcPct val="85000"/>
              </a:lnSpc>
              <a:buFont typeface="Arial" panose="020B0604020202020204" pitchFamily="34" charset="0"/>
              <a:buChar char="•"/>
            </a:pPr>
            <a:r>
              <a:rPr sz="2000" b="0" dirty="0" smtClean="0">
                <a:solidFill>
                  <a:prstClr val="white"/>
                </a:solidFill>
                <a:effectLst>
                  <a:outerShdw blurRad="50800" dist="38100" dir="2700000" algn="tl" rotWithShape="0">
                    <a:prstClr val="black">
                      <a:alpha val="80000"/>
                    </a:prstClr>
                  </a:outerShdw>
                </a:effectLst>
              </a:rPr>
              <a:t>1,622,000 AF  Sacramento River</a:t>
            </a:r>
          </a:p>
          <a:p>
            <a:pPr marL="225425" indent="-225425" algn="l">
              <a:lnSpc>
                <a:spcPct val="85000"/>
              </a:lnSpc>
              <a:buFont typeface="Arial" panose="020B0604020202020204" pitchFamily="34" charset="0"/>
              <a:buChar char="•"/>
            </a:pPr>
            <a:r>
              <a:rPr sz="2000" b="0" dirty="0" smtClean="0">
                <a:solidFill>
                  <a:prstClr val="white"/>
                </a:solidFill>
                <a:effectLst>
                  <a:outerShdw blurRad="50800" dist="38100" dir="2700000" algn="tl" rotWithShape="0">
                    <a:prstClr val="black">
                      <a:alpha val="80000"/>
                    </a:prstClr>
                  </a:outerShdw>
                </a:effectLst>
              </a:rPr>
              <a:t>       78,000 AF to State Water Project</a:t>
            </a:r>
            <a:endParaRPr sz="2000" b="0" dirty="0">
              <a:solidFill>
                <a:prstClr val="white"/>
              </a:solidFill>
              <a:effectLst>
                <a:outerShdw blurRad="50800" dist="38100" dir="2700000" algn="tl" rotWithShape="0">
                  <a:prstClr val="black">
                    <a:alpha val="80000"/>
                  </a:prstClr>
                </a:outerShdw>
              </a:effectLst>
            </a:endParaRPr>
          </a:p>
        </p:txBody>
      </p:sp>
      <p:sp>
        <p:nvSpPr>
          <p:cNvPr id="6" name="Oval 5"/>
          <p:cNvSpPr/>
          <p:nvPr/>
        </p:nvSpPr>
        <p:spPr bwMode="auto">
          <a:xfrm>
            <a:off x="2895600" y="2985970"/>
            <a:ext cx="2209800" cy="1390536"/>
          </a:xfrm>
          <a:prstGeom prst="ellipse">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7" name="Title 2"/>
          <p:cNvSpPr txBox="1">
            <a:spLocks/>
          </p:cNvSpPr>
          <p:nvPr/>
        </p:nvSpPr>
        <p:spPr bwMode="ltGray">
          <a:xfrm>
            <a:off x="2209800" y="5202678"/>
            <a:ext cx="3730618" cy="290336"/>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lnSpc>
                <a:spcPct val="85000"/>
              </a:lnSpc>
            </a:pPr>
            <a:r>
              <a:rPr sz="2200" dirty="0" smtClean="0">
                <a:solidFill>
                  <a:prstClr val="white"/>
                </a:solidFill>
                <a:effectLst>
                  <a:outerShdw blurRad="50800" dist="38100" dir="2700000" algn="tl" rotWithShape="0">
                    <a:prstClr val="black">
                      <a:alpha val="80000"/>
                    </a:prstClr>
                  </a:outerShdw>
                </a:effectLst>
              </a:rPr>
              <a:t>SWP Pumping ~ 1,500 – 2,000 cfs</a:t>
            </a:r>
          </a:p>
        </p:txBody>
      </p:sp>
      <p:sp>
        <p:nvSpPr>
          <p:cNvPr id="9" name="Oval 8"/>
          <p:cNvSpPr/>
          <p:nvPr/>
        </p:nvSpPr>
        <p:spPr bwMode="auto">
          <a:xfrm>
            <a:off x="3286152" y="5488475"/>
            <a:ext cx="182880" cy="182880"/>
          </a:xfrm>
          <a:prstGeom prst="ellipse">
            <a:avLst/>
          </a:prstGeom>
          <a:solidFill>
            <a:srgbClr val="FFFF00"/>
          </a:solidFill>
          <a:ln>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Oval 9"/>
          <p:cNvSpPr/>
          <p:nvPr/>
        </p:nvSpPr>
        <p:spPr bwMode="auto">
          <a:xfrm>
            <a:off x="6720840" y="5468271"/>
            <a:ext cx="182880" cy="182880"/>
          </a:xfrm>
          <a:prstGeom prst="ellipse">
            <a:avLst/>
          </a:prstGeom>
          <a:solidFill>
            <a:srgbClr val="FFFF00"/>
          </a:solidFill>
          <a:ln>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Oval 10"/>
          <p:cNvSpPr/>
          <p:nvPr/>
        </p:nvSpPr>
        <p:spPr bwMode="auto">
          <a:xfrm>
            <a:off x="7056120" y="5468271"/>
            <a:ext cx="182880" cy="182880"/>
          </a:xfrm>
          <a:prstGeom prst="ellipse">
            <a:avLst/>
          </a:prstGeom>
          <a:solidFill>
            <a:srgbClr val="FFFF00"/>
          </a:solidFill>
          <a:ln>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bevelT w="9525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2" name="Oval 11"/>
          <p:cNvSpPr>
            <a:spLocks noChangeAspect="1"/>
          </p:cNvSpPr>
          <p:nvPr/>
        </p:nvSpPr>
        <p:spPr bwMode="auto">
          <a:xfrm>
            <a:off x="3448479" y="3093087"/>
            <a:ext cx="441960" cy="317044"/>
          </a:xfrm>
          <a:prstGeom prst="ellipse">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 name="Title 2"/>
          <p:cNvSpPr txBox="1">
            <a:spLocks/>
          </p:cNvSpPr>
          <p:nvPr/>
        </p:nvSpPr>
        <p:spPr bwMode="ltGray">
          <a:xfrm>
            <a:off x="1948368" y="2695634"/>
            <a:ext cx="1894464" cy="290336"/>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lnSpc>
                <a:spcPct val="85000"/>
              </a:lnSpc>
            </a:pPr>
            <a:r>
              <a:rPr sz="2200" dirty="0" smtClean="0">
                <a:solidFill>
                  <a:prstClr val="white"/>
                </a:solidFill>
                <a:effectLst>
                  <a:outerShdw blurRad="50800" dist="38100" dir="2700000" algn="tl" rotWithShape="0">
                    <a:prstClr val="black">
                      <a:alpha val="80000"/>
                    </a:prstClr>
                  </a:outerShdw>
                </a:effectLst>
              </a:rPr>
              <a:t>Sacramento River</a:t>
            </a:r>
            <a:endParaRPr sz="2200" b="0" dirty="0">
              <a:solidFill>
                <a:prstClr val="white"/>
              </a:solidFill>
              <a:effectLst>
                <a:outerShdw blurRad="50800" dist="38100" dir="2700000" algn="tl" rotWithShape="0">
                  <a:prstClr val="black">
                    <a:alpha val="80000"/>
                  </a:prstClr>
                </a:outerShdw>
              </a:effectLst>
            </a:endParaRPr>
          </a:p>
        </p:txBody>
      </p:sp>
      <p:sp>
        <p:nvSpPr>
          <p:cNvPr id="14" name="Line Callout 2 (No Border) 13"/>
          <p:cNvSpPr/>
          <p:nvPr/>
        </p:nvSpPr>
        <p:spPr bwMode="auto">
          <a:xfrm>
            <a:off x="5208706" y="2031394"/>
            <a:ext cx="3631337" cy="837152"/>
          </a:xfrm>
          <a:prstGeom prst="callout2">
            <a:avLst>
              <a:gd name="adj1" fmla="val 18750"/>
              <a:gd name="adj2" fmla="val -3259"/>
              <a:gd name="adj3" fmla="val 18750"/>
              <a:gd name="adj4" fmla="val -7521"/>
              <a:gd name="adj5" fmla="val 111857"/>
              <a:gd name="adj6" fmla="val -21129"/>
            </a:avLst>
          </a:prstGeom>
          <a:noFill/>
          <a:ln>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dirty="0">
              <a:solidFill>
                <a:prstClr val="white"/>
              </a:solidFill>
            </a:endParaRPr>
          </a:p>
        </p:txBody>
      </p:sp>
    </p:spTree>
    <p:extLst>
      <p:ext uri="{BB962C8B-B14F-4D97-AF65-F5344CB8AC3E}">
        <p14:creationId xmlns:p14="http://schemas.microsoft.com/office/powerpoint/2010/main" val="3125067457"/>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4">
                                            <p:graphicEl>
                                              <a:chart seriesIdx="0" categoryIdx="-4" bldStep="series"/>
                                            </p:graphicEl>
                                          </p:spTgt>
                                        </p:tgtEl>
                                        <p:attrNameLst>
                                          <p:attrName>style.visibility</p:attrName>
                                        </p:attrNameLst>
                                      </p:cBhvr>
                                      <p:to>
                                        <p:strVal val="visible"/>
                                      </p:to>
                                    </p:set>
                                    <p:animEffect transition="in" filter="wipe(left)">
                                      <p:cBhvr>
                                        <p:cTn id="7" dur="3500"/>
                                        <p:tgtEl>
                                          <p:spTgt spid="4">
                                            <p:graphicEl>
                                              <a:chart seriesIdx="0" categoryIdx="-4" bldStep="series"/>
                                            </p:graphic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4">
                                            <p:graphicEl>
                                              <a:chart seriesIdx="1" categoryIdx="-4" bldStep="series"/>
                                            </p:graphicEl>
                                          </p:spTgt>
                                        </p:tgtEl>
                                        <p:attrNameLst>
                                          <p:attrName>style.visibility</p:attrName>
                                        </p:attrNameLst>
                                      </p:cBhvr>
                                      <p:to>
                                        <p:strVal val="visible"/>
                                      </p:to>
                                    </p:set>
                                    <p:animEffect transition="in" filter="wipe(left)">
                                      <p:cBhvr>
                                        <p:cTn id="12" dur="3500"/>
                                        <p:tgtEl>
                                          <p:spTgt spid="4">
                                            <p:graphicEl>
                                              <a:chart seriesIdx="1" categoryIdx="-4" bldStep="series"/>
                                            </p:graphicEl>
                                          </p:spTgt>
                                        </p:tgtEl>
                                      </p:cBhvr>
                                    </p:animEffect>
                                  </p:childTnLst>
                                </p:cTn>
                              </p:par>
                            </p:childTnLst>
                          </p:cTn>
                        </p:par>
                      </p:childTnLst>
                    </p:cTn>
                  </p:par>
                  <p:par>
                    <p:cTn id="13" fill="hold">
                      <p:stCondLst>
                        <p:cond delay="indefinite"/>
                      </p:stCondLst>
                      <p:childTnLst>
                        <p:par>
                          <p:cTn id="14" fill="hold">
                            <p:stCondLst>
                              <p:cond delay="0"/>
                            </p:stCondLst>
                            <p:childTnLst>
                              <p:par>
                                <p:cTn id="15" presetID="23" presetClass="entr" presetSubtype="32"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anim calcmode="lin" valueType="num">
                                      <p:cBhvr>
                                        <p:cTn id="17" dur="750" fill="hold"/>
                                        <p:tgtEl>
                                          <p:spTgt spid="9"/>
                                        </p:tgtEl>
                                        <p:attrNameLst>
                                          <p:attrName>ppt_w</p:attrName>
                                        </p:attrNameLst>
                                      </p:cBhvr>
                                      <p:tavLst>
                                        <p:tav tm="0">
                                          <p:val>
                                            <p:strVal val="4*#ppt_w"/>
                                          </p:val>
                                        </p:tav>
                                        <p:tav tm="100000">
                                          <p:val>
                                            <p:strVal val="#ppt_w"/>
                                          </p:val>
                                        </p:tav>
                                      </p:tavLst>
                                    </p:anim>
                                    <p:anim calcmode="lin" valueType="num">
                                      <p:cBhvr>
                                        <p:cTn id="18" dur="750" fill="hold"/>
                                        <p:tgtEl>
                                          <p:spTgt spid="9"/>
                                        </p:tgtEl>
                                        <p:attrNameLst>
                                          <p:attrName>ppt_h</p:attrName>
                                        </p:attrNameLst>
                                      </p:cBhvr>
                                      <p:tavLst>
                                        <p:tav tm="0">
                                          <p:val>
                                            <p:strVal val="4*#ppt_h"/>
                                          </p:val>
                                        </p:tav>
                                        <p:tav tm="100000">
                                          <p:val>
                                            <p:strVal val="#ppt_h"/>
                                          </p:val>
                                        </p:tav>
                                      </p:tavLst>
                                    </p:anim>
                                  </p:childTnLst>
                                </p:cTn>
                              </p:par>
                            </p:childTnLst>
                          </p:cTn>
                        </p:par>
                        <p:par>
                          <p:cTn id="19" fill="hold">
                            <p:stCondLst>
                              <p:cond delay="750"/>
                            </p:stCondLst>
                            <p:childTnLst>
                              <p:par>
                                <p:cTn id="20" presetID="23" presetClass="entr" presetSubtype="32" fill="hold" grpId="0" nodeType="afterEffect">
                                  <p:stCondLst>
                                    <p:cond delay="0"/>
                                  </p:stCondLst>
                                  <p:childTnLst>
                                    <p:set>
                                      <p:cBhvr>
                                        <p:cTn id="21" dur="1" fill="hold">
                                          <p:stCondLst>
                                            <p:cond delay="0"/>
                                          </p:stCondLst>
                                        </p:cTn>
                                        <p:tgtEl>
                                          <p:spTgt spid="10"/>
                                        </p:tgtEl>
                                        <p:attrNameLst>
                                          <p:attrName>style.visibility</p:attrName>
                                        </p:attrNameLst>
                                      </p:cBhvr>
                                      <p:to>
                                        <p:strVal val="visible"/>
                                      </p:to>
                                    </p:set>
                                    <p:anim calcmode="lin" valueType="num">
                                      <p:cBhvr>
                                        <p:cTn id="22" dur="750" fill="hold"/>
                                        <p:tgtEl>
                                          <p:spTgt spid="10"/>
                                        </p:tgtEl>
                                        <p:attrNameLst>
                                          <p:attrName>ppt_w</p:attrName>
                                        </p:attrNameLst>
                                      </p:cBhvr>
                                      <p:tavLst>
                                        <p:tav tm="0">
                                          <p:val>
                                            <p:strVal val="4*#ppt_w"/>
                                          </p:val>
                                        </p:tav>
                                        <p:tav tm="100000">
                                          <p:val>
                                            <p:strVal val="#ppt_w"/>
                                          </p:val>
                                        </p:tav>
                                      </p:tavLst>
                                    </p:anim>
                                    <p:anim calcmode="lin" valueType="num">
                                      <p:cBhvr>
                                        <p:cTn id="23" dur="750" fill="hold"/>
                                        <p:tgtEl>
                                          <p:spTgt spid="10"/>
                                        </p:tgtEl>
                                        <p:attrNameLst>
                                          <p:attrName>ppt_h</p:attrName>
                                        </p:attrNameLst>
                                      </p:cBhvr>
                                      <p:tavLst>
                                        <p:tav tm="0">
                                          <p:val>
                                            <p:strVal val="4*#ppt_h"/>
                                          </p:val>
                                        </p:tav>
                                        <p:tav tm="100000">
                                          <p:val>
                                            <p:strVal val="#ppt_h"/>
                                          </p:val>
                                        </p:tav>
                                      </p:tavLst>
                                    </p:anim>
                                  </p:childTnLst>
                                </p:cTn>
                              </p:par>
                            </p:childTnLst>
                          </p:cTn>
                        </p:par>
                        <p:par>
                          <p:cTn id="24" fill="hold">
                            <p:stCondLst>
                              <p:cond delay="1500"/>
                            </p:stCondLst>
                            <p:childTnLst>
                              <p:par>
                                <p:cTn id="25" presetID="23" presetClass="entr" presetSubtype="32" fill="hold" grpId="0" nodeType="afterEffect">
                                  <p:stCondLst>
                                    <p:cond delay="0"/>
                                  </p:stCondLst>
                                  <p:childTnLst>
                                    <p:set>
                                      <p:cBhvr>
                                        <p:cTn id="26" dur="1" fill="hold">
                                          <p:stCondLst>
                                            <p:cond delay="0"/>
                                          </p:stCondLst>
                                        </p:cTn>
                                        <p:tgtEl>
                                          <p:spTgt spid="11"/>
                                        </p:tgtEl>
                                        <p:attrNameLst>
                                          <p:attrName>style.visibility</p:attrName>
                                        </p:attrNameLst>
                                      </p:cBhvr>
                                      <p:to>
                                        <p:strVal val="visible"/>
                                      </p:to>
                                    </p:set>
                                    <p:anim calcmode="lin" valueType="num">
                                      <p:cBhvr>
                                        <p:cTn id="27" dur="750" fill="hold"/>
                                        <p:tgtEl>
                                          <p:spTgt spid="11"/>
                                        </p:tgtEl>
                                        <p:attrNameLst>
                                          <p:attrName>ppt_w</p:attrName>
                                        </p:attrNameLst>
                                      </p:cBhvr>
                                      <p:tavLst>
                                        <p:tav tm="0">
                                          <p:val>
                                            <p:strVal val="4*#ppt_w"/>
                                          </p:val>
                                        </p:tav>
                                        <p:tav tm="100000">
                                          <p:val>
                                            <p:strVal val="#ppt_w"/>
                                          </p:val>
                                        </p:tav>
                                      </p:tavLst>
                                    </p:anim>
                                    <p:anim calcmode="lin" valueType="num">
                                      <p:cBhvr>
                                        <p:cTn id="28" dur="750" fill="hold"/>
                                        <p:tgtEl>
                                          <p:spTgt spid="11"/>
                                        </p:tgtEl>
                                        <p:attrNameLst>
                                          <p:attrName>ppt_h</p:attrName>
                                        </p:attrNameLst>
                                      </p:cBhvr>
                                      <p:tavLst>
                                        <p:tav tm="0">
                                          <p:val>
                                            <p:strVal val="4*#ppt_h"/>
                                          </p:val>
                                        </p:tav>
                                        <p:tav tm="100000">
                                          <p:val>
                                            <p:strVal val="#ppt_h"/>
                                          </p:val>
                                        </p:tav>
                                      </p:tavLst>
                                    </p:anim>
                                  </p:childTnLst>
                                </p:cTn>
                              </p:par>
                            </p:childTnLst>
                          </p:cTn>
                        </p:par>
                      </p:childTnLst>
                    </p:cTn>
                  </p:par>
                  <p:par>
                    <p:cTn id="29" fill="hold">
                      <p:stCondLst>
                        <p:cond delay="indefinite"/>
                      </p:stCondLst>
                      <p:childTnLst>
                        <p:par>
                          <p:cTn id="30" fill="hold">
                            <p:stCondLst>
                              <p:cond delay="0"/>
                            </p:stCondLst>
                            <p:childTnLst>
                              <p:par>
                                <p:cTn id="31" presetID="22" presetClass="entr" presetSubtype="1" fill="hold" grpId="0" nodeType="clickEffect">
                                  <p:stCondLst>
                                    <p:cond delay="0"/>
                                  </p:stCondLst>
                                  <p:childTnLst>
                                    <p:set>
                                      <p:cBhvr>
                                        <p:cTn id="32" dur="1" fill="hold">
                                          <p:stCondLst>
                                            <p:cond delay="0"/>
                                          </p:stCondLst>
                                        </p:cTn>
                                        <p:tgtEl>
                                          <p:spTgt spid="13"/>
                                        </p:tgtEl>
                                        <p:attrNameLst>
                                          <p:attrName>style.visibility</p:attrName>
                                        </p:attrNameLst>
                                      </p:cBhvr>
                                      <p:to>
                                        <p:strVal val="visible"/>
                                      </p:to>
                                    </p:set>
                                    <p:animEffect transition="in" filter="wipe(up)">
                                      <p:cBhvr>
                                        <p:cTn id="33" dur="750"/>
                                        <p:tgtEl>
                                          <p:spTgt spid="13"/>
                                        </p:tgtEl>
                                      </p:cBhvr>
                                    </p:animEffect>
                                  </p:childTnLst>
                                </p:cTn>
                              </p:par>
                              <p:par>
                                <p:cTn id="34" presetID="21" presetClass="entr" presetSubtype="1" fill="hold" grpId="0" nodeType="withEffect">
                                  <p:stCondLst>
                                    <p:cond delay="0"/>
                                  </p:stCondLst>
                                  <p:childTnLst>
                                    <p:set>
                                      <p:cBhvr>
                                        <p:cTn id="35" dur="1" fill="hold">
                                          <p:stCondLst>
                                            <p:cond delay="0"/>
                                          </p:stCondLst>
                                        </p:cTn>
                                        <p:tgtEl>
                                          <p:spTgt spid="12"/>
                                        </p:tgtEl>
                                        <p:attrNameLst>
                                          <p:attrName>style.visibility</p:attrName>
                                        </p:attrNameLst>
                                      </p:cBhvr>
                                      <p:to>
                                        <p:strVal val="visible"/>
                                      </p:to>
                                    </p:set>
                                    <p:animEffect transition="in" filter="wheel(1)">
                                      <p:cBhvr>
                                        <p:cTn id="36" dur="2000"/>
                                        <p:tgtEl>
                                          <p:spTgt spid="12"/>
                                        </p:tgtEl>
                                      </p:cBhvr>
                                    </p:animEffect>
                                  </p:childTnLst>
                                </p:cTn>
                              </p:par>
                            </p:childTnLst>
                          </p:cTn>
                        </p:par>
                      </p:childTnLst>
                    </p:cTn>
                  </p:par>
                  <p:par>
                    <p:cTn id="37" fill="hold">
                      <p:stCondLst>
                        <p:cond delay="indefinite"/>
                      </p:stCondLst>
                      <p:childTnLst>
                        <p:par>
                          <p:cTn id="38" fill="hold">
                            <p:stCondLst>
                              <p:cond delay="0"/>
                            </p:stCondLst>
                            <p:childTnLst>
                              <p:par>
                                <p:cTn id="39" presetID="22" presetClass="entr" presetSubtype="1" fill="hold" grpId="0" nodeType="clickEffect">
                                  <p:stCondLst>
                                    <p:cond delay="0"/>
                                  </p:stCondLst>
                                  <p:childTnLst>
                                    <p:set>
                                      <p:cBhvr>
                                        <p:cTn id="40" dur="1" fill="hold">
                                          <p:stCondLst>
                                            <p:cond delay="0"/>
                                          </p:stCondLst>
                                        </p:cTn>
                                        <p:tgtEl>
                                          <p:spTgt spid="7"/>
                                        </p:tgtEl>
                                        <p:attrNameLst>
                                          <p:attrName>style.visibility</p:attrName>
                                        </p:attrNameLst>
                                      </p:cBhvr>
                                      <p:to>
                                        <p:strVal val="visible"/>
                                      </p:to>
                                    </p:set>
                                    <p:animEffect transition="in" filter="wipe(up)">
                                      <p:cBhvr>
                                        <p:cTn id="41" dur="750"/>
                                        <p:tgtEl>
                                          <p:spTgt spid="7"/>
                                        </p:tgtEl>
                                      </p:cBhvr>
                                    </p:animEffect>
                                  </p:childTnLst>
                                </p:cTn>
                              </p:par>
                            </p:childTnLst>
                          </p:cTn>
                        </p:par>
                      </p:childTnLst>
                    </p:cTn>
                  </p:par>
                  <p:par>
                    <p:cTn id="42" fill="hold">
                      <p:stCondLst>
                        <p:cond delay="indefinite"/>
                      </p:stCondLst>
                      <p:childTnLst>
                        <p:par>
                          <p:cTn id="43" fill="hold">
                            <p:stCondLst>
                              <p:cond delay="0"/>
                            </p:stCondLst>
                            <p:childTnLst>
                              <p:par>
                                <p:cTn id="44" presetID="10" presetClass="exit" presetSubtype="0" fill="hold" grpId="1" nodeType="clickEffect">
                                  <p:stCondLst>
                                    <p:cond delay="0"/>
                                  </p:stCondLst>
                                  <p:childTnLst>
                                    <p:animEffect transition="out" filter="fade">
                                      <p:cBhvr>
                                        <p:cTn id="45" dur="500"/>
                                        <p:tgtEl>
                                          <p:spTgt spid="12"/>
                                        </p:tgtEl>
                                      </p:cBhvr>
                                    </p:animEffect>
                                    <p:set>
                                      <p:cBhvr>
                                        <p:cTn id="46" dur="1" fill="hold">
                                          <p:stCondLst>
                                            <p:cond delay="499"/>
                                          </p:stCondLst>
                                        </p:cTn>
                                        <p:tgtEl>
                                          <p:spTgt spid="12"/>
                                        </p:tgtEl>
                                        <p:attrNameLst>
                                          <p:attrName>style.visibility</p:attrName>
                                        </p:attrNameLst>
                                      </p:cBhvr>
                                      <p:to>
                                        <p:strVal val="hidden"/>
                                      </p:to>
                                    </p:set>
                                  </p:childTnLst>
                                </p:cTn>
                              </p:par>
                              <p:par>
                                <p:cTn id="47" presetID="10" presetClass="exit" presetSubtype="0" fill="hold" grpId="1" nodeType="withEffect">
                                  <p:stCondLst>
                                    <p:cond delay="0"/>
                                  </p:stCondLst>
                                  <p:childTnLst>
                                    <p:animEffect transition="out" filter="fade">
                                      <p:cBhvr>
                                        <p:cTn id="48" dur="500"/>
                                        <p:tgtEl>
                                          <p:spTgt spid="13"/>
                                        </p:tgtEl>
                                      </p:cBhvr>
                                    </p:animEffect>
                                    <p:set>
                                      <p:cBhvr>
                                        <p:cTn id="49" dur="1" fill="hold">
                                          <p:stCondLst>
                                            <p:cond delay="499"/>
                                          </p:stCondLst>
                                        </p:cTn>
                                        <p:tgtEl>
                                          <p:spTgt spid="13"/>
                                        </p:tgtEl>
                                        <p:attrNameLst>
                                          <p:attrName>style.visibility</p:attrName>
                                        </p:attrNameLst>
                                      </p:cBhvr>
                                      <p:to>
                                        <p:strVal val="hidden"/>
                                      </p:to>
                                    </p:set>
                                  </p:childTnLst>
                                </p:cTn>
                              </p:par>
                            </p:childTnLst>
                          </p:cTn>
                        </p:par>
                      </p:childTnLst>
                    </p:cTn>
                  </p:par>
                  <p:par>
                    <p:cTn id="50" fill="hold">
                      <p:stCondLst>
                        <p:cond delay="indefinite"/>
                      </p:stCondLst>
                      <p:childTnLst>
                        <p:par>
                          <p:cTn id="51" fill="hold">
                            <p:stCondLst>
                              <p:cond delay="0"/>
                            </p:stCondLst>
                            <p:childTnLst>
                              <p:par>
                                <p:cTn id="52" presetID="21" presetClass="entr" presetSubtype="1" fill="hold" grpId="0" nodeType="clickEffect">
                                  <p:stCondLst>
                                    <p:cond delay="0"/>
                                  </p:stCondLst>
                                  <p:childTnLst>
                                    <p:set>
                                      <p:cBhvr>
                                        <p:cTn id="53" dur="1" fill="hold">
                                          <p:stCondLst>
                                            <p:cond delay="0"/>
                                          </p:stCondLst>
                                        </p:cTn>
                                        <p:tgtEl>
                                          <p:spTgt spid="6"/>
                                        </p:tgtEl>
                                        <p:attrNameLst>
                                          <p:attrName>style.visibility</p:attrName>
                                        </p:attrNameLst>
                                      </p:cBhvr>
                                      <p:to>
                                        <p:strVal val="visible"/>
                                      </p:to>
                                    </p:set>
                                    <p:animEffect transition="in" filter="wheel(1)">
                                      <p:cBhvr>
                                        <p:cTn id="54" dur="2000"/>
                                        <p:tgtEl>
                                          <p:spTgt spid="6"/>
                                        </p:tgtEl>
                                      </p:cBhvr>
                                    </p:animEffect>
                                  </p:childTnLst>
                                </p:cTn>
                              </p:par>
                            </p:childTnLst>
                          </p:cTn>
                        </p:par>
                      </p:childTnLst>
                    </p:cTn>
                  </p:par>
                  <p:par>
                    <p:cTn id="55" fill="hold">
                      <p:stCondLst>
                        <p:cond delay="indefinite"/>
                      </p:stCondLst>
                      <p:childTnLst>
                        <p:par>
                          <p:cTn id="56" fill="hold">
                            <p:stCondLst>
                              <p:cond delay="0"/>
                            </p:stCondLst>
                            <p:childTnLst>
                              <p:par>
                                <p:cTn id="57" presetID="10" presetClass="entr" presetSubtype="0" fill="hold" grpId="0" nodeType="clickEffect">
                                  <p:stCondLst>
                                    <p:cond delay="0"/>
                                  </p:stCondLst>
                                  <p:childTnLst>
                                    <p:set>
                                      <p:cBhvr>
                                        <p:cTn id="58" dur="1" fill="hold">
                                          <p:stCondLst>
                                            <p:cond delay="0"/>
                                          </p:stCondLst>
                                        </p:cTn>
                                        <p:tgtEl>
                                          <p:spTgt spid="5"/>
                                        </p:tgtEl>
                                        <p:attrNameLst>
                                          <p:attrName>style.visibility</p:attrName>
                                        </p:attrNameLst>
                                      </p:cBhvr>
                                      <p:to>
                                        <p:strVal val="visible"/>
                                      </p:to>
                                    </p:set>
                                    <p:animEffect transition="in" filter="fade">
                                      <p:cBhvr>
                                        <p:cTn id="59" dur="750"/>
                                        <p:tgtEl>
                                          <p:spTgt spid="5"/>
                                        </p:tgtEl>
                                      </p:cBhvr>
                                    </p:animEffect>
                                  </p:childTnLst>
                                </p:cTn>
                              </p:par>
                              <p:par>
                                <p:cTn id="60" presetID="22" presetClass="entr" presetSubtype="8" fill="hold" grpId="0" nodeType="withEffect">
                                  <p:stCondLst>
                                    <p:cond delay="0"/>
                                  </p:stCondLst>
                                  <p:childTnLst>
                                    <p:set>
                                      <p:cBhvr>
                                        <p:cTn id="61" dur="1" fill="hold">
                                          <p:stCondLst>
                                            <p:cond delay="0"/>
                                          </p:stCondLst>
                                        </p:cTn>
                                        <p:tgtEl>
                                          <p:spTgt spid="14"/>
                                        </p:tgtEl>
                                        <p:attrNameLst>
                                          <p:attrName>style.visibility</p:attrName>
                                        </p:attrNameLst>
                                      </p:cBhvr>
                                      <p:to>
                                        <p:strVal val="visible"/>
                                      </p:to>
                                    </p:set>
                                    <p:animEffect transition="in" filter="wipe(left)">
                                      <p:cBhvr>
                                        <p:cTn id="62" dur="75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Sub>
          <a:bldChart bld="series" animBg="0"/>
        </p:bldSub>
      </p:bldGraphic>
      <p:bldP spid="5" grpId="0"/>
      <p:bldP spid="6" grpId="0" animBg="1"/>
      <p:bldP spid="7" grpId="0"/>
      <p:bldP spid="9" grpId="0" animBg="1"/>
      <p:bldP spid="10" grpId="0" animBg="1"/>
      <p:bldP spid="11" grpId="0" animBg="1"/>
      <p:bldP spid="12" grpId="0" animBg="1"/>
      <p:bldP spid="12" grpId="1" animBg="1"/>
      <p:bldP spid="13" grpId="0"/>
      <p:bldP spid="13" grpId="1"/>
      <p:bldP spid="14" grpId="0" animBg="1"/>
    </p:bld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p:nvPr>
            <p:extLst>
              <p:ext uri="{D42A27DB-BD31-4B8C-83A1-F6EECF244321}">
                <p14:modId xmlns:p14="http://schemas.microsoft.com/office/powerpoint/2010/main" val="391271747"/>
              </p:ext>
            </p:extLst>
          </p:nvPr>
        </p:nvGraphicFramePr>
        <p:xfrm>
          <a:off x="52016" y="0"/>
          <a:ext cx="8686800" cy="6337063"/>
        </p:xfrm>
        <a:graphic>
          <a:graphicData uri="http://schemas.openxmlformats.org/drawingml/2006/chart">
            <c:chart xmlns:c="http://schemas.openxmlformats.org/drawingml/2006/chart" xmlns:r="http://schemas.openxmlformats.org/officeDocument/2006/relationships" r:id="rId3"/>
          </a:graphicData>
        </a:graphic>
      </p:graphicFrame>
      <p:sp>
        <p:nvSpPr>
          <p:cNvPr id="5" name="Title 2"/>
          <p:cNvSpPr txBox="1">
            <a:spLocks/>
          </p:cNvSpPr>
          <p:nvPr/>
        </p:nvSpPr>
        <p:spPr bwMode="ltGray">
          <a:xfrm>
            <a:off x="4133034" y="2828918"/>
            <a:ext cx="4248966" cy="1072601"/>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lnSpc>
                <a:spcPct val="85000"/>
              </a:lnSpc>
            </a:pPr>
            <a:r>
              <a:rPr sz="2200" u="sng" dirty="0" smtClean="0">
                <a:effectLst>
                  <a:outerShdw blurRad="50800" dist="38100" dir="2700000" algn="tl" rotWithShape="0">
                    <a:prstClr val="black">
                      <a:alpha val="80000"/>
                    </a:prstClr>
                  </a:outerShdw>
                </a:effectLst>
              </a:rPr>
              <a:t>Storm #2 (21-day analysis)</a:t>
            </a:r>
            <a:endParaRPr sz="2200" u="sng" dirty="0">
              <a:effectLst>
                <a:outerShdw blurRad="50800" dist="38100" dir="2700000" algn="tl" rotWithShape="0">
                  <a:prstClr val="black">
                    <a:alpha val="80000"/>
                  </a:prstClr>
                </a:outerShdw>
              </a:effectLst>
            </a:endParaRPr>
          </a:p>
          <a:p>
            <a:pPr marL="225425" indent="-225425" algn="l">
              <a:lnSpc>
                <a:spcPct val="85000"/>
              </a:lnSpc>
              <a:buFont typeface="Arial" panose="020B0604020202020204" pitchFamily="34" charset="0"/>
              <a:buChar char="•"/>
            </a:pPr>
            <a:r>
              <a:rPr sz="2000" b="0" dirty="0" smtClean="0">
                <a:solidFill>
                  <a:prstClr val="white"/>
                </a:solidFill>
                <a:effectLst>
                  <a:outerShdw blurRad="50800" dist="38100" dir="2700000" algn="tl" rotWithShape="0">
                    <a:prstClr val="black">
                      <a:alpha val="80000"/>
                    </a:prstClr>
                  </a:outerShdw>
                </a:effectLst>
              </a:rPr>
              <a:t>~ 2.4 million AF  Sacramento River</a:t>
            </a:r>
          </a:p>
          <a:p>
            <a:pPr marL="225425" indent="-225425" algn="l">
              <a:lnSpc>
                <a:spcPct val="85000"/>
              </a:lnSpc>
              <a:buFont typeface="Arial" panose="020B0604020202020204" pitchFamily="34" charset="0"/>
              <a:buChar char="•"/>
            </a:pPr>
            <a:r>
              <a:rPr sz="2000" b="0" dirty="0" smtClean="0">
                <a:solidFill>
                  <a:prstClr val="white"/>
                </a:solidFill>
                <a:effectLst>
                  <a:outerShdw blurRad="50800" dist="38100" dir="2700000" algn="tl" rotWithShape="0">
                    <a:prstClr val="black">
                      <a:alpha val="80000"/>
                    </a:prstClr>
                  </a:outerShdw>
                </a:effectLst>
              </a:rPr>
              <a:t>~ 2.9 million </a:t>
            </a:r>
            <a:r>
              <a:rPr sz="2000" b="0" dirty="0">
                <a:solidFill>
                  <a:prstClr val="white"/>
                </a:solidFill>
                <a:effectLst>
                  <a:outerShdw blurRad="50800" dist="38100" dir="2700000" algn="tl" rotWithShape="0">
                    <a:prstClr val="black">
                      <a:alpha val="80000"/>
                    </a:prstClr>
                  </a:outerShdw>
                </a:effectLst>
              </a:rPr>
              <a:t>AF  Sacramento River </a:t>
            </a:r>
            <a:r>
              <a:rPr sz="2000" b="0" dirty="0" smtClean="0">
                <a:solidFill>
                  <a:prstClr val="white"/>
                </a:solidFill>
                <a:effectLst>
                  <a:outerShdw blurRad="50800" dist="38100" dir="2700000" algn="tl" rotWithShape="0">
                    <a:prstClr val="black">
                      <a:alpha val="80000"/>
                    </a:prstClr>
                  </a:outerShdw>
                </a:effectLst>
              </a:rPr>
              <a:t>+ Bypass</a:t>
            </a:r>
            <a:endParaRPr sz="2000" b="0" dirty="0">
              <a:solidFill>
                <a:prstClr val="white"/>
              </a:solidFill>
              <a:effectLst>
                <a:outerShdw blurRad="50800" dist="38100" dir="2700000" algn="tl" rotWithShape="0">
                  <a:prstClr val="black">
                    <a:alpha val="80000"/>
                  </a:prstClr>
                </a:outerShdw>
              </a:effectLst>
            </a:endParaRPr>
          </a:p>
          <a:p>
            <a:pPr marL="225425" indent="-225425" algn="l">
              <a:lnSpc>
                <a:spcPct val="85000"/>
              </a:lnSpc>
              <a:buFont typeface="Arial" panose="020B0604020202020204" pitchFamily="34" charset="0"/>
              <a:buChar char="•"/>
            </a:pPr>
            <a:r>
              <a:rPr sz="2000" b="0" dirty="0" smtClean="0">
                <a:solidFill>
                  <a:prstClr val="white"/>
                </a:solidFill>
                <a:effectLst>
                  <a:outerShdw blurRad="50800" dist="38100" dir="2700000" algn="tl" rotWithShape="0">
                    <a:prstClr val="black">
                      <a:alpha val="80000"/>
                    </a:prstClr>
                  </a:outerShdw>
                </a:effectLst>
              </a:rPr>
              <a:t>~  0.12 million AF to State Water Project</a:t>
            </a:r>
            <a:endParaRPr sz="2000" b="0" dirty="0">
              <a:solidFill>
                <a:prstClr val="white"/>
              </a:solidFill>
              <a:effectLst>
                <a:outerShdw blurRad="50800" dist="38100" dir="2700000" algn="tl" rotWithShape="0">
                  <a:prstClr val="black">
                    <a:alpha val="80000"/>
                  </a:prstClr>
                </a:outerShdw>
              </a:effectLst>
            </a:endParaRPr>
          </a:p>
        </p:txBody>
      </p:sp>
      <p:sp>
        <p:nvSpPr>
          <p:cNvPr id="7" name="Title 2"/>
          <p:cNvSpPr txBox="1">
            <a:spLocks/>
          </p:cNvSpPr>
          <p:nvPr/>
        </p:nvSpPr>
        <p:spPr bwMode="ltGray">
          <a:xfrm>
            <a:off x="3591585" y="5073541"/>
            <a:ext cx="3505200" cy="261610"/>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lnSpc>
                <a:spcPct val="85000"/>
              </a:lnSpc>
            </a:pPr>
            <a:r>
              <a:rPr sz="2000" dirty="0" smtClean="0">
                <a:solidFill>
                  <a:prstClr val="white"/>
                </a:solidFill>
                <a:effectLst>
                  <a:outerShdw blurRad="50800" dist="38100" dir="2700000" algn="tl" rotWithShape="0">
                    <a:prstClr val="black">
                      <a:alpha val="80000"/>
                    </a:prstClr>
                  </a:outerShdw>
                </a:effectLst>
              </a:rPr>
              <a:t>SWP Pumping ~ 2,000  to 3,700 cfs</a:t>
            </a:r>
          </a:p>
        </p:txBody>
      </p:sp>
      <p:sp>
        <p:nvSpPr>
          <p:cNvPr id="10" name="Text Placeholder 2"/>
          <p:cNvSpPr>
            <a:spLocks noGrp="1"/>
          </p:cNvSpPr>
          <p:nvPr>
            <p:ph type="body" sz="quarter" idx="10"/>
          </p:nvPr>
        </p:nvSpPr>
        <p:spPr>
          <a:xfrm>
            <a:off x="1600200" y="6324600"/>
            <a:ext cx="6934200" cy="304800"/>
          </a:xfrm>
        </p:spPr>
        <p:style>
          <a:lnRef idx="0">
            <a:schemeClr val="accent6"/>
          </a:lnRef>
          <a:fillRef idx="3">
            <a:schemeClr val="accent6"/>
          </a:fillRef>
          <a:effectRef idx="3">
            <a:schemeClr val="accent6"/>
          </a:effectRef>
          <a:fontRef idx="minor">
            <a:schemeClr val="lt1"/>
          </a:fontRef>
        </p:style>
        <p:txBody>
          <a:bodyPr lIns="91440" rIns="91440" anchor="ctr" anchorCtr="0">
            <a:noAutofit/>
          </a:bodyPr>
          <a:lstStyle/>
          <a:p>
            <a:pPr marL="0" indent="0">
              <a:buNone/>
              <a:tabLst>
                <a:tab pos="3433763" algn="ctr"/>
                <a:tab pos="8174038" algn="r"/>
              </a:tabLst>
            </a:pPr>
            <a:r>
              <a:rPr lang="en-US" sz="2200" b="1" dirty="0" smtClean="0">
                <a:solidFill>
                  <a:schemeClr val="tx1"/>
                </a:solidFill>
              </a:rPr>
              <a:t>	March	</a:t>
            </a:r>
            <a:endParaRPr lang="en-US" sz="2200" b="1" dirty="0">
              <a:solidFill>
                <a:schemeClr val="tx1"/>
              </a:solidFill>
            </a:endParaRPr>
          </a:p>
        </p:txBody>
      </p:sp>
      <p:sp>
        <p:nvSpPr>
          <p:cNvPr id="11" name="Title 2"/>
          <p:cNvSpPr txBox="1">
            <a:spLocks/>
          </p:cNvSpPr>
          <p:nvPr/>
        </p:nvSpPr>
        <p:spPr bwMode="ltGray">
          <a:xfrm>
            <a:off x="2057400" y="2209800"/>
            <a:ext cx="1371600" cy="523220"/>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lnSpc>
                <a:spcPct val="85000"/>
              </a:lnSpc>
            </a:pPr>
            <a:r>
              <a:rPr sz="2000" dirty="0" smtClean="0">
                <a:solidFill>
                  <a:prstClr val="white"/>
                </a:solidFill>
                <a:effectLst>
                  <a:outerShdw blurRad="50800" dist="38100" dir="2700000" algn="tl" rotWithShape="0">
                    <a:prstClr val="black">
                      <a:alpha val="80000"/>
                    </a:prstClr>
                  </a:outerShdw>
                </a:effectLst>
              </a:rPr>
              <a:t>Sac River + </a:t>
            </a:r>
          </a:p>
          <a:p>
            <a:pPr algn="ctr">
              <a:lnSpc>
                <a:spcPct val="85000"/>
              </a:lnSpc>
            </a:pPr>
            <a:r>
              <a:rPr sz="2000" dirty="0" smtClean="0">
                <a:solidFill>
                  <a:prstClr val="white"/>
                </a:solidFill>
                <a:effectLst>
                  <a:outerShdw blurRad="50800" dist="38100" dir="2700000" algn="tl" rotWithShape="0">
                    <a:prstClr val="black">
                      <a:alpha val="80000"/>
                    </a:prstClr>
                  </a:outerShdw>
                </a:effectLst>
              </a:rPr>
              <a:t>Yolo Bypass</a:t>
            </a:r>
          </a:p>
        </p:txBody>
      </p:sp>
      <p:sp>
        <p:nvSpPr>
          <p:cNvPr id="9" name="Title 2"/>
          <p:cNvSpPr txBox="1">
            <a:spLocks/>
          </p:cNvSpPr>
          <p:nvPr/>
        </p:nvSpPr>
        <p:spPr bwMode="ltGray">
          <a:xfrm>
            <a:off x="4876800" y="1654145"/>
            <a:ext cx="1732734" cy="261610"/>
          </a:xfrm>
          <a:prstGeom prst="rect">
            <a:avLst/>
          </a:prstGeom>
          <a:effectLst>
            <a:outerShdw blurRad="50800" dist="38100" dir="2700000" algn="tl" rotWithShape="0">
              <a:prstClr val="black">
                <a:alpha val="47000"/>
              </a:prstClr>
            </a:outerShdw>
          </a:effectLst>
        </p:spPr>
        <p:txBody>
          <a:bodyPr vert="horz" wrap="square" lIns="0" tIns="0" rIns="0" bIns="0" rtlCol="0" anchor="t">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lnSpc>
                <a:spcPct val="85000"/>
              </a:lnSpc>
            </a:pPr>
            <a:r>
              <a:rPr sz="2000" dirty="0" smtClean="0">
                <a:solidFill>
                  <a:prstClr val="white"/>
                </a:solidFill>
                <a:effectLst>
                  <a:outerShdw blurRad="50800" dist="38100" dir="2700000" algn="tl" rotWithShape="0">
                    <a:prstClr val="black">
                      <a:alpha val="80000"/>
                    </a:prstClr>
                  </a:outerShdw>
                </a:effectLst>
              </a:rPr>
              <a:t>Sacramento River</a:t>
            </a:r>
          </a:p>
        </p:txBody>
      </p:sp>
      <p:pic>
        <p:nvPicPr>
          <p:cNvPr id="15" name="Picture 14"/>
          <p:cNvPicPr>
            <a:picLocks noChangeAspect="1" noChangeArrowheads="1"/>
          </p:cNvPicPr>
          <p:nvPr/>
        </p:nvPicPr>
        <p:blipFill rotWithShape="1">
          <a:blip r:embed="rId4">
            <a:duotone>
              <a:prstClr val="black"/>
              <a:schemeClr val="accent1">
                <a:tint val="45000"/>
                <a:satMod val="400000"/>
              </a:schemeClr>
            </a:duotone>
            <a:extLst>
              <a:ext uri="{28A0092B-C50C-407E-A947-70E740481C1C}">
                <a14:useLocalDpi xmlns:a14="http://schemas.microsoft.com/office/drawing/2010/main" val="0"/>
              </a:ext>
            </a:extLst>
          </a:blip>
          <a:srcRect l="1163" r="56005" b="75979"/>
          <a:stretch/>
        </p:blipFill>
        <p:spPr bwMode="auto">
          <a:xfrm>
            <a:off x="0" y="-13447"/>
            <a:ext cx="4008474" cy="1667592"/>
          </a:xfrm>
          <a:prstGeom prst="flowChartDocument">
            <a:avLst/>
          </a:prstGeom>
          <a:noFill/>
          <a:ln>
            <a:noFill/>
          </a:ln>
          <a:effectLst>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533400" y="381000"/>
            <a:ext cx="8229600" cy="1107996"/>
          </a:xfrm>
        </p:spPr>
        <p:txBody>
          <a:bodyPr/>
          <a:lstStyle/>
          <a:p>
            <a:r>
              <a:rPr lang="en-US" sz="4000" dirty="0"/>
              <a:t>With current facilities</a:t>
            </a:r>
            <a:br>
              <a:rPr lang="en-US" sz="4000" dirty="0"/>
            </a:br>
            <a:r>
              <a:rPr lang="en-US" sz="4000" dirty="0"/>
              <a:t>more runoff does not mean more supplies</a:t>
            </a:r>
          </a:p>
        </p:txBody>
      </p:sp>
    </p:spTree>
    <p:extLst>
      <p:ext uri="{BB962C8B-B14F-4D97-AF65-F5344CB8AC3E}">
        <p14:creationId xmlns:p14="http://schemas.microsoft.com/office/powerpoint/2010/main" val="1862406741"/>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4">
                                            <p:graphicEl>
                                              <a:chart seriesIdx="0" categoryIdx="-4" bldStep="series"/>
                                            </p:graphicEl>
                                          </p:spTgt>
                                        </p:tgtEl>
                                        <p:attrNameLst>
                                          <p:attrName>style.visibility</p:attrName>
                                        </p:attrNameLst>
                                      </p:cBhvr>
                                      <p:to>
                                        <p:strVal val="visible"/>
                                      </p:to>
                                    </p:set>
                                    <p:animEffect transition="in" filter="wipe(left)">
                                      <p:cBhvr>
                                        <p:cTn id="7" dur="3500"/>
                                        <p:tgtEl>
                                          <p:spTgt spid="4">
                                            <p:graphicEl>
                                              <a:chart seriesIdx="0" categoryIdx="-4" bldStep="series"/>
                                            </p:graphicEl>
                                          </p:spTgt>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4">
                                            <p:graphicEl>
                                              <a:chart seriesIdx="1" categoryIdx="-4" bldStep="series"/>
                                            </p:graphicEl>
                                          </p:spTgt>
                                        </p:tgtEl>
                                        <p:attrNameLst>
                                          <p:attrName>style.visibility</p:attrName>
                                        </p:attrNameLst>
                                      </p:cBhvr>
                                      <p:to>
                                        <p:strVal val="visible"/>
                                      </p:to>
                                    </p:set>
                                    <p:animEffect transition="in" filter="wipe(left)">
                                      <p:cBhvr>
                                        <p:cTn id="10" dur="3500"/>
                                        <p:tgtEl>
                                          <p:spTgt spid="4">
                                            <p:graphicEl>
                                              <a:chart seriesIdx="1" categoryIdx="-4" bldStep="series"/>
                                            </p:graphicEl>
                                          </p:spTgt>
                                        </p:tgtEl>
                                      </p:cBhvr>
                                    </p:animEffect>
                                  </p:childTnLst>
                                </p:cTn>
                              </p:par>
                            </p:childTnLst>
                          </p:cTn>
                        </p:par>
                        <p:par>
                          <p:cTn id="11" fill="hold">
                            <p:stCondLst>
                              <p:cond delay="3500"/>
                            </p:stCondLst>
                            <p:childTnLst>
                              <p:par>
                                <p:cTn id="12" presetID="22" presetClass="entr" presetSubtype="1" fill="hold" grpId="0" nodeType="after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wipe(up)">
                                      <p:cBhvr>
                                        <p:cTn id="14" dur="750"/>
                                        <p:tgtEl>
                                          <p:spTgt spid="9"/>
                                        </p:tgtEl>
                                      </p:cBhvr>
                                    </p:animEffect>
                                  </p:childTnLst>
                                </p:cTn>
                              </p:par>
                              <p:par>
                                <p:cTn id="15" presetID="22" presetClass="entr" presetSubtype="1"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up)">
                                      <p:cBhvr>
                                        <p:cTn id="17" dur="750"/>
                                        <p:tgtEl>
                                          <p:spTgt spid="7"/>
                                        </p:tgtEl>
                                      </p:cBhvr>
                                    </p:animEffect>
                                  </p:childTnLst>
                                </p:cTn>
                              </p:par>
                              <p:par>
                                <p:cTn id="18" presetID="22" presetClass="entr" presetSubtype="8" fill="hold" grpId="0" nodeType="withEffect">
                                  <p:stCondLst>
                                    <p:cond delay="0"/>
                                  </p:stCondLst>
                                  <p:childTnLst>
                                    <p:set>
                                      <p:cBhvr>
                                        <p:cTn id="19" dur="1" fill="hold">
                                          <p:stCondLst>
                                            <p:cond delay="0"/>
                                          </p:stCondLst>
                                        </p:cTn>
                                        <p:tgtEl>
                                          <p:spTgt spid="4">
                                            <p:graphicEl>
                                              <a:chart seriesIdx="2" categoryIdx="-4" bldStep="series"/>
                                            </p:graphicEl>
                                          </p:spTgt>
                                        </p:tgtEl>
                                        <p:attrNameLst>
                                          <p:attrName>style.visibility</p:attrName>
                                        </p:attrNameLst>
                                      </p:cBhvr>
                                      <p:to>
                                        <p:strVal val="visible"/>
                                      </p:to>
                                    </p:set>
                                    <p:animEffect transition="in" filter="wipe(left)">
                                      <p:cBhvr>
                                        <p:cTn id="20" dur="3500"/>
                                        <p:tgtEl>
                                          <p:spTgt spid="4">
                                            <p:graphicEl>
                                              <a:chart seriesIdx="2" categoryIdx="-4" bldStep="series"/>
                                            </p:graphicEl>
                                          </p:spTgt>
                                        </p:tgtEl>
                                      </p:cBhvr>
                                    </p:animEffect>
                                  </p:childTnLst>
                                </p:cTn>
                              </p:par>
                              <p:par>
                                <p:cTn id="21" presetID="22" presetClass="entr" presetSubtype="8" fill="hold" grpId="0" nodeType="withEffect">
                                  <p:stCondLst>
                                    <p:cond delay="0"/>
                                  </p:stCondLst>
                                  <p:childTnLst>
                                    <p:set>
                                      <p:cBhvr>
                                        <p:cTn id="22" dur="1" fill="hold">
                                          <p:stCondLst>
                                            <p:cond delay="0"/>
                                          </p:stCondLst>
                                        </p:cTn>
                                        <p:tgtEl>
                                          <p:spTgt spid="4">
                                            <p:graphicEl>
                                              <a:chart seriesIdx="3" categoryIdx="-4" bldStep="series"/>
                                            </p:graphicEl>
                                          </p:spTgt>
                                        </p:tgtEl>
                                        <p:attrNameLst>
                                          <p:attrName>style.visibility</p:attrName>
                                        </p:attrNameLst>
                                      </p:cBhvr>
                                      <p:to>
                                        <p:strVal val="visible"/>
                                      </p:to>
                                    </p:set>
                                    <p:animEffect transition="in" filter="wipe(left)">
                                      <p:cBhvr>
                                        <p:cTn id="23" dur="3500"/>
                                        <p:tgtEl>
                                          <p:spTgt spid="4">
                                            <p:graphicEl>
                                              <a:chart seriesIdx="3" categoryIdx="-4" bldStep="series"/>
                                            </p:graphicEl>
                                          </p:spTgt>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8" fill="hold" grpId="0" nodeType="clickEffect">
                                  <p:stCondLst>
                                    <p:cond delay="0"/>
                                  </p:stCondLst>
                                  <p:childTnLst>
                                    <p:set>
                                      <p:cBhvr>
                                        <p:cTn id="27" dur="1" fill="hold">
                                          <p:stCondLst>
                                            <p:cond delay="0"/>
                                          </p:stCondLst>
                                        </p:cTn>
                                        <p:tgtEl>
                                          <p:spTgt spid="4">
                                            <p:graphicEl>
                                              <a:chart seriesIdx="4" categoryIdx="-4" bldStep="series"/>
                                            </p:graphicEl>
                                          </p:spTgt>
                                        </p:tgtEl>
                                        <p:attrNameLst>
                                          <p:attrName>style.visibility</p:attrName>
                                        </p:attrNameLst>
                                      </p:cBhvr>
                                      <p:to>
                                        <p:strVal val="visible"/>
                                      </p:to>
                                    </p:set>
                                    <p:animEffect transition="in" filter="wipe(left)">
                                      <p:cBhvr>
                                        <p:cTn id="28" dur="3500"/>
                                        <p:tgtEl>
                                          <p:spTgt spid="4">
                                            <p:graphicEl>
                                              <a:chart seriesIdx="4" categoryIdx="-4" bldStep="series"/>
                                            </p:graphicEl>
                                          </p:spTgt>
                                        </p:tgtEl>
                                      </p:cBhvr>
                                    </p:animEffect>
                                  </p:childTnLst>
                                </p:cTn>
                              </p:par>
                              <p:par>
                                <p:cTn id="29" presetID="22" presetClass="entr" presetSubtype="1" fill="hold" grpId="0" nodeType="withEffect">
                                  <p:stCondLst>
                                    <p:cond delay="1750"/>
                                  </p:stCondLst>
                                  <p:childTnLst>
                                    <p:set>
                                      <p:cBhvr>
                                        <p:cTn id="30" dur="1" fill="hold">
                                          <p:stCondLst>
                                            <p:cond delay="0"/>
                                          </p:stCondLst>
                                        </p:cTn>
                                        <p:tgtEl>
                                          <p:spTgt spid="11"/>
                                        </p:tgtEl>
                                        <p:attrNameLst>
                                          <p:attrName>style.visibility</p:attrName>
                                        </p:attrNameLst>
                                      </p:cBhvr>
                                      <p:to>
                                        <p:strVal val="visible"/>
                                      </p:to>
                                    </p:set>
                                    <p:animEffect transition="in" filter="wipe(up)">
                                      <p:cBhvr>
                                        <p:cTn id="31" dur="750"/>
                                        <p:tgtEl>
                                          <p:spTgt spid="11"/>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5"/>
                                        </p:tgtEl>
                                        <p:attrNameLst>
                                          <p:attrName>style.visibility</p:attrName>
                                        </p:attrNameLst>
                                      </p:cBhvr>
                                      <p:to>
                                        <p:strVal val="visible"/>
                                      </p:to>
                                    </p:set>
                                    <p:animEffect transition="in" filter="fade">
                                      <p:cBhvr>
                                        <p:cTn id="36" dur="75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Sub>
          <a:bldChart bld="series" animBg="0"/>
        </p:bldSub>
      </p:bldGraphic>
      <p:bldP spid="5" grpId="0"/>
      <p:bldP spid="7" grpId="0"/>
      <p:bldP spid="11" grpId="0"/>
      <p:bldP spid="9" grpId="0"/>
    </p:bldLst>
  </p:timing>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5" name="Content Placeholder 4"/>
          <p:cNvGraphicFramePr>
            <a:graphicFrameLocks noGrp="1"/>
          </p:cNvGraphicFramePr>
          <p:nvPr>
            <p:ph idx="1"/>
            <p:extLst>
              <p:ext uri="{D42A27DB-BD31-4B8C-83A1-F6EECF244321}">
                <p14:modId xmlns:p14="http://schemas.microsoft.com/office/powerpoint/2010/main" val="4279794098"/>
              </p:ext>
            </p:extLst>
          </p:nvPr>
        </p:nvGraphicFramePr>
        <p:xfrm>
          <a:off x="381000" y="381000"/>
          <a:ext cx="8610600" cy="5867400"/>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7" name="Content Placeholder 3"/>
          <p:cNvGraphicFramePr>
            <a:graphicFrameLocks/>
          </p:cNvGraphicFramePr>
          <p:nvPr>
            <p:extLst>
              <p:ext uri="{D42A27DB-BD31-4B8C-83A1-F6EECF244321}">
                <p14:modId xmlns:p14="http://schemas.microsoft.com/office/powerpoint/2010/main" val="3691308966"/>
              </p:ext>
            </p:extLst>
          </p:nvPr>
        </p:nvGraphicFramePr>
        <p:xfrm>
          <a:off x="339725" y="5867400"/>
          <a:ext cx="8458199" cy="590550"/>
        </p:xfrm>
        <a:graphic>
          <a:graphicData uri="http://schemas.openxmlformats.org/drawingml/2006/table">
            <a:tbl>
              <a:tblPr>
                <a:effectLst>
                  <a:outerShdw blurRad="50800" dist="38100" dir="2700000" algn="tl" rotWithShape="0">
                    <a:prstClr val="black">
                      <a:alpha val="40000"/>
                    </a:prstClr>
                  </a:outerShdw>
                </a:effectLst>
                <a:tableStyleId>{AF606853-7671-496A-8E4F-DF71F8EC918B}</a:tableStyleId>
              </a:tblPr>
              <a:tblGrid>
                <a:gridCol w="1336675"/>
                <a:gridCol w="1863725"/>
                <a:gridCol w="2926236"/>
                <a:gridCol w="2331563"/>
              </a:tblGrid>
              <a:tr h="295275">
                <a:tc>
                  <a:txBody>
                    <a:bodyPr/>
                    <a:lstStyle/>
                    <a:p>
                      <a:pPr algn="ctr" fontAlgn="b"/>
                      <a:r>
                        <a:rPr lang="en-US" sz="1800" u="none" strike="noStrike" dirty="0" smtClean="0">
                          <a:effectLst/>
                        </a:rPr>
                        <a:t>Water Year</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a:effectLst/>
                        </a:rPr>
                        <a:t>Year Type</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smtClean="0">
                          <a:effectLst/>
                        </a:rPr>
                        <a:t>Excess Flow Period</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smtClean="0">
                          <a:effectLst/>
                        </a:rPr>
                        <a:t>Reoperation Benefit</a:t>
                      </a:r>
                      <a:endParaRPr lang="en-US" sz="1800" b="1" i="0" u="none" strike="noStrike" dirty="0">
                        <a:solidFill>
                          <a:srgbClr val="000000"/>
                        </a:solidFill>
                        <a:effectLst/>
                        <a:latin typeface="Book Antiqua" panose="02040602050305030304" pitchFamily="18" charset="0"/>
                      </a:endParaRPr>
                    </a:p>
                  </a:txBody>
                  <a:tcPr marL="9525" marR="9525" marT="9525" marB="0" anchor="ctr"/>
                </a:tc>
              </a:tr>
              <a:tr h="295275">
                <a:tc>
                  <a:txBody>
                    <a:bodyPr/>
                    <a:lstStyle/>
                    <a:p>
                      <a:pPr algn="ctr" fontAlgn="b"/>
                      <a:r>
                        <a:rPr lang="en-US" sz="1800" u="none" strike="noStrike" dirty="0" smtClean="0">
                          <a:effectLst/>
                        </a:rPr>
                        <a:t>2009-2010</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Below Normal</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1/20/2010 - 3/16/2010</a:t>
                      </a: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450,000 AF</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r>
            </a:tbl>
          </a:graphicData>
        </a:graphic>
      </p:graphicFrame>
      <p:pic>
        <p:nvPicPr>
          <p:cNvPr id="8" name="Picture 7"/>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r="73070" b="72802"/>
          <a:stretch/>
        </p:blipFill>
        <p:spPr bwMode="auto">
          <a:xfrm>
            <a:off x="-82550" y="-76200"/>
            <a:ext cx="2505239" cy="1876865"/>
          </a:xfrm>
          <a:prstGeom prst="flowChartDocument">
            <a:avLst/>
          </a:prstGeom>
          <a:noFill/>
          <a:ln>
            <a:noFill/>
          </a:ln>
          <a:effectLst>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itle 2"/>
          <p:cNvSpPr>
            <a:spLocks noGrp="1"/>
          </p:cNvSpPr>
          <p:nvPr>
            <p:ph type="title"/>
          </p:nvPr>
        </p:nvSpPr>
        <p:spPr bwMode="ltGray">
          <a:xfrm>
            <a:off x="381000" y="374404"/>
            <a:ext cx="8382000" cy="997196"/>
          </a:xfrm>
        </p:spPr>
        <p:txBody>
          <a:bodyPr/>
          <a:lstStyle/>
          <a:p>
            <a:pPr algn="r"/>
            <a:r>
              <a:rPr lang="en-US" sz="4000" dirty="0" smtClean="0"/>
              <a:t>Excess Storm Flows – WY 2009-2010</a:t>
            </a:r>
            <a:br>
              <a:rPr lang="en-US" sz="4000" dirty="0" smtClean="0"/>
            </a:br>
            <a:r>
              <a:rPr lang="en-US" sz="3200" dirty="0">
                <a:solidFill>
                  <a:schemeClr val="tx1"/>
                </a:solidFill>
              </a:rPr>
              <a:t>Reoperation Analysis with </a:t>
            </a:r>
            <a:r>
              <a:rPr lang="en-US" sz="3200" dirty="0" smtClean="0">
                <a:solidFill>
                  <a:schemeClr val="tx1"/>
                </a:solidFill>
              </a:rPr>
              <a:t>BDCP Cal Water Fix Alt. 4A</a:t>
            </a:r>
            <a:endParaRPr lang="en-US" sz="4000" dirty="0"/>
          </a:p>
        </p:txBody>
      </p:sp>
    </p:spTree>
    <p:extLst>
      <p:ext uri="{BB962C8B-B14F-4D97-AF65-F5344CB8AC3E}">
        <p14:creationId xmlns:p14="http://schemas.microsoft.com/office/powerpoint/2010/main" val="1103219641"/>
      </p:ext>
    </p:extLst>
  </p:cSld>
  <p:clrMapOvr>
    <a:masterClrMapping/>
  </p:clrMapOvr>
  <p:transition>
    <p:fade/>
  </p:transition>
  <p:timing>
    <p:tnLst>
      <p:par>
        <p:cTn id="1" dur="indefinite" restart="never" nodeType="tmRoot"/>
      </p:par>
    </p:tnLst>
  </p:timing>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5" name="Content Placeholder 4"/>
          <p:cNvGraphicFramePr>
            <a:graphicFrameLocks noGrp="1"/>
          </p:cNvGraphicFramePr>
          <p:nvPr>
            <p:ph idx="1"/>
            <p:extLst>
              <p:ext uri="{D42A27DB-BD31-4B8C-83A1-F6EECF244321}">
                <p14:modId xmlns:p14="http://schemas.microsoft.com/office/powerpoint/2010/main" val="2840026829"/>
              </p:ext>
            </p:extLst>
          </p:nvPr>
        </p:nvGraphicFramePr>
        <p:xfrm>
          <a:off x="381000" y="457200"/>
          <a:ext cx="8610600" cy="5791200"/>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7" name="Content Placeholder 3"/>
          <p:cNvGraphicFramePr>
            <a:graphicFrameLocks/>
          </p:cNvGraphicFramePr>
          <p:nvPr>
            <p:extLst>
              <p:ext uri="{D42A27DB-BD31-4B8C-83A1-F6EECF244321}">
                <p14:modId xmlns:p14="http://schemas.microsoft.com/office/powerpoint/2010/main" val="1313296604"/>
              </p:ext>
            </p:extLst>
          </p:nvPr>
        </p:nvGraphicFramePr>
        <p:xfrm>
          <a:off x="339725" y="5867400"/>
          <a:ext cx="8458199" cy="590550"/>
        </p:xfrm>
        <a:graphic>
          <a:graphicData uri="http://schemas.openxmlformats.org/drawingml/2006/table">
            <a:tbl>
              <a:tblPr>
                <a:tableStyleId>{AF606853-7671-496A-8E4F-DF71F8EC918B}</a:tableStyleId>
              </a:tblPr>
              <a:tblGrid>
                <a:gridCol w="1336675"/>
                <a:gridCol w="1863725"/>
                <a:gridCol w="2926236"/>
                <a:gridCol w="2331563"/>
              </a:tblGrid>
              <a:tr h="295275">
                <a:tc>
                  <a:txBody>
                    <a:bodyPr/>
                    <a:lstStyle/>
                    <a:p>
                      <a:pPr algn="ctr" fontAlgn="b"/>
                      <a:r>
                        <a:rPr lang="en-US" sz="1800" u="none" strike="noStrike" dirty="0" smtClean="0">
                          <a:effectLst/>
                        </a:rPr>
                        <a:t>Water Year</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a:effectLst/>
                        </a:rPr>
                        <a:t>Year Type</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smtClean="0">
                          <a:effectLst/>
                        </a:rPr>
                        <a:t>Excess Flow Period</a:t>
                      </a:r>
                      <a:endParaRPr lang="en-US" sz="1800" b="1" i="0" u="none" strike="noStrike" dirty="0">
                        <a:solidFill>
                          <a:srgbClr val="000000"/>
                        </a:solidFill>
                        <a:effectLst/>
                        <a:latin typeface="Book Antiqua" panose="02040602050305030304" pitchFamily="18" charset="0"/>
                      </a:endParaRPr>
                    </a:p>
                  </a:txBody>
                  <a:tcPr marL="9525" marR="9525" marT="9525" marB="0" anchor="ctr"/>
                </a:tc>
                <a:tc>
                  <a:txBody>
                    <a:bodyPr/>
                    <a:lstStyle/>
                    <a:p>
                      <a:pPr algn="ctr" fontAlgn="b"/>
                      <a:r>
                        <a:rPr lang="en-US" sz="1800" u="none" strike="noStrike" dirty="0" smtClean="0">
                          <a:effectLst/>
                        </a:rPr>
                        <a:t>Reoperation Benefit</a:t>
                      </a:r>
                      <a:endParaRPr lang="en-US" sz="1800" b="1" i="0" u="none" strike="noStrike" dirty="0">
                        <a:solidFill>
                          <a:srgbClr val="000000"/>
                        </a:solidFill>
                        <a:effectLst/>
                        <a:latin typeface="Book Antiqua" panose="02040602050305030304" pitchFamily="18" charset="0"/>
                      </a:endParaRPr>
                    </a:p>
                  </a:txBody>
                  <a:tcPr marL="9525" marR="9525" marT="9525" marB="0" anchor="ctr"/>
                </a:tc>
              </a:tr>
              <a:tr h="295275">
                <a:tc>
                  <a:txBody>
                    <a:bodyPr/>
                    <a:lstStyle/>
                    <a:p>
                      <a:pPr algn="ctr" fontAlgn="b"/>
                      <a:r>
                        <a:rPr lang="en-US" sz="1800" u="none" strike="noStrike" dirty="0" smtClean="0">
                          <a:effectLst/>
                        </a:rPr>
                        <a:t>2010-2011</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Wet</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12/07/2010 -7/11/2011</a:t>
                      </a:r>
                    </a:p>
                  </a:txBody>
                  <a:tcPr marL="9525" marR="9525" marT="9525" marB="0" anchor="ctr">
                    <a:solidFill>
                      <a:schemeClr val="bg1">
                        <a:lumMod val="85000"/>
                        <a:lumOff val="15000"/>
                      </a:schemeClr>
                    </a:solidFill>
                  </a:tcPr>
                </a:tc>
                <a:tc>
                  <a:txBody>
                    <a:bodyPr/>
                    <a:lstStyle/>
                    <a:p>
                      <a:pPr algn="ctr" fontAlgn="b"/>
                      <a:r>
                        <a:rPr lang="en-US" sz="1800" u="none" strike="noStrike" dirty="0" smtClean="0">
                          <a:effectLst/>
                        </a:rPr>
                        <a:t>2,530,000 AF</a:t>
                      </a:r>
                      <a:endParaRPr lang="en-US" sz="1800" b="1" i="0" u="none" strike="noStrike" dirty="0">
                        <a:solidFill>
                          <a:srgbClr val="000000"/>
                        </a:solidFill>
                        <a:effectLst/>
                        <a:latin typeface="Calibri"/>
                      </a:endParaRPr>
                    </a:p>
                  </a:txBody>
                  <a:tcPr marL="9525" marR="9525" marT="9525" marB="0" anchor="ctr">
                    <a:solidFill>
                      <a:schemeClr val="bg1">
                        <a:lumMod val="85000"/>
                        <a:lumOff val="15000"/>
                      </a:schemeClr>
                    </a:solidFill>
                  </a:tcPr>
                </a:tc>
              </a:tr>
            </a:tbl>
          </a:graphicData>
        </a:graphic>
      </p:graphicFrame>
      <p:pic>
        <p:nvPicPr>
          <p:cNvPr id="8" name="Picture 7"/>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r="73070" b="72802"/>
          <a:stretch/>
        </p:blipFill>
        <p:spPr bwMode="auto">
          <a:xfrm>
            <a:off x="-82550" y="-76200"/>
            <a:ext cx="2505239" cy="1876865"/>
          </a:xfrm>
          <a:prstGeom prst="flowChartDocument">
            <a:avLst/>
          </a:prstGeom>
          <a:noFill/>
          <a:ln>
            <a:noFill/>
          </a:ln>
          <a:effectLst>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itle 2"/>
          <p:cNvSpPr>
            <a:spLocks noGrp="1"/>
          </p:cNvSpPr>
          <p:nvPr>
            <p:ph type="title"/>
          </p:nvPr>
        </p:nvSpPr>
        <p:spPr bwMode="ltGray">
          <a:xfrm>
            <a:off x="381000" y="374404"/>
            <a:ext cx="8382000" cy="997196"/>
          </a:xfrm>
        </p:spPr>
        <p:txBody>
          <a:bodyPr/>
          <a:lstStyle/>
          <a:p>
            <a:pPr algn="r"/>
            <a:r>
              <a:rPr lang="en-US" sz="4000" dirty="0" smtClean="0"/>
              <a:t>Excess Storm Flows – WY 2010-2011</a:t>
            </a:r>
            <a:br>
              <a:rPr lang="en-US" sz="4000" dirty="0" smtClean="0"/>
            </a:br>
            <a:r>
              <a:rPr lang="en-US" sz="3200" dirty="0">
                <a:solidFill>
                  <a:schemeClr val="tx1"/>
                </a:solidFill>
              </a:rPr>
              <a:t>Reoperation Analysis with </a:t>
            </a:r>
            <a:r>
              <a:rPr lang="en-US" sz="3200" dirty="0" smtClean="0">
                <a:solidFill>
                  <a:schemeClr val="tx1"/>
                </a:solidFill>
              </a:rPr>
              <a:t>BDCP Cal Water Fix Alt. 4A</a:t>
            </a:r>
            <a:endParaRPr lang="en-US" sz="4000" dirty="0"/>
          </a:p>
        </p:txBody>
      </p:sp>
    </p:spTree>
    <p:extLst>
      <p:ext uri="{BB962C8B-B14F-4D97-AF65-F5344CB8AC3E}">
        <p14:creationId xmlns:p14="http://schemas.microsoft.com/office/powerpoint/2010/main" val="2370307624"/>
      </p:ext>
    </p:extLst>
  </p:cSld>
  <p:clrMapOvr>
    <a:masterClrMapping/>
  </p:clrMapOvr>
  <p:transition>
    <p:fade/>
  </p:transition>
  <p:timing>
    <p:tnLst>
      <p:par>
        <p:cTn id="1" dur="indefinite" restart="never" nodeType="tmRoot"/>
      </p:par>
    </p:tnLst>
  </p:timing>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a:xfrm>
            <a:off x="457200" y="2819603"/>
            <a:ext cx="8229600" cy="1218795"/>
          </a:xfrm>
        </p:spPr>
        <p:txBody>
          <a:bodyPr/>
          <a:lstStyle/>
          <a:p>
            <a:r>
              <a:rPr lang="en-US" dirty="0" smtClean="0"/>
              <a:t>Water Quality</a:t>
            </a:r>
            <a:br>
              <a:rPr lang="en-US" dirty="0" smtClean="0"/>
            </a:br>
            <a:r>
              <a:rPr lang="en-US" dirty="0" smtClean="0"/>
              <a:t>Analysis</a:t>
            </a:r>
            <a:endParaRPr lang="en-US" dirty="0"/>
          </a:p>
        </p:txBody>
      </p:sp>
    </p:spTree>
    <p:custDataLst>
      <p:tags r:id="rId1"/>
    </p:custDataLst>
    <p:extLst>
      <p:ext uri="{BB962C8B-B14F-4D97-AF65-F5344CB8AC3E}">
        <p14:creationId xmlns:p14="http://schemas.microsoft.com/office/powerpoint/2010/main" val="2718263666"/>
      </p:ext>
    </p:extLst>
  </p:cSld>
  <p:clrMapOvr>
    <a:masterClrMapping/>
  </p:clrMapOvr>
  <p:transition spd="med">
    <p:fade/>
  </p:transition>
  <p:timing>
    <p:tnLst>
      <p:par>
        <p:cTn id="1" dur="indefinite" restart="never" nodeType="tmRoot"/>
      </p:par>
    </p:tnLst>
  </p:timing>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t="6435" b="5219"/>
          <a:stretch/>
        </p:blipFill>
        <p:spPr>
          <a:xfrm>
            <a:off x="1504418" y="227462"/>
            <a:ext cx="5871639" cy="6260651"/>
          </a:xfrm>
          <a:prstGeom prst="rect">
            <a:avLst/>
          </a:prstGeom>
          <a:noFill/>
          <a:ln>
            <a:noFill/>
          </a:ln>
          <a:effectLst>
            <a:glow rad="228600">
              <a:schemeClr val="accent1">
                <a:satMod val="175000"/>
                <a:alpha val="40000"/>
              </a:schemeClr>
            </a:glow>
          </a:effectLst>
        </p:spPr>
      </p:pic>
      <p:pic>
        <p:nvPicPr>
          <p:cNvPr id="10248" name="Picture 9" descr="MWD Service Area1.gif"/>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95895" y="4930774"/>
            <a:ext cx="1866900" cy="139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Freeform 5"/>
          <p:cNvSpPr>
            <a:spLocks/>
          </p:cNvSpPr>
          <p:nvPr/>
        </p:nvSpPr>
        <p:spPr bwMode="ltGray">
          <a:xfrm>
            <a:off x="2538582" y="1185862"/>
            <a:ext cx="477837" cy="1633538"/>
          </a:xfrm>
          <a:custGeom>
            <a:avLst/>
            <a:gdLst/>
            <a:ahLst/>
            <a:cxnLst>
              <a:cxn ang="0">
                <a:pos x="0" y="0"/>
              </a:cxn>
              <a:cxn ang="0">
                <a:pos x="24" y="36"/>
              </a:cxn>
              <a:cxn ang="0">
                <a:pos x="21" y="63"/>
              </a:cxn>
              <a:cxn ang="0">
                <a:pos x="18" y="72"/>
              </a:cxn>
              <a:cxn ang="0">
                <a:pos x="39" y="87"/>
              </a:cxn>
              <a:cxn ang="0">
                <a:pos x="48" y="90"/>
              </a:cxn>
              <a:cxn ang="0">
                <a:pos x="60" y="144"/>
              </a:cxn>
              <a:cxn ang="0">
                <a:pos x="81" y="171"/>
              </a:cxn>
              <a:cxn ang="0">
                <a:pos x="81" y="240"/>
              </a:cxn>
              <a:cxn ang="0">
                <a:pos x="123" y="270"/>
              </a:cxn>
              <a:cxn ang="0">
                <a:pos x="159" y="312"/>
              </a:cxn>
              <a:cxn ang="0">
                <a:pos x="174" y="408"/>
              </a:cxn>
              <a:cxn ang="0">
                <a:pos x="174" y="462"/>
              </a:cxn>
              <a:cxn ang="0">
                <a:pos x="180" y="480"/>
              </a:cxn>
              <a:cxn ang="0">
                <a:pos x="153" y="537"/>
              </a:cxn>
              <a:cxn ang="0">
                <a:pos x="180" y="636"/>
              </a:cxn>
              <a:cxn ang="0">
                <a:pos x="207" y="687"/>
              </a:cxn>
              <a:cxn ang="0">
                <a:pos x="246" y="741"/>
              </a:cxn>
              <a:cxn ang="0">
                <a:pos x="249" y="774"/>
              </a:cxn>
              <a:cxn ang="0">
                <a:pos x="252" y="822"/>
              </a:cxn>
              <a:cxn ang="0">
                <a:pos x="282" y="855"/>
              </a:cxn>
              <a:cxn ang="0">
                <a:pos x="282" y="969"/>
              </a:cxn>
              <a:cxn ang="0">
                <a:pos x="261" y="996"/>
              </a:cxn>
              <a:cxn ang="0">
                <a:pos x="234" y="1014"/>
              </a:cxn>
              <a:cxn ang="0">
                <a:pos x="192" y="1011"/>
              </a:cxn>
              <a:cxn ang="0">
                <a:pos x="192" y="1029"/>
              </a:cxn>
            </a:cxnLst>
            <a:rect l="0" t="0" r="r" b="b"/>
            <a:pathLst>
              <a:path w="301" h="1029">
                <a:moveTo>
                  <a:pt x="0" y="0"/>
                </a:moveTo>
                <a:cubicBezTo>
                  <a:pt x="4" y="16"/>
                  <a:pt x="10" y="27"/>
                  <a:pt x="24" y="36"/>
                </a:cubicBezTo>
                <a:cubicBezTo>
                  <a:pt x="29" y="51"/>
                  <a:pt x="28" y="42"/>
                  <a:pt x="21" y="63"/>
                </a:cubicBezTo>
                <a:cubicBezTo>
                  <a:pt x="20" y="66"/>
                  <a:pt x="18" y="72"/>
                  <a:pt x="18" y="72"/>
                </a:cubicBezTo>
                <a:cubicBezTo>
                  <a:pt x="23" y="87"/>
                  <a:pt x="18" y="80"/>
                  <a:pt x="39" y="87"/>
                </a:cubicBezTo>
                <a:cubicBezTo>
                  <a:pt x="42" y="88"/>
                  <a:pt x="48" y="90"/>
                  <a:pt x="48" y="90"/>
                </a:cubicBezTo>
                <a:cubicBezTo>
                  <a:pt x="62" y="111"/>
                  <a:pt x="52" y="115"/>
                  <a:pt x="60" y="144"/>
                </a:cubicBezTo>
                <a:cubicBezTo>
                  <a:pt x="63" y="155"/>
                  <a:pt x="81" y="171"/>
                  <a:pt x="81" y="171"/>
                </a:cubicBezTo>
                <a:cubicBezTo>
                  <a:pt x="80" y="190"/>
                  <a:pt x="75" y="220"/>
                  <a:pt x="81" y="240"/>
                </a:cubicBezTo>
                <a:cubicBezTo>
                  <a:pt x="86" y="257"/>
                  <a:pt x="110" y="263"/>
                  <a:pt x="123" y="270"/>
                </a:cubicBezTo>
                <a:cubicBezTo>
                  <a:pt x="138" y="277"/>
                  <a:pt x="154" y="297"/>
                  <a:pt x="159" y="312"/>
                </a:cubicBezTo>
                <a:cubicBezTo>
                  <a:pt x="170" y="344"/>
                  <a:pt x="172" y="374"/>
                  <a:pt x="174" y="408"/>
                </a:cubicBezTo>
                <a:cubicBezTo>
                  <a:pt x="171" y="433"/>
                  <a:pt x="169" y="435"/>
                  <a:pt x="174" y="462"/>
                </a:cubicBezTo>
                <a:cubicBezTo>
                  <a:pt x="175" y="468"/>
                  <a:pt x="180" y="480"/>
                  <a:pt x="180" y="480"/>
                </a:cubicBezTo>
                <a:cubicBezTo>
                  <a:pt x="176" y="511"/>
                  <a:pt x="162" y="511"/>
                  <a:pt x="153" y="537"/>
                </a:cubicBezTo>
                <a:cubicBezTo>
                  <a:pt x="148" y="582"/>
                  <a:pt x="156" y="601"/>
                  <a:pt x="180" y="636"/>
                </a:cubicBezTo>
                <a:cubicBezTo>
                  <a:pt x="192" y="654"/>
                  <a:pt x="183" y="679"/>
                  <a:pt x="207" y="687"/>
                </a:cubicBezTo>
                <a:cubicBezTo>
                  <a:pt x="219" y="705"/>
                  <a:pt x="230" y="725"/>
                  <a:pt x="246" y="741"/>
                </a:cubicBezTo>
                <a:cubicBezTo>
                  <a:pt x="254" y="764"/>
                  <a:pt x="253" y="753"/>
                  <a:pt x="249" y="774"/>
                </a:cubicBezTo>
                <a:cubicBezTo>
                  <a:pt x="250" y="790"/>
                  <a:pt x="249" y="806"/>
                  <a:pt x="252" y="822"/>
                </a:cubicBezTo>
                <a:cubicBezTo>
                  <a:pt x="254" y="833"/>
                  <a:pt x="276" y="845"/>
                  <a:pt x="282" y="855"/>
                </a:cubicBezTo>
                <a:cubicBezTo>
                  <a:pt x="288" y="888"/>
                  <a:pt x="301" y="941"/>
                  <a:pt x="282" y="969"/>
                </a:cubicBezTo>
                <a:cubicBezTo>
                  <a:pt x="276" y="978"/>
                  <a:pt x="267" y="987"/>
                  <a:pt x="261" y="996"/>
                </a:cubicBezTo>
                <a:cubicBezTo>
                  <a:pt x="255" y="1005"/>
                  <a:pt x="234" y="1014"/>
                  <a:pt x="234" y="1014"/>
                </a:cubicBezTo>
                <a:cubicBezTo>
                  <a:pt x="194" y="1011"/>
                  <a:pt x="208" y="1011"/>
                  <a:pt x="192" y="1011"/>
                </a:cubicBezTo>
                <a:lnTo>
                  <a:pt x="192" y="1029"/>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4" name="Freeform 6"/>
          <p:cNvSpPr>
            <a:spLocks/>
          </p:cNvSpPr>
          <p:nvPr/>
        </p:nvSpPr>
        <p:spPr bwMode="auto">
          <a:xfrm>
            <a:off x="1933745" y="666749"/>
            <a:ext cx="566737" cy="528638"/>
          </a:xfrm>
          <a:custGeom>
            <a:avLst/>
            <a:gdLst/>
            <a:ahLst/>
            <a:cxnLst>
              <a:cxn ang="0">
                <a:pos x="357" y="312"/>
              </a:cxn>
              <a:cxn ang="0">
                <a:pos x="321" y="333"/>
              </a:cxn>
              <a:cxn ang="0">
                <a:pos x="273" y="306"/>
              </a:cxn>
              <a:cxn ang="0">
                <a:pos x="237" y="309"/>
              </a:cxn>
              <a:cxn ang="0">
                <a:pos x="213" y="315"/>
              </a:cxn>
              <a:cxn ang="0">
                <a:pos x="189" y="309"/>
              </a:cxn>
              <a:cxn ang="0">
                <a:pos x="150" y="261"/>
              </a:cxn>
              <a:cxn ang="0">
                <a:pos x="114" y="237"/>
              </a:cxn>
              <a:cxn ang="0">
                <a:pos x="96" y="225"/>
              </a:cxn>
              <a:cxn ang="0">
                <a:pos x="90" y="207"/>
              </a:cxn>
              <a:cxn ang="0">
                <a:pos x="87" y="198"/>
              </a:cxn>
              <a:cxn ang="0">
                <a:pos x="84" y="156"/>
              </a:cxn>
              <a:cxn ang="0">
                <a:pos x="21" y="75"/>
              </a:cxn>
              <a:cxn ang="0">
                <a:pos x="0" y="0"/>
              </a:cxn>
            </a:cxnLst>
            <a:rect l="0" t="0" r="r" b="b"/>
            <a:pathLst>
              <a:path w="357" h="333">
                <a:moveTo>
                  <a:pt x="357" y="312"/>
                </a:moveTo>
                <a:cubicBezTo>
                  <a:pt x="345" y="320"/>
                  <a:pt x="335" y="328"/>
                  <a:pt x="321" y="333"/>
                </a:cubicBezTo>
                <a:cubicBezTo>
                  <a:pt x="301" y="328"/>
                  <a:pt x="291" y="312"/>
                  <a:pt x="273" y="306"/>
                </a:cubicBezTo>
                <a:cubicBezTo>
                  <a:pt x="261" y="307"/>
                  <a:pt x="249" y="307"/>
                  <a:pt x="237" y="309"/>
                </a:cubicBezTo>
                <a:cubicBezTo>
                  <a:pt x="229" y="310"/>
                  <a:pt x="213" y="315"/>
                  <a:pt x="213" y="315"/>
                </a:cubicBezTo>
                <a:cubicBezTo>
                  <a:pt x="205" y="313"/>
                  <a:pt x="195" y="315"/>
                  <a:pt x="189" y="309"/>
                </a:cubicBezTo>
                <a:cubicBezTo>
                  <a:pt x="168" y="288"/>
                  <a:pt x="179" y="280"/>
                  <a:pt x="150" y="261"/>
                </a:cubicBezTo>
                <a:cubicBezTo>
                  <a:pt x="138" y="253"/>
                  <a:pt x="126" y="246"/>
                  <a:pt x="114" y="237"/>
                </a:cubicBezTo>
                <a:cubicBezTo>
                  <a:pt x="108" y="233"/>
                  <a:pt x="96" y="225"/>
                  <a:pt x="96" y="225"/>
                </a:cubicBezTo>
                <a:cubicBezTo>
                  <a:pt x="94" y="219"/>
                  <a:pt x="92" y="213"/>
                  <a:pt x="90" y="207"/>
                </a:cubicBezTo>
                <a:cubicBezTo>
                  <a:pt x="89" y="204"/>
                  <a:pt x="87" y="198"/>
                  <a:pt x="87" y="198"/>
                </a:cubicBezTo>
                <a:cubicBezTo>
                  <a:pt x="86" y="184"/>
                  <a:pt x="86" y="170"/>
                  <a:pt x="84" y="156"/>
                </a:cubicBezTo>
                <a:cubicBezTo>
                  <a:pt x="80" y="120"/>
                  <a:pt x="39" y="102"/>
                  <a:pt x="21" y="75"/>
                </a:cubicBezTo>
                <a:cubicBezTo>
                  <a:pt x="17" y="52"/>
                  <a:pt x="18" y="18"/>
                  <a:pt x="0" y="0"/>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5" name="Freeform 7"/>
          <p:cNvSpPr>
            <a:spLocks/>
          </p:cNvSpPr>
          <p:nvPr/>
        </p:nvSpPr>
        <p:spPr bwMode="ltGray">
          <a:xfrm>
            <a:off x="2919582" y="1928812"/>
            <a:ext cx="100012" cy="471488"/>
          </a:xfrm>
          <a:custGeom>
            <a:avLst/>
            <a:gdLst/>
            <a:ahLst/>
            <a:cxnLst>
              <a:cxn ang="0">
                <a:pos x="33" y="0"/>
              </a:cxn>
              <a:cxn ang="0">
                <a:pos x="30" y="9"/>
              </a:cxn>
              <a:cxn ang="0">
                <a:pos x="24" y="18"/>
              </a:cxn>
              <a:cxn ang="0">
                <a:pos x="18" y="36"/>
              </a:cxn>
              <a:cxn ang="0">
                <a:pos x="42" y="81"/>
              </a:cxn>
              <a:cxn ang="0">
                <a:pos x="57" y="108"/>
              </a:cxn>
              <a:cxn ang="0">
                <a:pos x="63" y="126"/>
              </a:cxn>
              <a:cxn ang="0">
                <a:pos x="12" y="297"/>
              </a:cxn>
              <a:cxn ang="0">
                <a:pos x="0" y="273"/>
              </a:cxn>
            </a:cxnLst>
            <a:rect l="0" t="0" r="r" b="b"/>
            <a:pathLst>
              <a:path w="63" h="297">
                <a:moveTo>
                  <a:pt x="33" y="0"/>
                </a:moveTo>
                <a:cubicBezTo>
                  <a:pt x="32" y="3"/>
                  <a:pt x="31" y="6"/>
                  <a:pt x="30" y="9"/>
                </a:cubicBezTo>
                <a:cubicBezTo>
                  <a:pt x="28" y="12"/>
                  <a:pt x="25" y="15"/>
                  <a:pt x="24" y="18"/>
                </a:cubicBezTo>
                <a:cubicBezTo>
                  <a:pt x="21" y="24"/>
                  <a:pt x="18" y="36"/>
                  <a:pt x="18" y="36"/>
                </a:cubicBezTo>
                <a:cubicBezTo>
                  <a:pt x="24" y="53"/>
                  <a:pt x="29" y="68"/>
                  <a:pt x="42" y="81"/>
                </a:cubicBezTo>
                <a:cubicBezTo>
                  <a:pt x="45" y="91"/>
                  <a:pt x="54" y="98"/>
                  <a:pt x="57" y="108"/>
                </a:cubicBezTo>
                <a:cubicBezTo>
                  <a:pt x="59" y="114"/>
                  <a:pt x="63" y="126"/>
                  <a:pt x="63" y="126"/>
                </a:cubicBezTo>
                <a:cubicBezTo>
                  <a:pt x="60" y="176"/>
                  <a:pt x="51" y="258"/>
                  <a:pt x="12" y="297"/>
                </a:cubicBezTo>
                <a:lnTo>
                  <a:pt x="0" y="273"/>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6" name="Freeform 8"/>
          <p:cNvSpPr>
            <a:spLocks/>
          </p:cNvSpPr>
          <p:nvPr/>
        </p:nvSpPr>
        <p:spPr bwMode="ltGray">
          <a:xfrm>
            <a:off x="2986257" y="2409824"/>
            <a:ext cx="242887" cy="166688"/>
          </a:xfrm>
          <a:custGeom>
            <a:avLst/>
            <a:gdLst/>
            <a:ahLst/>
            <a:cxnLst>
              <a:cxn ang="0">
                <a:pos x="153" y="0"/>
              </a:cxn>
              <a:cxn ang="0">
                <a:pos x="63" y="63"/>
              </a:cxn>
              <a:cxn ang="0">
                <a:pos x="21" y="69"/>
              </a:cxn>
              <a:cxn ang="0">
                <a:pos x="0" y="105"/>
              </a:cxn>
            </a:cxnLst>
            <a:rect l="0" t="0" r="r" b="b"/>
            <a:pathLst>
              <a:path w="153" h="105">
                <a:moveTo>
                  <a:pt x="153" y="0"/>
                </a:moveTo>
                <a:cubicBezTo>
                  <a:pt x="144" y="38"/>
                  <a:pt x="99" y="57"/>
                  <a:pt x="63" y="63"/>
                </a:cubicBezTo>
                <a:cubicBezTo>
                  <a:pt x="49" y="65"/>
                  <a:pt x="21" y="69"/>
                  <a:pt x="21" y="69"/>
                </a:cubicBezTo>
                <a:cubicBezTo>
                  <a:pt x="1" y="76"/>
                  <a:pt x="0" y="85"/>
                  <a:pt x="0" y="105"/>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7" name="Freeform 9"/>
          <p:cNvSpPr>
            <a:spLocks/>
          </p:cNvSpPr>
          <p:nvPr/>
        </p:nvSpPr>
        <p:spPr bwMode="ltGray">
          <a:xfrm>
            <a:off x="2843382" y="2800349"/>
            <a:ext cx="1171575" cy="819150"/>
          </a:xfrm>
          <a:custGeom>
            <a:avLst/>
            <a:gdLst/>
            <a:ahLst/>
            <a:cxnLst>
              <a:cxn ang="0">
                <a:pos x="738" y="453"/>
              </a:cxn>
              <a:cxn ang="0">
                <a:pos x="696" y="462"/>
              </a:cxn>
              <a:cxn ang="0">
                <a:pos x="678" y="468"/>
              </a:cxn>
              <a:cxn ang="0">
                <a:pos x="654" y="504"/>
              </a:cxn>
              <a:cxn ang="0">
                <a:pos x="627" y="516"/>
              </a:cxn>
              <a:cxn ang="0">
                <a:pos x="516" y="498"/>
              </a:cxn>
              <a:cxn ang="0">
                <a:pos x="477" y="465"/>
              </a:cxn>
              <a:cxn ang="0">
                <a:pos x="462" y="384"/>
              </a:cxn>
              <a:cxn ang="0">
                <a:pos x="456" y="366"/>
              </a:cxn>
              <a:cxn ang="0">
                <a:pos x="420" y="342"/>
              </a:cxn>
              <a:cxn ang="0">
                <a:pos x="354" y="315"/>
              </a:cxn>
              <a:cxn ang="0">
                <a:pos x="333" y="288"/>
              </a:cxn>
              <a:cxn ang="0">
                <a:pos x="315" y="270"/>
              </a:cxn>
              <a:cxn ang="0">
                <a:pos x="237" y="129"/>
              </a:cxn>
              <a:cxn ang="0">
                <a:pos x="201" y="78"/>
              </a:cxn>
              <a:cxn ang="0">
                <a:pos x="171" y="45"/>
              </a:cxn>
              <a:cxn ang="0">
                <a:pos x="156" y="18"/>
              </a:cxn>
              <a:cxn ang="0">
                <a:pos x="138" y="6"/>
              </a:cxn>
              <a:cxn ang="0">
                <a:pos x="120" y="0"/>
              </a:cxn>
              <a:cxn ang="0">
                <a:pos x="21" y="6"/>
              </a:cxn>
              <a:cxn ang="0">
                <a:pos x="0" y="12"/>
              </a:cxn>
            </a:cxnLst>
            <a:rect l="0" t="0" r="r" b="b"/>
            <a:pathLst>
              <a:path w="738" h="516">
                <a:moveTo>
                  <a:pt x="738" y="453"/>
                </a:moveTo>
                <a:cubicBezTo>
                  <a:pt x="724" y="458"/>
                  <a:pt x="710" y="458"/>
                  <a:pt x="696" y="462"/>
                </a:cubicBezTo>
                <a:cubicBezTo>
                  <a:pt x="690" y="464"/>
                  <a:pt x="678" y="468"/>
                  <a:pt x="678" y="468"/>
                </a:cubicBezTo>
                <a:cubicBezTo>
                  <a:pt x="669" y="481"/>
                  <a:pt x="666" y="494"/>
                  <a:pt x="654" y="504"/>
                </a:cubicBezTo>
                <a:cubicBezTo>
                  <a:pt x="646" y="510"/>
                  <a:pt x="627" y="516"/>
                  <a:pt x="627" y="516"/>
                </a:cubicBezTo>
                <a:cubicBezTo>
                  <a:pt x="589" y="512"/>
                  <a:pt x="554" y="501"/>
                  <a:pt x="516" y="498"/>
                </a:cubicBezTo>
                <a:cubicBezTo>
                  <a:pt x="485" y="492"/>
                  <a:pt x="493" y="488"/>
                  <a:pt x="477" y="465"/>
                </a:cubicBezTo>
                <a:cubicBezTo>
                  <a:pt x="474" y="437"/>
                  <a:pt x="469" y="411"/>
                  <a:pt x="462" y="384"/>
                </a:cubicBezTo>
                <a:cubicBezTo>
                  <a:pt x="460" y="378"/>
                  <a:pt x="461" y="370"/>
                  <a:pt x="456" y="366"/>
                </a:cubicBezTo>
                <a:cubicBezTo>
                  <a:pt x="444" y="358"/>
                  <a:pt x="434" y="348"/>
                  <a:pt x="420" y="342"/>
                </a:cubicBezTo>
                <a:cubicBezTo>
                  <a:pt x="397" y="332"/>
                  <a:pt x="375" y="329"/>
                  <a:pt x="354" y="315"/>
                </a:cubicBezTo>
                <a:cubicBezTo>
                  <a:pt x="348" y="306"/>
                  <a:pt x="340" y="296"/>
                  <a:pt x="333" y="288"/>
                </a:cubicBezTo>
                <a:cubicBezTo>
                  <a:pt x="327" y="282"/>
                  <a:pt x="315" y="270"/>
                  <a:pt x="315" y="270"/>
                </a:cubicBezTo>
                <a:cubicBezTo>
                  <a:pt x="296" y="213"/>
                  <a:pt x="293" y="166"/>
                  <a:pt x="237" y="129"/>
                </a:cubicBezTo>
                <a:cubicBezTo>
                  <a:pt x="225" y="111"/>
                  <a:pt x="219" y="90"/>
                  <a:pt x="201" y="78"/>
                </a:cubicBezTo>
                <a:cubicBezTo>
                  <a:pt x="192" y="65"/>
                  <a:pt x="178" y="59"/>
                  <a:pt x="171" y="45"/>
                </a:cubicBezTo>
                <a:cubicBezTo>
                  <a:pt x="166" y="34"/>
                  <a:pt x="170" y="27"/>
                  <a:pt x="156" y="18"/>
                </a:cubicBezTo>
                <a:cubicBezTo>
                  <a:pt x="150" y="14"/>
                  <a:pt x="145" y="8"/>
                  <a:pt x="138" y="6"/>
                </a:cubicBezTo>
                <a:cubicBezTo>
                  <a:pt x="132" y="4"/>
                  <a:pt x="120" y="0"/>
                  <a:pt x="120" y="0"/>
                </a:cubicBezTo>
                <a:cubicBezTo>
                  <a:pt x="87" y="2"/>
                  <a:pt x="54" y="6"/>
                  <a:pt x="21" y="6"/>
                </a:cubicBezTo>
                <a:lnTo>
                  <a:pt x="0" y="12"/>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grpSp>
        <p:nvGrpSpPr>
          <p:cNvPr id="2" name="Group 2"/>
          <p:cNvGrpSpPr/>
          <p:nvPr/>
        </p:nvGrpSpPr>
        <p:grpSpPr bwMode="ltGray">
          <a:xfrm>
            <a:off x="5154782" y="4997449"/>
            <a:ext cx="1612900" cy="1111250"/>
            <a:chOff x="3644900" y="5289550"/>
            <a:chExt cx="1612900" cy="1111250"/>
          </a:xfrm>
        </p:grpSpPr>
        <p:sp>
          <p:nvSpPr>
            <p:cNvPr id="27" name="Freeform 51"/>
            <p:cNvSpPr>
              <a:spLocks/>
            </p:cNvSpPr>
            <p:nvPr/>
          </p:nvSpPr>
          <p:spPr bwMode="ltGray">
            <a:xfrm>
              <a:off x="3644900" y="5289550"/>
              <a:ext cx="1612900" cy="428625"/>
            </a:xfrm>
            <a:custGeom>
              <a:avLst/>
              <a:gdLst/>
              <a:ahLst/>
              <a:cxnLst>
                <a:cxn ang="0">
                  <a:pos x="1016" y="0"/>
                </a:cxn>
                <a:cxn ang="0">
                  <a:pos x="980" y="16"/>
                </a:cxn>
                <a:cxn ang="0">
                  <a:pos x="944" y="40"/>
                </a:cxn>
                <a:cxn ang="0">
                  <a:pos x="876" y="52"/>
                </a:cxn>
                <a:cxn ang="0">
                  <a:pos x="800" y="96"/>
                </a:cxn>
                <a:cxn ang="0">
                  <a:pos x="780" y="92"/>
                </a:cxn>
                <a:cxn ang="0">
                  <a:pos x="756" y="100"/>
                </a:cxn>
                <a:cxn ang="0">
                  <a:pos x="684" y="84"/>
                </a:cxn>
                <a:cxn ang="0">
                  <a:pos x="664" y="120"/>
                </a:cxn>
                <a:cxn ang="0">
                  <a:pos x="612" y="188"/>
                </a:cxn>
                <a:cxn ang="0">
                  <a:pos x="588" y="236"/>
                </a:cxn>
                <a:cxn ang="0">
                  <a:pos x="564" y="252"/>
                </a:cxn>
                <a:cxn ang="0">
                  <a:pos x="540" y="260"/>
                </a:cxn>
                <a:cxn ang="0">
                  <a:pos x="452" y="252"/>
                </a:cxn>
                <a:cxn ang="0">
                  <a:pos x="304" y="160"/>
                </a:cxn>
                <a:cxn ang="0">
                  <a:pos x="208" y="184"/>
                </a:cxn>
                <a:cxn ang="0">
                  <a:pos x="128" y="228"/>
                </a:cxn>
                <a:cxn ang="0">
                  <a:pos x="0" y="228"/>
                </a:cxn>
              </a:cxnLst>
              <a:rect l="0" t="0" r="r" b="b"/>
              <a:pathLst>
                <a:path w="1016" h="270">
                  <a:moveTo>
                    <a:pt x="1016" y="0"/>
                  </a:moveTo>
                  <a:cubicBezTo>
                    <a:pt x="997" y="13"/>
                    <a:pt x="1009" y="6"/>
                    <a:pt x="980" y="16"/>
                  </a:cubicBezTo>
                  <a:cubicBezTo>
                    <a:pt x="980" y="16"/>
                    <a:pt x="950" y="36"/>
                    <a:pt x="944" y="40"/>
                  </a:cubicBezTo>
                  <a:cubicBezTo>
                    <a:pt x="928" y="51"/>
                    <a:pt x="890" y="51"/>
                    <a:pt x="876" y="52"/>
                  </a:cubicBezTo>
                  <a:cubicBezTo>
                    <a:pt x="849" y="70"/>
                    <a:pt x="832" y="88"/>
                    <a:pt x="800" y="96"/>
                  </a:cubicBezTo>
                  <a:cubicBezTo>
                    <a:pt x="793" y="95"/>
                    <a:pt x="787" y="91"/>
                    <a:pt x="780" y="92"/>
                  </a:cubicBezTo>
                  <a:cubicBezTo>
                    <a:pt x="772" y="93"/>
                    <a:pt x="756" y="100"/>
                    <a:pt x="756" y="100"/>
                  </a:cubicBezTo>
                  <a:cubicBezTo>
                    <a:pt x="732" y="96"/>
                    <a:pt x="708" y="90"/>
                    <a:pt x="684" y="84"/>
                  </a:cubicBezTo>
                  <a:cubicBezTo>
                    <a:pt x="666" y="112"/>
                    <a:pt x="671" y="99"/>
                    <a:pt x="664" y="120"/>
                  </a:cubicBezTo>
                  <a:cubicBezTo>
                    <a:pt x="658" y="171"/>
                    <a:pt x="663" y="179"/>
                    <a:pt x="612" y="188"/>
                  </a:cubicBezTo>
                  <a:cubicBezTo>
                    <a:pt x="602" y="203"/>
                    <a:pt x="602" y="224"/>
                    <a:pt x="588" y="236"/>
                  </a:cubicBezTo>
                  <a:cubicBezTo>
                    <a:pt x="581" y="242"/>
                    <a:pt x="573" y="249"/>
                    <a:pt x="564" y="252"/>
                  </a:cubicBezTo>
                  <a:cubicBezTo>
                    <a:pt x="556" y="255"/>
                    <a:pt x="540" y="260"/>
                    <a:pt x="540" y="260"/>
                  </a:cubicBezTo>
                  <a:cubicBezTo>
                    <a:pt x="511" y="258"/>
                    <a:pt x="475" y="270"/>
                    <a:pt x="452" y="252"/>
                  </a:cubicBezTo>
                  <a:cubicBezTo>
                    <a:pt x="403" y="214"/>
                    <a:pt x="364" y="180"/>
                    <a:pt x="304" y="160"/>
                  </a:cubicBezTo>
                  <a:cubicBezTo>
                    <a:pt x="268" y="164"/>
                    <a:pt x="243" y="179"/>
                    <a:pt x="208" y="184"/>
                  </a:cubicBezTo>
                  <a:cubicBezTo>
                    <a:pt x="182" y="202"/>
                    <a:pt x="159" y="222"/>
                    <a:pt x="128" y="228"/>
                  </a:cubicBezTo>
                  <a:cubicBezTo>
                    <a:pt x="5" y="224"/>
                    <a:pt x="52" y="228"/>
                    <a:pt x="0" y="228"/>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nvGrpSpPr>
            <p:cNvPr id="3" name="Group 1"/>
            <p:cNvGrpSpPr/>
            <p:nvPr/>
          </p:nvGrpSpPr>
          <p:grpSpPr bwMode="ltGray">
            <a:xfrm>
              <a:off x="3706688" y="5676686"/>
              <a:ext cx="192212" cy="724114"/>
              <a:chOff x="3706688" y="5676686"/>
              <a:chExt cx="192212" cy="724114"/>
            </a:xfrm>
          </p:grpSpPr>
          <p:sp>
            <p:nvSpPr>
              <p:cNvPr id="28" name="Freeform 52"/>
              <p:cNvSpPr>
                <a:spLocks/>
              </p:cNvSpPr>
              <p:nvPr/>
            </p:nvSpPr>
            <p:spPr bwMode="ltGray">
              <a:xfrm>
                <a:off x="3733800" y="5676686"/>
                <a:ext cx="165100" cy="565150"/>
              </a:xfrm>
              <a:custGeom>
                <a:avLst/>
                <a:gdLst/>
                <a:ahLst/>
                <a:cxnLst>
                  <a:cxn ang="0">
                    <a:pos x="40" y="0"/>
                  </a:cxn>
                  <a:cxn ang="0">
                    <a:pos x="12" y="48"/>
                  </a:cxn>
                  <a:cxn ang="0">
                    <a:pos x="4" y="72"/>
                  </a:cxn>
                  <a:cxn ang="0">
                    <a:pos x="0" y="148"/>
                  </a:cxn>
                  <a:cxn ang="0">
                    <a:pos x="16" y="248"/>
                  </a:cxn>
                  <a:cxn ang="0">
                    <a:pos x="32" y="272"/>
                  </a:cxn>
                  <a:cxn ang="0">
                    <a:pos x="52" y="320"/>
                  </a:cxn>
                  <a:cxn ang="0">
                    <a:pos x="84" y="340"/>
                  </a:cxn>
                  <a:cxn ang="0">
                    <a:pos x="104" y="356"/>
                  </a:cxn>
                </a:cxnLst>
                <a:rect l="0" t="0" r="r" b="b"/>
                <a:pathLst>
                  <a:path w="104" h="356">
                    <a:moveTo>
                      <a:pt x="40" y="0"/>
                    </a:moveTo>
                    <a:cubicBezTo>
                      <a:pt x="30" y="16"/>
                      <a:pt x="20" y="31"/>
                      <a:pt x="12" y="48"/>
                    </a:cubicBezTo>
                    <a:cubicBezTo>
                      <a:pt x="9" y="56"/>
                      <a:pt x="4" y="72"/>
                      <a:pt x="4" y="72"/>
                    </a:cubicBezTo>
                    <a:cubicBezTo>
                      <a:pt x="12" y="97"/>
                      <a:pt x="6" y="123"/>
                      <a:pt x="0" y="148"/>
                    </a:cubicBezTo>
                    <a:cubicBezTo>
                      <a:pt x="3" y="188"/>
                      <a:pt x="4" y="212"/>
                      <a:pt x="16" y="248"/>
                    </a:cubicBezTo>
                    <a:cubicBezTo>
                      <a:pt x="19" y="257"/>
                      <a:pt x="29" y="263"/>
                      <a:pt x="32" y="272"/>
                    </a:cubicBezTo>
                    <a:cubicBezTo>
                      <a:pt x="38" y="289"/>
                      <a:pt x="46" y="302"/>
                      <a:pt x="52" y="320"/>
                    </a:cubicBezTo>
                    <a:cubicBezTo>
                      <a:pt x="54" y="325"/>
                      <a:pt x="75" y="336"/>
                      <a:pt x="84" y="340"/>
                    </a:cubicBezTo>
                    <a:lnTo>
                      <a:pt x="104" y="35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29" name="Freeform 53"/>
              <p:cNvSpPr>
                <a:spLocks/>
              </p:cNvSpPr>
              <p:nvPr/>
            </p:nvSpPr>
            <p:spPr bwMode="ltGray">
              <a:xfrm>
                <a:off x="3706688" y="5683250"/>
                <a:ext cx="146050" cy="717550"/>
              </a:xfrm>
              <a:custGeom>
                <a:avLst/>
                <a:gdLst/>
                <a:ahLst/>
                <a:cxnLst>
                  <a:cxn ang="0">
                    <a:pos x="60" y="0"/>
                  </a:cxn>
                  <a:cxn ang="0">
                    <a:pos x="0" y="76"/>
                  </a:cxn>
                  <a:cxn ang="0">
                    <a:pos x="4" y="240"/>
                  </a:cxn>
                  <a:cxn ang="0">
                    <a:pos x="56" y="376"/>
                  </a:cxn>
                  <a:cxn ang="0">
                    <a:pos x="84" y="436"/>
                  </a:cxn>
                  <a:cxn ang="0">
                    <a:pos x="92" y="452"/>
                  </a:cxn>
                </a:cxnLst>
                <a:rect l="0" t="0" r="r" b="b"/>
                <a:pathLst>
                  <a:path w="92" h="452">
                    <a:moveTo>
                      <a:pt x="60" y="0"/>
                    </a:moveTo>
                    <a:cubicBezTo>
                      <a:pt x="36" y="24"/>
                      <a:pt x="11" y="44"/>
                      <a:pt x="0" y="76"/>
                    </a:cubicBezTo>
                    <a:cubicBezTo>
                      <a:pt x="1" y="131"/>
                      <a:pt x="2" y="185"/>
                      <a:pt x="4" y="240"/>
                    </a:cubicBezTo>
                    <a:cubicBezTo>
                      <a:pt x="6" y="289"/>
                      <a:pt x="37" y="333"/>
                      <a:pt x="56" y="376"/>
                    </a:cubicBezTo>
                    <a:cubicBezTo>
                      <a:pt x="65" y="397"/>
                      <a:pt x="65" y="423"/>
                      <a:pt x="84" y="436"/>
                    </a:cubicBezTo>
                    <a:cubicBezTo>
                      <a:pt x="89" y="450"/>
                      <a:pt x="85" y="445"/>
                      <a:pt x="92" y="452"/>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grpSp>
      <p:grpSp>
        <p:nvGrpSpPr>
          <p:cNvPr id="4" name="Group 3"/>
          <p:cNvGrpSpPr/>
          <p:nvPr/>
        </p:nvGrpSpPr>
        <p:grpSpPr bwMode="ltGray">
          <a:xfrm>
            <a:off x="2978320" y="2933700"/>
            <a:ext cx="1447800" cy="1790700"/>
            <a:chOff x="1468438" y="3225801"/>
            <a:chExt cx="1447800" cy="1790700"/>
          </a:xfrm>
        </p:grpSpPr>
        <p:sp>
          <p:nvSpPr>
            <p:cNvPr id="37" name="Freeform 106"/>
            <p:cNvSpPr>
              <a:spLocks/>
            </p:cNvSpPr>
            <p:nvPr/>
          </p:nvSpPr>
          <p:spPr bwMode="ltGray">
            <a:xfrm>
              <a:off x="1468438" y="3225801"/>
              <a:ext cx="1447800" cy="1790700"/>
            </a:xfrm>
            <a:custGeom>
              <a:avLst/>
              <a:gdLst/>
              <a:ahLst/>
              <a:cxnLst>
                <a:cxn ang="0">
                  <a:pos x="0" y="0"/>
                </a:cxn>
                <a:cxn ang="0">
                  <a:pos x="44" y="24"/>
                </a:cxn>
                <a:cxn ang="0">
                  <a:pos x="80" y="60"/>
                </a:cxn>
                <a:cxn ang="0">
                  <a:pos x="124" y="120"/>
                </a:cxn>
                <a:cxn ang="0">
                  <a:pos x="146" y="163"/>
                </a:cxn>
                <a:cxn ang="0">
                  <a:pos x="152" y="208"/>
                </a:cxn>
                <a:cxn ang="0">
                  <a:pos x="164" y="252"/>
                </a:cxn>
                <a:cxn ang="0">
                  <a:pos x="220" y="328"/>
                </a:cxn>
                <a:cxn ang="0">
                  <a:pos x="252" y="372"/>
                </a:cxn>
                <a:cxn ang="0">
                  <a:pos x="272" y="392"/>
                </a:cxn>
                <a:cxn ang="0">
                  <a:pos x="316" y="412"/>
                </a:cxn>
                <a:cxn ang="0">
                  <a:pos x="348" y="468"/>
                </a:cxn>
                <a:cxn ang="0">
                  <a:pos x="384" y="488"/>
                </a:cxn>
                <a:cxn ang="0">
                  <a:pos x="420" y="552"/>
                </a:cxn>
                <a:cxn ang="0">
                  <a:pos x="480" y="584"/>
                </a:cxn>
                <a:cxn ang="0">
                  <a:pos x="484" y="608"/>
                </a:cxn>
                <a:cxn ang="0">
                  <a:pos x="480" y="640"/>
                </a:cxn>
                <a:cxn ang="0">
                  <a:pos x="488" y="664"/>
                </a:cxn>
                <a:cxn ang="0">
                  <a:pos x="524" y="736"/>
                </a:cxn>
                <a:cxn ang="0">
                  <a:pos x="548" y="756"/>
                </a:cxn>
                <a:cxn ang="0">
                  <a:pos x="580" y="832"/>
                </a:cxn>
                <a:cxn ang="0">
                  <a:pos x="608" y="852"/>
                </a:cxn>
                <a:cxn ang="0">
                  <a:pos x="616" y="912"/>
                </a:cxn>
                <a:cxn ang="0">
                  <a:pos x="695" y="931"/>
                </a:cxn>
                <a:cxn ang="0">
                  <a:pos x="746" y="928"/>
                </a:cxn>
                <a:cxn ang="0">
                  <a:pos x="752" y="949"/>
                </a:cxn>
                <a:cxn ang="0">
                  <a:pos x="713" y="961"/>
                </a:cxn>
                <a:cxn ang="0">
                  <a:pos x="704" y="1032"/>
                </a:cxn>
                <a:cxn ang="0">
                  <a:pos x="800" y="1036"/>
                </a:cxn>
                <a:cxn ang="0">
                  <a:pos x="852" y="1084"/>
                </a:cxn>
                <a:cxn ang="0">
                  <a:pos x="869" y="1075"/>
                </a:cxn>
                <a:cxn ang="0">
                  <a:pos x="892" y="1092"/>
                </a:cxn>
                <a:cxn ang="0">
                  <a:pos x="912" y="1128"/>
                </a:cxn>
              </a:cxnLst>
              <a:rect l="0" t="0" r="r" b="b"/>
              <a:pathLst>
                <a:path w="912" h="1128">
                  <a:moveTo>
                    <a:pt x="0" y="0"/>
                  </a:moveTo>
                  <a:lnTo>
                    <a:pt x="44" y="24"/>
                  </a:lnTo>
                  <a:lnTo>
                    <a:pt x="80" y="60"/>
                  </a:lnTo>
                  <a:lnTo>
                    <a:pt x="124" y="120"/>
                  </a:lnTo>
                  <a:lnTo>
                    <a:pt x="146" y="163"/>
                  </a:lnTo>
                  <a:lnTo>
                    <a:pt x="152" y="208"/>
                  </a:lnTo>
                  <a:lnTo>
                    <a:pt x="164" y="252"/>
                  </a:lnTo>
                  <a:lnTo>
                    <a:pt x="220" y="328"/>
                  </a:lnTo>
                  <a:lnTo>
                    <a:pt x="252" y="372"/>
                  </a:lnTo>
                  <a:lnTo>
                    <a:pt x="272" y="392"/>
                  </a:lnTo>
                  <a:lnTo>
                    <a:pt x="316" y="412"/>
                  </a:lnTo>
                  <a:lnTo>
                    <a:pt x="348" y="468"/>
                  </a:lnTo>
                  <a:lnTo>
                    <a:pt x="384" y="488"/>
                  </a:lnTo>
                  <a:lnTo>
                    <a:pt x="420" y="552"/>
                  </a:lnTo>
                  <a:lnTo>
                    <a:pt x="480" y="584"/>
                  </a:lnTo>
                  <a:lnTo>
                    <a:pt x="484" y="608"/>
                  </a:lnTo>
                  <a:lnTo>
                    <a:pt x="480" y="640"/>
                  </a:lnTo>
                  <a:lnTo>
                    <a:pt x="488" y="664"/>
                  </a:lnTo>
                  <a:lnTo>
                    <a:pt x="524" y="736"/>
                  </a:lnTo>
                  <a:lnTo>
                    <a:pt x="548" y="756"/>
                  </a:lnTo>
                  <a:lnTo>
                    <a:pt x="580" y="832"/>
                  </a:lnTo>
                  <a:lnTo>
                    <a:pt x="608" y="852"/>
                  </a:lnTo>
                  <a:lnTo>
                    <a:pt x="616" y="912"/>
                  </a:lnTo>
                  <a:lnTo>
                    <a:pt x="695" y="931"/>
                  </a:lnTo>
                  <a:lnTo>
                    <a:pt x="746" y="928"/>
                  </a:lnTo>
                  <a:lnTo>
                    <a:pt x="752" y="949"/>
                  </a:lnTo>
                  <a:lnTo>
                    <a:pt x="713" y="961"/>
                  </a:lnTo>
                  <a:lnTo>
                    <a:pt x="704" y="1032"/>
                  </a:lnTo>
                  <a:lnTo>
                    <a:pt x="800" y="1036"/>
                  </a:lnTo>
                  <a:lnTo>
                    <a:pt x="852" y="1084"/>
                  </a:lnTo>
                  <a:lnTo>
                    <a:pt x="869" y="1075"/>
                  </a:lnTo>
                  <a:lnTo>
                    <a:pt x="892" y="1092"/>
                  </a:lnTo>
                  <a:lnTo>
                    <a:pt x="912" y="1128"/>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40" name="Freeform 109"/>
            <p:cNvSpPr>
              <a:spLocks/>
            </p:cNvSpPr>
            <p:nvPr/>
          </p:nvSpPr>
          <p:spPr bwMode="ltGray">
            <a:xfrm>
              <a:off x="1914525" y="4389439"/>
              <a:ext cx="381000" cy="614363"/>
            </a:xfrm>
            <a:custGeom>
              <a:avLst/>
              <a:gdLst/>
              <a:ahLst/>
              <a:cxnLst>
                <a:cxn ang="0">
                  <a:pos x="240" y="0"/>
                </a:cxn>
                <a:cxn ang="0">
                  <a:pos x="219" y="42"/>
                </a:cxn>
                <a:cxn ang="0">
                  <a:pos x="204" y="57"/>
                </a:cxn>
                <a:cxn ang="0">
                  <a:pos x="174" y="57"/>
                </a:cxn>
                <a:cxn ang="0">
                  <a:pos x="147" y="36"/>
                </a:cxn>
                <a:cxn ang="0">
                  <a:pos x="126" y="42"/>
                </a:cxn>
                <a:cxn ang="0">
                  <a:pos x="105" y="63"/>
                </a:cxn>
                <a:cxn ang="0">
                  <a:pos x="87" y="87"/>
                </a:cxn>
                <a:cxn ang="0">
                  <a:pos x="87" y="114"/>
                </a:cxn>
                <a:cxn ang="0">
                  <a:pos x="66" y="123"/>
                </a:cxn>
                <a:cxn ang="0">
                  <a:pos x="54" y="138"/>
                </a:cxn>
                <a:cxn ang="0">
                  <a:pos x="39" y="159"/>
                </a:cxn>
                <a:cxn ang="0">
                  <a:pos x="15" y="162"/>
                </a:cxn>
                <a:cxn ang="0">
                  <a:pos x="3" y="192"/>
                </a:cxn>
                <a:cxn ang="0">
                  <a:pos x="24" y="219"/>
                </a:cxn>
                <a:cxn ang="0">
                  <a:pos x="18" y="237"/>
                </a:cxn>
                <a:cxn ang="0">
                  <a:pos x="42" y="249"/>
                </a:cxn>
                <a:cxn ang="0">
                  <a:pos x="45" y="279"/>
                </a:cxn>
                <a:cxn ang="0">
                  <a:pos x="60" y="291"/>
                </a:cxn>
                <a:cxn ang="0">
                  <a:pos x="69" y="312"/>
                </a:cxn>
                <a:cxn ang="0">
                  <a:pos x="63" y="333"/>
                </a:cxn>
                <a:cxn ang="0">
                  <a:pos x="60" y="351"/>
                </a:cxn>
                <a:cxn ang="0">
                  <a:pos x="33" y="387"/>
                </a:cxn>
              </a:cxnLst>
              <a:rect l="0" t="0" r="r" b="b"/>
              <a:pathLst>
                <a:path w="240" h="387">
                  <a:moveTo>
                    <a:pt x="240" y="0"/>
                  </a:moveTo>
                  <a:lnTo>
                    <a:pt x="219" y="42"/>
                  </a:lnTo>
                  <a:lnTo>
                    <a:pt x="204" y="57"/>
                  </a:lnTo>
                  <a:lnTo>
                    <a:pt x="174" y="57"/>
                  </a:lnTo>
                  <a:lnTo>
                    <a:pt x="147" y="36"/>
                  </a:lnTo>
                  <a:lnTo>
                    <a:pt x="126" y="42"/>
                  </a:lnTo>
                  <a:lnTo>
                    <a:pt x="105" y="63"/>
                  </a:lnTo>
                  <a:lnTo>
                    <a:pt x="87" y="87"/>
                  </a:lnTo>
                  <a:lnTo>
                    <a:pt x="87" y="114"/>
                  </a:lnTo>
                  <a:lnTo>
                    <a:pt x="66" y="123"/>
                  </a:lnTo>
                  <a:lnTo>
                    <a:pt x="54" y="138"/>
                  </a:lnTo>
                  <a:lnTo>
                    <a:pt x="39" y="159"/>
                  </a:lnTo>
                  <a:lnTo>
                    <a:pt x="15" y="162"/>
                  </a:lnTo>
                  <a:cubicBezTo>
                    <a:pt x="0" y="181"/>
                    <a:pt x="3" y="171"/>
                    <a:pt x="3" y="192"/>
                  </a:cubicBezTo>
                  <a:lnTo>
                    <a:pt x="24" y="219"/>
                  </a:lnTo>
                  <a:lnTo>
                    <a:pt x="18" y="237"/>
                  </a:lnTo>
                  <a:lnTo>
                    <a:pt x="42" y="249"/>
                  </a:lnTo>
                  <a:lnTo>
                    <a:pt x="45" y="279"/>
                  </a:lnTo>
                  <a:lnTo>
                    <a:pt x="60" y="291"/>
                  </a:lnTo>
                  <a:lnTo>
                    <a:pt x="69" y="312"/>
                  </a:lnTo>
                  <a:lnTo>
                    <a:pt x="63" y="333"/>
                  </a:lnTo>
                  <a:lnTo>
                    <a:pt x="60" y="351"/>
                  </a:lnTo>
                  <a:lnTo>
                    <a:pt x="33" y="387"/>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sp>
        <p:nvSpPr>
          <p:cNvPr id="41" name="Freeform 110"/>
          <p:cNvSpPr>
            <a:spLocks/>
          </p:cNvSpPr>
          <p:nvPr/>
        </p:nvSpPr>
        <p:spPr bwMode="gray">
          <a:xfrm>
            <a:off x="4381670" y="4716463"/>
            <a:ext cx="819150" cy="485775"/>
          </a:xfrm>
          <a:custGeom>
            <a:avLst/>
            <a:gdLst/>
            <a:ahLst/>
            <a:cxnLst>
              <a:cxn ang="0">
                <a:pos x="42" y="99"/>
              </a:cxn>
              <a:cxn ang="0">
                <a:pos x="12" y="81"/>
              </a:cxn>
              <a:cxn ang="0">
                <a:pos x="3" y="57"/>
              </a:cxn>
              <a:cxn ang="0">
                <a:pos x="0" y="39"/>
              </a:cxn>
              <a:cxn ang="0">
                <a:pos x="18" y="21"/>
              </a:cxn>
              <a:cxn ang="0">
                <a:pos x="33" y="9"/>
              </a:cxn>
              <a:cxn ang="0">
                <a:pos x="57" y="0"/>
              </a:cxn>
              <a:cxn ang="0">
                <a:pos x="75" y="12"/>
              </a:cxn>
              <a:cxn ang="0">
                <a:pos x="96" y="27"/>
              </a:cxn>
              <a:cxn ang="0">
                <a:pos x="120" y="39"/>
              </a:cxn>
              <a:cxn ang="0">
                <a:pos x="150" y="63"/>
              </a:cxn>
              <a:cxn ang="0">
                <a:pos x="192" y="81"/>
              </a:cxn>
              <a:cxn ang="0">
                <a:pos x="222" y="111"/>
              </a:cxn>
              <a:cxn ang="0">
                <a:pos x="291" y="111"/>
              </a:cxn>
              <a:cxn ang="0">
                <a:pos x="306" y="129"/>
              </a:cxn>
              <a:cxn ang="0">
                <a:pos x="441" y="129"/>
              </a:cxn>
              <a:cxn ang="0">
                <a:pos x="468" y="144"/>
              </a:cxn>
              <a:cxn ang="0">
                <a:pos x="486" y="168"/>
              </a:cxn>
              <a:cxn ang="0">
                <a:pos x="516" y="183"/>
              </a:cxn>
              <a:cxn ang="0">
                <a:pos x="495" y="195"/>
              </a:cxn>
              <a:cxn ang="0">
                <a:pos x="489" y="213"/>
              </a:cxn>
              <a:cxn ang="0">
                <a:pos x="492" y="255"/>
              </a:cxn>
              <a:cxn ang="0">
                <a:pos x="501" y="279"/>
              </a:cxn>
              <a:cxn ang="0">
                <a:pos x="504" y="306"/>
              </a:cxn>
            </a:cxnLst>
            <a:rect l="0" t="0" r="r" b="b"/>
            <a:pathLst>
              <a:path w="516" h="306">
                <a:moveTo>
                  <a:pt x="42" y="99"/>
                </a:moveTo>
                <a:lnTo>
                  <a:pt x="12" y="81"/>
                </a:lnTo>
                <a:lnTo>
                  <a:pt x="3" y="57"/>
                </a:lnTo>
                <a:lnTo>
                  <a:pt x="0" y="39"/>
                </a:lnTo>
                <a:lnTo>
                  <a:pt x="18" y="21"/>
                </a:lnTo>
                <a:lnTo>
                  <a:pt x="33" y="9"/>
                </a:lnTo>
                <a:lnTo>
                  <a:pt x="57" y="0"/>
                </a:lnTo>
                <a:lnTo>
                  <a:pt x="75" y="12"/>
                </a:lnTo>
                <a:lnTo>
                  <a:pt x="96" y="27"/>
                </a:lnTo>
                <a:lnTo>
                  <a:pt x="120" y="39"/>
                </a:lnTo>
                <a:lnTo>
                  <a:pt x="150" y="63"/>
                </a:lnTo>
                <a:lnTo>
                  <a:pt x="192" y="81"/>
                </a:lnTo>
                <a:lnTo>
                  <a:pt x="222" y="111"/>
                </a:lnTo>
                <a:lnTo>
                  <a:pt x="291" y="111"/>
                </a:lnTo>
                <a:lnTo>
                  <a:pt x="306" y="129"/>
                </a:lnTo>
                <a:lnTo>
                  <a:pt x="441" y="129"/>
                </a:lnTo>
                <a:lnTo>
                  <a:pt x="468" y="144"/>
                </a:lnTo>
                <a:lnTo>
                  <a:pt x="486" y="168"/>
                </a:lnTo>
                <a:lnTo>
                  <a:pt x="516" y="183"/>
                </a:lnTo>
                <a:lnTo>
                  <a:pt x="495" y="195"/>
                </a:lnTo>
                <a:lnTo>
                  <a:pt x="489" y="213"/>
                </a:lnTo>
                <a:lnTo>
                  <a:pt x="492" y="255"/>
                </a:lnTo>
                <a:lnTo>
                  <a:pt x="501" y="279"/>
                </a:lnTo>
                <a:lnTo>
                  <a:pt x="504" y="30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35" name="Oval 121"/>
          <p:cNvSpPr>
            <a:spLocks noChangeArrowheads="1"/>
          </p:cNvSpPr>
          <p:nvPr/>
        </p:nvSpPr>
        <p:spPr bwMode="ltGray">
          <a:xfrm>
            <a:off x="4408657" y="4862512"/>
            <a:ext cx="133350" cy="133350"/>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36" name="Oval 122"/>
          <p:cNvSpPr>
            <a:spLocks noChangeArrowheads="1"/>
          </p:cNvSpPr>
          <p:nvPr/>
        </p:nvSpPr>
        <p:spPr bwMode="ltGray">
          <a:xfrm>
            <a:off x="5134145" y="5194300"/>
            <a:ext cx="122238" cy="122238"/>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32" name="Title 1"/>
          <p:cNvSpPr txBox="1">
            <a:spLocks/>
          </p:cNvSpPr>
          <p:nvPr/>
        </p:nvSpPr>
        <p:spPr>
          <a:xfrm>
            <a:off x="4042666" y="381000"/>
            <a:ext cx="5001078" cy="1547812"/>
          </a:xfrm>
          <a:prstGeom prst="rect">
            <a:avLst/>
          </a:prstGeom>
        </p:spPr>
        <p:txBody>
          <a:bodyPr/>
          <a:lstStyle/>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California WaterFix</a:t>
            </a:r>
          </a:p>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Improves Water Quality</a:t>
            </a:r>
          </a:p>
          <a:p>
            <a:pPr algn="ctr" defTabSz="912813" eaLnBrk="0" hangingPunct="0">
              <a:lnSpc>
                <a:spcPct val="90000"/>
              </a:lnSpc>
              <a:defRPr/>
            </a:pPr>
            <a:r>
              <a:rPr lang="en-US" sz="3200" b="1" spc="-150" dirty="0" smtClean="0">
                <a:ln w="3175">
                  <a:noFill/>
                </a:ln>
                <a:effectLst>
                  <a:outerShdw blurRad="38100" dist="38100" dir="2700000" algn="tl">
                    <a:srgbClr val="000000">
                      <a:alpha val="43137"/>
                    </a:srgbClr>
                  </a:outerShdw>
                </a:effectLst>
                <a:latin typeface="+mn-lt"/>
                <a:cs typeface="Arial" charset="0"/>
              </a:rPr>
              <a:t>27</a:t>
            </a:r>
            <a:r>
              <a:rPr lang="en-US" sz="3200" b="1" spc="-150" dirty="0">
                <a:ln w="3175">
                  <a:noFill/>
                </a:ln>
                <a:effectLst>
                  <a:outerShdw blurRad="38100" dist="38100" dir="2700000" algn="tl">
                    <a:srgbClr val="000000">
                      <a:alpha val="43137"/>
                    </a:srgbClr>
                  </a:outerShdw>
                </a:effectLst>
                <a:latin typeface="+mn-lt"/>
                <a:cs typeface="Arial" charset="0"/>
              </a:rPr>
              <a:t>% </a:t>
            </a:r>
            <a:r>
              <a:rPr lang="en-US" sz="3200" b="1" spc="-150" dirty="0" smtClean="0">
                <a:ln w="3175">
                  <a:noFill/>
                </a:ln>
                <a:effectLst>
                  <a:outerShdw blurRad="38100" dist="38100" dir="2700000" algn="tl">
                    <a:srgbClr val="000000">
                      <a:alpha val="43137"/>
                    </a:srgbClr>
                  </a:outerShdw>
                </a:effectLst>
                <a:latin typeface="+mn-lt"/>
                <a:cs typeface="Arial" charset="0"/>
              </a:rPr>
              <a:t>salinity reduction</a:t>
            </a:r>
          </a:p>
        </p:txBody>
      </p:sp>
      <p:sp>
        <p:nvSpPr>
          <p:cNvPr id="42" name="Rectangle 14"/>
          <p:cNvSpPr>
            <a:spLocks noChangeArrowheads="1"/>
          </p:cNvSpPr>
          <p:nvPr/>
        </p:nvSpPr>
        <p:spPr bwMode="gray">
          <a:xfrm>
            <a:off x="5440680" y="4205723"/>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Colorado </a:t>
            </a: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cs typeface="+mn-cs"/>
              </a:rPr>
              <a:t>650 mg/l</a:t>
            </a:r>
            <a:endParaRPr lang="en-US" sz="2200" b="1" dirty="0">
              <a:solidFill>
                <a:prstClr val="white"/>
              </a:solidFill>
              <a:latin typeface="+mn-lt"/>
              <a:cs typeface="+mn-cs"/>
            </a:endParaRPr>
          </a:p>
        </p:txBody>
      </p:sp>
      <p:sp>
        <p:nvSpPr>
          <p:cNvPr id="43" name="Rectangle 14"/>
          <p:cNvSpPr>
            <a:spLocks noChangeArrowheads="1"/>
          </p:cNvSpPr>
          <p:nvPr/>
        </p:nvSpPr>
        <p:spPr bwMode="gray">
          <a:xfrm>
            <a:off x="2432855" y="1497772"/>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acramento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cs typeface="+mn-cs"/>
              </a:rPr>
              <a:t>100 mg/l</a:t>
            </a:r>
            <a:endParaRPr lang="en-US" sz="2200" b="1" dirty="0">
              <a:solidFill>
                <a:prstClr val="white"/>
              </a:solidFill>
              <a:latin typeface="+mn-lt"/>
              <a:cs typeface="+mn-cs"/>
            </a:endParaRPr>
          </a:p>
        </p:txBody>
      </p:sp>
      <p:sp>
        <p:nvSpPr>
          <p:cNvPr id="44" name="Rectangle 14"/>
          <p:cNvSpPr>
            <a:spLocks noChangeArrowheads="1"/>
          </p:cNvSpPr>
          <p:nvPr/>
        </p:nvSpPr>
        <p:spPr bwMode="gray">
          <a:xfrm>
            <a:off x="110936" y="2763814"/>
            <a:ext cx="2666564"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WP (Existing) </a:t>
            </a:r>
          </a:p>
          <a:p>
            <a:pPr algn="ctr" defTabSz="825500" eaLnBrk="0" hangingPunct="0">
              <a:lnSpc>
                <a:spcPct val="85000"/>
              </a:lnSpc>
              <a:defRPr/>
            </a:pPr>
            <a:r>
              <a:rPr lang="en-US" sz="2200" b="1" dirty="0" smtClean="0">
                <a:solidFill>
                  <a:prstClr val="white"/>
                </a:solidFill>
                <a:latin typeface="+mn-lt"/>
                <a:cs typeface="+mn-cs"/>
              </a:rPr>
              <a:t>302 mg/l</a:t>
            </a:r>
            <a:endParaRPr lang="en-US" sz="2200" b="1" dirty="0">
              <a:solidFill>
                <a:prstClr val="white"/>
              </a:solidFill>
              <a:latin typeface="+mn-lt"/>
              <a:cs typeface="+mn-cs"/>
            </a:endParaRPr>
          </a:p>
        </p:txBody>
      </p:sp>
      <p:sp>
        <p:nvSpPr>
          <p:cNvPr id="25" name="Rectangle 14"/>
          <p:cNvSpPr>
            <a:spLocks noChangeArrowheads="1"/>
          </p:cNvSpPr>
          <p:nvPr/>
        </p:nvSpPr>
        <p:spPr bwMode="gray">
          <a:xfrm>
            <a:off x="110936" y="3581400"/>
            <a:ext cx="2666564" cy="979242"/>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WP (Cal Water Fix)</a:t>
            </a:r>
            <a:b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br>
            <a:r>
              <a:rPr lang="en-US" sz="2200" b="1" dirty="0" smtClean="0">
                <a:solidFill>
                  <a:prstClr val="white"/>
                </a:solidFill>
                <a:latin typeface="+mn-lt"/>
              </a:rPr>
              <a:t>221 mg/l</a:t>
            </a:r>
          </a:p>
          <a:p>
            <a:pPr algn="ctr" defTabSz="825500" eaLnBrk="0" hangingPunct="0">
              <a:lnSpc>
                <a:spcPct val="85000"/>
              </a:lnSpc>
              <a:defRPr/>
            </a:pPr>
            <a:r>
              <a:rPr lang="en-US" sz="2200" b="1" dirty="0">
                <a:solidFill>
                  <a:prstClr val="white"/>
                </a:solidFill>
                <a:latin typeface="+mn-lt"/>
              </a:rPr>
              <a:t>(</a:t>
            </a:r>
            <a:r>
              <a:rPr lang="en-US" sz="2200" b="1" i="1" dirty="0">
                <a:solidFill>
                  <a:prstClr val="white"/>
                </a:solidFill>
                <a:latin typeface="+mn-lt"/>
              </a:rPr>
              <a:t>27% improvement</a:t>
            </a:r>
            <a:r>
              <a:rPr lang="en-US" sz="2200" b="1" dirty="0" smtClean="0">
                <a:solidFill>
                  <a:prstClr val="white"/>
                </a:solidFill>
                <a:latin typeface="+mn-lt"/>
              </a:rPr>
              <a:t>)</a:t>
            </a:r>
            <a:endParaRPr lang="en-US" sz="2200" b="1" dirty="0">
              <a:solidFill>
                <a:prstClr val="white"/>
              </a:solidFill>
              <a:latin typeface="+mn-lt"/>
            </a:endParaRPr>
          </a:p>
        </p:txBody>
      </p:sp>
      <p:sp>
        <p:nvSpPr>
          <p:cNvPr id="30" name="Rectangle 14"/>
          <p:cNvSpPr>
            <a:spLocks noChangeArrowheads="1"/>
          </p:cNvSpPr>
          <p:nvPr/>
        </p:nvSpPr>
        <p:spPr bwMode="gray">
          <a:xfrm>
            <a:off x="3459480" y="2585129"/>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an Joaquin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cs typeface="+mn-cs"/>
              </a:rPr>
              <a:t>320 mg/l</a:t>
            </a:r>
            <a:endParaRPr lang="en-US" sz="2200" b="1" dirty="0">
              <a:solidFill>
                <a:prstClr val="white"/>
              </a:solidFill>
              <a:latin typeface="+mn-lt"/>
              <a:cs typeface="+mn-cs"/>
            </a:endParaRPr>
          </a:p>
        </p:txBody>
      </p:sp>
      <p:sp>
        <p:nvSpPr>
          <p:cNvPr id="33" name="TextBox 32"/>
          <p:cNvSpPr txBox="1"/>
          <p:nvPr/>
        </p:nvSpPr>
        <p:spPr>
          <a:xfrm>
            <a:off x="76200" y="6383078"/>
            <a:ext cx="8724900" cy="458587"/>
          </a:xfrm>
          <a:prstGeom prst="rect">
            <a:avLst/>
          </a:prstGeom>
          <a:noFill/>
        </p:spPr>
        <p:txBody>
          <a:bodyPr wrap="square" rtlCol="0">
            <a:spAutoFit/>
          </a:bodyPr>
          <a:lstStyle/>
          <a:p>
            <a:pPr marL="236538" indent="-236538">
              <a:lnSpc>
                <a:spcPct val="85000"/>
              </a:lnSpc>
              <a:buFont typeface="Arial" charset="0"/>
              <a:buChar char="•"/>
            </a:pPr>
            <a:r>
              <a:rPr lang="en-US" sz="1400" i="1" dirty="0" smtClean="0">
                <a:solidFill>
                  <a:srgbClr val="FFC000"/>
                </a:solidFill>
                <a:latin typeface="+mn-lt"/>
              </a:rPr>
              <a:t>Sacramento, San Joaquin &amp; Colorado River water quality represents historical average annual recorded data</a:t>
            </a:r>
          </a:p>
          <a:p>
            <a:pPr marL="236538" indent="-236538">
              <a:lnSpc>
                <a:spcPct val="85000"/>
              </a:lnSpc>
              <a:buFont typeface="Arial" charset="0"/>
              <a:buChar char="•"/>
            </a:pPr>
            <a:r>
              <a:rPr lang="en-US" sz="1400" i="1" dirty="0" smtClean="0">
                <a:solidFill>
                  <a:srgbClr val="FFC000"/>
                </a:solidFill>
                <a:latin typeface="+mn-lt"/>
              </a:rPr>
              <a:t>State Water Project water quality is a comparison of modeled data from the Recirculated Draft EIR/EIS</a:t>
            </a:r>
            <a:endParaRPr lang="en-US" sz="1400" i="1" dirty="0">
              <a:solidFill>
                <a:srgbClr val="FFC000"/>
              </a:solidFill>
              <a:latin typeface="+mn-lt"/>
            </a:endParaRPr>
          </a:p>
        </p:txBody>
      </p:sp>
    </p:spTree>
    <p:extLst>
      <p:ext uri="{BB962C8B-B14F-4D97-AF65-F5344CB8AC3E}">
        <p14:creationId xmlns:p14="http://schemas.microsoft.com/office/powerpoint/2010/main" val="577090718"/>
      </p:ext>
    </p:extLst>
  </p:cSld>
  <p:clrMapOvr>
    <a:masterClrMapping/>
  </p:clrMapOvr>
  <p:transition>
    <p:fade/>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Metropolitan </a:t>
            </a:r>
            <a:br>
              <a:rPr lang="en-US" dirty="0" smtClean="0"/>
            </a:br>
            <a:r>
              <a:rPr lang="en-US" sz="3600" dirty="0" smtClean="0">
                <a:solidFill>
                  <a:schemeClr val="tx1"/>
                </a:solidFill>
              </a:rPr>
              <a:t>Board Policies &amp; Agreements</a:t>
            </a:r>
            <a:endParaRPr lang="en-US" sz="3600" dirty="0">
              <a:solidFill>
                <a:schemeClr val="tx1"/>
              </a:solidFill>
            </a:endParaRPr>
          </a:p>
        </p:txBody>
      </p:sp>
      <p:sp>
        <p:nvSpPr>
          <p:cNvPr id="3" name="Text Placeholder 2"/>
          <p:cNvSpPr>
            <a:spLocks noGrp="1"/>
          </p:cNvSpPr>
          <p:nvPr>
            <p:ph type="body" sz="quarter" idx="11"/>
          </p:nvPr>
        </p:nvSpPr>
        <p:spPr>
          <a:xfrm>
            <a:off x="419100" y="1981200"/>
            <a:ext cx="8305800" cy="4343400"/>
          </a:xfrm>
        </p:spPr>
        <p:txBody>
          <a:bodyPr/>
          <a:lstStyle/>
          <a:p>
            <a:pPr>
              <a:spcAft>
                <a:spcPts val="0"/>
              </a:spcAft>
              <a:tabLst>
                <a:tab pos="7777163" algn="r"/>
              </a:tabLst>
            </a:pPr>
            <a:r>
              <a:rPr lang="en-US" sz="2400" dirty="0"/>
              <a:t>Policies</a:t>
            </a:r>
          </a:p>
          <a:p>
            <a:pPr lvl="1">
              <a:spcAft>
                <a:spcPts val="0"/>
              </a:spcAft>
              <a:tabLst>
                <a:tab pos="7777163" algn="r"/>
              </a:tabLst>
            </a:pPr>
            <a:r>
              <a:rPr lang="en-US" sz="2200" dirty="0">
                <a:solidFill>
                  <a:schemeClr val="tx1"/>
                </a:solidFill>
              </a:rPr>
              <a:t>Delta Action Plan Framework	Jun 2007</a:t>
            </a:r>
          </a:p>
          <a:p>
            <a:pPr lvl="1">
              <a:spcAft>
                <a:spcPts val="0"/>
              </a:spcAft>
              <a:tabLst>
                <a:tab pos="7777163" algn="r"/>
              </a:tabLst>
            </a:pPr>
            <a:r>
              <a:rPr lang="en-US" sz="2200" dirty="0">
                <a:solidFill>
                  <a:schemeClr val="tx1"/>
                </a:solidFill>
              </a:rPr>
              <a:t>Delta Conveyance Criteria	Sep 2007</a:t>
            </a:r>
          </a:p>
          <a:p>
            <a:pPr lvl="1">
              <a:spcAft>
                <a:spcPts val="0"/>
              </a:spcAft>
              <a:tabLst>
                <a:tab pos="7777163" algn="r"/>
              </a:tabLst>
            </a:pPr>
            <a:r>
              <a:rPr lang="en-US" sz="2200" dirty="0">
                <a:solidFill>
                  <a:schemeClr val="tx1"/>
                </a:solidFill>
              </a:rPr>
              <a:t>Delta Governance Principles	Aug  2008</a:t>
            </a:r>
          </a:p>
          <a:p>
            <a:pPr lvl="1">
              <a:spcAft>
                <a:spcPts val="0"/>
              </a:spcAft>
              <a:tabLst>
                <a:tab pos="7777163" algn="r"/>
              </a:tabLst>
            </a:pPr>
            <a:r>
              <a:rPr lang="en-US" sz="2200" dirty="0">
                <a:solidFill>
                  <a:schemeClr val="tx1"/>
                </a:solidFill>
              </a:rPr>
              <a:t>Delta Vision Implementation	Jan  2009</a:t>
            </a:r>
          </a:p>
          <a:p>
            <a:pPr lvl="1">
              <a:spcAft>
                <a:spcPts val="0"/>
              </a:spcAft>
              <a:tabLst>
                <a:tab pos="7777163" algn="r"/>
              </a:tabLst>
            </a:pPr>
            <a:r>
              <a:rPr lang="en-US" sz="2200" dirty="0">
                <a:solidFill>
                  <a:schemeClr val="tx1"/>
                </a:solidFill>
              </a:rPr>
              <a:t>Delta-Related Legislation	Apr </a:t>
            </a:r>
            <a:r>
              <a:rPr lang="en-US" sz="2200" dirty="0" smtClean="0">
                <a:solidFill>
                  <a:schemeClr val="tx1"/>
                </a:solidFill>
              </a:rPr>
              <a:t>2009</a:t>
            </a:r>
            <a:br>
              <a:rPr lang="en-US" sz="2200" dirty="0" smtClean="0">
                <a:solidFill>
                  <a:schemeClr val="tx1"/>
                </a:solidFill>
              </a:rPr>
            </a:br>
            <a:endParaRPr lang="en-US" sz="2200" dirty="0">
              <a:solidFill>
                <a:schemeClr val="tx1"/>
              </a:solidFill>
            </a:endParaRPr>
          </a:p>
          <a:p>
            <a:pPr>
              <a:spcAft>
                <a:spcPts val="0"/>
              </a:spcAft>
              <a:tabLst>
                <a:tab pos="7777163" algn="r"/>
              </a:tabLst>
            </a:pPr>
            <a:r>
              <a:rPr lang="en-US" sz="2400" dirty="0"/>
              <a:t>Funding Agreements</a:t>
            </a:r>
          </a:p>
          <a:p>
            <a:pPr lvl="1">
              <a:spcAft>
                <a:spcPts val="0"/>
              </a:spcAft>
              <a:tabLst>
                <a:tab pos="7777163" algn="r"/>
              </a:tabLst>
            </a:pPr>
            <a:r>
              <a:rPr lang="en-US" sz="2200" dirty="0">
                <a:solidFill>
                  <a:schemeClr val="tx1"/>
                </a:solidFill>
              </a:rPr>
              <a:t>Execution of Planning Agreement for BDCP	Oct  2006</a:t>
            </a:r>
          </a:p>
          <a:p>
            <a:pPr lvl="1">
              <a:spcAft>
                <a:spcPts val="0"/>
              </a:spcAft>
              <a:tabLst>
                <a:tab pos="7777163" algn="r"/>
              </a:tabLst>
            </a:pPr>
            <a:r>
              <a:rPr lang="en-US" sz="2200" dirty="0">
                <a:solidFill>
                  <a:schemeClr val="tx1"/>
                </a:solidFill>
              </a:rPr>
              <a:t>Execution of BDCP Cost-Sharing Agreement	Nov 2006</a:t>
            </a:r>
          </a:p>
          <a:p>
            <a:pPr lvl="1">
              <a:spcAft>
                <a:spcPts val="0"/>
              </a:spcAft>
              <a:tabLst>
                <a:tab pos="7777163" algn="r"/>
              </a:tabLst>
            </a:pPr>
            <a:r>
              <a:rPr lang="en-US" sz="2200" dirty="0">
                <a:solidFill>
                  <a:schemeClr val="tx1"/>
                </a:solidFill>
              </a:rPr>
              <a:t>Execution of Initial Funding Agreement	Dec 2008</a:t>
            </a:r>
          </a:p>
          <a:p>
            <a:pPr lvl="1">
              <a:spcAft>
                <a:spcPts val="0"/>
              </a:spcAft>
              <a:tabLst>
                <a:tab pos="7777163" algn="r"/>
              </a:tabLst>
            </a:pPr>
            <a:r>
              <a:rPr lang="en-US" sz="2200" dirty="0">
                <a:solidFill>
                  <a:schemeClr val="tx1"/>
                </a:solidFill>
              </a:rPr>
              <a:t>Execution of Amendments to Planning Agmt	Dec 2009</a:t>
            </a:r>
          </a:p>
          <a:p>
            <a:pPr lvl="1">
              <a:spcAft>
                <a:spcPts val="0"/>
              </a:spcAft>
              <a:tabLst>
                <a:tab pos="7777163" algn="r"/>
              </a:tabLst>
            </a:pPr>
            <a:r>
              <a:rPr lang="en-US" sz="2200" dirty="0">
                <a:solidFill>
                  <a:schemeClr val="tx1"/>
                </a:solidFill>
              </a:rPr>
              <a:t>Execution of Amendment (additional funds)	July 2010</a:t>
            </a:r>
          </a:p>
          <a:p>
            <a:pPr lvl="1">
              <a:spcAft>
                <a:spcPts val="0"/>
              </a:spcAft>
              <a:tabLst>
                <a:tab pos="7777163" algn="r"/>
              </a:tabLst>
            </a:pPr>
            <a:r>
              <a:rPr lang="en-US" sz="2200" dirty="0">
                <a:solidFill>
                  <a:schemeClr val="tx1"/>
                </a:solidFill>
              </a:rPr>
              <a:t>Execution of Amendment to MOA	Aug 2011</a:t>
            </a:r>
          </a:p>
          <a:p>
            <a:pPr>
              <a:spcAft>
                <a:spcPts val="0"/>
              </a:spcAft>
            </a:pPr>
            <a:endParaRPr lang="en-US" sz="2400" dirty="0"/>
          </a:p>
        </p:txBody>
      </p:sp>
    </p:spTree>
    <p:extLst>
      <p:ext uri="{BB962C8B-B14F-4D97-AF65-F5344CB8AC3E}">
        <p14:creationId xmlns:p14="http://schemas.microsoft.com/office/powerpoint/2010/main" val="174987107"/>
      </p:ext>
    </p:extLst>
  </p:cSld>
  <p:clrMapOvr>
    <a:masterClrMapping/>
  </p:clrMapOvr>
  <p:transition spd="slow">
    <p:fade/>
  </p:transition>
  <p:timing>
    <p:tnLst>
      <p:par>
        <p:cTn id="1" dur="indefinite" restart="never" nodeType="tmRoot"/>
      </p:par>
    </p:tn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 name="Picture 32"/>
          <p:cNvPicPr>
            <a:picLocks noChangeAspect="1"/>
          </p:cNvPicPr>
          <p:nvPr/>
        </p:nvPicPr>
        <p:blipFill rotWithShape="1">
          <a:blip r:embed="rId3">
            <a:extLst>
              <a:ext uri="{28A0092B-C50C-407E-A947-70E740481C1C}">
                <a14:useLocalDpi xmlns:a14="http://schemas.microsoft.com/office/drawing/2010/main" val="0"/>
              </a:ext>
            </a:extLst>
          </a:blip>
          <a:srcRect t="6435" b="5219"/>
          <a:stretch/>
        </p:blipFill>
        <p:spPr>
          <a:xfrm>
            <a:off x="1504418" y="228600"/>
            <a:ext cx="5871639" cy="6260651"/>
          </a:xfrm>
          <a:prstGeom prst="rect">
            <a:avLst/>
          </a:prstGeom>
          <a:noFill/>
          <a:ln>
            <a:noFill/>
          </a:ln>
          <a:effectLst>
            <a:glow rad="228600">
              <a:schemeClr val="accent1">
                <a:satMod val="175000"/>
                <a:alpha val="40000"/>
              </a:schemeClr>
            </a:glow>
          </a:effectLst>
        </p:spPr>
      </p:pic>
      <p:pic>
        <p:nvPicPr>
          <p:cNvPr id="10248" name="Picture 9" descr="MWD Service Area1.gif"/>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95895" y="4931912"/>
            <a:ext cx="1866900" cy="139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Freeform 5"/>
          <p:cNvSpPr>
            <a:spLocks/>
          </p:cNvSpPr>
          <p:nvPr/>
        </p:nvSpPr>
        <p:spPr bwMode="ltGray">
          <a:xfrm>
            <a:off x="2538582" y="1187000"/>
            <a:ext cx="477837" cy="1633538"/>
          </a:xfrm>
          <a:custGeom>
            <a:avLst/>
            <a:gdLst/>
            <a:ahLst/>
            <a:cxnLst>
              <a:cxn ang="0">
                <a:pos x="0" y="0"/>
              </a:cxn>
              <a:cxn ang="0">
                <a:pos x="24" y="36"/>
              </a:cxn>
              <a:cxn ang="0">
                <a:pos x="21" y="63"/>
              </a:cxn>
              <a:cxn ang="0">
                <a:pos x="18" y="72"/>
              </a:cxn>
              <a:cxn ang="0">
                <a:pos x="39" y="87"/>
              </a:cxn>
              <a:cxn ang="0">
                <a:pos x="48" y="90"/>
              </a:cxn>
              <a:cxn ang="0">
                <a:pos x="60" y="144"/>
              </a:cxn>
              <a:cxn ang="0">
                <a:pos x="81" y="171"/>
              </a:cxn>
              <a:cxn ang="0">
                <a:pos x="81" y="240"/>
              </a:cxn>
              <a:cxn ang="0">
                <a:pos x="123" y="270"/>
              </a:cxn>
              <a:cxn ang="0">
                <a:pos x="159" y="312"/>
              </a:cxn>
              <a:cxn ang="0">
                <a:pos x="174" y="408"/>
              </a:cxn>
              <a:cxn ang="0">
                <a:pos x="174" y="462"/>
              </a:cxn>
              <a:cxn ang="0">
                <a:pos x="180" y="480"/>
              </a:cxn>
              <a:cxn ang="0">
                <a:pos x="153" y="537"/>
              </a:cxn>
              <a:cxn ang="0">
                <a:pos x="180" y="636"/>
              </a:cxn>
              <a:cxn ang="0">
                <a:pos x="207" y="687"/>
              </a:cxn>
              <a:cxn ang="0">
                <a:pos x="246" y="741"/>
              </a:cxn>
              <a:cxn ang="0">
                <a:pos x="249" y="774"/>
              </a:cxn>
              <a:cxn ang="0">
                <a:pos x="252" y="822"/>
              </a:cxn>
              <a:cxn ang="0">
                <a:pos x="282" y="855"/>
              </a:cxn>
              <a:cxn ang="0">
                <a:pos x="282" y="969"/>
              </a:cxn>
              <a:cxn ang="0">
                <a:pos x="261" y="996"/>
              </a:cxn>
              <a:cxn ang="0">
                <a:pos x="234" y="1014"/>
              </a:cxn>
              <a:cxn ang="0">
                <a:pos x="192" y="1011"/>
              </a:cxn>
              <a:cxn ang="0">
                <a:pos x="192" y="1029"/>
              </a:cxn>
            </a:cxnLst>
            <a:rect l="0" t="0" r="r" b="b"/>
            <a:pathLst>
              <a:path w="301" h="1029">
                <a:moveTo>
                  <a:pt x="0" y="0"/>
                </a:moveTo>
                <a:cubicBezTo>
                  <a:pt x="4" y="16"/>
                  <a:pt x="10" y="27"/>
                  <a:pt x="24" y="36"/>
                </a:cubicBezTo>
                <a:cubicBezTo>
                  <a:pt x="29" y="51"/>
                  <a:pt x="28" y="42"/>
                  <a:pt x="21" y="63"/>
                </a:cubicBezTo>
                <a:cubicBezTo>
                  <a:pt x="20" y="66"/>
                  <a:pt x="18" y="72"/>
                  <a:pt x="18" y="72"/>
                </a:cubicBezTo>
                <a:cubicBezTo>
                  <a:pt x="23" y="87"/>
                  <a:pt x="18" y="80"/>
                  <a:pt x="39" y="87"/>
                </a:cubicBezTo>
                <a:cubicBezTo>
                  <a:pt x="42" y="88"/>
                  <a:pt x="48" y="90"/>
                  <a:pt x="48" y="90"/>
                </a:cubicBezTo>
                <a:cubicBezTo>
                  <a:pt x="62" y="111"/>
                  <a:pt x="52" y="115"/>
                  <a:pt x="60" y="144"/>
                </a:cubicBezTo>
                <a:cubicBezTo>
                  <a:pt x="63" y="155"/>
                  <a:pt x="81" y="171"/>
                  <a:pt x="81" y="171"/>
                </a:cubicBezTo>
                <a:cubicBezTo>
                  <a:pt x="80" y="190"/>
                  <a:pt x="75" y="220"/>
                  <a:pt x="81" y="240"/>
                </a:cubicBezTo>
                <a:cubicBezTo>
                  <a:pt x="86" y="257"/>
                  <a:pt x="110" y="263"/>
                  <a:pt x="123" y="270"/>
                </a:cubicBezTo>
                <a:cubicBezTo>
                  <a:pt x="138" y="277"/>
                  <a:pt x="154" y="297"/>
                  <a:pt x="159" y="312"/>
                </a:cubicBezTo>
                <a:cubicBezTo>
                  <a:pt x="170" y="344"/>
                  <a:pt x="172" y="374"/>
                  <a:pt x="174" y="408"/>
                </a:cubicBezTo>
                <a:cubicBezTo>
                  <a:pt x="171" y="433"/>
                  <a:pt x="169" y="435"/>
                  <a:pt x="174" y="462"/>
                </a:cubicBezTo>
                <a:cubicBezTo>
                  <a:pt x="175" y="468"/>
                  <a:pt x="180" y="480"/>
                  <a:pt x="180" y="480"/>
                </a:cubicBezTo>
                <a:cubicBezTo>
                  <a:pt x="176" y="511"/>
                  <a:pt x="162" y="511"/>
                  <a:pt x="153" y="537"/>
                </a:cubicBezTo>
                <a:cubicBezTo>
                  <a:pt x="148" y="582"/>
                  <a:pt x="156" y="601"/>
                  <a:pt x="180" y="636"/>
                </a:cubicBezTo>
                <a:cubicBezTo>
                  <a:pt x="192" y="654"/>
                  <a:pt x="183" y="679"/>
                  <a:pt x="207" y="687"/>
                </a:cubicBezTo>
                <a:cubicBezTo>
                  <a:pt x="219" y="705"/>
                  <a:pt x="230" y="725"/>
                  <a:pt x="246" y="741"/>
                </a:cubicBezTo>
                <a:cubicBezTo>
                  <a:pt x="254" y="764"/>
                  <a:pt x="253" y="753"/>
                  <a:pt x="249" y="774"/>
                </a:cubicBezTo>
                <a:cubicBezTo>
                  <a:pt x="250" y="790"/>
                  <a:pt x="249" y="806"/>
                  <a:pt x="252" y="822"/>
                </a:cubicBezTo>
                <a:cubicBezTo>
                  <a:pt x="254" y="833"/>
                  <a:pt x="276" y="845"/>
                  <a:pt x="282" y="855"/>
                </a:cubicBezTo>
                <a:cubicBezTo>
                  <a:pt x="288" y="888"/>
                  <a:pt x="301" y="941"/>
                  <a:pt x="282" y="969"/>
                </a:cubicBezTo>
                <a:cubicBezTo>
                  <a:pt x="276" y="978"/>
                  <a:pt x="267" y="987"/>
                  <a:pt x="261" y="996"/>
                </a:cubicBezTo>
                <a:cubicBezTo>
                  <a:pt x="255" y="1005"/>
                  <a:pt x="234" y="1014"/>
                  <a:pt x="234" y="1014"/>
                </a:cubicBezTo>
                <a:cubicBezTo>
                  <a:pt x="194" y="1011"/>
                  <a:pt x="208" y="1011"/>
                  <a:pt x="192" y="1011"/>
                </a:cubicBezTo>
                <a:lnTo>
                  <a:pt x="192" y="1029"/>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14" name="Freeform 6"/>
          <p:cNvSpPr>
            <a:spLocks/>
          </p:cNvSpPr>
          <p:nvPr/>
        </p:nvSpPr>
        <p:spPr bwMode="auto">
          <a:xfrm>
            <a:off x="1933745" y="667887"/>
            <a:ext cx="566737" cy="528638"/>
          </a:xfrm>
          <a:custGeom>
            <a:avLst/>
            <a:gdLst/>
            <a:ahLst/>
            <a:cxnLst>
              <a:cxn ang="0">
                <a:pos x="357" y="312"/>
              </a:cxn>
              <a:cxn ang="0">
                <a:pos x="321" y="333"/>
              </a:cxn>
              <a:cxn ang="0">
                <a:pos x="273" y="306"/>
              </a:cxn>
              <a:cxn ang="0">
                <a:pos x="237" y="309"/>
              </a:cxn>
              <a:cxn ang="0">
                <a:pos x="213" y="315"/>
              </a:cxn>
              <a:cxn ang="0">
                <a:pos x="189" y="309"/>
              </a:cxn>
              <a:cxn ang="0">
                <a:pos x="150" y="261"/>
              </a:cxn>
              <a:cxn ang="0">
                <a:pos x="114" y="237"/>
              </a:cxn>
              <a:cxn ang="0">
                <a:pos x="96" y="225"/>
              </a:cxn>
              <a:cxn ang="0">
                <a:pos x="90" y="207"/>
              </a:cxn>
              <a:cxn ang="0">
                <a:pos x="87" y="198"/>
              </a:cxn>
              <a:cxn ang="0">
                <a:pos x="84" y="156"/>
              </a:cxn>
              <a:cxn ang="0">
                <a:pos x="21" y="75"/>
              </a:cxn>
              <a:cxn ang="0">
                <a:pos x="0" y="0"/>
              </a:cxn>
            </a:cxnLst>
            <a:rect l="0" t="0" r="r" b="b"/>
            <a:pathLst>
              <a:path w="357" h="333">
                <a:moveTo>
                  <a:pt x="357" y="312"/>
                </a:moveTo>
                <a:cubicBezTo>
                  <a:pt x="345" y="320"/>
                  <a:pt x="335" y="328"/>
                  <a:pt x="321" y="333"/>
                </a:cubicBezTo>
                <a:cubicBezTo>
                  <a:pt x="301" y="328"/>
                  <a:pt x="291" y="312"/>
                  <a:pt x="273" y="306"/>
                </a:cubicBezTo>
                <a:cubicBezTo>
                  <a:pt x="261" y="307"/>
                  <a:pt x="249" y="307"/>
                  <a:pt x="237" y="309"/>
                </a:cubicBezTo>
                <a:cubicBezTo>
                  <a:pt x="229" y="310"/>
                  <a:pt x="213" y="315"/>
                  <a:pt x="213" y="315"/>
                </a:cubicBezTo>
                <a:cubicBezTo>
                  <a:pt x="205" y="313"/>
                  <a:pt x="195" y="315"/>
                  <a:pt x="189" y="309"/>
                </a:cubicBezTo>
                <a:cubicBezTo>
                  <a:pt x="168" y="288"/>
                  <a:pt x="179" y="280"/>
                  <a:pt x="150" y="261"/>
                </a:cubicBezTo>
                <a:cubicBezTo>
                  <a:pt x="138" y="253"/>
                  <a:pt x="126" y="246"/>
                  <a:pt x="114" y="237"/>
                </a:cubicBezTo>
                <a:cubicBezTo>
                  <a:pt x="108" y="233"/>
                  <a:pt x="96" y="225"/>
                  <a:pt x="96" y="225"/>
                </a:cubicBezTo>
                <a:cubicBezTo>
                  <a:pt x="94" y="219"/>
                  <a:pt x="92" y="213"/>
                  <a:pt x="90" y="207"/>
                </a:cubicBezTo>
                <a:cubicBezTo>
                  <a:pt x="89" y="204"/>
                  <a:pt x="87" y="198"/>
                  <a:pt x="87" y="198"/>
                </a:cubicBezTo>
                <a:cubicBezTo>
                  <a:pt x="86" y="184"/>
                  <a:pt x="86" y="170"/>
                  <a:pt x="84" y="156"/>
                </a:cubicBezTo>
                <a:cubicBezTo>
                  <a:pt x="80" y="120"/>
                  <a:pt x="39" y="102"/>
                  <a:pt x="21" y="75"/>
                </a:cubicBezTo>
                <a:cubicBezTo>
                  <a:pt x="17" y="52"/>
                  <a:pt x="18" y="18"/>
                  <a:pt x="0" y="0"/>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15" name="Freeform 7"/>
          <p:cNvSpPr>
            <a:spLocks/>
          </p:cNvSpPr>
          <p:nvPr/>
        </p:nvSpPr>
        <p:spPr bwMode="ltGray">
          <a:xfrm>
            <a:off x="2919582" y="1929950"/>
            <a:ext cx="100012" cy="471488"/>
          </a:xfrm>
          <a:custGeom>
            <a:avLst/>
            <a:gdLst/>
            <a:ahLst/>
            <a:cxnLst>
              <a:cxn ang="0">
                <a:pos x="33" y="0"/>
              </a:cxn>
              <a:cxn ang="0">
                <a:pos x="30" y="9"/>
              </a:cxn>
              <a:cxn ang="0">
                <a:pos x="24" y="18"/>
              </a:cxn>
              <a:cxn ang="0">
                <a:pos x="18" y="36"/>
              </a:cxn>
              <a:cxn ang="0">
                <a:pos x="42" y="81"/>
              </a:cxn>
              <a:cxn ang="0">
                <a:pos x="57" y="108"/>
              </a:cxn>
              <a:cxn ang="0">
                <a:pos x="63" y="126"/>
              </a:cxn>
              <a:cxn ang="0">
                <a:pos x="12" y="297"/>
              </a:cxn>
              <a:cxn ang="0">
                <a:pos x="0" y="273"/>
              </a:cxn>
            </a:cxnLst>
            <a:rect l="0" t="0" r="r" b="b"/>
            <a:pathLst>
              <a:path w="63" h="297">
                <a:moveTo>
                  <a:pt x="33" y="0"/>
                </a:moveTo>
                <a:cubicBezTo>
                  <a:pt x="32" y="3"/>
                  <a:pt x="31" y="6"/>
                  <a:pt x="30" y="9"/>
                </a:cubicBezTo>
                <a:cubicBezTo>
                  <a:pt x="28" y="12"/>
                  <a:pt x="25" y="15"/>
                  <a:pt x="24" y="18"/>
                </a:cubicBezTo>
                <a:cubicBezTo>
                  <a:pt x="21" y="24"/>
                  <a:pt x="18" y="36"/>
                  <a:pt x="18" y="36"/>
                </a:cubicBezTo>
                <a:cubicBezTo>
                  <a:pt x="24" y="53"/>
                  <a:pt x="29" y="68"/>
                  <a:pt x="42" y="81"/>
                </a:cubicBezTo>
                <a:cubicBezTo>
                  <a:pt x="45" y="91"/>
                  <a:pt x="54" y="98"/>
                  <a:pt x="57" y="108"/>
                </a:cubicBezTo>
                <a:cubicBezTo>
                  <a:pt x="59" y="114"/>
                  <a:pt x="63" y="126"/>
                  <a:pt x="63" y="126"/>
                </a:cubicBezTo>
                <a:cubicBezTo>
                  <a:pt x="60" y="176"/>
                  <a:pt x="51" y="258"/>
                  <a:pt x="12" y="297"/>
                </a:cubicBezTo>
                <a:lnTo>
                  <a:pt x="0" y="273"/>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16" name="Freeform 8"/>
          <p:cNvSpPr>
            <a:spLocks/>
          </p:cNvSpPr>
          <p:nvPr/>
        </p:nvSpPr>
        <p:spPr bwMode="ltGray">
          <a:xfrm>
            <a:off x="2986257" y="2410962"/>
            <a:ext cx="242887" cy="166688"/>
          </a:xfrm>
          <a:custGeom>
            <a:avLst/>
            <a:gdLst/>
            <a:ahLst/>
            <a:cxnLst>
              <a:cxn ang="0">
                <a:pos x="153" y="0"/>
              </a:cxn>
              <a:cxn ang="0">
                <a:pos x="63" y="63"/>
              </a:cxn>
              <a:cxn ang="0">
                <a:pos x="21" y="69"/>
              </a:cxn>
              <a:cxn ang="0">
                <a:pos x="0" y="105"/>
              </a:cxn>
            </a:cxnLst>
            <a:rect l="0" t="0" r="r" b="b"/>
            <a:pathLst>
              <a:path w="153" h="105">
                <a:moveTo>
                  <a:pt x="153" y="0"/>
                </a:moveTo>
                <a:cubicBezTo>
                  <a:pt x="144" y="38"/>
                  <a:pt x="99" y="57"/>
                  <a:pt x="63" y="63"/>
                </a:cubicBezTo>
                <a:cubicBezTo>
                  <a:pt x="49" y="65"/>
                  <a:pt x="21" y="69"/>
                  <a:pt x="21" y="69"/>
                </a:cubicBezTo>
                <a:cubicBezTo>
                  <a:pt x="1" y="76"/>
                  <a:pt x="0" y="85"/>
                  <a:pt x="0" y="105"/>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17" name="Freeform 9"/>
          <p:cNvSpPr>
            <a:spLocks/>
          </p:cNvSpPr>
          <p:nvPr/>
        </p:nvSpPr>
        <p:spPr bwMode="ltGray">
          <a:xfrm>
            <a:off x="2843382" y="2801487"/>
            <a:ext cx="1171575" cy="819150"/>
          </a:xfrm>
          <a:custGeom>
            <a:avLst/>
            <a:gdLst/>
            <a:ahLst/>
            <a:cxnLst>
              <a:cxn ang="0">
                <a:pos x="738" y="453"/>
              </a:cxn>
              <a:cxn ang="0">
                <a:pos x="696" y="462"/>
              </a:cxn>
              <a:cxn ang="0">
                <a:pos x="678" y="468"/>
              </a:cxn>
              <a:cxn ang="0">
                <a:pos x="654" y="504"/>
              </a:cxn>
              <a:cxn ang="0">
                <a:pos x="627" y="516"/>
              </a:cxn>
              <a:cxn ang="0">
                <a:pos x="516" y="498"/>
              </a:cxn>
              <a:cxn ang="0">
                <a:pos x="477" y="465"/>
              </a:cxn>
              <a:cxn ang="0">
                <a:pos x="462" y="384"/>
              </a:cxn>
              <a:cxn ang="0">
                <a:pos x="456" y="366"/>
              </a:cxn>
              <a:cxn ang="0">
                <a:pos x="420" y="342"/>
              </a:cxn>
              <a:cxn ang="0">
                <a:pos x="354" y="315"/>
              </a:cxn>
              <a:cxn ang="0">
                <a:pos x="333" y="288"/>
              </a:cxn>
              <a:cxn ang="0">
                <a:pos x="315" y="270"/>
              </a:cxn>
              <a:cxn ang="0">
                <a:pos x="237" y="129"/>
              </a:cxn>
              <a:cxn ang="0">
                <a:pos x="201" y="78"/>
              </a:cxn>
              <a:cxn ang="0">
                <a:pos x="171" y="45"/>
              </a:cxn>
              <a:cxn ang="0">
                <a:pos x="156" y="18"/>
              </a:cxn>
              <a:cxn ang="0">
                <a:pos x="138" y="6"/>
              </a:cxn>
              <a:cxn ang="0">
                <a:pos x="120" y="0"/>
              </a:cxn>
              <a:cxn ang="0">
                <a:pos x="21" y="6"/>
              </a:cxn>
              <a:cxn ang="0">
                <a:pos x="0" y="12"/>
              </a:cxn>
            </a:cxnLst>
            <a:rect l="0" t="0" r="r" b="b"/>
            <a:pathLst>
              <a:path w="738" h="516">
                <a:moveTo>
                  <a:pt x="738" y="453"/>
                </a:moveTo>
                <a:cubicBezTo>
                  <a:pt x="724" y="458"/>
                  <a:pt x="710" y="458"/>
                  <a:pt x="696" y="462"/>
                </a:cubicBezTo>
                <a:cubicBezTo>
                  <a:pt x="690" y="464"/>
                  <a:pt x="678" y="468"/>
                  <a:pt x="678" y="468"/>
                </a:cubicBezTo>
                <a:cubicBezTo>
                  <a:pt x="669" y="481"/>
                  <a:pt x="666" y="494"/>
                  <a:pt x="654" y="504"/>
                </a:cubicBezTo>
                <a:cubicBezTo>
                  <a:pt x="646" y="510"/>
                  <a:pt x="627" y="516"/>
                  <a:pt x="627" y="516"/>
                </a:cubicBezTo>
                <a:cubicBezTo>
                  <a:pt x="589" y="512"/>
                  <a:pt x="554" y="501"/>
                  <a:pt x="516" y="498"/>
                </a:cubicBezTo>
                <a:cubicBezTo>
                  <a:pt x="485" y="492"/>
                  <a:pt x="493" y="488"/>
                  <a:pt x="477" y="465"/>
                </a:cubicBezTo>
                <a:cubicBezTo>
                  <a:pt x="474" y="437"/>
                  <a:pt x="469" y="411"/>
                  <a:pt x="462" y="384"/>
                </a:cubicBezTo>
                <a:cubicBezTo>
                  <a:pt x="460" y="378"/>
                  <a:pt x="461" y="370"/>
                  <a:pt x="456" y="366"/>
                </a:cubicBezTo>
                <a:cubicBezTo>
                  <a:pt x="444" y="358"/>
                  <a:pt x="434" y="348"/>
                  <a:pt x="420" y="342"/>
                </a:cubicBezTo>
                <a:cubicBezTo>
                  <a:pt x="397" y="332"/>
                  <a:pt x="375" y="329"/>
                  <a:pt x="354" y="315"/>
                </a:cubicBezTo>
                <a:cubicBezTo>
                  <a:pt x="348" y="306"/>
                  <a:pt x="340" y="296"/>
                  <a:pt x="333" y="288"/>
                </a:cubicBezTo>
                <a:cubicBezTo>
                  <a:pt x="327" y="282"/>
                  <a:pt x="315" y="270"/>
                  <a:pt x="315" y="270"/>
                </a:cubicBezTo>
                <a:cubicBezTo>
                  <a:pt x="296" y="213"/>
                  <a:pt x="293" y="166"/>
                  <a:pt x="237" y="129"/>
                </a:cubicBezTo>
                <a:cubicBezTo>
                  <a:pt x="225" y="111"/>
                  <a:pt x="219" y="90"/>
                  <a:pt x="201" y="78"/>
                </a:cubicBezTo>
                <a:cubicBezTo>
                  <a:pt x="192" y="65"/>
                  <a:pt x="178" y="59"/>
                  <a:pt x="171" y="45"/>
                </a:cubicBezTo>
                <a:cubicBezTo>
                  <a:pt x="166" y="34"/>
                  <a:pt x="170" y="27"/>
                  <a:pt x="156" y="18"/>
                </a:cubicBezTo>
                <a:cubicBezTo>
                  <a:pt x="150" y="14"/>
                  <a:pt x="145" y="8"/>
                  <a:pt x="138" y="6"/>
                </a:cubicBezTo>
                <a:cubicBezTo>
                  <a:pt x="132" y="4"/>
                  <a:pt x="120" y="0"/>
                  <a:pt x="120" y="0"/>
                </a:cubicBezTo>
                <a:cubicBezTo>
                  <a:pt x="87" y="2"/>
                  <a:pt x="54" y="6"/>
                  <a:pt x="21" y="6"/>
                </a:cubicBezTo>
                <a:lnTo>
                  <a:pt x="0" y="12"/>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grpSp>
        <p:nvGrpSpPr>
          <p:cNvPr id="2" name="Group 2"/>
          <p:cNvGrpSpPr/>
          <p:nvPr/>
        </p:nvGrpSpPr>
        <p:grpSpPr bwMode="ltGray">
          <a:xfrm>
            <a:off x="5154782" y="4998587"/>
            <a:ext cx="1612900" cy="1111250"/>
            <a:chOff x="3644900" y="5289550"/>
            <a:chExt cx="1612900" cy="1111250"/>
          </a:xfrm>
        </p:grpSpPr>
        <p:sp>
          <p:nvSpPr>
            <p:cNvPr id="27" name="Freeform 51"/>
            <p:cNvSpPr>
              <a:spLocks/>
            </p:cNvSpPr>
            <p:nvPr/>
          </p:nvSpPr>
          <p:spPr bwMode="ltGray">
            <a:xfrm>
              <a:off x="3644900" y="5289550"/>
              <a:ext cx="1612900" cy="428625"/>
            </a:xfrm>
            <a:custGeom>
              <a:avLst/>
              <a:gdLst/>
              <a:ahLst/>
              <a:cxnLst>
                <a:cxn ang="0">
                  <a:pos x="1016" y="0"/>
                </a:cxn>
                <a:cxn ang="0">
                  <a:pos x="980" y="16"/>
                </a:cxn>
                <a:cxn ang="0">
                  <a:pos x="944" y="40"/>
                </a:cxn>
                <a:cxn ang="0">
                  <a:pos x="876" y="52"/>
                </a:cxn>
                <a:cxn ang="0">
                  <a:pos x="800" y="96"/>
                </a:cxn>
                <a:cxn ang="0">
                  <a:pos x="780" y="92"/>
                </a:cxn>
                <a:cxn ang="0">
                  <a:pos x="756" y="100"/>
                </a:cxn>
                <a:cxn ang="0">
                  <a:pos x="684" y="84"/>
                </a:cxn>
                <a:cxn ang="0">
                  <a:pos x="664" y="120"/>
                </a:cxn>
                <a:cxn ang="0">
                  <a:pos x="612" y="188"/>
                </a:cxn>
                <a:cxn ang="0">
                  <a:pos x="588" y="236"/>
                </a:cxn>
                <a:cxn ang="0">
                  <a:pos x="564" y="252"/>
                </a:cxn>
                <a:cxn ang="0">
                  <a:pos x="540" y="260"/>
                </a:cxn>
                <a:cxn ang="0">
                  <a:pos x="452" y="252"/>
                </a:cxn>
                <a:cxn ang="0">
                  <a:pos x="304" y="160"/>
                </a:cxn>
                <a:cxn ang="0">
                  <a:pos x="208" y="184"/>
                </a:cxn>
                <a:cxn ang="0">
                  <a:pos x="128" y="228"/>
                </a:cxn>
                <a:cxn ang="0">
                  <a:pos x="0" y="228"/>
                </a:cxn>
              </a:cxnLst>
              <a:rect l="0" t="0" r="r" b="b"/>
              <a:pathLst>
                <a:path w="1016" h="270">
                  <a:moveTo>
                    <a:pt x="1016" y="0"/>
                  </a:moveTo>
                  <a:cubicBezTo>
                    <a:pt x="997" y="13"/>
                    <a:pt x="1009" y="6"/>
                    <a:pt x="980" y="16"/>
                  </a:cubicBezTo>
                  <a:cubicBezTo>
                    <a:pt x="980" y="16"/>
                    <a:pt x="950" y="36"/>
                    <a:pt x="944" y="40"/>
                  </a:cubicBezTo>
                  <a:cubicBezTo>
                    <a:pt x="928" y="51"/>
                    <a:pt x="890" y="51"/>
                    <a:pt x="876" y="52"/>
                  </a:cubicBezTo>
                  <a:cubicBezTo>
                    <a:pt x="849" y="70"/>
                    <a:pt x="832" y="88"/>
                    <a:pt x="800" y="96"/>
                  </a:cubicBezTo>
                  <a:cubicBezTo>
                    <a:pt x="793" y="95"/>
                    <a:pt x="787" y="91"/>
                    <a:pt x="780" y="92"/>
                  </a:cubicBezTo>
                  <a:cubicBezTo>
                    <a:pt x="772" y="93"/>
                    <a:pt x="756" y="100"/>
                    <a:pt x="756" y="100"/>
                  </a:cubicBezTo>
                  <a:cubicBezTo>
                    <a:pt x="732" y="96"/>
                    <a:pt x="708" y="90"/>
                    <a:pt x="684" y="84"/>
                  </a:cubicBezTo>
                  <a:cubicBezTo>
                    <a:pt x="666" y="112"/>
                    <a:pt x="671" y="99"/>
                    <a:pt x="664" y="120"/>
                  </a:cubicBezTo>
                  <a:cubicBezTo>
                    <a:pt x="658" y="171"/>
                    <a:pt x="663" y="179"/>
                    <a:pt x="612" y="188"/>
                  </a:cubicBezTo>
                  <a:cubicBezTo>
                    <a:pt x="602" y="203"/>
                    <a:pt x="602" y="224"/>
                    <a:pt x="588" y="236"/>
                  </a:cubicBezTo>
                  <a:cubicBezTo>
                    <a:pt x="581" y="242"/>
                    <a:pt x="573" y="249"/>
                    <a:pt x="564" y="252"/>
                  </a:cubicBezTo>
                  <a:cubicBezTo>
                    <a:pt x="556" y="255"/>
                    <a:pt x="540" y="260"/>
                    <a:pt x="540" y="260"/>
                  </a:cubicBezTo>
                  <a:cubicBezTo>
                    <a:pt x="511" y="258"/>
                    <a:pt x="475" y="270"/>
                    <a:pt x="452" y="252"/>
                  </a:cubicBezTo>
                  <a:cubicBezTo>
                    <a:pt x="403" y="214"/>
                    <a:pt x="364" y="180"/>
                    <a:pt x="304" y="160"/>
                  </a:cubicBezTo>
                  <a:cubicBezTo>
                    <a:pt x="268" y="164"/>
                    <a:pt x="243" y="179"/>
                    <a:pt x="208" y="184"/>
                  </a:cubicBezTo>
                  <a:cubicBezTo>
                    <a:pt x="182" y="202"/>
                    <a:pt x="159" y="222"/>
                    <a:pt x="128" y="228"/>
                  </a:cubicBezTo>
                  <a:cubicBezTo>
                    <a:pt x="5" y="224"/>
                    <a:pt x="52" y="228"/>
                    <a:pt x="0" y="228"/>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grpSp>
          <p:nvGrpSpPr>
            <p:cNvPr id="3" name="Group 1"/>
            <p:cNvGrpSpPr/>
            <p:nvPr/>
          </p:nvGrpSpPr>
          <p:grpSpPr bwMode="ltGray">
            <a:xfrm>
              <a:off x="3706688" y="5676686"/>
              <a:ext cx="192212" cy="724114"/>
              <a:chOff x="3706688" y="5676686"/>
              <a:chExt cx="192212" cy="724114"/>
            </a:xfrm>
          </p:grpSpPr>
          <p:sp>
            <p:nvSpPr>
              <p:cNvPr id="28" name="Freeform 52"/>
              <p:cNvSpPr>
                <a:spLocks/>
              </p:cNvSpPr>
              <p:nvPr/>
            </p:nvSpPr>
            <p:spPr bwMode="ltGray">
              <a:xfrm>
                <a:off x="3733800" y="5676686"/>
                <a:ext cx="165100" cy="565150"/>
              </a:xfrm>
              <a:custGeom>
                <a:avLst/>
                <a:gdLst/>
                <a:ahLst/>
                <a:cxnLst>
                  <a:cxn ang="0">
                    <a:pos x="40" y="0"/>
                  </a:cxn>
                  <a:cxn ang="0">
                    <a:pos x="12" y="48"/>
                  </a:cxn>
                  <a:cxn ang="0">
                    <a:pos x="4" y="72"/>
                  </a:cxn>
                  <a:cxn ang="0">
                    <a:pos x="0" y="148"/>
                  </a:cxn>
                  <a:cxn ang="0">
                    <a:pos x="16" y="248"/>
                  </a:cxn>
                  <a:cxn ang="0">
                    <a:pos x="32" y="272"/>
                  </a:cxn>
                  <a:cxn ang="0">
                    <a:pos x="52" y="320"/>
                  </a:cxn>
                  <a:cxn ang="0">
                    <a:pos x="84" y="340"/>
                  </a:cxn>
                  <a:cxn ang="0">
                    <a:pos x="104" y="356"/>
                  </a:cxn>
                </a:cxnLst>
                <a:rect l="0" t="0" r="r" b="b"/>
                <a:pathLst>
                  <a:path w="104" h="356">
                    <a:moveTo>
                      <a:pt x="40" y="0"/>
                    </a:moveTo>
                    <a:cubicBezTo>
                      <a:pt x="30" y="16"/>
                      <a:pt x="20" y="31"/>
                      <a:pt x="12" y="48"/>
                    </a:cubicBezTo>
                    <a:cubicBezTo>
                      <a:pt x="9" y="56"/>
                      <a:pt x="4" y="72"/>
                      <a:pt x="4" y="72"/>
                    </a:cubicBezTo>
                    <a:cubicBezTo>
                      <a:pt x="12" y="97"/>
                      <a:pt x="6" y="123"/>
                      <a:pt x="0" y="148"/>
                    </a:cubicBezTo>
                    <a:cubicBezTo>
                      <a:pt x="3" y="188"/>
                      <a:pt x="4" y="212"/>
                      <a:pt x="16" y="248"/>
                    </a:cubicBezTo>
                    <a:cubicBezTo>
                      <a:pt x="19" y="257"/>
                      <a:pt x="29" y="263"/>
                      <a:pt x="32" y="272"/>
                    </a:cubicBezTo>
                    <a:cubicBezTo>
                      <a:pt x="38" y="289"/>
                      <a:pt x="46" y="302"/>
                      <a:pt x="52" y="320"/>
                    </a:cubicBezTo>
                    <a:cubicBezTo>
                      <a:pt x="54" y="325"/>
                      <a:pt x="75" y="336"/>
                      <a:pt x="84" y="340"/>
                    </a:cubicBezTo>
                    <a:lnTo>
                      <a:pt x="104" y="35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sp>
            <p:nvSpPr>
              <p:cNvPr id="29" name="Freeform 53"/>
              <p:cNvSpPr>
                <a:spLocks/>
              </p:cNvSpPr>
              <p:nvPr/>
            </p:nvSpPr>
            <p:spPr bwMode="ltGray">
              <a:xfrm>
                <a:off x="3706688" y="5683250"/>
                <a:ext cx="146050" cy="717550"/>
              </a:xfrm>
              <a:custGeom>
                <a:avLst/>
                <a:gdLst/>
                <a:ahLst/>
                <a:cxnLst>
                  <a:cxn ang="0">
                    <a:pos x="60" y="0"/>
                  </a:cxn>
                  <a:cxn ang="0">
                    <a:pos x="0" y="76"/>
                  </a:cxn>
                  <a:cxn ang="0">
                    <a:pos x="4" y="240"/>
                  </a:cxn>
                  <a:cxn ang="0">
                    <a:pos x="56" y="376"/>
                  </a:cxn>
                  <a:cxn ang="0">
                    <a:pos x="84" y="436"/>
                  </a:cxn>
                  <a:cxn ang="0">
                    <a:pos x="92" y="452"/>
                  </a:cxn>
                </a:cxnLst>
                <a:rect l="0" t="0" r="r" b="b"/>
                <a:pathLst>
                  <a:path w="92" h="452">
                    <a:moveTo>
                      <a:pt x="60" y="0"/>
                    </a:moveTo>
                    <a:cubicBezTo>
                      <a:pt x="36" y="24"/>
                      <a:pt x="11" y="44"/>
                      <a:pt x="0" y="76"/>
                    </a:cubicBezTo>
                    <a:cubicBezTo>
                      <a:pt x="1" y="131"/>
                      <a:pt x="2" y="185"/>
                      <a:pt x="4" y="240"/>
                    </a:cubicBezTo>
                    <a:cubicBezTo>
                      <a:pt x="6" y="289"/>
                      <a:pt x="37" y="333"/>
                      <a:pt x="56" y="376"/>
                    </a:cubicBezTo>
                    <a:cubicBezTo>
                      <a:pt x="65" y="397"/>
                      <a:pt x="65" y="423"/>
                      <a:pt x="84" y="436"/>
                    </a:cubicBezTo>
                    <a:cubicBezTo>
                      <a:pt x="89" y="450"/>
                      <a:pt x="85" y="445"/>
                      <a:pt x="92" y="452"/>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grpSp>
      </p:grpSp>
      <p:grpSp>
        <p:nvGrpSpPr>
          <p:cNvPr id="4" name="Group 3"/>
          <p:cNvGrpSpPr/>
          <p:nvPr/>
        </p:nvGrpSpPr>
        <p:grpSpPr bwMode="ltGray">
          <a:xfrm>
            <a:off x="2978320" y="2934838"/>
            <a:ext cx="1447800" cy="1790700"/>
            <a:chOff x="1468438" y="3225801"/>
            <a:chExt cx="1447800" cy="1790700"/>
          </a:xfrm>
        </p:grpSpPr>
        <p:sp>
          <p:nvSpPr>
            <p:cNvPr id="37" name="Freeform 106"/>
            <p:cNvSpPr>
              <a:spLocks/>
            </p:cNvSpPr>
            <p:nvPr/>
          </p:nvSpPr>
          <p:spPr bwMode="ltGray">
            <a:xfrm>
              <a:off x="1468438" y="3225801"/>
              <a:ext cx="1447800" cy="1790700"/>
            </a:xfrm>
            <a:custGeom>
              <a:avLst/>
              <a:gdLst/>
              <a:ahLst/>
              <a:cxnLst>
                <a:cxn ang="0">
                  <a:pos x="0" y="0"/>
                </a:cxn>
                <a:cxn ang="0">
                  <a:pos x="44" y="24"/>
                </a:cxn>
                <a:cxn ang="0">
                  <a:pos x="80" y="60"/>
                </a:cxn>
                <a:cxn ang="0">
                  <a:pos x="124" y="120"/>
                </a:cxn>
                <a:cxn ang="0">
                  <a:pos x="146" y="163"/>
                </a:cxn>
                <a:cxn ang="0">
                  <a:pos x="152" y="208"/>
                </a:cxn>
                <a:cxn ang="0">
                  <a:pos x="164" y="252"/>
                </a:cxn>
                <a:cxn ang="0">
                  <a:pos x="220" y="328"/>
                </a:cxn>
                <a:cxn ang="0">
                  <a:pos x="252" y="372"/>
                </a:cxn>
                <a:cxn ang="0">
                  <a:pos x="272" y="392"/>
                </a:cxn>
                <a:cxn ang="0">
                  <a:pos x="316" y="412"/>
                </a:cxn>
                <a:cxn ang="0">
                  <a:pos x="348" y="468"/>
                </a:cxn>
                <a:cxn ang="0">
                  <a:pos x="384" y="488"/>
                </a:cxn>
                <a:cxn ang="0">
                  <a:pos x="420" y="552"/>
                </a:cxn>
                <a:cxn ang="0">
                  <a:pos x="480" y="584"/>
                </a:cxn>
                <a:cxn ang="0">
                  <a:pos x="484" y="608"/>
                </a:cxn>
                <a:cxn ang="0">
                  <a:pos x="480" y="640"/>
                </a:cxn>
                <a:cxn ang="0">
                  <a:pos x="488" y="664"/>
                </a:cxn>
                <a:cxn ang="0">
                  <a:pos x="524" y="736"/>
                </a:cxn>
                <a:cxn ang="0">
                  <a:pos x="548" y="756"/>
                </a:cxn>
                <a:cxn ang="0">
                  <a:pos x="580" y="832"/>
                </a:cxn>
                <a:cxn ang="0">
                  <a:pos x="608" y="852"/>
                </a:cxn>
                <a:cxn ang="0">
                  <a:pos x="616" y="912"/>
                </a:cxn>
                <a:cxn ang="0">
                  <a:pos x="695" y="931"/>
                </a:cxn>
                <a:cxn ang="0">
                  <a:pos x="746" y="928"/>
                </a:cxn>
                <a:cxn ang="0">
                  <a:pos x="752" y="949"/>
                </a:cxn>
                <a:cxn ang="0">
                  <a:pos x="713" y="961"/>
                </a:cxn>
                <a:cxn ang="0">
                  <a:pos x="704" y="1032"/>
                </a:cxn>
                <a:cxn ang="0">
                  <a:pos x="800" y="1036"/>
                </a:cxn>
                <a:cxn ang="0">
                  <a:pos x="852" y="1084"/>
                </a:cxn>
                <a:cxn ang="0">
                  <a:pos x="869" y="1075"/>
                </a:cxn>
                <a:cxn ang="0">
                  <a:pos x="892" y="1092"/>
                </a:cxn>
                <a:cxn ang="0">
                  <a:pos x="912" y="1128"/>
                </a:cxn>
              </a:cxnLst>
              <a:rect l="0" t="0" r="r" b="b"/>
              <a:pathLst>
                <a:path w="912" h="1128">
                  <a:moveTo>
                    <a:pt x="0" y="0"/>
                  </a:moveTo>
                  <a:lnTo>
                    <a:pt x="44" y="24"/>
                  </a:lnTo>
                  <a:lnTo>
                    <a:pt x="80" y="60"/>
                  </a:lnTo>
                  <a:lnTo>
                    <a:pt x="124" y="120"/>
                  </a:lnTo>
                  <a:lnTo>
                    <a:pt x="146" y="163"/>
                  </a:lnTo>
                  <a:lnTo>
                    <a:pt x="152" y="208"/>
                  </a:lnTo>
                  <a:lnTo>
                    <a:pt x="164" y="252"/>
                  </a:lnTo>
                  <a:lnTo>
                    <a:pt x="220" y="328"/>
                  </a:lnTo>
                  <a:lnTo>
                    <a:pt x="252" y="372"/>
                  </a:lnTo>
                  <a:lnTo>
                    <a:pt x="272" y="392"/>
                  </a:lnTo>
                  <a:lnTo>
                    <a:pt x="316" y="412"/>
                  </a:lnTo>
                  <a:lnTo>
                    <a:pt x="348" y="468"/>
                  </a:lnTo>
                  <a:lnTo>
                    <a:pt x="384" y="488"/>
                  </a:lnTo>
                  <a:lnTo>
                    <a:pt x="420" y="552"/>
                  </a:lnTo>
                  <a:lnTo>
                    <a:pt x="480" y="584"/>
                  </a:lnTo>
                  <a:lnTo>
                    <a:pt x="484" y="608"/>
                  </a:lnTo>
                  <a:lnTo>
                    <a:pt x="480" y="640"/>
                  </a:lnTo>
                  <a:lnTo>
                    <a:pt x="488" y="664"/>
                  </a:lnTo>
                  <a:lnTo>
                    <a:pt x="524" y="736"/>
                  </a:lnTo>
                  <a:lnTo>
                    <a:pt x="548" y="756"/>
                  </a:lnTo>
                  <a:lnTo>
                    <a:pt x="580" y="832"/>
                  </a:lnTo>
                  <a:lnTo>
                    <a:pt x="608" y="852"/>
                  </a:lnTo>
                  <a:lnTo>
                    <a:pt x="616" y="912"/>
                  </a:lnTo>
                  <a:lnTo>
                    <a:pt x="695" y="931"/>
                  </a:lnTo>
                  <a:lnTo>
                    <a:pt x="746" y="928"/>
                  </a:lnTo>
                  <a:lnTo>
                    <a:pt x="752" y="949"/>
                  </a:lnTo>
                  <a:lnTo>
                    <a:pt x="713" y="961"/>
                  </a:lnTo>
                  <a:lnTo>
                    <a:pt x="704" y="1032"/>
                  </a:lnTo>
                  <a:lnTo>
                    <a:pt x="800" y="1036"/>
                  </a:lnTo>
                  <a:lnTo>
                    <a:pt x="852" y="1084"/>
                  </a:lnTo>
                  <a:lnTo>
                    <a:pt x="869" y="1075"/>
                  </a:lnTo>
                  <a:lnTo>
                    <a:pt x="892" y="1092"/>
                  </a:lnTo>
                  <a:lnTo>
                    <a:pt x="912" y="1128"/>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sp>
          <p:nvSpPr>
            <p:cNvPr id="40" name="Freeform 109"/>
            <p:cNvSpPr>
              <a:spLocks/>
            </p:cNvSpPr>
            <p:nvPr/>
          </p:nvSpPr>
          <p:spPr bwMode="ltGray">
            <a:xfrm>
              <a:off x="1914525" y="4389439"/>
              <a:ext cx="381000" cy="614363"/>
            </a:xfrm>
            <a:custGeom>
              <a:avLst/>
              <a:gdLst/>
              <a:ahLst/>
              <a:cxnLst>
                <a:cxn ang="0">
                  <a:pos x="240" y="0"/>
                </a:cxn>
                <a:cxn ang="0">
                  <a:pos x="219" y="42"/>
                </a:cxn>
                <a:cxn ang="0">
                  <a:pos x="204" y="57"/>
                </a:cxn>
                <a:cxn ang="0">
                  <a:pos x="174" y="57"/>
                </a:cxn>
                <a:cxn ang="0">
                  <a:pos x="147" y="36"/>
                </a:cxn>
                <a:cxn ang="0">
                  <a:pos x="126" y="42"/>
                </a:cxn>
                <a:cxn ang="0">
                  <a:pos x="105" y="63"/>
                </a:cxn>
                <a:cxn ang="0">
                  <a:pos x="87" y="87"/>
                </a:cxn>
                <a:cxn ang="0">
                  <a:pos x="87" y="114"/>
                </a:cxn>
                <a:cxn ang="0">
                  <a:pos x="66" y="123"/>
                </a:cxn>
                <a:cxn ang="0">
                  <a:pos x="54" y="138"/>
                </a:cxn>
                <a:cxn ang="0">
                  <a:pos x="39" y="159"/>
                </a:cxn>
                <a:cxn ang="0">
                  <a:pos x="15" y="162"/>
                </a:cxn>
                <a:cxn ang="0">
                  <a:pos x="3" y="192"/>
                </a:cxn>
                <a:cxn ang="0">
                  <a:pos x="24" y="219"/>
                </a:cxn>
                <a:cxn ang="0">
                  <a:pos x="18" y="237"/>
                </a:cxn>
                <a:cxn ang="0">
                  <a:pos x="42" y="249"/>
                </a:cxn>
                <a:cxn ang="0">
                  <a:pos x="45" y="279"/>
                </a:cxn>
                <a:cxn ang="0">
                  <a:pos x="60" y="291"/>
                </a:cxn>
                <a:cxn ang="0">
                  <a:pos x="69" y="312"/>
                </a:cxn>
                <a:cxn ang="0">
                  <a:pos x="63" y="333"/>
                </a:cxn>
                <a:cxn ang="0">
                  <a:pos x="60" y="351"/>
                </a:cxn>
                <a:cxn ang="0">
                  <a:pos x="33" y="387"/>
                </a:cxn>
              </a:cxnLst>
              <a:rect l="0" t="0" r="r" b="b"/>
              <a:pathLst>
                <a:path w="240" h="387">
                  <a:moveTo>
                    <a:pt x="240" y="0"/>
                  </a:moveTo>
                  <a:lnTo>
                    <a:pt x="219" y="42"/>
                  </a:lnTo>
                  <a:lnTo>
                    <a:pt x="204" y="57"/>
                  </a:lnTo>
                  <a:lnTo>
                    <a:pt x="174" y="57"/>
                  </a:lnTo>
                  <a:lnTo>
                    <a:pt x="147" y="36"/>
                  </a:lnTo>
                  <a:lnTo>
                    <a:pt x="126" y="42"/>
                  </a:lnTo>
                  <a:lnTo>
                    <a:pt x="105" y="63"/>
                  </a:lnTo>
                  <a:lnTo>
                    <a:pt x="87" y="87"/>
                  </a:lnTo>
                  <a:lnTo>
                    <a:pt x="87" y="114"/>
                  </a:lnTo>
                  <a:lnTo>
                    <a:pt x="66" y="123"/>
                  </a:lnTo>
                  <a:lnTo>
                    <a:pt x="54" y="138"/>
                  </a:lnTo>
                  <a:lnTo>
                    <a:pt x="39" y="159"/>
                  </a:lnTo>
                  <a:lnTo>
                    <a:pt x="15" y="162"/>
                  </a:lnTo>
                  <a:cubicBezTo>
                    <a:pt x="0" y="181"/>
                    <a:pt x="3" y="171"/>
                    <a:pt x="3" y="192"/>
                  </a:cubicBezTo>
                  <a:lnTo>
                    <a:pt x="24" y="219"/>
                  </a:lnTo>
                  <a:lnTo>
                    <a:pt x="18" y="237"/>
                  </a:lnTo>
                  <a:lnTo>
                    <a:pt x="42" y="249"/>
                  </a:lnTo>
                  <a:lnTo>
                    <a:pt x="45" y="279"/>
                  </a:lnTo>
                  <a:lnTo>
                    <a:pt x="60" y="291"/>
                  </a:lnTo>
                  <a:lnTo>
                    <a:pt x="69" y="312"/>
                  </a:lnTo>
                  <a:lnTo>
                    <a:pt x="63" y="333"/>
                  </a:lnTo>
                  <a:lnTo>
                    <a:pt x="60" y="351"/>
                  </a:lnTo>
                  <a:lnTo>
                    <a:pt x="33" y="387"/>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grpSp>
      <p:sp>
        <p:nvSpPr>
          <p:cNvPr id="41" name="Freeform 110"/>
          <p:cNvSpPr>
            <a:spLocks/>
          </p:cNvSpPr>
          <p:nvPr/>
        </p:nvSpPr>
        <p:spPr bwMode="gray">
          <a:xfrm>
            <a:off x="4381670" y="4717601"/>
            <a:ext cx="819150" cy="485775"/>
          </a:xfrm>
          <a:custGeom>
            <a:avLst/>
            <a:gdLst/>
            <a:ahLst/>
            <a:cxnLst>
              <a:cxn ang="0">
                <a:pos x="42" y="99"/>
              </a:cxn>
              <a:cxn ang="0">
                <a:pos x="12" y="81"/>
              </a:cxn>
              <a:cxn ang="0">
                <a:pos x="3" y="57"/>
              </a:cxn>
              <a:cxn ang="0">
                <a:pos x="0" y="39"/>
              </a:cxn>
              <a:cxn ang="0">
                <a:pos x="18" y="21"/>
              </a:cxn>
              <a:cxn ang="0">
                <a:pos x="33" y="9"/>
              </a:cxn>
              <a:cxn ang="0">
                <a:pos x="57" y="0"/>
              </a:cxn>
              <a:cxn ang="0">
                <a:pos x="75" y="12"/>
              </a:cxn>
              <a:cxn ang="0">
                <a:pos x="96" y="27"/>
              </a:cxn>
              <a:cxn ang="0">
                <a:pos x="120" y="39"/>
              </a:cxn>
              <a:cxn ang="0">
                <a:pos x="150" y="63"/>
              </a:cxn>
              <a:cxn ang="0">
                <a:pos x="192" y="81"/>
              </a:cxn>
              <a:cxn ang="0">
                <a:pos x="222" y="111"/>
              </a:cxn>
              <a:cxn ang="0">
                <a:pos x="291" y="111"/>
              </a:cxn>
              <a:cxn ang="0">
                <a:pos x="306" y="129"/>
              </a:cxn>
              <a:cxn ang="0">
                <a:pos x="441" y="129"/>
              </a:cxn>
              <a:cxn ang="0">
                <a:pos x="468" y="144"/>
              </a:cxn>
              <a:cxn ang="0">
                <a:pos x="486" y="168"/>
              </a:cxn>
              <a:cxn ang="0">
                <a:pos x="516" y="183"/>
              </a:cxn>
              <a:cxn ang="0">
                <a:pos x="495" y="195"/>
              </a:cxn>
              <a:cxn ang="0">
                <a:pos x="489" y="213"/>
              </a:cxn>
              <a:cxn ang="0">
                <a:pos x="492" y="255"/>
              </a:cxn>
              <a:cxn ang="0">
                <a:pos x="501" y="279"/>
              </a:cxn>
              <a:cxn ang="0">
                <a:pos x="504" y="306"/>
              </a:cxn>
            </a:cxnLst>
            <a:rect l="0" t="0" r="r" b="b"/>
            <a:pathLst>
              <a:path w="516" h="306">
                <a:moveTo>
                  <a:pt x="42" y="99"/>
                </a:moveTo>
                <a:lnTo>
                  <a:pt x="12" y="81"/>
                </a:lnTo>
                <a:lnTo>
                  <a:pt x="3" y="57"/>
                </a:lnTo>
                <a:lnTo>
                  <a:pt x="0" y="39"/>
                </a:lnTo>
                <a:lnTo>
                  <a:pt x="18" y="21"/>
                </a:lnTo>
                <a:lnTo>
                  <a:pt x="33" y="9"/>
                </a:lnTo>
                <a:lnTo>
                  <a:pt x="57" y="0"/>
                </a:lnTo>
                <a:lnTo>
                  <a:pt x="75" y="12"/>
                </a:lnTo>
                <a:lnTo>
                  <a:pt x="96" y="27"/>
                </a:lnTo>
                <a:lnTo>
                  <a:pt x="120" y="39"/>
                </a:lnTo>
                <a:lnTo>
                  <a:pt x="150" y="63"/>
                </a:lnTo>
                <a:lnTo>
                  <a:pt x="192" y="81"/>
                </a:lnTo>
                <a:lnTo>
                  <a:pt x="222" y="111"/>
                </a:lnTo>
                <a:lnTo>
                  <a:pt x="291" y="111"/>
                </a:lnTo>
                <a:lnTo>
                  <a:pt x="306" y="129"/>
                </a:lnTo>
                <a:lnTo>
                  <a:pt x="441" y="129"/>
                </a:lnTo>
                <a:lnTo>
                  <a:pt x="468" y="144"/>
                </a:lnTo>
                <a:lnTo>
                  <a:pt x="486" y="168"/>
                </a:lnTo>
                <a:lnTo>
                  <a:pt x="516" y="183"/>
                </a:lnTo>
                <a:lnTo>
                  <a:pt x="495" y="195"/>
                </a:lnTo>
                <a:lnTo>
                  <a:pt x="489" y="213"/>
                </a:lnTo>
                <a:lnTo>
                  <a:pt x="492" y="255"/>
                </a:lnTo>
                <a:lnTo>
                  <a:pt x="501" y="279"/>
                </a:lnTo>
                <a:lnTo>
                  <a:pt x="504" y="30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mn-lt"/>
            </a:endParaRPr>
          </a:p>
        </p:txBody>
      </p:sp>
      <p:sp>
        <p:nvSpPr>
          <p:cNvPr id="35" name="Oval 121"/>
          <p:cNvSpPr>
            <a:spLocks noChangeArrowheads="1"/>
          </p:cNvSpPr>
          <p:nvPr/>
        </p:nvSpPr>
        <p:spPr bwMode="ltGray">
          <a:xfrm>
            <a:off x="4408657" y="4863650"/>
            <a:ext cx="133350" cy="133350"/>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36" name="Oval 122"/>
          <p:cNvSpPr>
            <a:spLocks noChangeArrowheads="1"/>
          </p:cNvSpPr>
          <p:nvPr/>
        </p:nvSpPr>
        <p:spPr bwMode="ltGray">
          <a:xfrm>
            <a:off x="5134145" y="5195438"/>
            <a:ext cx="122238" cy="122238"/>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mn-lt"/>
            </a:endParaRPr>
          </a:p>
        </p:txBody>
      </p:sp>
      <p:sp>
        <p:nvSpPr>
          <p:cNvPr id="42" name="Rectangle 14"/>
          <p:cNvSpPr>
            <a:spLocks noChangeArrowheads="1"/>
          </p:cNvSpPr>
          <p:nvPr/>
        </p:nvSpPr>
        <p:spPr bwMode="gray">
          <a:xfrm>
            <a:off x="5440680" y="4206861"/>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Colorado </a:t>
            </a: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rPr>
              <a:t>0.06 </a:t>
            </a:r>
            <a:r>
              <a:rPr lang="en-US" sz="2200" b="1" dirty="0" smtClean="0">
                <a:solidFill>
                  <a:prstClr val="white"/>
                </a:solidFill>
                <a:latin typeface="+mn-lt"/>
                <a:cs typeface="+mn-cs"/>
              </a:rPr>
              <a:t>mg/l</a:t>
            </a:r>
            <a:endParaRPr lang="en-US" sz="2200" b="1" dirty="0">
              <a:solidFill>
                <a:prstClr val="white"/>
              </a:solidFill>
              <a:latin typeface="+mn-lt"/>
              <a:cs typeface="+mn-cs"/>
            </a:endParaRPr>
          </a:p>
        </p:txBody>
      </p:sp>
      <p:sp>
        <p:nvSpPr>
          <p:cNvPr id="43" name="Rectangle 14"/>
          <p:cNvSpPr>
            <a:spLocks noChangeArrowheads="1"/>
          </p:cNvSpPr>
          <p:nvPr/>
        </p:nvSpPr>
        <p:spPr bwMode="gray">
          <a:xfrm>
            <a:off x="2432855" y="1498910"/>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acramento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rPr>
              <a:t>0.02 mg/l</a:t>
            </a:r>
            <a:endParaRPr lang="en-US" sz="2200" b="1" dirty="0">
              <a:solidFill>
                <a:prstClr val="white"/>
              </a:solidFill>
              <a:latin typeface="+mn-lt"/>
            </a:endParaRPr>
          </a:p>
        </p:txBody>
      </p:sp>
      <p:sp>
        <p:nvSpPr>
          <p:cNvPr id="30" name="Rectangle 14"/>
          <p:cNvSpPr>
            <a:spLocks noChangeArrowheads="1"/>
          </p:cNvSpPr>
          <p:nvPr/>
        </p:nvSpPr>
        <p:spPr bwMode="gray">
          <a:xfrm>
            <a:off x="110936" y="2764952"/>
            <a:ext cx="2666564"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WP (Existing) </a:t>
            </a:r>
          </a:p>
          <a:p>
            <a:pPr algn="ctr" defTabSz="825500" eaLnBrk="0" hangingPunct="0">
              <a:lnSpc>
                <a:spcPct val="85000"/>
              </a:lnSpc>
              <a:defRPr/>
            </a:pPr>
            <a:r>
              <a:rPr lang="en-US" sz="2200" b="1" dirty="0" smtClean="0">
                <a:solidFill>
                  <a:prstClr val="white"/>
                </a:solidFill>
                <a:latin typeface="+mn-lt"/>
              </a:rPr>
              <a:t>0.36</a:t>
            </a:r>
            <a:r>
              <a:rPr lang="en-US" sz="2200" b="1" dirty="0" smtClean="0">
                <a:solidFill>
                  <a:prstClr val="white"/>
                </a:solidFill>
                <a:latin typeface="+mn-lt"/>
                <a:cs typeface="+mn-cs"/>
              </a:rPr>
              <a:t> mg/l</a:t>
            </a:r>
            <a:endParaRPr lang="en-US" sz="2200" b="1" dirty="0">
              <a:solidFill>
                <a:prstClr val="white"/>
              </a:solidFill>
              <a:latin typeface="+mn-lt"/>
              <a:cs typeface="+mn-cs"/>
            </a:endParaRPr>
          </a:p>
        </p:txBody>
      </p:sp>
      <p:sp>
        <p:nvSpPr>
          <p:cNvPr id="31" name="Rectangle 14"/>
          <p:cNvSpPr>
            <a:spLocks noChangeArrowheads="1"/>
          </p:cNvSpPr>
          <p:nvPr/>
        </p:nvSpPr>
        <p:spPr bwMode="gray">
          <a:xfrm>
            <a:off x="110936" y="3582538"/>
            <a:ext cx="2666564" cy="979242"/>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WP (Cal Water Fix)</a:t>
            </a:r>
            <a:b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br>
            <a:r>
              <a:rPr lang="en-US" sz="2200" b="1" dirty="0" smtClean="0">
                <a:solidFill>
                  <a:prstClr val="white"/>
                </a:solidFill>
                <a:latin typeface="+mn-lt"/>
              </a:rPr>
              <a:t>0.22 mg/l</a:t>
            </a:r>
          </a:p>
          <a:p>
            <a:pPr algn="ctr" defTabSz="825500" eaLnBrk="0" hangingPunct="0">
              <a:lnSpc>
                <a:spcPct val="85000"/>
              </a:lnSpc>
              <a:defRPr/>
            </a:pPr>
            <a:r>
              <a:rPr lang="en-US" sz="2200" b="1" dirty="0" smtClean="0">
                <a:solidFill>
                  <a:prstClr val="white"/>
                </a:solidFill>
                <a:latin typeface="+mn-lt"/>
              </a:rPr>
              <a:t>(</a:t>
            </a:r>
            <a:r>
              <a:rPr lang="en-US" sz="2200" b="1" i="1" dirty="0" smtClean="0">
                <a:solidFill>
                  <a:prstClr val="white"/>
                </a:solidFill>
                <a:latin typeface="+mn-lt"/>
              </a:rPr>
              <a:t>37</a:t>
            </a:r>
            <a:r>
              <a:rPr lang="en-US" sz="2200" b="1" i="1" dirty="0">
                <a:solidFill>
                  <a:prstClr val="white"/>
                </a:solidFill>
                <a:latin typeface="+mn-lt"/>
              </a:rPr>
              <a:t>% improvement</a:t>
            </a:r>
            <a:r>
              <a:rPr lang="en-US" sz="2200" b="1" dirty="0" smtClean="0">
                <a:solidFill>
                  <a:prstClr val="white"/>
                </a:solidFill>
                <a:latin typeface="+mn-lt"/>
              </a:rPr>
              <a:t>)</a:t>
            </a:r>
            <a:endParaRPr lang="en-US" sz="2200" b="1" dirty="0">
              <a:solidFill>
                <a:prstClr val="white"/>
              </a:solidFill>
              <a:latin typeface="+mn-lt"/>
            </a:endParaRPr>
          </a:p>
        </p:txBody>
      </p:sp>
      <p:sp>
        <p:nvSpPr>
          <p:cNvPr id="34" name="TextBox 33"/>
          <p:cNvSpPr txBox="1"/>
          <p:nvPr/>
        </p:nvSpPr>
        <p:spPr>
          <a:xfrm>
            <a:off x="76200" y="6383078"/>
            <a:ext cx="8724900" cy="458587"/>
          </a:xfrm>
          <a:prstGeom prst="rect">
            <a:avLst/>
          </a:prstGeom>
          <a:noFill/>
        </p:spPr>
        <p:txBody>
          <a:bodyPr wrap="square" rtlCol="0">
            <a:spAutoFit/>
          </a:bodyPr>
          <a:lstStyle>
            <a:defPPr>
              <a:defRPr lang="en-US"/>
            </a:defPPr>
            <a:lvl1pPr marL="236538" indent="-236538">
              <a:lnSpc>
                <a:spcPct val="85000"/>
              </a:lnSpc>
              <a:buFont typeface="Arial" charset="0"/>
              <a:buChar char="•"/>
              <a:defRPr sz="1400" i="1">
                <a:solidFill>
                  <a:srgbClr val="FFC000"/>
                </a:solidFill>
                <a:latin typeface="+mn-lt"/>
              </a:defRPr>
            </a:lvl1pPr>
          </a:lstStyle>
          <a:p>
            <a:r>
              <a:rPr lang="en-US" dirty="0"/>
              <a:t>Sacramento, San Joaquin &amp; Colorado River water quality represents historical average annual recorded data</a:t>
            </a:r>
          </a:p>
          <a:p>
            <a:r>
              <a:rPr lang="en-US" dirty="0"/>
              <a:t>State Water Project water quality is a comparison of modeled data from the Recirculated Draft EIR/EIS</a:t>
            </a:r>
          </a:p>
        </p:txBody>
      </p:sp>
      <p:sp>
        <p:nvSpPr>
          <p:cNvPr id="38" name="Rectangle 14"/>
          <p:cNvSpPr>
            <a:spLocks noChangeArrowheads="1"/>
          </p:cNvSpPr>
          <p:nvPr/>
        </p:nvSpPr>
        <p:spPr bwMode="gray">
          <a:xfrm>
            <a:off x="3459480" y="2585129"/>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San Joaquin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endParaRPr>
          </a:p>
          <a:p>
            <a:pPr algn="ctr" defTabSz="825500" eaLnBrk="0" hangingPunct="0">
              <a:lnSpc>
                <a:spcPct val="85000"/>
              </a:lnSpc>
              <a:defRPr/>
            </a:pPr>
            <a:r>
              <a:rPr lang="en-US" sz="2200" b="1" dirty="0" smtClean="0">
                <a:solidFill>
                  <a:prstClr val="white"/>
                </a:solidFill>
                <a:latin typeface="+mn-lt"/>
                <a:cs typeface="+mn-cs"/>
              </a:rPr>
              <a:t>0.1 – 0.4 mg/l</a:t>
            </a:r>
            <a:endParaRPr lang="en-US" sz="2200" b="1" dirty="0">
              <a:solidFill>
                <a:prstClr val="white"/>
              </a:solidFill>
              <a:latin typeface="+mn-lt"/>
              <a:cs typeface="+mn-cs"/>
            </a:endParaRPr>
          </a:p>
        </p:txBody>
      </p:sp>
      <p:sp>
        <p:nvSpPr>
          <p:cNvPr id="39" name="Title 1"/>
          <p:cNvSpPr txBox="1">
            <a:spLocks/>
          </p:cNvSpPr>
          <p:nvPr/>
        </p:nvSpPr>
        <p:spPr>
          <a:xfrm>
            <a:off x="4042666" y="381000"/>
            <a:ext cx="5001078" cy="1547812"/>
          </a:xfrm>
          <a:prstGeom prst="rect">
            <a:avLst/>
          </a:prstGeom>
        </p:spPr>
        <p:txBody>
          <a:bodyPr/>
          <a:lstStyle/>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California WaterFix</a:t>
            </a:r>
          </a:p>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mn-lt"/>
                <a:cs typeface="Arial" charset="0"/>
              </a:rPr>
              <a:t>Improves Water Quality</a:t>
            </a:r>
          </a:p>
          <a:p>
            <a:pPr algn="ctr" defTabSz="912813" eaLnBrk="0" hangingPunct="0">
              <a:lnSpc>
                <a:spcPct val="90000"/>
              </a:lnSpc>
              <a:defRPr/>
            </a:pPr>
            <a:r>
              <a:rPr lang="en-US" sz="3200" b="1" spc="-150" dirty="0" smtClean="0">
                <a:ln w="3175">
                  <a:noFill/>
                </a:ln>
                <a:effectLst>
                  <a:outerShdw blurRad="38100" dist="38100" dir="2700000" algn="tl">
                    <a:srgbClr val="000000">
                      <a:alpha val="43137"/>
                    </a:srgbClr>
                  </a:outerShdw>
                </a:effectLst>
                <a:latin typeface="+mn-lt"/>
                <a:cs typeface="Arial" charset="0"/>
              </a:rPr>
              <a:t>37</a:t>
            </a:r>
            <a:r>
              <a:rPr lang="en-US" sz="3200" b="1" spc="-150" dirty="0">
                <a:ln w="3175">
                  <a:noFill/>
                </a:ln>
                <a:effectLst>
                  <a:outerShdw blurRad="38100" dist="38100" dir="2700000" algn="tl">
                    <a:srgbClr val="000000">
                      <a:alpha val="43137"/>
                    </a:srgbClr>
                  </a:outerShdw>
                </a:effectLst>
                <a:latin typeface="+mn-lt"/>
                <a:cs typeface="Arial" charset="0"/>
              </a:rPr>
              <a:t>% </a:t>
            </a:r>
            <a:r>
              <a:rPr lang="en-US" sz="3200" b="1" spc="-150" dirty="0" smtClean="0">
                <a:ln w="3175">
                  <a:noFill/>
                </a:ln>
                <a:effectLst>
                  <a:outerShdw blurRad="38100" dist="38100" dir="2700000" algn="tl">
                    <a:srgbClr val="000000">
                      <a:alpha val="43137"/>
                    </a:srgbClr>
                  </a:outerShdw>
                </a:effectLst>
                <a:latin typeface="+mn-lt"/>
                <a:cs typeface="Arial" charset="0"/>
              </a:rPr>
              <a:t>bromide reduction</a:t>
            </a:r>
          </a:p>
        </p:txBody>
      </p:sp>
    </p:spTree>
    <p:extLst>
      <p:ext uri="{BB962C8B-B14F-4D97-AF65-F5344CB8AC3E}">
        <p14:creationId xmlns:p14="http://schemas.microsoft.com/office/powerpoint/2010/main" val="436865093"/>
      </p:ext>
    </p:extLst>
  </p:cSld>
  <p:clrMapOvr>
    <a:masterClrMapping/>
  </p:clrMapOvr>
  <p:transition>
    <p:fade/>
  </p:transition>
  <p:timing>
    <p:tnLst>
      <p:par>
        <p:cTn id="1" dur="indefinite" restart="never" nodeType="tmRoot"/>
      </p:par>
    </p:tnLst>
  </p:timing>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cstate="print">
            <a:duotone>
              <a:prstClr val="black"/>
              <a:srgbClr val="D9C3A5">
                <a:tint val="50000"/>
                <a:satMod val="180000"/>
              </a:srgbClr>
            </a:duotone>
            <a:extLst>
              <a:ext uri="{BEBA8EAE-BF5A-486C-A8C5-ECC9F3942E4B}">
                <a14:imgProps xmlns:a14="http://schemas.microsoft.com/office/drawing/2010/main">
                  <a14:imgLayer r:embed="rId4">
                    <a14:imgEffect>
                      <a14:colorTemperature colorTemp="5900"/>
                    </a14:imgEffect>
                  </a14:imgLayer>
                </a14:imgProps>
              </a:ext>
              <a:ext uri="{28A0092B-C50C-407E-A947-70E740481C1C}">
                <a14:useLocalDpi xmlns:a14="http://schemas.microsoft.com/office/drawing/2010/main" val="0"/>
              </a:ext>
            </a:extLst>
          </a:blip>
          <a:stretch>
            <a:fillRect/>
          </a:stretch>
        </p:blipFill>
        <p:spPr>
          <a:xfrm>
            <a:off x="0" y="0"/>
            <a:ext cx="9144000" cy="6858000"/>
          </a:xfrm>
          <a:prstGeom prst="rect">
            <a:avLst/>
          </a:prstGeom>
          <a:ln>
            <a:headEnd type="none" w="med" len="med"/>
            <a:tailEnd type="none" w="med" len="med"/>
          </a:ln>
        </p:spPr>
      </p:pic>
      <p:sp>
        <p:nvSpPr>
          <p:cNvPr id="2" name="Title 1"/>
          <p:cNvSpPr>
            <a:spLocks noGrp="1"/>
          </p:cNvSpPr>
          <p:nvPr>
            <p:ph type="title"/>
          </p:nvPr>
        </p:nvSpPr>
        <p:spPr bwMode="invGray">
          <a:xfrm>
            <a:off x="333281" y="3207603"/>
            <a:ext cx="4293147" cy="1661993"/>
          </a:xfrm>
        </p:spPr>
        <p:txBody>
          <a:bodyPr/>
          <a:lstStyle/>
          <a:p>
            <a:pPr algn="ctr"/>
            <a:r>
              <a:rPr lang="en-US" sz="4000" b="1" dirty="0" smtClean="0"/>
              <a:t>California WaterFix </a:t>
            </a:r>
            <a:br>
              <a:rPr lang="en-US" sz="4000" b="1" dirty="0" smtClean="0"/>
            </a:br>
            <a:r>
              <a:rPr lang="en-US" sz="4000" b="1" dirty="0" smtClean="0"/>
              <a:t>is important for groundwater storage</a:t>
            </a:r>
            <a:endParaRPr lang="en-US" sz="4000" b="1" dirty="0"/>
          </a:p>
        </p:txBody>
      </p:sp>
      <p:sp>
        <p:nvSpPr>
          <p:cNvPr id="3" name="Content Placeholder 2"/>
          <p:cNvSpPr>
            <a:spLocks noGrp="1"/>
          </p:cNvSpPr>
          <p:nvPr>
            <p:ph idx="1"/>
          </p:nvPr>
        </p:nvSpPr>
        <p:spPr>
          <a:xfrm>
            <a:off x="470191" y="5257800"/>
            <a:ext cx="5414722" cy="1371296"/>
          </a:xfrm>
          <a:noFill/>
          <a:ln w="9525">
            <a:noFill/>
            <a:miter lim="800000"/>
            <a:headEnd/>
            <a:tailEnd/>
          </a:ln>
        </p:spPr>
        <p:txBody>
          <a:bodyPr vert="horz" wrap="square" lIns="0" tIns="0" rIns="0" bIns="0" numCol="1" anchor="t" anchorCtr="0" compatLnSpc="1">
            <a:prstTxWarp prst="textNoShape">
              <a:avLst/>
            </a:prstTxWarp>
            <a:noAutofit/>
          </a:bodyPr>
          <a:lstStyle/>
          <a:p>
            <a:pPr marL="346075" indent="-346075">
              <a:spcBef>
                <a:spcPts val="0"/>
              </a:spcBef>
              <a:spcAft>
                <a:spcPts val="600"/>
              </a:spcAft>
            </a:pPr>
            <a:r>
              <a:rPr lang="en-US" sz="2600" dirty="0"/>
              <a:t>Bay Delta provides high quality water </a:t>
            </a:r>
          </a:p>
          <a:p>
            <a:pPr marL="346075" indent="-346075">
              <a:spcBef>
                <a:spcPts val="0"/>
              </a:spcBef>
              <a:spcAft>
                <a:spcPts val="600"/>
              </a:spcAft>
            </a:pPr>
            <a:r>
              <a:rPr lang="en-US" sz="2600" dirty="0"/>
              <a:t>Essential to reduce salt impacts</a:t>
            </a:r>
          </a:p>
          <a:p>
            <a:pPr marL="346075" indent="-346075">
              <a:spcBef>
                <a:spcPts val="0"/>
              </a:spcBef>
              <a:spcAft>
                <a:spcPts val="600"/>
              </a:spcAft>
            </a:pPr>
            <a:r>
              <a:rPr lang="en-US" sz="2600" dirty="0"/>
              <a:t>Critical for groundwater storage</a:t>
            </a:r>
          </a:p>
        </p:txBody>
      </p:sp>
      <p:grpSp>
        <p:nvGrpSpPr>
          <p:cNvPr id="9" name="Group 41"/>
          <p:cNvGrpSpPr/>
          <p:nvPr/>
        </p:nvGrpSpPr>
        <p:grpSpPr bwMode="gray">
          <a:xfrm>
            <a:off x="3830217" y="1802290"/>
            <a:ext cx="1448789" cy="1134094"/>
            <a:chOff x="3830217" y="1786388"/>
            <a:chExt cx="1448789" cy="1134094"/>
          </a:xfrm>
        </p:grpSpPr>
        <p:sp>
          <p:nvSpPr>
            <p:cNvPr id="6" name="Freeform 5"/>
            <p:cNvSpPr/>
            <p:nvPr/>
          </p:nvSpPr>
          <p:spPr bwMode="gray">
            <a:xfrm>
              <a:off x="3830217" y="1786388"/>
              <a:ext cx="1448789" cy="1134094"/>
            </a:xfrm>
            <a:custGeom>
              <a:avLst/>
              <a:gdLst>
                <a:gd name="connsiteX0" fmla="*/ 0 w 1448789"/>
                <a:gd name="connsiteY0" fmla="*/ 641268 h 1134094"/>
                <a:gd name="connsiteX1" fmla="*/ 89065 w 1448789"/>
                <a:gd name="connsiteY1" fmla="*/ 700645 h 1134094"/>
                <a:gd name="connsiteX2" fmla="*/ 290945 w 1448789"/>
                <a:gd name="connsiteY2" fmla="*/ 914400 h 1134094"/>
                <a:gd name="connsiteX3" fmla="*/ 427511 w 1448789"/>
                <a:gd name="connsiteY3" fmla="*/ 1033154 h 1134094"/>
                <a:gd name="connsiteX4" fmla="*/ 540327 w 1448789"/>
                <a:gd name="connsiteY4" fmla="*/ 1134094 h 1134094"/>
                <a:gd name="connsiteX5" fmla="*/ 575953 w 1448789"/>
                <a:gd name="connsiteY5" fmla="*/ 1056904 h 1134094"/>
                <a:gd name="connsiteX6" fmla="*/ 665018 w 1448789"/>
                <a:gd name="connsiteY6" fmla="*/ 938151 h 1134094"/>
                <a:gd name="connsiteX7" fmla="*/ 783771 w 1448789"/>
                <a:gd name="connsiteY7" fmla="*/ 807522 h 1134094"/>
                <a:gd name="connsiteX8" fmla="*/ 860961 w 1448789"/>
                <a:gd name="connsiteY8" fmla="*/ 712520 h 1134094"/>
                <a:gd name="connsiteX9" fmla="*/ 967839 w 1448789"/>
                <a:gd name="connsiteY9" fmla="*/ 653143 h 1134094"/>
                <a:gd name="connsiteX10" fmla="*/ 991589 w 1448789"/>
                <a:gd name="connsiteY10" fmla="*/ 641268 h 1134094"/>
                <a:gd name="connsiteX11" fmla="*/ 991589 w 1448789"/>
                <a:gd name="connsiteY11" fmla="*/ 617517 h 1134094"/>
                <a:gd name="connsiteX12" fmla="*/ 991589 w 1448789"/>
                <a:gd name="connsiteY12" fmla="*/ 575954 h 1134094"/>
                <a:gd name="connsiteX13" fmla="*/ 973776 w 1448789"/>
                <a:gd name="connsiteY13" fmla="*/ 570016 h 1134094"/>
                <a:gd name="connsiteX14" fmla="*/ 950026 w 1448789"/>
                <a:gd name="connsiteY14" fmla="*/ 540328 h 1134094"/>
                <a:gd name="connsiteX15" fmla="*/ 973776 w 1448789"/>
                <a:gd name="connsiteY15" fmla="*/ 510639 h 1134094"/>
                <a:gd name="connsiteX16" fmla="*/ 973776 w 1448789"/>
                <a:gd name="connsiteY16" fmla="*/ 486889 h 1134094"/>
                <a:gd name="connsiteX17" fmla="*/ 961901 w 1448789"/>
                <a:gd name="connsiteY17" fmla="*/ 445325 h 1134094"/>
                <a:gd name="connsiteX18" fmla="*/ 979714 w 1448789"/>
                <a:gd name="connsiteY18" fmla="*/ 415637 h 1134094"/>
                <a:gd name="connsiteX19" fmla="*/ 1027215 w 1448789"/>
                <a:gd name="connsiteY19" fmla="*/ 421574 h 1134094"/>
                <a:gd name="connsiteX20" fmla="*/ 1021278 w 1448789"/>
                <a:gd name="connsiteY20" fmla="*/ 385948 h 1134094"/>
                <a:gd name="connsiteX21" fmla="*/ 961901 w 1448789"/>
                <a:gd name="connsiteY21" fmla="*/ 391886 h 1134094"/>
                <a:gd name="connsiteX22" fmla="*/ 961901 w 1448789"/>
                <a:gd name="connsiteY22" fmla="*/ 362198 h 1134094"/>
                <a:gd name="connsiteX23" fmla="*/ 932213 w 1448789"/>
                <a:gd name="connsiteY23" fmla="*/ 385948 h 1134094"/>
                <a:gd name="connsiteX24" fmla="*/ 890649 w 1448789"/>
                <a:gd name="connsiteY24" fmla="*/ 356260 h 1134094"/>
                <a:gd name="connsiteX25" fmla="*/ 849085 w 1448789"/>
                <a:gd name="connsiteY25" fmla="*/ 308759 h 1134094"/>
                <a:gd name="connsiteX26" fmla="*/ 926275 w 1448789"/>
                <a:gd name="connsiteY26" fmla="*/ 296883 h 1134094"/>
                <a:gd name="connsiteX27" fmla="*/ 944088 w 1448789"/>
                <a:gd name="connsiteY27" fmla="*/ 285008 h 1134094"/>
                <a:gd name="connsiteX28" fmla="*/ 1015340 w 1448789"/>
                <a:gd name="connsiteY28" fmla="*/ 285008 h 1134094"/>
                <a:gd name="connsiteX29" fmla="*/ 1039091 w 1448789"/>
                <a:gd name="connsiteY29" fmla="*/ 296883 h 1134094"/>
                <a:gd name="connsiteX30" fmla="*/ 1039091 w 1448789"/>
                <a:gd name="connsiteY30" fmla="*/ 261257 h 1134094"/>
                <a:gd name="connsiteX31" fmla="*/ 1062841 w 1448789"/>
                <a:gd name="connsiteY31" fmla="*/ 249382 h 1134094"/>
                <a:gd name="connsiteX32" fmla="*/ 1074717 w 1448789"/>
                <a:gd name="connsiteY32" fmla="*/ 225632 h 1134094"/>
                <a:gd name="connsiteX33" fmla="*/ 1122218 w 1448789"/>
                <a:gd name="connsiteY33" fmla="*/ 231569 h 1134094"/>
                <a:gd name="connsiteX34" fmla="*/ 1145969 w 1448789"/>
                <a:gd name="connsiteY34" fmla="*/ 249382 h 1134094"/>
                <a:gd name="connsiteX35" fmla="*/ 1145969 w 1448789"/>
                <a:gd name="connsiteY35" fmla="*/ 219694 h 1134094"/>
                <a:gd name="connsiteX36" fmla="*/ 1223158 w 1448789"/>
                <a:gd name="connsiteY36" fmla="*/ 231569 h 1134094"/>
                <a:gd name="connsiteX37" fmla="*/ 1252847 w 1448789"/>
                <a:gd name="connsiteY37" fmla="*/ 207819 h 1134094"/>
                <a:gd name="connsiteX38" fmla="*/ 1318161 w 1448789"/>
                <a:gd name="connsiteY38" fmla="*/ 225632 h 1134094"/>
                <a:gd name="connsiteX39" fmla="*/ 1371600 w 1448789"/>
                <a:gd name="connsiteY39" fmla="*/ 207819 h 1134094"/>
                <a:gd name="connsiteX40" fmla="*/ 1425039 w 1448789"/>
                <a:gd name="connsiteY40" fmla="*/ 195943 h 1134094"/>
                <a:gd name="connsiteX41" fmla="*/ 1448789 w 1448789"/>
                <a:gd name="connsiteY41" fmla="*/ 166255 h 1134094"/>
                <a:gd name="connsiteX42" fmla="*/ 1442852 w 1448789"/>
                <a:gd name="connsiteY42" fmla="*/ 154380 h 1134094"/>
                <a:gd name="connsiteX43" fmla="*/ 1442852 w 1448789"/>
                <a:gd name="connsiteY43" fmla="*/ 154380 h 1134094"/>
                <a:gd name="connsiteX44" fmla="*/ 1353787 w 1448789"/>
                <a:gd name="connsiteY44" fmla="*/ 166255 h 1134094"/>
                <a:gd name="connsiteX45" fmla="*/ 1335974 w 1448789"/>
                <a:gd name="connsiteY45" fmla="*/ 184068 h 1134094"/>
                <a:gd name="connsiteX46" fmla="*/ 1341911 w 1448789"/>
                <a:gd name="connsiteY46" fmla="*/ 201881 h 1134094"/>
                <a:gd name="connsiteX47" fmla="*/ 1294410 w 1448789"/>
                <a:gd name="connsiteY47" fmla="*/ 190006 h 1134094"/>
                <a:gd name="connsiteX48" fmla="*/ 1240971 w 1448789"/>
                <a:gd name="connsiteY48" fmla="*/ 190006 h 1134094"/>
                <a:gd name="connsiteX49" fmla="*/ 1187532 w 1448789"/>
                <a:gd name="connsiteY49" fmla="*/ 195943 h 1134094"/>
                <a:gd name="connsiteX50" fmla="*/ 1157844 w 1448789"/>
                <a:gd name="connsiteY50" fmla="*/ 172193 h 1134094"/>
                <a:gd name="connsiteX51" fmla="*/ 1128156 w 1448789"/>
                <a:gd name="connsiteY51" fmla="*/ 184068 h 1134094"/>
                <a:gd name="connsiteX52" fmla="*/ 1086592 w 1448789"/>
                <a:gd name="connsiteY52" fmla="*/ 178130 h 1134094"/>
                <a:gd name="connsiteX53" fmla="*/ 1033153 w 1448789"/>
                <a:gd name="connsiteY53" fmla="*/ 231569 h 1134094"/>
                <a:gd name="connsiteX54" fmla="*/ 991589 w 1448789"/>
                <a:gd name="connsiteY54" fmla="*/ 231569 h 1134094"/>
                <a:gd name="connsiteX55" fmla="*/ 1015340 w 1448789"/>
                <a:gd name="connsiteY55" fmla="*/ 166255 h 1134094"/>
                <a:gd name="connsiteX56" fmla="*/ 1056904 w 1448789"/>
                <a:gd name="connsiteY56" fmla="*/ 130629 h 1134094"/>
                <a:gd name="connsiteX57" fmla="*/ 1033153 w 1448789"/>
                <a:gd name="connsiteY57" fmla="*/ 106878 h 1134094"/>
                <a:gd name="connsiteX58" fmla="*/ 973776 w 1448789"/>
                <a:gd name="connsiteY58" fmla="*/ 118754 h 1134094"/>
                <a:gd name="connsiteX59" fmla="*/ 878774 w 1448789"/>
                <a:gd name="connsiteY59" fmla="*/ 77190 h 1134094"/>
                <a:gd name="connsiteX60" fmla="*/ 860961 w 1448789"/>
                <a:gd name="connsiteY60" fmla="*/ 41564 h 1134094"/>
                <a:gd name="connsiteX61" fmla="*/ 920337 w 1448789"/>
                <a:gd name="connsiteY61" fmla="*/ 29689 h 1134094"/>
                <a:gd name="connsiteX62" fmla="*/ 813460 w 1448789"/>
                <a:gd name="connsiteY62" fmla="*/ 0 h 1134094"/>
                <a:gd name="connsiteX63" fmla="*/ 641267 w 1448789"/>
                <a:gd name="connsiteY63" fmla="*/ 154380 h 1134094"/>
                <a:gd name="connsiteX64" fmla="*/ 540327 w 1448789"/>
                <a:gd name="connsiteY64" fmla="*/ 89065 h 1134094"/>
                <a:gd name="connsiteX65" fmla="*/ 504701 w 1448789"/>
                <a:gd name="connsiteY65" fmla="*/ 100941 h 1134094"/>
                <a:gd name="connsiteX66" fmla="*/ 504701 w 1448789"/>
                <a:gd name="connsiteY66" fmla="*/ 100941 h 1134094"/>
                <a:gd name="connsiteX67" fmla="*/ 451262 w 1448789"/>
                <a:gd name="connsiteY67" fmla="*/ 77190 h 1134094"/>
                <a:gd name="connsiteX68" fmla="*/ 433449 w 1448789"/>
                <a:gd name="connsiteY68" fmla="*/ 112816 h 1134094"/>
                <a:gd name="connsiteX69" fmla="*/ 403761 w 1448789"/>
                <a:gd name="connsiteY69" fmla="*/ 118754 h 1134094"/>
                <a:gd name="connsiteX70" fmla="*/ 385948 w 1448789"/>
                <a:gd name="connsiteY70" fmla="*/ 118754 h 1134094"/>
                <a:gd name="connsiteX71" fmla="*/ 385948 w 1448789"/>
                <a:gd name="connsiteY71" fmla="*/ 130629 h 1134094"/>
                <a:gd name="connsiteX72" fmla="*/ 362197 w 1448789"/>
                <a:gd name="connsiteY72" fmla="*/ 136567 h 1134094"/>
                <a:gd name="connsiteX73" fmla="*/ 362197 w 1448789"/>
                <a:gd name="connsiteY73" fmla="*/ 160317 h 1134094"/>
                <a:gd name="connsiteX74" fmla="*/ 332509 w 1448789"/>
                <a:gd name="connsiteY74" fmla="*/ 160317 h 1134094"/>
                <a:gd name="connsiteX75" fmla="*/ 332509 w 1448789"/>
                <a:gd name="connsiteY75" fmla="*/ 184068 h 1134094"/>
                <a:gd name="connsiteX76" fmla="*/ 267195 w 1448789"/>
                <a:gd name="connsiteY76" fmla="*/ 195943 h 1134094"/>
                <a:gd name="connsiteX77" fmla="*/ 285008 w 1448789"/>
                <a:gd name="connsiteY77" fmla="*/ 207819 h 1134094"/>
                <a:gd name="connsiteX78" fmla="*/ 190005 w 1448789"/>
                <a:gd name="connsiteY78" fmla="*/ 302821 h 1134094"/>
                <a:gd name="connsiteX79" fmla="*/ 178130 w 1448789"/>
                <a:gd name="connsiteY79" fmla="*/ 350322 h 1134094"/>
                <a:gd name="connsiteX80" fmla="*/ 178130 w 1448789"/>
                <a:gd name="connsiteY80" fmla="*/ 374073 h 1134094"/>
                <a:gd name="connsiteX81" fmla="*/ 112815 w 1448789"/>
                <a:gd name="connsiteY81" fmla="*/ 427512 h 1134094"/>
                <a:gd name="connsiteX82" fmla="*/ 71252 w 1448789"/>
                <a:gd name="connsiteY82" fmla="*/ 516577 h 1134094"/>
                <a:gd name="connsiteX83" fmla="*/ 77189 w 1448789"/>
                <a:gd name="connsiteY83" fmla="*/ 587829 h 1134094"/>
                <a:gd name="connsiteX84" fmla="*/ 0 w 1448789"/>
                <a:gd name="connsiteY84" fmla="*/ 641268 h 11340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1448789" h="1134094">
                  <a:moveTo>
                    <a:pt x="0" y="641268"/>
                  </a:moveTo>
                  <a:lnTo>
                    <a:pt x="89065" y="700645"/>
                  </a:lnTo>
                  <a:lnTo>
                    <a:pt x="290945" y="914400"/>
                  </a:lnTo>
                  <a:lnTo>
                    <a:pt x="427511" y="1033154"/>
                  </a:lnTo>
                  <a:lnTo>
                    <a:pt x="540327" y="1134094"/>
                  </a:lnTo>
                  <a:lnTo>
                    <a:pt x="575953" y="1056904"/>
                  </a:lnTo>
                  <a:lnTo>
                    <a:pt x="665018" y="938151"/>
                  </a:lnTo>
                  <a:lnTo>
                    <a:pt x="783771" y="807522"/>
                  </a:lnTo>
                  <a:lnTo>
                    <a:pt x="860961" y="712520"/>
                  </a:lnTo>
                  <a:lnTo>
                    <a:pt x="967839" y="653143"/>
                  </a:lnTo>
                  <a:lnTo>
                    <a:pt x="991589" y="641268"/>
                  </a:lnTo>
                  <a:lnTo>
                    <a:pt x="991589" y="617517"/>
                  </a:lnTo>
                  <a:lnTo>
                    <a:pt x="991589" y="575954"/>
                  </a:lnTo>
                  <a:lnTo>
                    <a:pt x="973776" y="570016"/>
                  </a:lnTo>
                  <a:lnTo>
                    <a:pt x="950026" y="540328"/>
                  </a:lnTo>
                  <a:lnTo>
                    <a:pt x="973776" y="510639"/>
                  </a:lnTo>
                  <a:lnTo>
                    <a:pt x="973776" y="486889"/>
                  </a:lnTo>
                  <a:lnTo>
                    <a:pt x="961901" y="445325"/>
                  </a:lnTo>
                  <a:lnTo>
                    <a:pt x="979714" y="415637"/>
                  </a:lnTo>
                  <a:lnTo>
                    <a:pt x="1027215" y="421574"/>
                  </a:lnTo>
                  <a:lnTo>
                    <a:pt x="1021278" y="385948"/>
                  </a:lnTo>
                  <a:lnTo>
                    <a:pt x="961901" y="391886"/>
                  </a:lnTo>
                  <a:lnTo>
                    <a:pt x="961901" y="362198"/>
                  </a:lnTo>
                  <a:lnTo>
                    <a:pt x="932213" y="385948"/>
                  </a:lnTo>
                  <a:lnTo>
                    <a:pt x="890649" y="356260"/>
                  </a:lnTo>
                  <a:lnTo>
                    <a:pt x="849085" y="308759"/>
                  </a:lnTo>
                  <a:lnTo>
                    <a:pt x="926275" y="296883"/>
                  </a:lnTo>
                  <a:lnTo>
                    <a:pt x="944088" y="285008"/>
                  </a:lnTo>
                  <a:lnTo>
                    <a:pt x="1015340" y="285008"/>
                  </a:lnTo>
                  <a:lnTo>
                    <a:pt x="1039091" y="296883"/>
                  </a:lnTo>
                  <a:lnTo>
                    <a:pt x="1039091" y="261257"/>
                  </a:lnTo>
                  <a:lnTo>
                    <a:pt x="1062841" y="249382"/>
                  </a:lnTo>
                  <a:lnTo>
                    <a:pt x="1074717" y="225632"/>
                  </a:lnTo>
                  <a:lnTo>
                    <a:pt x="1122218" y="231569"/>
                  </a:lnTo>
                  <a:lnTo>
                    <a:pt x="1145969" y="249382"/>
                  </a:lnTo>
                  <a:lnTo>
                    <a:pt x="1145969" y="219694"/>
                  </a:lnTo>
                  <a:lnTo>
                    <a:pt x="1223158" y="231569"/>
                  </a:lnTo>
                  <a:lnTo>
                    <a:pt x="1252847" y="207819"/>
                  </a:lnTo>
                  <a:lnTo>
                    <a:pt x="1318161" y="225632"/>
                  </a:lnTo>
                  <a:lnTo>
                    <a:pt x="1371600" y="207819"/>
                  </a:lnTo>
                  <a:lnTo>
                    <a:pt x="1425039" y="195943"/>
                  </a:lnTo>
                  <a:lnTo>
                    <a:pt x="1448789" y="166255"/>
                  </a:lnTo>
                  <a:lnTo>
                    <a:pt x="1442852" y="154380"/>
                  </a:lnTo>
                  <a:lnTo>
                    <a:pt x="1442852" y="154380"/>
                  </a:lnTo>
                  <a:lnTo>
                    <a:pt x="1353787" y="166255"/>
                  </a:lnTo>
                  <a:lnTo>
                    <a:pt x="1335974" y="184068"/>
                  </a:lnTo>
                  <a:lnTo>
                    <a:pt x="1341911" y="201881"/>
                  </a:lnTo>
                  <a:lnTo>
                    <a:pt x="1294410" y="190006"/>
                  </a:lnTo>
                  <a:lnTo>
                    <a:pt x="1240971" y="190006"/>
                  </a:lnTo>
                  <a:lnTo>
                    <a:pt x="1187532" y="195943"/>
                  </a:lnTo>
                  <a:lnTo>
                    <a:pt x="1157844" y="172193"/>
                  </a:lnTo>
                  <a:lnTo>
                    <a:pt x="1128156" y="184068"/>
                  </a:lnTo>
                  <a:lnTo>
                    <a:pt x="1086592" y="178130"/>
                  </a:lnTo>
                  <a:lnTo>
                    <a:pt x="1033153" y="231569"/>
                  </a:lnTo>
                  <a:lnTo>
                    <a:pt x="991589" y="231569"/>
                  </a:lnTo>
                  <a:lnTo>
                    <a:pt x="1015340" y="166255"/>
                  </a:lnTo>
                  <a:lnTo>
                    <a:pt x="1056904" y="130629"/>
                  </a:lnTo>
                  <a:lnTo>
                    <a:pt x="1033153" y="106878"/>
                  </a:lnTo>
                  <a:lnTo>
                    <a:pt x="973776" y="118754"/>
                  </a:lnTo>
                  <a:lnTo>
                    <a:pt x="878774" y="77190"/>
                  </a:lnTo>
                  <a:lnTo>
                    <a:pt x="860961" y="41564"/>
                  </a:lnTo>
                  <a:lnTo>
                    <a:pt x="920337" y="29689"/>
                  </a:lnTo>
                  <a:lnTo>
                    <a:pt x="813460" y="0"/>
                  </a:lnTo>
                  <a:lnTo>
                    <a:pt x="641267" y="154380"/>
                  </a:lnTo>
                  <a:lnTo>
                    <a:pt x="540327" y="89065"/>
                  </a:lnTo>
                  <a:lnTo>
                    <a:pt x="504701" y="100941"/>
                  </a:lnTo>
                  <a:lnTo>
                    <a:pt x="504701" y="100941"/>
                  </a:lnTo>
                  <a:lnTo>
                    <a:pt x="451262" y="77190"/>
                  </a:lnTo>
                  <a:lnTo>
                    <a:pt x="433449" y="112816"/>
                  </a:lnTo>
                  <a:lnTo>
                    <a:pt x="403761" y="118754"/>
                  </a:lnTo>
                  <a:lnTo>
                    <a:pt x="385948" y="118754"/>
                  </a:lnTo>
                  <a:lnTo>
                    <a:pt x="385948" y="130629"/>
                  </a:lnTo>
                  <a:lnTo>
                    <a:pt x="362197" y="136567"/>
                  </a:lnTo>
                  <a:lnTo>
                    <a:pt x="362197" y="160317"/>
                  </a:lnTo>
                  <a:lnTo>
                    <a:pt x="332509" y="160317"/>
                  </a:lnTo>
                  <a:lnTo>
                    <a:pt x="332509" y="184068"/>
                  </a:lnTo>
                  <a:lnTo>
                    <a:pt x="267195" y="195943"/>
                  </a:lnTo>
                  <a:lnTo>
                    <a:pt x="285008" y="207819"/>
                  </a:lnTo>
                  <a:lnTo>
                    <a:pt x="190005" y="302821"/>
                  </a:lnTo>
                  <a:lnTo>
                    <a:pt x="178130" y="350322"/>
                  </a:lnTo>
                  <a:lnTo>
                    <a:pt x="178130" y="374073"/>
                  </a:lnTo>
                  <a:lnTo>
                    <a:pt x="112815" y="427512"/>
                  </a:lnTo>
                  <a:lnTo>
                    <a:pt x="71252" y="516577"/>
                  </a:lnTo>
                  <a:lnTo>
                    <a:pt x="77189" y="587829"/>
                  </a:lnTo>
                  <a:lnTo>
                    <a:pt x="0" y="641268"/>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1200" dirty="0" smtClean="0">
                <a:solidFill>
                  <a:srgbClr val="FFFFFF"/>
                </a:solidFill>
                <a:effectLst>
                  <a:outerShdw blurRad="38100" dist="63500" dir="2700000" algn="tl">
                    <a:srgbClr val="000000"/>
                  </a:outerShdw>
                </a:effectLst>
                <a:latin typeface="Segoe" pitchFamily="34" charset="0"/>
              </a:endParaRPr>
            </a:p>
          </p:txBody>
        </p:sp>
        <p:sp>
          <p:nvSpPr>
            <p:cNvPr id="8" name="TextBox 7"/>
            <p:cNvSpPr txBox="1"/>
            <p:nvPr/>
          </p:nvSpPr>
          <p:spPr bwMode="gray">
            <a:xfrm>
              <a:off x="3942648" y="2095147"/>
              <a:ext cx="811441" cy="523220"/>
            </a:xfrm>
            <a:prstGeom prst="rect">
              <a:avLst/>
            </a:prstGeom>
            <a:noFill/>
          </p:spPr>
          <p:txBody>
            <a:bodyPr wrap="none" rtlCol="0">
              <a:spAutoFit/>
            </a:bodyPr>
            <a:lstStyle/>
            <a:p>
              <a:pPr algn="ctr"/>
              <a:r>
                <a:rPr lang="en-US" sz="1400" b="1" dirty="0" smtClean="0">
                  <a:effectLst>
                    <a:outerShdw blurRad="38100" dist="63500" dir="2700000" algn="tl">
                      <a:srgbClr val="000000"/>
                    </a:outerShdw>
                  </a:effectLst>
                </a:rPr>
                <a:t>Orange</a:t>
              </a:r>
            </a:p>
            <a:p>
              <a:pPr algn="ctr"/>
              <a:r>
                <a:rPr lang="en-US" sz="1400" b="1" dirty="0" smtClean="0">
                  <a:effectLst>
                    <a:outerShdw blurRad="38100" dist="63500" dir="2700000" algn="tl">
                      <a:srgbClr val="000000"/>
                    </a:outerShdw>
                  </a:effectLst>
                </a:rPr>
                <a:t>County</a:t>
              </a:r>
              <a:endParaRPr lang="en-US" sz="1400" b="1" dirty="0">
                <a:effectLst>
                  <a:outerShdw blurRad="38100" dist="63500" dir="2700000" algn="tl">
                    <a:srgbClr val="000000"/>
                  </a:outerShdw>
                </a:effectLst>
              </a:endParaRPr>
            </a:p>
          </p:txBody>
        </p:sp>
      </p:grpSp>
      <p:grpSp>
        <p:nvGrpSpPr>
          <p:cNvPr id="10" name="Group 40"/>
          <p:cNvGrpSpPr/>
          <p:nvPr/>
        </p:nvGrpSpPr>
        <p:grpSpPr bwMode="gray">
          <a:xfrm>
            <a:off x="3644559" y="960537"/>
            <a:ext cx="1317517" cy="658571"/>
            <a:chOff x="3644559" y="954927"/>
            <a:chExt cx="1317517" cy="658571"/>
          </a:xfrm>
        </p:grpSpPr>
        <p:sp>
          <p:nvSpPr>
            <p:cNvPr id="12" name="Freeform 11"/>
            <p:cNvSpPr/>
            <p:nvPr/>
          </p:nvSpPr>
          <p:spPr bwMode="gray">
            <a:xfrm>
              <a:off x="3720924" y="954927"/>
              <a:ext cx="1241152" cy="658571"/>
            </a:xfrm>
            <a:custGeom>
              <a:avLst/>
              <a:gdLst>
                <a:gd name="connsiteX0" fmla="*/ 425538 w 1241152"/>
                <a:gd name="connsiteY0" fmla="*/ 43061 h 658571"/>
                <a:gd name="connsiteX1" fmla="*/ 341950 w 1241152"/>
                <a:gd name="connsiteY1" fmla="*/ 93720 h 658571"/>
                <a:gd name="connsiteX2" fmla="*/ 243165 w 1241152"/>
                <a:gd name="connsiteY2" fmla="*/ 131715 h 658571"/>
                <a:gd name="connsiteX3" fmla="*/ 164643 w 1241152"/>
                <a:gd name="connsiteY3" fmla="*/ 162110 h 658571"/>
                <a:gd name="connsiteX4" fmla="*/ 106385 w 1241152"/>
                <a:gd name="connsiteY4" fmla="*/ 172242 h 658571"/>
                <a:gd name="connsiteX5" fmla="*/ 55725 w 1241152"/>
                <a:gd name="connsiteY5" fmla="*/ 162110 h 658571"/>
                <a:gd name="connsiteX6" fmla="*/ 37995 w 1241152"/>
                <a:gd name="connsiteY6" fmla="*/ 174775 h 658571"/>
                <a:gd name="connsiteX7" fmla="*/ 43060 w 1241152"/>
                <a:gd name="connsiteY7" fmla="*/ 187440 h 658571"/>
                <a:gd name="connsiteX8" fmla="*/ 43060 w 1241152"/>
                <a:gd name="connsiteY8" fmla="*/ 215302 h 658571"/>
                <a:gd name="connsiteX9" fmla="*/ 22797 w 1241152"/>
                <a:gd name="connsiteY9" fmla="*/ 235566 h 658571"/>
                <a:gd name="connsiteX10" fmla="*/ 20264 w 1241152"/>
                <a:gd name="connsiteY10" fmla="*/ 253297 h 658571"/>
                <a:gd name="connsiteX11" fmla="*/ 0 w 1241152"/>
                <a:gd name="connsiteY11" fmla="*/ 265962 h 658571"/>
                <a:gd name="connsiteX12" fmla="*/ 0 w 1241152"/>
                <a:gd name="connsiteY12" fmla="*/ 303956 h 658571"/>
                <a:gd name="connsiteX13" fmla="*/ 15198 w 1241152"/>
                <a:gd name="connsiteY13" fmla="*/ 291291 h 658571"/>
                <a:gd name="connsiteX14" fmla="*/ 22797 w 1241152"/>
                <a:gd name="connsiteY14" fmla="*/ 314088 h 658571"/>
                <a:gd name="connsiteX15" fmla="*/ 20264 w 1241152"/>
                <a:gd name="connsiteY15" fmla="*/ 331819 h 658571"/>
                <a:gd name="connsiteX16" fmla="*/ 20264 w 1241152"/>
                <a:gd name="connsiteY16" fmla="*/ 349549 h 658571"/>
                <a:gd name="connsiteX17" fmla="*/ 43060 w 1241152"/>
                <a:gd name="connsiteY17" fmla="*/ 344484 h 658571"/>
                <a:gd name="connsiteX18" fmla="*/ 63324 w 1241152"/>
                <a:gd name="connsiteY18" fmla="*/ 349549 h 658571"/>
                <a:gd name="connsiteX19" fmla="*/ 73456 w 1241152"/>
                <a:gd name="connsiteY19" fmla="*/ 367280 h 658571"/>
                <a:gd name="connsiteX20" fmla="*/ 91187 w 1241152"/>
                <a:gd name="connsiteY20" fmla="*/ 354615 h 658571"/>
                <a:gd name="connsiteX21" fmla="*/ 103852 w 1241152"/>
                <a:gd name="connsiteY21" fmla="*/ 367280 h 658571"/>
                <a:gd name="connsiteX22" fmla="*/ 103852 w 1241152"/>
                <a:gd name="connsiteY22" fmla="*/ 379945 h 658571"/>
                <a:gd name="connsiteX23" fmla="*/ 139313 w 1241152"/>
                <a:gd name="connsiteY23" fmla="*/ 362214 h 658571"/>
                <a:gd name="connsiteX24" fmla="*/ 184906 w 1241152"/>
                <a:gd name="connsiteY24" fmla="*/ 369813 h 658571"/>
                <a:gd name="connsiteX25" fmla="*/ 192505 w 1241152"/>
                <a:gd name="connsiteY25" fmla="*/ 390077 h 658571"/>
                <a:gd name="connsiteX26" fmla="*/ 164643 w 1241152"/>
                <a:gd name="connsiteY26" fmla="*/ 402742 h 658571"/>
                <a:gd name="connsiteX27" fmla="*/ 187439 w 1241152"/>
                <a:gd name="connsiteY27" fmla="*/ 417939 h 658571"/>
                <a:gd name="connsiteX28" fmla="*/ 200104 w 1241152"/>
                <a:gd name="connsiteY28" fmla="*/ 455934 h 658571"/>
                <a:gd name="connsiteX29" fmla="*/ 243165 w 1241152"/>
                <a:gd name="connsiteY29" fmla="*/ 443269 h 658571"/>
                <a:gd name="connsiteX30" fmla="*/ 278626 w 1241152"/>
                <a:gd name="connsiteY30" fmla="*/ 445802 h 658571"/>
                <a:gd name="connsiteX31" fmla="*/ 283692 w 1241152"/>
                <a:gd name="connsiteY31" fmla="*/ 471132 h 658571"/>
                <a:gd name="connsiteX32" fmla="*/ 278626 w 1241152"/>
                <a:gd name="connsiteY32" fmla="*/ 491395 h 658571"/>
                <a:gd name="connsiteX33" fmla="*/ 260895 w 1241152"/>
                <a:gd name="connsiteY33" fmla="*/ 501527 h 658571"/>
                <a:gd name="connsiteX34" fmla="*/ 319154 w 1241152"/>
                <a:gd name="connsiteY34" fmla="*/ 501527 h 658571"/>
                <a:gd name="connsiteX35" fmla="*/ 334351 w 1241152"/>
                <a:gd name="connsiteY35" fmla="*/ 524324 h 658571"/>
                <a:gd name="connsiteX36" fmla="*/ 331818 w 1241152"/>
                <a:gd name="connsiteY36" fmla="*/ 536989 h 658571"/>
                <a:gd name="connsiteX37" fmla="*/ 377412 w 1241152"/>
                <a:gd name="connsiteY37" fmla="*/ 531923 h 658571"/>
                <a:gd name="connsiteX38" fmla="*/ 369813 w 1241152"/>
                <a:gd name="connsiteY38" fmla="*/ 509126 h 658571"/>
                <a:gd name="connsiteX39" fmla="*/ 402741 w 1241152"/>
                <a:gd name="connsiteY39" fmla="*/ 481264 h 658571"/>
                <a:gd name="connsiteX40" fmla="*/ 433137 w 1241152"/>
                <a:gd name="connsiteY40" fmla="*/ 476198 h 658571"/>
                <a:gd name="connsiteX41" fmla="*/ 509126 w 1241152"/>
                <a:gd name="connsiteY41" fmla="*/ 481264 h 658571"/>
                <a:gd name="connsiteX42" fmla="*/ 524324 w 1241152"/>
                <a:gd name="connsiteY42" fmla="*/ 498994 h 658571"/>
                <a:gd name="connsiteX43" fmla="*/ 519258 w 1241152"/>
                <a:gd name="connsiteY43" fmla="*/ 526857 h 658571"/>
                <a:gd name="connsiteX44" fmla="*/ 504060 w 1241152"/>
                <a:gd name="connsiteY44" fmla="*/ 554720 h 658571"/>
                <a:gd name="connsiteX45" fmla="*/ 521791 w 1241152"/>
                <a:gd name="connsiteY45" fmla="*/ 569917 h 658571"/>
                <a:gd name="connsiteX46" fmla="*/ 554719 w 1241152"/>
                <a:gd name="connsiteY46" fmla="*/ 577516 h 658571"/>
                <a:gd name="connsiteX47" fmla="*/ 567384 w 1241152"/>
                <a:gd name="connsiteY47" fmla="*/ 590181 h 658571"/>
                <a:gd name="connsiteX48" fmla="*/ 549653 w 1241152"/>
                <a:gd name="connsiteY48" fmla="*/ 612978 h 658571"/>
                <a:gd name="connsiteX49" fmla="*/ 521791 w 1241152"/>
                <a:gd name="connsiteY49" fmla="*/ 615511 h 658571"/>
                <a:gd name="connsiteX50" fmla="*/ 529390 w 1241152"/>
                <a:gd name="connsiteY50" fmla="*/ 630708 h 658571"/>
                <a:gd name="connsiteX51" fmla="*/ 562318 w 1241152"/>
                <a:gd name="connsiteY51" fmla="*/ 658571 h 658571"/>
                <a:gd name="connsiteX52" fmla="*/ 559785 w 1241152"/>
                <a:gd name="connsiteY52" fmla="*/ 628175 h 658571"/>
                <a:gd name="connsiteX53" fmla="*/ 572450 w 1241152"/>
                <a:gd name="connsiteY53" fmla="*/ 612978 h 658571"/>
                <a:gd name="connsiteX54" fmla="*/ 602846 w 1241152"/>
                <a:gd name="connsiteY54" fmla="*/ 595247 h 658571"/>
                <a:gd name="connsiteX55" fmla="*/ 650972 w 1241152"/>
                <a:gd name="connsiteY55" fmla="*/ 542055 h 658571"/>
                <a:gd name="connsiteX56" fmla="*/ 625642 w 1241152"/>
                <a:gd name="connsiteY56" fmla="*/ 498994 h 658571"/>
                <a:gd name="connsiteX57" fmla="*/ 628175 w 1241152"/>
                <a:gd name="connsiteY57" fmla="*/ 486330 h 658571"/>
                <a:gd name="connsiteX58" fmla="*/ 653505 w 1241152"/>
                <a:gd name="connsiteY58" fmla="*/ 476198 h 658571"/>
                <a:gd name="connsiteX59" fmla="*/ 714296 w 1241152"/>
                <a:gd name="connsiteY59" fmla="*/ 498994 h 658571"/>
                <a:gd name="connsiteX60" fmla="*/ 737093 w 1241152"/>
                <a:gd name="connsiteY60" fmla="*/ 491395 h 658571"/>
                <a:gd name="connsiteX61" fmla="*/ 696565 w 1241152"/>
                <a:gd name="connsiteY61" fmla="*/ 448335 h 658571"/>
                <a:gd name="connsiteX62" fmla="*/ 716829 w 1241152"/>
                <a:gd name="connsiteY62" fmla="*/ 417939 h 658571"/>
                <a:gd name="connsiteX63" fmla="*/ 747224 w 1241152"/>
                <a:gd name="connsiteY63" fmla="*/ 407808 h 658571"/>
                <a:gd name="connsiteX64" fmla="*/ 759889 w 1241152"/>
                <a:gd name="connsiteY64" fmla="*/ 417939 h 658571"/>
                <a:gd name="connsiteX65" fmla="*/ 780153 w 1241152"/>
                <a:gd name="connsiteY65" fmla="*/ 387544 h 658571"/>
                <a:gd name="connsiteX66" fmla="*/ 802950 w 1241152"/>
                <a:gd name="connsiteY66" fmla="*/ 395143 h 658571"/>
                <a:gd name="connsiteX67" fmla="*/ 835878 w 1241152"/>
                <a:gd name="connsiteY67" fmla="*/ 367280 h 658571"/>
                <a:gd name="connsiteX68" fmla="*/ 846010 w 1241152"/>
                <a:gd name="connsiteY68" fmla="*/ 372346 h 658571"/>
                <a:gd name="connsiteX69" fmla="*/ 894136 w 1241152"/>
                <a:gd name="connsiteY69" fmla="*/ 347016 h 658571"/>
                <a:gd name="connsiteX70" fmla="*/ 889070 w 1241152"/>
                <a:gd name="connsiteY70" fmla="*/ 329286 h 658571"/>
                <a:gd name="connsiteX71" fmla="*/ 916933 w 1241152"/>
                <a:gd name="connsiteY71" fmla="*/ 326753 h 658571"/>
                <a:gd name="connsiteX72" fmla="*/ 906801 w 1241152"/>
                <a:gd name="connsiteY72" fmla="*/ 303956 h 658571"/>
                <a:gd name="connsiteX73" fmla="*/ 921999 w 1241152"/>
                <a:gd name="connsiteY73" fmla="*/ 288758 h 658571"/>
                <a:gd name="connsiteX74" fmla="*/ 959993 w 1241152"/>
                <a:gd name="connsiteY74" fmla="*/ 301423 h 658571"/>
                <a:gd name="connsiteX75" fmla="*/ 977724 w 1241152"/>
                <a:gd name="connsiteY75" fmla="*/ 278626 h 658571"/>
                <a:gd name="connsiteX76" fmla="*/ 985323 w 1241152"/>
                <a:gd name="connsiteY76" fmla="*/ 260896 h 658571"/>
                <a:gd name="connsiteX77" fmla="*/ 1028383 w 1241152"/>
                <a:gd name="connsiteY77" fmla="*/ 245698 h 658571"/>
                <a:gd name="connsiteX78" fmla="*/ 1046114 w 1241152"/>
                <a:gd name="connsiteY78" fmla="*/ 240632 h 658571"/>
                <a:gd name="connsiteX79" fmla="*/ 1079043 w 1241152"/>
                <a:gd name="connsiteY79" fmla="*/ 233033 h 658571"/>
                <a:gd name="connsiteX80" fmla="*/ 1086642 w 1241152"/>
                <a:gd name="connsiteY80" fmla="*/ 235566 h 658571"/>
                <a:gd name="connsiteX81" fmla="*/ 1124636 w 1241152"/>
                <a:gd name="connsiteY81" fmla="*/ 195039 h 658571"/>
                <a:gd name="connsiteX82" fmla="*/ 1152499 w 1241152"/>
                <a:gd name="connsiteY82" fmla="*/ 192506 h 658571"/>
                <a:gd name="connsiteX83" fmla="*/ 1177828 w 1241152"/>
                <a:gd name="connsiteY83" fmla="*/ 164643 h 658571"/>
                <a:gd name="connsiteX84" fmla="*/ 1157565 w 1241152"/>
                <a:gd name="connsiteY84" fmla="*/ 146912 h 658571"/>
                <a:gd name="connsiteX85" fmla="*/ 1144900 w 1241152"/>
                <a:gd name="connsiteY85" fmla="*/ 134248 h 658571"/>
                <a:gd name="connsiteX86" fmla="*/ 1167696 w 1241152"/>
                <a:gd name="connsiteY86" fmla="*/ 96253 h 658571"/>
                <a:gd name="connsiteX87" fmla="*/ 1210757 w 1241152"/>
                <a:gd name="connsiteY87" fmla="*/ 93720 h 658571"/>
                <a:gd name="connsiteX88" fmla="*/ 1225955 w 1241152"/>
                <a:gd name="connsiteY88" fmla="*/ 98786 h 658571"/>
                <a:gd name="connsiteX89" fmla="*/ 1241152 w 1241152"/>
                <a:gd name="connsiteY89" fmla="*/ 68390 h 658571"/>
                <a:gd name="connsiteX90" fmla="*/ 1238619 w 1241152"/>
                <a:gd name="connsiteY90" fmla="*/ 43061 h 658571"/>
                <a:gd name="connsiteX91" fmla="*/ 1220889 w 1241152"/>
                <a:gd name="connsiteY91" fmla="*/ 58259 h 658571"/>
                <a:gd name="connsiteX92" fmla="*/ 1195559 w 1241152"/>
                <a:gd name="connsiteY92" fmla="*/ 63325 h 658571"/>
                <a:gd name="connsiteX93" fmla="*/ 1172762 w 1241152"/>
                <a:gd name="connsiteY93" fmla="*/ 83588 h 658571"/>
                <a:gd name="connsiteX94" fmla="*/ 1142367 w 1241152"/>
                <a:gd name="connsiteY94" fmla="*/ 91187 h 658571"/>
                <a:gd name="connsiteX95" fmla="*/ 1117037 w 1241152"/>
                <a:gd name="connsiteY95" fmla="*/ 113984 h 658571"/>
                <a:gd name="connsiteX96" fmla="*/ 1086642 w 1241152"/>
                <a:gd name="connsiteY96" fmla="*/ 139313 h 658571"/>
                <a:gd name="connsiteX97" fmla="*/ 1051180 w 1241152"/>
                <a:gd name="connsiteY97" fmla="*/ 149445 h 658571"/>
                <a:gd name="connsiteX98" fmla="*/ 1025851 w 1241152"/>
                <a:gd name="connsiteY98" fmla="*/ 157044 h 658571"/>
                <a:gd name="connsiteX99" fmla="*/ 1003054 w 1241152"/>
                <a:gd name="connsiteY99" fmla="*/ 169709 h 658571"/>
                <a:gd name="connsiteX100" fmla="*/ 957460 w 1241152"/>
                <a:gd name="connsiteY100" fmla="*/ 179841 h 658571"/>
                <a:gd name="connsiteX101" fmla="*/ 901735 w 1241152"/>
                <a:gd name="connsiteY101" fmla="*/ 189973 h 658571"/>
                <a:gd name="connsiteX102" fmla="*/ 873873 w 1241152"/>
                <a:gd name="connsiteY102" fmla="*/ 172242 h 658571"/>
                <a:gd name="connsiteX103" fmla="*/ 894136 w 1241152"/>
                <a:gd name="connsiteY103" fmla="*/ 146912 h 658571"/>
                <a:gd name="connsiteX104" fmla="*/ 924532 w 1241152"/>
                <a:gd name="connsiteY104" fmla="*/ 134248 h 658571"/>
                <a:gd name="connsiteX105" fmla="*/ 965059 w 1241152"/>
                <a:gd name="connsiteY105" fmla="*/ 134248 h 658571"/>
                <a:gd name="connsiteX106" fmla="*/ 1000521 w 1241152"/>
                <a:gd name="connsiteY106" fmla="*/ 139313 h 658571"/>
                <a:gd name="connsiteX107" fmla="*/ 1020785 w 1241152"/>
                <a:gd name="connsiteY107" fmla="*/ 116517 h 658571"/>
                <a:gd name="connsiteX108" fmla="*/ 992922 w 1241152"/>
                <a:gd name="connsiteY108" fmla="*/ 108918 h 658571"/>
                <a:gd name="connsiteX109" fmla="*/ 957460 w 1241152"/>
                <a:gd name="connsiteY109" fmla="*/ 96253 h 658571"/>
                <a:gd name="connsiteX110" fmla="*/ 959993 w 1241152"/>
                <a:gd name="connsiteY110" fmla="*/ 53193 h 658571"/>
                <a:gd name="connsiteX111" fmla="*/ 929598 w 1241152"/>
                <a:gd name="connsiteY111" fmla="*/ 63325 h 658571"/>
                <a:gd name="connsiteX112" fmla="*/ 906801 w 1241152"/>
                <a:gd name="connsiteY112" fmla="*/ 60792 h 658571"/>
                <a:gd name="connsiteX113" fmla="*/ 876406 w 1241152"/>
                <a:gd name="connsiteY113" fmla="*/ 78522 h 658571"/>
                <a:gd name="connsiteX114" fmla="*/ 851076 w 1241152"/>
                <a:gd name="connsiteY114" fmla="*/ 63325 h 658571"/>
                <a:gd name="connsiteX115" fmla="*/ 820680 w 1241152"/>
                <a:gd name="connsiteY115" fmla="*/ 75989 h 658571"/>
                <a:gd name="connsiteX116" fmla="*/ 828279 w 1241152"/>
                <a:gd name="connsiteY116" fmla="*/ 93720 h 658571"/>
                <a:gd name="connsiteX117" fmla="*/ 808016 w 1241152"/>
                <a:gd name="connsiteY117" fmla="*/ 111451 h 658571"/>
                <a:gd name="connsiteX118" fmla="*/ 777620 w 1241152"/>
                <a:gd name="connsiteY118" fmla="*/ 103852 h 658571"/>
                <a:gd name="connsiteX119" fmla="*/ 777620 w 1241152"/>
                <a:gd name="connsiteY119" fmla="*/ 78522 h 658571"/>
                <a:gd name="connsiteX120" fmla="*/ 787752 w 1241152"/>
                <a:gd name="connsiteY120" fmla="*/ 68390 h 658571"/>
                <a:gd name="connsiteX121" fmla="*/ 759889 w 1241152"/>
                <a:gd name="connsiteY121" fmla="*/ 68390 h 658571"/>
                <a:gd name="connsiteX122" fmla="*/ 749757 w 1241152"/>
                <a:gd name="connsiteY122" fmla="*/ 50660 h 658571"/>
                <a:gd name="connsiteX123" fmla="*/ 752290 w 1241152"/>
                <a:gd name="connsiteY123" fmla="*/ 32929 h 658571"/>
                <a:gd name="connsiteX124" fmla="*/ 775087 w 1241152"/>
                <a:gd name="connsiteY124" fmla="*/ 12665 h 658571"/>
                <a:gd name="connsiteX125" fmla="*/ 729494 w 1241152"/>
                <a:gd name="connsiteY125" fmla="*/ 20264 h 658571"/>
                <a:gd name="connsiteX126" fmla="*/ 683900 w 1241152"/>
                <a:gd name="connsiteY126" fmla="*/ 48127 h 658571"/>
                <a:gd name="connsiteX127" fmla="*/ 661104 w 1241152"/>
                <a:gd name="connsiteY127" fmla="*/ 55726 h 658571"/>
                <a:gd name="connsiteX128" fmla="*/ 610444 w 1241152"/>
                <a:gd name="connsiteY128" fmla="*/ 40528 h 658571"/>
                <a:gd name="connsiteX129" fmla="*/ 554719 w 1241152"/>
                <a:gd name="connsiteY129" fmla="*/ 32929 h 658571"/>
                <a:gd name="connsiteX130" fmla="*/ 519258 w 1241152"/>
                <a:gd name="connsiteY130" fmla="*/ 15198 h 658571"/>
                <a:gd name="connsiteX131" fmla="*/ 511659 w 1241152"/>
                <a:gd name="connsiteY131" fmla="*/ 0 h 658571"/>
                <a:gd name="connsiteX132" fmla="*/ 486329 w 1241152"/>
                <a:gd name="connsiteY132" fmla="*/ 17731 h 658571"/>
                <a:gd name="connsiteX133" fmla="*/ 425538 w 1241152"/>
                <a:gd name="connsiteY133" fmla="*/ 43061 h 658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Lst>
              <a:rect l="l" t="t" r="r" b="b"/>
              <a:pathLst>
                <a:path w="1241152" h="658571">
                  <a:moveTo>
                    <a:pt x="425538" y="43061"/>
                  </a:moveTo>
                  <a:lnTo>
                    <a:pt x="341950" y="93720"/>
                  </a:lnTo>
                  <a:lnTo>
                    <a:pt x="243165" y="131715"/>
                  </a:lnTo>
                  <a:lnTo>
                    <a:pt x="164643" y="162110"/>
                  </a:lnTo>
                  <a:lnTo>
                    <a:pt x="106385" y="172242"/>
                  </a:lnTo>
                  <a:lnTo>
                    <a:pt x="55725" y="162110"/>
                  </a:lnTo>
                  <a:lnTo>
                    <a:pt x="37995" y="174775"/>
                  </a:lnTo>
                  <a:lnTo>
                    <a:pt x="43060" y="187440"/>
                  </a:lnTo>
                  <a:lnTo>
                    <a:pt x="43060" y="215302"/>
                  </a:lnTo>
                  <a:lnTo>
                    <a:pt x="22797" y="235566"/>
                  </a:lnTo>
                  <a:lnTo>
                    <a:pt x="20264" y="253297"/>
                  </a:lnTo>
                  <a:lnTo>
                    <a:pt x="0" y="265962"/>
                  </a:lnTo>
                  <a:lnTo>
                    <a:pt x="0" y="303956"/>
                  </a:lnTo>
                  <a:lnTo>
                    <a:pt x="15198" y="291291"/>
                  </a:lnTo>
                  <a:lnTo>
                    <a:pt x="22797" y="314088"/>
                  </a:lnTo>
                  <a:lnTo>
                    <a:pt x="20264" y="331819"/>
                  </a:lnTo>
                  <a:lnTo>
                    <a:pt x="20264" y="349549"/>
                  </a:lnTo>
                  <a:lnTo>
                    <a:pt x="43060" y="344484"/>
                  </a:lnTo>
                  <a:lnTo>
                    <a:pt x="63324" y="349549"/>
                  </a:lnTo>
                  <a:lnTo>
                    <a:pt x="73456" y="367280"/>
                  </a:lnTo>
                  <a:lnTo>
                    <a:pt x="91187" y="354615"/>
                  </a:lnTo>
                  <a:lnTo>
                    <a:pt x="103852" y="367280"/>
                  </a:lnTo>
                  <a:lnTo>
                    <a:pt x="103852" y="379945"/>
                  </a:lnTo>
                  <a:lnTo>
                    <a:pt x="139313" y="362214"/>
                  </a:lnTo>
                  <a:lnTo>
                    <a:pt x="184906" y="369813"/>
                  </a:lnTo>
                  <a:lnTo>
                    <a:pt x="192505" y="390077"/>
                  </a:lnTo>
                  <a:lnTo>
                    <a:pt x="164643" y="402742"/>
                  </a:lnTo>
                  <a:lnTo>
                    <a:pt x="187439" y="417939"/>
                  </a:lnTo>
                  <a:lnTo>
                    <a:pt x="200104" y="455934"/>
                  </a:lnTo>
                  <a:lnTo>
                    <a:pt x="243165" y="443269"/>
                  </a:lnTo>
                  <a:lnTo>
                    <a:pt x="278626" y="445802"/>
                  </a:lnTo>
                  <a:lnTo>
                    <a:pt x="283692" y="471132"/>
                  </a:lnTo>
                  <a:lnTo>
                    <a:pt x="278626" y="491395"/>
                  </a:lnTo>
                  <a:lnTo>
                    <a:pt x="260895" y="501527"/>
                  </a:lnTo>
                  <a:lnTo>
                    <a:pt x="319154" y="501527"/>
                  </a:lnTo>
                  <a:lnTo>
                    <a:pt x="334351" y="524324"/>
                  </a:lnTo>
                  <a:lnTo>
                    <a:pt x="331818" y="536989"/>
                  </a:lnTo>
                  <a:lnTo>
                    <a:pt x="377412" y="531923"/>
                  </a:lnTo>
                  <a:lnTo>
                    <a:pt x="369813" y="509126"/>
                  </a:lnTo>
                  <a:lnTo>
                    <a:pt x="402741" y="481264"/>
                  </a:lnTo>
                  <a:lnTo>
                    <a:pt x="433137" y="476198"/>
                  </a:lnTo>
                  <a:lnTo>
                    <a:pt x="509126" y="481264"/>
                  </a:lnTo>
                  <a:lnTo>
                    <a:pt x="524324" y="498994"/>
                  </a:lnTo>
                  <a:lnTo>
                    <a:pt x="519258" y="526857"/>
                  </a:lnTo>
                  <a:lnTo>
                    <a:pt x="504060" y="554720"/>
                  </a:lnTo>
                  <a:lnTo>
                    <a:pt x="521791" y="569917"/>
                  </a:lnTo>
                  <a:lnTo>
                    <a:pt x="554719" y="577516"/>
                  </a:lnTo>
                  <a:lnTo>
                    <a:pt x="567384" y="590181"/>
                  </a:lnTo>
                  <a:lnTo>
                    <a:pt x="549653" y="612978"/>
                  </a:lnTo>
                  <a:lnTo>
                    <a:pt x="521791" y="615511"/>
                  </a:lnTo>
                  <a:lnTo>
                    <a:pt x="529390" y="630708"/>
                  </a:lnTo>
                  <a:lnTo>
                    <a:pt x="562318" y="658571"/>
                  </a:lnTo>
                  <a:lnTo>
                    <a:pt x="559785" y="628175"/>
                  </a:lnTo>
                  <a:lnTo>
                    <a:pt x="572450" y="612978"/>
                  </a:lnTo>
                  <a:lnTo>
                    <a:pt x="602846" y="595247"/>
                  </a:lnTo>
                  <a:lnTo>
                    <a:pt x="650972" y="542055"/>
                  </a:lnTo>
                  <a:lnTo>
                    <a:pt x="625642" y="498994"/>
                  </a:lnTo>
                  <a:lnTo>
                    <a:pt x="628175" y="486330"/>
                  </a:lnTo>
                  <a:lnTo>
                    <a:pt x="653505" y="476198"/>
                  </a:lnTo>
                  <a:lnTo>
                    <a:pt x="714296" y="498994"/>
                  </a:lnTo>
                  <a:lnTo>
                    <a:pt x="737093" y="491395"/>
                  </a:lnTo>
                  <a:lnTo>
                    <a:pt x="696565" y="448335"/>
                  </a:lnTo>
                  <a:lnTo>
                    <a:pt x="716829" y="417939"/>
                  </a:lnTo>
                  <a:lnTo>
                    <a:pt x="747224" y="407808"/>
                  </a:lnTo>
                  <a:lnTo>
                    <a:pt x="759889" y="417939"/>
                  </a:lnTo>
                  <a:lnTo>
                    <a:pt x="780153" y="387544"/>
                  </a:lnTo>
                  <a:lnTo>
                    <a:pt x="802950" y="395143"/>
                  </a:lnTo>
                  <a:lnTo>
                    <a:pt x="835878" y="367280"/>
                  </a:lnTo>
                  <a:lnTo>
                    <a:pt x="846010" y="372346"/>
                  </a:lnTo>
                  <a:lnTo>
                    <a:pt x="894136" y="347016"/>
                  </a:lnTo>
                  <a:lnTo>
                    <a:pt x="889070" y="329286"/>
                  </a:lnTo>
                  <a:lnTo>
                    <a:pt x="916933" y="326753"/>
                  </a:lnTo>
                  <a:lnTo>
                    <a:pt x="906801" y="303956"/>
                  </a:lnTo>
                  <a:lnTo>
                    <a:pt x="921999" y="288758"/>
                  </a:lnTo>
                  <a:lnTo>
                    <a:pt x="959993" y="301423"/>
                  </a:lnTo>
                  <a:lnTo>
                    <a:pt x="977724" y="278626"/>
                  </a:lnTo>
                  <a:lnTo>
                    <a:pt x="985323" y="260896"/>
                  </a:lnTo>
                  <a:lnTo>
                    <a:pt x="1028383" y="245698"/>
                  </a:lnTo>
                  <a:lnTo>
                    <a:pt x="1046114" y="240632"/>
                  </a:lnTo>
                  <a:lnTo>
                    <a:pt x="1079043" y="233033"/>
                  </a:lnTo>
                  <a:lnTo>
                    <a:pt x="1086642" y="235566"/>
                  </a:lnTo>
                  <a:lnTo>
                    <a:pt x="1124636" y="195039"/>
                  </a:lnTo>
                  <a:lnTo>
                    <a:pt x="1152499" y="192506"/>
                  </a:lnTo>
                  <a:lnTo>
                    <a:pt x="1177828" y="164643"/>
                  </a:lnTo>
                  <a:lnTo>
                    <a:pt x="1157565" y="146912"/>
                  </a:lnTo>
                  <a:lnTo>
                    <a:pt x="1144900" y="134248"/>
                  </a:lnTo>
                  <a:lnTo>
                    <a:pt x="1167696" y="96253"/>
                  </a:lnTo>
                  <a:lnTo>
                    <a:pt x="1210757" y="93720"/>
                  </a:lnTo>
                  <a:lnTo>
                    <a:pt x="1225955" y="98786"/>
                  </a:lnTo>
                  <a:lnTo>
                    <a:pt x="1241152" y="68390"/>
                  </a:lnTo>
                  <a:lnTo>
                    <a:pt x="1238619" y="43061"/>
                  </a:lnTo>
                  <a:lnTo>
                    <a:pt x="1220889" y="58259"/>
                  </a:lnTo>
                  <a:lnTo>
                    <a:pt x="1195559" y="63325"/>
                  </a:lnTo>
                  <a:lnTo>
                    <a:pt x="1172762" y="83588"/>
                  </a:lnTo>
                  <a:lnTo>
                    <a:pt x="1142367" y="91187"/>
                  </a:lnTo>
                  <a:lnTo>
                    <a:pt x="1117037" y="113984"/>
                  </a:lnTo>
                  <a:lnTo>
                    <a:pt x="1086642" y="139313"/>
                  </a:lnTo>
                  <a:lnTo>
                    <a:pt x="1051180" y="149445"/>
                  </a:lnTo>
                  <a:lnTo>
                    <a:pt x="1025851" y="157044"/>
                  </a:lnTo>
                  <a:lnTo>
                    <a:pt x="1003054" y="169709"/>
                  </a:lnTo>
                  <a:lnTo>
                    <a:pt x="957460" y="179841"/>
                  </a:lnTo>
                  <a:lnTo>
                    <a:pt x="901735" y="189973"/>
                  </a:lnTo>
                  <a:lnTo>
                    <a:pt x="873873" y="172242"/>
                  </a:lnTo>
                  <a:lnTo>
                    <a:pt x="894136" y="146912"/>
                  </a:lnTo>
                  <a:lnTo>
                    <a:pt x="924532" y="134248"/>
                  </a:lnTo>
                  <a:lnTo>
                    <a:pt x="965059" y="134248"/>
                  </a:lnTo>
                  <a:lnTo>
                    <a:pt x="1000521" y="139313"/>
                  </a:lnTo>
                  <a:lnTo>
                    <a:pt x="1020785" y="116517"/>
                  </a:lnTo>
                  <a:lnTo>
                    <a:pt x="992922" y="108918"/>
                  </a:lnTo>
                  <a:lnTo>
                    <a:pt x="957460" y="96253"/>
                  </a:lnTo>
                  <a:lnTo>
                    <a:pt x="959993" y="53193"/>
                  </a:lnTo>
                  <a:lnTo>
                    <a:pt x="929598" y="63325"/>
                  </a:lnTo>
                  <a:lnTo>
                    <a:pt x="906801" y="60792"/>
                  </a:lnTo>
                  <a:lnTo>
                    <a:pt x="876406" y="78522"/>
                  </a:lnTo>
                  <a:lnTo>
                    <a:pt x="851076" y="63325"/>
                  </a:lnTo>
                  <a:lnTo>
                    <a:pt x="820680" y="75989"/>
                  </a:lnTo>
                  <a:lnTo>
                    <a:pt x="828279" y="93720"/>
                  </a:lnTo>
                  <a:lnTo>
                    <a:pt x="808016" y="111451"/>
                  </a:lnTo>
                  <a:lnTo>
                    <a:pt x="777620" y="103852"/>
                  </a:lnTo>
                  <a:lnTo>
                    <a:pt x="777620" y="78522"/>
                  </a:lnTo>
                  <a:lnTo>
                    <a:pt x="787752" y="68390"/>
                  </a:lnTo>
                  <a:lnTo>
                    <a:pt x="759889" y="68390"/>
                  </a:lnTo>
                  <a:lnTo>
                    <a:pt x="749757" y="50660"/>
                  </a:lnTo>
                  <a:lnTo>
                    <a:pt x="752290" y="32929"/>
                  </a:lnTo>
                  <a:lnTo>
                    <a:pt x="775087" y="12665"/>
                  </a:lnTo>
                  <a:lnTo>
                    <a:pt x="729494" y="20264"/>
                  </a:lnTo>
                  <a:lnTo>
                    <a:pt x="683900" y="48127"/>
                  </a:lnTo>
                  <a:lnTo>
                    <a:pt x="661104" y="55726"/>
                  </a:lnTo>
                  <a:lnTo>
                    <a:pt x="610444" y="40528"/>
                  </a:lnTo>
                  <a:lnTo>
                    <a:pt x="554719" y="32929"/>
                  </a:lnTo>
                  <a:lnTo>
                    <a:pt x="519258" y="15198"/>
                  </a:lnTo>
                  <a:lnTo>
                    <a:pt x="511659" y="0"/>
                  </a:lnTo>
                  <a:lnTo>
                    <a:pt x="486329" y="17731"/>
                  </a:lnTo>
                  <a:lnTo>
                    <a:pt x="425538" y="43061"/>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1" name="TextBox 20"/>
            <p:cNvSpPr txBox="1"/>
            <p:nvPr/>
          </p:nvSpPr>
          <p:spPr bwMode="gray">
            <a:xfrm>
              <a:off x="3644559" y="977872"/>
              <a:ext cx="1180131" cy="458587"/>
            </a:xfrm>
            <a:prstGeom prst="rect">
              <a:avLst/>
            </a:prstGeom>
            <a:noFill/>
          </p:spPr>
          <p:txBody>
            <a:bodyPr wrap="none" rtlCol="0">
              <a:spAutoFit/>
            </a:bodyPr>
            <a:lstStyle/>
            <a:p>
              <a:pPr algn="ctr">
                <a:lnSpc>
                  <a:spcPct val="85000"/>
                </a:lnSpc>
              </a:pPr>
              <a:r>
                <a:rPr lang="en-US" sz="1400" b="1" dirty="0" smtClean="0">
                  <a:effectLst>
                    <a:outerShdw blurRad="38100" dist="63500" dir="2700000" algn="tl">
                      <a:srgbClr val="000000"/>
                    </a:outerShdw>
                  </a:effectLst>
                </a:rPr>
                <a:t>Main</a:t>
              </a:r>
            </a:p>
            <a:p>
              <a:pPr algn="ctr">
                <a:lnSpc>
                  <a:spcPct val="85000"/>
                </a:lnSpc>
              </a:pPr>
              <a:r>
                <a:rPr lang="en-US" sz="1400" b="1" dirty="0" smtClean="0">
                  <a:effectLst>
                    <a:outerShdw blurRad="38100" dist="63500" dir="2700000" algn="tl">
                      <a:srgbClr val="000000"/>
                    </a:outerShdw>
                  </a:effectLst>
                </a:rPr>
                <a:t>San Gabriel</a:t>
              </a:r>
              <a:endParaRPr lang="en-US" sz="1400" b="1" dirty="0">
                <a:effectLst>
                  <a:outerShdw blurRad="38100" dist="63500" dir="2700000" algn="tl">
                    <a:srgbClr val="000000"/>
                  </a:outerShdw>
                </a:effectLst>
              </a:endParaRPr>
            </a:p>
          </p:txBody>
        </p:sp>
      </p:grpSp>
      <p:grpSp>
        <p:nvGrpSpPr>
          <p:cNvPr id="11" name="Group 39"/>
          <p:cNvGrpSpPr/>
          <p:nvPr/>
        </p:nvGrpSpPr>
        <p:grpSpPr bwMode="gray">
          <a:xfrm>
            <a:off x="3474341" y="715003"/>
            <a:ext cx="1000595" cy="391902"/>
            <a:chOff x="3474341" y="715003"/>
            <a:chExt cx="1000595" cy="391902"/>
          </a:xfrm>
        </p:grpSpPr>
        <p:sp>
          <p:nvSpPr>
            <p:cNvPr id="13" name="Freeform 12"/>
            <p:cNvSpPr/>
            <p:nvPr/>
          </p:nvSpPr>
          <p:spPr bwMode="gray">
            <a:xfrm>
              <a:off x="3586677" y="732027"/>
              <a:ext cx="572450" cy="374878"/>
            </a:xfrm>
            <a:custGeom>
              <a:avLst/>
              <a:gdLst>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16621 w 572450"/>
                <a:gd name="connsiteY9" fmla="*/ 129181 h 374878"/>
                <a:gd name="connsiteX10" fmla="*/ 263428 w 572450"/>
                <a:gd name="connsiteY10" fmla="*/ 93719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26752 w 572450"/>
                <a:gd name="connsiteY9" fmla="*/ 124115 h 374878"/>
                <a:gd name="connsiteX10" fmla="*/ 263428 w 572450"/>
                <a:gd name="connsiteY10" fmla="*/ 93719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207703 w 572450"/>
                <a:gd name="connsiteY12" fmla="*/ 60791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35566 w 572450"/>
                <a:gd name="connsiteY11" fmla="*/ 68390 h 374878"/>
                <a:gd name="connsiteX12" fmla="*/ 222901 w 572450"/>
                <a:gd name="connsiteY12" fmla="*/ 75989 h 374878"/>
                <a:gd name="connsiteX13" fmla="*/ 207703 w 572450"/>
                <a:gd name="connsiteY13" fmla="*/ 60791 h 374878"/>
                <a:gd name="connsiteX14" fmla="*/ 182373 w 572450"/>
                <a:gd name="connsiteY14" fmla="*/ 70923 h 374878"/>
                <a:gd name="connsiteX15" fmla="*/ 164643 w 572450"/>
                <a:gd name="connsiteY15" fmla="*/ 50659 h 374878"/>
                <a:gd name="connsiteX16" fmla="*/ 136780 w 572450"/>
                <a:gd name="connsiteY16" fmla="*/ 50659 h 374878"/>
                <a:gd name="connsiteX17" fmla="*/ 129181 w 572450"/>
                <a:gd name="connsiteY17" fmla="*/ 65857 h 374878"/>
                <a:gd name="connsiteX18" fmla="*/ 103852 w 572450"/>
                <a:gd name="connsiteY18" fmla="*/ 58258 h 374878"/>
                <a:gd name="connsiteX19" fmla="*/ 70923 w 572450"/>
                <a:gd name="connsiteY19" fmla="*/ 53192 h 374878"/>
                <a:gd name="connsiteX20" fmla="*/ 63324 w 572450"/>
                <a:gd name="connsiteY20" fmla="*/ 32928 h 374878"/>
                <a:gd name="connsiteX21" fmla="*/ 65857 w 572450"/>
                <a:gd name="connsiteY21" fmla="*/ 12664 h 374878"/>
                <a:gd name="connsiteX22" fmla="*/ 40527 w 572450"/>
                <a:gd name="connsiteY22" fmla="*/ 17730 h 374878"/>
                <a:gd name="connsiteX23" fmla="*/ 22797 w 572450"/>
                <a:gd name="connsiteY23" fmla="*/ 10131 h 374878"/>
                <a:gd name="connsiteX24" fmla="*/ 10132 w 572450"/>
                <a:gd name="connsiteY24" fmla="*/ 0 h 374878"/>
                <a:gd name="connsiteX25" fmla="*/ 0 w 572450"/>
                <a:gd name="connsiteY25" fmla="*/ 27862 h 374878"/>
                <a:gd name="connsiteX26" fmla="*/ 15198 w 572450"/>
                <a:gd name="connsiteY26" fmla="*/ 50659 h 374878"/>
                <a:gd name="connsiteX27" fmla="*/ 15198 w 572450"/>
                <a:gd name="connsiteY27" fmla="*/ 68390 h 374878"/>
                <a:gd name="connsiteX28" fmla="*/ 20264 w 572450"/>
                <a:gd name="connsiteY28" fmla="*/ 81054 h 374878"/>
                <a:gd name="connsiteX29" fmla="*/ 45593 w 572450"/>
                <a:gd name="connsiteY29" fmla="*/ 86120 h 374878"/>
                <a:gd name="connsiteX30" fmla="*/ 70923 w 572450"/>
                <a:gd name="connsiteY30" fmla="*/ 106384 h 374878"/>
                <a:gd name="connsiteX31" fmla="*/ 96253 w 572450"/>
                <a:gd name="connsiteY31" fmla="*/ 113983 h 374878"/>
                <a:gd name="connsiteX32" fmla="*/ 121582 w 572450"/>
                <a:gd name="connsiteY32" fmla="*/ 136780 h 374878"/>
                <a:gd name="connsiteX33" fmla="*/ 134247 w 572450"/>
                <a:gd name="connsiteY33" fmla="*/ 162109 h 374878"/>
                <a:gd name="connsiteX34" fmla="*/ 129181 w 572450"/>
                <a:gd name="connsiteY34" fmla="*/ 189972 h 374878"/>
                <a:gd name="connsiteX35" fmla="*/ 121582 w 572450"/>
                <a:gd name="connsiteY35" fmla="*/ 207703 h 374878"/>
                <a:gd name="connsiteX36" fmla="*/ 139313 w 572450"/>
                <a:gd name="connsiteY36" fmla="*/ 240631 h 374878"/>
                <a:gd name="connsiteX37" fmla="*/ 154511 w 572450"/>
                <a:gd name="connsiteY37" fmla="*/ 281159 h 374878"/>
                <a:gd name="connsiteX38" fmla="*/ 157044 w 572450"/>
                <a:gd name="connsiteY38" fmla="*/ 314087 h 374878"/>
                <a:gd name="connsiteX39" fmla="*/ 157044 w 572450"/>
                <a:gd name="connsiteY39" fmla="*/ 339417 h 374878"/>
                <a:gd name="connsiteX40" fmla="*/ 157044 w 572450"/>
                <a:gd name="connsiteY40" fmla="*/ 352082 h 374878"/>
                <a:gd name="connsiteX41" fmla="*/ 149445 w 572450"/>
                <a:gd name="connsiteY41" fmla="*/ 374878 h 374878"/>
                <a:gd name="connsiteX42" fmla="*/ 217835 w 572450"/>
                <a:gd name="connsiteY42" fmla="*/ 372345 h 374878"/>
                <a:gd name="connsiteX43" fmla="*/ 288758 w 572450"/>
                <a:gd name="connsiteY43" fmla="*/ 364746 h 374878"/>
                <a:gd name="connsiteX44" fmla="*/ 357148 w 572450"/>
                <a:gd name="connsiteY44" fmla="*/ 344483 h 374878"/>
                <a:gd name="connsiteX45" fmla="*/ 430604 w 572450"/>
                <a:gd name="connsiteY45" fmla="*/ 316620 h 374878"/>
                <a:gd name="connsiteX46" fmla="*/ 491395 w 572450"/>
                <a:gd name="connsiteY46" fmla="*/ 288757 h 374878"/>
                <a:gd name="connsiteX47" fmla="*/ 544587 w 572450"/>
                <a:gd name="connsiteY47" fmla="*/ 253296 h 3748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572450" h="374878">
                  <a:moveTo>
                    <a:pt x="544587" y="253296"/>
                  </a:moveTo>
                  <a:lnTo>
                    <a:pt x="572450" y="195038"/>
                  </a:lnTo>
                  <a:lnTo>
                    <a:pt x="529389" y="202637"/>
                  </a:lnTo>
                  <a:lnTo>
                    <a:pt x="501527" y="205170"/>
                  </a:lnTo>
                  <a:lnTo>
                    <a:pt x="483796" y="207703"/>
                  </a:lnTo>
                  <a:lnTo>
                    <a:pt x="453401" y="192505"/>
                  </a:lnTo>
                  <a:lnTo>
                    <a:pt x="417939" y="172241"/>
                  </a:lnTo>
                  <a:lnTo>
                    <a:pt x="400208" y="164642"/>
                  </a:lnTo>
                  <a:lnTo>
                    <a:pt x="369813" y="172241"/>
                  </a:lnTo>
                  <a:lnTo>
                    <a:pt x="326752" y="124115"/>
                  </a:lnTo>
                  <a:lnTo>
                    <a:pt x="271027" y="86121"/>
                  </a:lnTo>
                  <a:cubicBezTo>
                    <a:pt x="257518" y="82744"/>
                    <a:pt x="249075" y="71767"/>
                    <a:pt x="235566" y="68390"/>
                  </a:cubicBezTo>
                  <a:lnTo>
                    <a:pt x="222901" y="75989"/>
                  </a:lnTo>
                  <a:lnTo>
                    <a:pt x="207703" y="60791"/>
                  </a:lnTo>
                  <a:lnTo>
                    <a:pt x="182373" y="70923"/>
                  </a:lnTo>
                  <a:lnTo>
                    <a:pt x="164643" y="50659"/>
                  </a:lnTo>
                  <a:lnTo>
                    <a:pt x="136780" y="50659"/>
                  </a:lnTo>
                  <a:lnTo>
                    <a:pt x="129181" y="65857"/>
                  </a:lnTo>
                  <a:lnTo>
                    <a:pt x="103852" y="58258"/>
                  </a:lnTo>
                  <a:lnTo>
                    <a:pt x="70923" y="53192"/>
                  </a:lnTo>
                  <a:lnTo>
                    <a:pt x="63324" y="32928"/>
                  </a:lnTo>
                  <a:lnTo>
                    <a:pt x="65857" y="12664"/>
                  </a:lnTo>
                  <a:lnTo>
                    <a:pt x="40527" y="17730"/>
                  </a:lnTo>
                  <a:lnTo>
                    <a:pt x="22797" y="10131"/>
                  </a:lnTo>
                  <a:lnTo>
                    <a:pt x="10132" y="0"/>
                  </a:lnTo>
                  <a:lnTo>
                    <a:pt x="0" y="27862"/>
                  </a:lnTo>
                  <a:lnTo>
                    <a:pt x="15198" y="50659"/>
                  </a:lnTo>
                  <a:lnTo>
                    <a:pt x="15198" y="68390"/>
                  </a:lnTo>
                  <a:lnTo>
                    <a:pt x="20264" y="81054"/>
                  </a:lnTo>
                  <a:lnTo>
                    <a:pt x="45593" y="86120"/>
                  </a:lnTo>
                  <a:lnTo>
                    <a:pt x="70923" y="106384"/>
                  </a:lnTo>
                  <a:lnTo>
                    <a:pt x="96253" y="113983"/>
                  </a:lnTo>
                  <a:lnTo>
                    <a:pt x="121582" y="136780"/>
                  </a:lnTo>
                  <a:lnTo>
                    <a:pt x="134247" y="162109"/>
                  </a:lnTo>
                  <a:lnTo>
                    <a:pt x="129181" y="189972"/>
                  </a:lnTo>
                  <a:lnTo>
                    <a:pt x="121582" y="207703"/>
                  </a:lnTo>
                  <a:lnTo>
                    <a:pt x="139313" y="240631"/>
                  </a:lnTo>
                  <a:lnTo>
                    <a:pt x="154511" y="281159"/>
                  </a:lnTo>
                  <a:lnTo>
                    <a:pt x="157044" y="314087"/>
                  </a:lnTo>
                  <a:lnTo>
                    <a:pt x="157044" y="339417"/>
                  </a:lnTo>
                  <a:lnTo>
                    <a:pt x="157044" y="352082"/>
                  </a:lnTo>
                  <a:lnTo>
                    <a:pt x="149445" y="374878"/>
                  </a:lnTo>
                  <a:lnTo>
                    <a:pt x="217835" y="372345"/>
                  </a:lnTo>
                  <a:lnTo>
                    <a:pt x="288758" y="364746"/>
                  </a:lnTo>
                  <a:lnTo>
                    <a:pt x="357148" y="344483"/>
                  </a:lnTo>
                  <a:lnTo>
                    <a:pt x="430604" y="316620"/>
                  </a:lnTo>
                  <a:lnTo>
                    <a:pt x="491395" y="288757"/>
                  </a:lnTo>
                  <a:lnTo>
                    <a:pt x="544587" y="253296"/>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3" name="TextBox 22"/>
            <p:cNvSpPr txBox="1"/>
            <p:nvPr/>
          </p:nvSpPr>
          <p:spPr bwMode="gray">
            <a:xfrm>
              <a:off x="3474341" y="715003"/>
              <a:ext cx="1000595" cy="307777"/>
            </a:xfrm>
            <a:prstGeom prst="rect">
              <a:avLst/>
            </a:prstGeom>
            <a:noFill/>
          </p:spPr>
          <p:txBody>
            <a:bodyPr wrap="none" rtlCol="0">
              <a:spAutoFit/>
            </a:bodyPr>
            <a:lstStyle/>
            <a:p>
              <a:pPr algn="ctr"/>
              <a:r>
                <a:rPr lang="en-US" sz="1400" b="1" dirty="0" smtClean="0">
                  <a:effectLst>
                    <a:outerShdw blurRad="38100" dist="63500" dir="2700000" algn="tl">
                      <a:srgbClr val="000000"/>
                    </a:outerShdw>
                  </a:effectLst>
                </a:rPr>
                <a:t>Raymond</a:t>
              </a:r>
              <a:endParaRPr lang="en-US" sz="1400" b="1" dirty="0">
                <a:effectLst>
                  <a:outerShdw blurRad="38100" dist="63500" dir="2700000" algn="tl">
                    <a:srgbClr val="000000"/>
                  </a:outerShdw>
                </a:effectLst>
              </a:endParaRPr>
            </a:p>
          </p:txBody>
        </p:sp>
      </p:grpSp>
      <p:grpSp>
        <p:nvGrpSpPr>
          <p:cNvPr id="14" name="Group 84"/>
          <p:cNvGrpSpPr/>
          <p:nvPr/>
        </p:nvGrpSpPr>
        <p:grpSpPr bwMode="gray">
          <a:xfrm>
            <a:off x="4865914" y="965200"/>
            <a:ext cx="1168400" cy="961571"/>
            <a:chOff x="4865914" y="965200"/>
            <a:chExt cx="1168400" cy="961571"/>
          </a:xfrm>
        </p:grpSpPr>
        <p:sp>
          <p:nvSpPr>
            <p:cNvPr id="4" name="Freeform 3"/>
            <p:cNvSpPr/>
            <p:nvPr/>
          </p:nvSpPr>
          <p:spPr bwMode="gray">
            <a:xfrm>
              <a:off x="4865914" y="965200"/>
              <a:ext cx="1168400" cy="961571"/>
            </a:xfrm>
            <a:custGeom>
              <a:avLst/>
              <a:gdLst>
                <a:gd name="connsiteX0" fmla="*/ 838200 w 1168400"/>
                <a:gd name="connsiteY0" fmla="*/ 0 h 961571"/>
                <a:gd name="connsiteX1" fmla="*/ 468086 w 1168400"/>
                <a:gd name="connsiteY1" fmla="*/ 221343 h 961571"/>
                <a:gd name="connsiteX2" fmla="*/ 446315 w 1168400"/>
                <a:gd name="connsiteY2" fmla="*/ 221343 h 961571"/>
                <a:gd name="connsiteX3" fmla="*/ 428172 w 1168400"/>
                <a:gd name="connsiteY3" fmla="*/ 206829 h 961571"/>
                <a:gd name="connsiteX4" fmla="*/ 373743 w 1168400"/>
                <a:gd name="connsiteY4" fmla="*/ 61686 h 961571"/>
                <a:gd name="connsiteX5" fmla="*/ 359229 w 1168400"/>
                <a:gd name="connsiteY5" fmla="*/ 47171 h 961571"/>
                <a:gd name="connsiteX6" fmla="*/ 293915 w 1168400"/>
                <a:gd name="connsiteY6" fmla="*/ 123371 h 961571"/>
                <a:gd name="connsiteX7" fmla="*/ 293915 w 1168400"/>
                <a:gd name="connsiteY7" fmla="*/ 148771 h 961571"/>
                <a:gd name="connsiteX8" fmla="*/ 235857 w 1168400"/>
                <a:gd name="connsiteY8" fmla="*/ 224971 h 961571"/>
                <a:gd name="connsiteX9" fmla="*/ 141515 w 1168400"/>
                <a:gd name="connsiteY9" fmla="*/ 304800 h 961571"/>
                <a:gd name="connsiteX10" fmla="*/ 65315 w 1168400"/>
                <a:gd name="connsiteY10" fmla="*/ 337457 h 961571"/>
                <a:gd name="connsiteX11" fmla="*/ 39915 w 1168400"/>
                <a:gd name="connsiteY11" fmla="*/ 348343 h 961571"/>
                <a:gd name="connsiteX12" fmla="*/ 29029 w 1168400"/>
                <a:gd name="connsiteY12" fmla="*/ 431800 h 961571"/>
                <a:gd name="connsiteX13" fmla="*/ 25400 w 1168400"/>
                <a:gd name="connsiteY13" fmla="*/ 435429 h 961571"/>
                <a:gd name="connsiteX14" fmla="*/ 36286 w 1168400"/>
                <a:gd name="connsiteY14" fmla="*/ 468086 h 961571"/>
                <a:gd name="connsiteX15" fmla="*/ 54429 w 1168400"/>
                <a:gd name="connsiteY15" fmla="*/ 471714 h 961571"/>
                <a:gd name="connsiteX16" fmla="*/ 21772 w 1168400"/>
                <a:gd name="connsiteY16" fmla="*/ 504371 h 961571"/>
                <a:gd name="connsiteX17" fmla="*/ 18143 w 1168400"/>
                <a:gd name="connsiteY17" fmla="*/ 486229 h 961571"/>
                <a:gd name="connsiteX18" fmla="*/ 0 w 1168400"/>
                <a:gd name="connsiteY18" fmla="*/ 478971 h 961571"/>
                <a:gd name="connsiteX19" fmla="*/ 0 w 1168400"/>
                <a:gd name="connsiteY19" fmla="*/ 478971 h 961571"/>
                <a:gd name="connsiteX20" fmla="*/ 18143 w 1168400"/>
                <a:gd name="connsiteY20" fmla="*/ 500743 h 961571"/>
                <a:gd name="connsiteX21" fmla="*/ 54429 w 1168400"/>
                <a:gd name="connsiteY21" fmla="*/ 500743 h 961571"/>
                <a:gd name="connsiteX22" fmla="*/ 65315 w 1168400"/>
                <a:gd name="connsiteY22" fmla="*/ 526143 h 961571"/>
                <a:gd name="connsiteX23" fmla="*/ 97972 w 1168400"/>
                <a:gd name="connsiteY23" fmla="*/ 522514 h 961571"/>
                <a:gd name="connsiteX24" fmla="*/ 123372 w 1168400"/>
                <a:gd name="connsiteY24" fmla="*/ 540657 h 961571"/>
                <a:gd name="connsiteX25" fmla="*/ 134257 w 1168400"/>
                <a:gd name="connsiteY25" fmla="*/ 576943 h 961571"/>
                <a:gd name="connsiteX26" fmla="*/ 123372 w 1168400"/>
                <a:gd name="connsiteY26" fmla="*/ 584200 h 961571"/>
                <a:gd name="connsiteX27" fmla="*/ 123372 w 1168400"/>
                <a:gd name="connsiteY27" fmla="*/ 605971 h 961571"/>
                <a:gd name="connsiteX28" fmla="*/ 90715 w 1168400"/>
                <a:gd name="connsiteY28" fmla="*/ 613229 h 961571"/>
                <a:gd name="connsiteX29" fmla="*/ 123372 w 1168400"/>
                <a:gd name="connsiteY29" fmla="*/ 642257 h 961571"/>
                <a:gd name="connsiteX30" fmla="*/ 152400 w 1168400"/>
                <a:gd name="connsiteY30" fmla="*/ 642257 h 961571"/>
                <a:gd name="connsiteX31" fmla="*/ 166915 w 1168400"/>
                <a:gd name="connsiteY31" fmla="*/ 660400 h 961571"/>
                <a:gd name="connsiteX32" fmla="*/ 170543 w 1168400"/>
                <a:gd name="connsiteY32" fmla="*/ 682171 h 961571"/>
                <a:gd name="connsiteX33" fmla="*/ 170543 w 1168400"/>
                <a:gd name="connsiteY33" fmla="*/ 682171 h 961571"/>
                <a:gd name="connsiteX34" fmla="*/ 159657 w 1168400"/>
                <a:gd name="connsiteY34" fmla="*/ 711200 h 961571"/>
                <a:gd name="connsiteX35" fmla="*/ 203200 w 1168400"/>
                <a:gd name="connsiteY35" fmla="*/ 718457 h 961571"/>
                <a:gd name="connsiteX36" fmla="*/ 228600 w 1168400"/>
                <a:gd name="connsiteY36" fmla="*/ 722086 h 961571"/>
                <a:gd name="connsiteX37" fmla="*/ 254000 w 1168400"/>
                <a:gd name="connsiteY37" fmla="*/ 747486 h 961571"/>
                <a:gd name="connsiteX38" fmla="*/ 268515 w 1168400"/>
                <a:gd name="connsiteY38" fmla="*/ 743857 h 961571"/>
                <a:gd name="connsiteX39" fmla="*/ 275772 w 1168400"/>
                <a:gd name="connsiteY39" fmla="*/ 772886 h 961571"/>
                <a:gd name="connsiteX40" fmla="*/ 330200 w 1168400"/>
                <a:gd name="connsiteY40" fmla="*/ 823686 h 961571"/>
                <a:gd name="connsiteX41" fmla="*/ 319315 w 1168400"/>
                <a:gd name="connsiteY41" fmla="*/ 838200 h 961571"/>
                <a:gd name="connsiteX42" fmla="*/ 359229 w 1168400"/>
                <a:gd name="connsiteY42" fmla="*/ 899886 h 961571"/>
                <a:gd name="connsiteX43" fmla="*/ 370115 w 1168400"/>
                <a:gd name="connsiteY43" fmla="*/ 957943 h 961571"/>
                <a:gd name="connsiteX44" fmla="*/ 384629 w 1168400"/>
                <a:gd name="connsiteY44" fmla="*/ 961571 h 961571"/>
                <a:gd name="connsiteX45" fmla="*/ 406400 w 1168400"/>
                <a:gd name="connsiteY45" fmla="*/ 947057 h 961571"/>
                <a:gd name="connsiteX46" fmla="*/ 460829 w 1168400"/>
                <a:gd name="connsiteY46" fmla="*/ 921657 h 961571"/>
                <a:gd name="connsiteX47" fmla="*/ 508000 w 1168400"/>
                <a:gd name="connsiteY47" fmla="*/ 885371 h 961571"/>
                <a:gd name="connsiteX48" fmla="*/ 500743 w 1168400"/>
                <a:gd name="connsiteY48" fmla="*/ 859971 h 961571"/>
                <a:gd name="connsiteX49" fmla="*/ 562429 w 1168400"/>
                <a:gd name="connsiteY49" fmla="*/ 827314 h 961571"/>
                <a:gd name="connsiteX50" fmla="*/ 602343 w 1168400"/>
                <a:gd name="connsiteY50" fmla="*/ 805543 h 961571"/>
                <a:gd name="connsiteX51" fmla="*/ 635000 w 1168400"/>
                <a:gd name="connsiteY51" fmla="*/ 794657 h 961571"/>
                <a:gd name="connsiteX52" fmla="*/ 631372 w 1168400"/>
                <a:gd name="connsiteY52" fmla="*/ 834571 h 961571"/>
                <a:gd name="connsiteX53" fmla="*/ 627743 w 1168400"/>
                <a:gd name="connsiteY53" fmla="*/ 863600 h 961571"/>
                <a:gd name="connsiteX54" fmla="*/ 627743 w 1168400"/>
                <a:gd name="connsiteY54" fmla="*/ 889000 h 961571"/>
                <a:gd name="connsiteX55" fmla="*/ 656772 w 1168400"/>
                <a:gd name="connsiteY55" fmla="*/ 878114 h 961571"/>
                <a:gd name="connsiteX56" fmla="*/ 671286 w 1168400"/>
                <a:gd name="connsiteY56" fmla="*/ 870857 h 961571"/>
                <a:gd name="connsiteX57" fmla="*/ 696686 w 1168400"/>
                <a:gd name="connsiteY57" fmla="*/ 867229 h 961571"/>
                <a:gd name="connsiteX58" fmla="*/ 711200 w 1168400"/>
                <a:gd name="connsiteY58" fmla="*/ 845457 h 961571"/>
                <a:gd name="connsiteX59" fmla="*/ 722086 w 1168400"/>
                <a:gd name="connsiteY59" fmla="*/ 816429 h 961571"/>
                <a:gd name="connsiteX60" fmla="*/ 703943 w 1168400"/>
                <a:gd name="connsiteY60" fmla="*/ 794657 h 961571"/>
                <a:gd name="connsiteX61" fmla="*/ 703943 w 1168400"/>
                <a:gd name="connsiteY61" fmla="*/ 780143 h 961571"/>
                <a:gd name="connsiteX62" fmla="*/ 736600 w 1168400"/>
                <a:gd name="connsiteY62" fmla="*/ 736600 h 961571"/>
                <a:gd name="connsiteX63" fmla="*/ 776515 w 1168400"/>
                <a:gd name="connsiteY63" fmla="*/ 751114 h 961571"/>
                <a:gd name="connsiteX64" fmla="*/ 798286 w 1168400"/>
                <a:gd name="connsiteY64" fmla="*/ 758371 h 961571"/>
                <a:gd name="connsiteX65" fmla="*/ 812800 w 1168400"/>
                <a:gd name="connsiteY65" fmla="*/ 747486 h 961571"/>
                <a:gd name="connsiteX66" fmla="*/ 823686 w 1168400"/>
                <a:gd name="connsiteY66" fmla="*/ 765629 h 961571"/>
                <a:gd name="connsiteX67" fmla="*/ 845457 w 1168400"/>
                <a:gd name="connsiteY67" fmla="*/ 747486 h 961571"/>
                <a:gd name="connsiteX68" fmla="*/ 841829 w 1168400"/>
                <a:gd name="connsiteY68" fmla="*/ 732971 h 961571"/>
                <a:gd name="connsiteX69" fmla="*/ 903515 w 1168400"/>
                <a:gd name="connsiteY69" fmla="*/ 740229 h 961571"/>
                <a:gd name="connsiteX70" fmla="*/ 943429 w 1168400"/>
                <a:gd name="connsiteY70" fmla="*/ 729343 h 961571"/>
                <a:gd name="connsiteX71" fmla="*/ 954315 w 1168400"/>
                <a:gd name="connsiteY71" fmla="*/ 740229 h 961571"/>
                <a:gd name="connsiteX72" fmla="*/ 957943 w 1168400"/>
                <a:gd name="connsiteY72" fmla="*/ 714829 h 961571"/>
                <a:gd name="connsiteX73" fmla="*/ 986972 w 1168400"/>
                <a:gd name="connsiteY73" fmla="*/ 714829 h 961571"/>
                <a:gd name="connsiteX74" fmla="*/ 986972 w 1168400"/>
                <a:gd name="connsiteY74" fmla="*/ 674914 h 961571"/>
                <a:gd name="connsiteX75" fmla="*/ 947057 w 1168400"/>
                <a:gd name="connsiteY75" fmla="*/ 682171 h 961571"/>
                <a:gd name="connsiteX76" fmla="*/ 939800 w 1168400"/>
                <a:gd name="connsiteY76" fmla="*/ 664029 h 961571"/>
                <a:gd name="connsiteX77" fmla="*/ 957943 w 1168400"/>
                <a:gd name="connsiteY77" fmla="*/ 627743 h 961571"/>
                <a:gd name="connsiteX78" fmla="*/ 928915 w 1168400"/>
                <a:gd name="connsiteY78" fmla="*/ 635000 h 961571"/>
                <a:gd name="connsiteX79" fmla="*/ 910772 w 1168400"/>
                <a:gd name="connsiteY79" fmla="*/ 678543 h 961571"/>
                <a:gd name="connsiteX80" fmla="*/ 885372 w 1168400"/>
                <a:gd name="connsiteY80" fmla="*/ 678543 h 961571"/>
                <a:gd name="connsiteX81" fmla="*/ 874486 w 1168400"/>
                <a:gd name="connsiteY81" fmla="*/ 667657 h 961571"/>
                <a:gd name="connsiteX82" fmla="*/ 892629 w 1168400"/>
                <a:gd name="connsiteY82" fmla="*/ 645886 h 961571"/>
                <a:gd name="connsiteX83" fmla="*/ 907143 w 1168400"/>
                <a:gd name="connsiteY83" fmla="*/ 616857 h 961571"/>
                <a:gd name="connsiteX84" fmla="*/ 943429 w 1168400"/>
                <a:gd name="connsiteY84" fmla="*/ 605971 h 961571"/>
                <a:gd name="connsiteX85" fmla="*/ 972457 w 1168400"/>
                <a:gd name="connsiteY85" fmla="*/ 587829 h 961571"/>
                <a:gd name="connsiteX86" fmla="*/ 994229 w 1168400"/>
                <a:gd name="connsiteY86" fmla="*/ 566057 h 961571"/>
                <a:gd name="connsiteX87" fmla="*/ 1005115 w 1168400"/>
                <a:gd name="connsiteY87" fmla="*/ 533400 h 961571"/>
                <a:gd name="connsiteX88" fmla="*/ 1005115 w 1168400"/>
                <a:gd name="connsiteY88" fmla="*/ 533400 h 961571"/>
                <a:gd name="connsiteX89" fmla="*/ 976086 w 1168400"/>
                <a:gd name="connsiteY89" fmla="*/ 544286 h 961571"/>
                <a:gd name="connsiteX90" fmla="*/ 976086 w 1168400"/>
                <a:gd name="connsiteY90" fmla="*/ 544286 h 961571"/>
                <a:gd name="connsiteX91" fmla="*/ 943429 w 1168400"/>
                <a:gd name="connsiteY91" fmla="*/ 558800 h 961571"/>
                <a:gd name="connsiteX92" fmla="*/ 921657 w 1168400"/>
                <a:gd name="connsiteY92" fmla="*/ 558800 h 961571"/>
                <a:gd name="connsiteX93" fmla="*/ 918029 w 1168400"/>
                <a:gd name="connsiteY93" fmla="*/ 522514 h 961571"/>
                <a:gd name="connsiteX94" fmla="*/ 903515 w 1168400"/>
                <a:gd name="connsiteY94" fmla="*/ 537029 h 961571"/>
                <a:gd name="connsiteX95" fmla="*/ 878115 w 1168400"/>
                <a:gd name="connsiteY95" fmla="*/ 551543 h 961571"/>
                <a:gd name="connsiteX96" fmla="*/ 863600 w 1168400"/>
                <a:gd name="connsiteY96" fmla="*/ 540657 h 961571"/>
                <a:gd name="connsiteX97" fmla="*/ 838200 w 1168400"/>
                <a:gd name="connsiteY97" fmla="*/ 522514 h 961571"/>
                <a:gd name="connsiteX98" fmla="*/ 816429 w 1168400"/>
                <a:gd name="connsiteY98" fmla="*/ 511629 h 961571"/>
                <a:gd name="connsiteX99" fmla="*/ 798286 w 1168400"/>
                <a:gd name="connsiteY99" fmla="*/ 537029 h 961571"/>
                <a:gd name="connsiteX100" fmla="*/ 798286 w 1168400"/>
                <a:gd name="connsiteY100" fmla="*/ 537029 h 961571"/>
                <a:gd name="connsiteX101" fmla="*/ 765629 w 1168400"/>
                <a:gd name="connsiteY101" fmla="*/ 515257 h 961571"/>
                <a:gd name="connsiteX102" fmla="*/ 801915 w 1168400"/>
                <a:gd name="connsiteY102" fmla="*/ 475343 h 961571"/>
                <a:gd name="connsiteX103" fmla="*/ 830943 w 1168400"/>
                <a:gd name="connsiteY103" fmla="*/ 475343 h 961571"/>
                <a:gd name="connsiteX104" fmla="*/ 863600 w 1168400"/>
                <a:gd name="connsiteY104" fmla="*/ 478971 h 961571"/>
                <a:gd name="connsiteX105" fmla="*/ 856343 w 1168400"/>
                <a:gd name="connsiteY105" fmla="*/ 442686 h 961571"/>
                <a:gd name="connsiteX106" fmla="*/ 874486 w 1168400"/>
                <a:gd name="connsiteY106" fmla="*/ 431800 h 961571"/>
                <a:gd name="connsiteX107" fmla="*/ 907143 w 1168400"/>
                <a:gd name="connsiteY107" fmla="*/ 486229 h 961571"/>
                <a:gd name="connsiteX108" fmla="*/ 918029 w 1168400"/>
                <a:gd name="connsiteY108" fmla="*/ 442686 h 961571"/>
                <a:gd name="connsiteX109" fmla="*/ 965200 w 1168400"/>
                <a:gd name="connsiteY109" fmla="*/ 435429 h 961571"/>
                <a:gd name="connsiteX110" fmla="*/ 997857 w 1168400"/>
                <a:gd name="connsiteY110" fmla="*/ 446314 h 961571"/>
                <a:gd name="connsiteX111" fmla="*/ 1030515 w 1168400"/>
                <a:gd name="connsiteY111" fmla="*/ 435429 h 961571"/>
                <a:gd name="connsiteX112" fmla="*/ 1030515 w 1168400"/>
                <a:gd name="connsiteY112" fmla="*/ 435429 h 961571"/>
                <a:gd name="connsiteX113" fmla="*/ 1048657 w 1168400"/>
                <a:gd name="connsiteY113" fmla="*/ 435429 h 961571"/>
                <a:gd name="connsiteX114" fmla="*/ 1121229 w 1168400"/>
                <a:gd name="connsiteY114" fmla="*/ 333829 h 961571"/>
                <a:gd name="connsiteX115" fmla="*/ 1168400 w 1168400"/>
                <a:gd name="connsiteY115" fmla="*/ 272143 h 961571"/>
                <a:gd name="connsiteX116" fmla="*/ 838200 w 1168400"/>
                <a:gd name="connsiteY116" fmla="*/ 0 h 961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Lst>
              <a:rect l="l" t="t" r="r" b="b"/>
              <a:pathLst>
                <a:path w="1168400" h="961571">
                  <a:moveTo>
                    <a:pt x="838200" y="0"/>
                  </a:moveTo>
                  <a:lnTo>
                    <a:pt x="468086" y="221343"/>
                  </a:lnTo>
                  <a:lnTo>
                    <a:pt x="446315" y="221343"/>
                  </a:lnTo>
                  <a:lnTo>
                    <a:pt x="428172" y="206829"/>
                  </a:lnTo>
                  <a:lnTo>
                    <a:pt x="373743" y="61686"/>
                  </a:lnTo>
                  <a:lnTo>
                    <a:pt x="359229" y="47171"/>
                  </a:lnTo>
                  <a:lnTo>
                    <a:pt x="293915" y="123371"/>
                  </a:lnTo>
                  <a:lnTo>
                    <a:pt x="293915" y="148771"/>
                  </a:lnTo>
                  <a:lnTo>
                    <a:pt x="235857" y="224971"/>
                  </a:lnTo>
                  <a:lnTo>
                    <a:pt x="141515" y="304800"/>
                  </a:lnTo>
                  <a:lnTo>
                    <a:pt x="65315" y="337457"/>
                  </a:lnTo>
                  <a:lnTo>
                    <a:pt x="39915" y="348343"/>
                  </a:lnTo>
                  <a:lnTo>
                    <a:pt x="29029" y="431800"/>
                  </a:lnTo>
                  <a:lnTo>
                    <a:pt x="25400" y="435429"/>
                  </a:lnTo>
                  <a:lnTo>
                    <a:pt x="36286" y="468086"/>
                  </a:lnTo>
                  <a:lnTo>
                    <a:pt x="54429" y="471714"/>
                  </a:lnTo>
                  <a:lnTo>
                    <a:pt x="21772" y="504371"/>
                  </a:lnTo>
                  <a:lnTo>
                    <a:pt x="18143" y="486229"/>
                  </a:lnTo>
                  <a:lnTo>
                    <a:pt x="0" y="478971"/>
                  </a:lnTo>
                  <a:lnTo>
                    <a:pt x="0" y="478971"/>
                  </a:lnTo>
                  <a:lnTo>
                    <a:pt x="18143" y="500743"/>
                  </a:lnTo>
                  <a:lnTo>
                    <a:pt x="54429" y="500743"/>
                  </a:lnTo>
                  <a:lnTo>
                    <a:pt x="65315" y="526143"/>
                  </a:lnTo>
                  <a:lnTo>
                    <a:pt x="97972" y="522514"/>
                  </a:lnTo>
                  <a:lnTo>
                    <a:pt x="123372" y="540657"/>
                  </a:lnTo>
                  <a:lnTo>
                    <a:pt x="134257" y="576943"/>
                  </a:lnTo>
                  <a:lnTo>
                    <a:pt x="123372" y="584200"/>
                  </a:lnTo>
                  <a:lnTo>
                    <a:pt x="123372" y="605971"/>
                  </a:lnTo>
                  <a:lnTo>
                    <a:pt x="90715" y="613229"/>
                  </a:lnTo>
                  <a:lnTo>
                    <a:pt x="123372" y="642257"/>
                  </a:lnTo>
                  <a:lnTo>
                    <a:pt x="152400" y="642257"/>
                  </a:lnTo>
                  <a:lnTo>
                    <a:pt x="166915" y="660400"/>
                  </a:lnTo>
                  <a:lnTo>
                    <a:pt x="170543" y="682171"/>
                  </a:lnTo>
                  <a:lnTo>
                    <a:pt x="170543" y="682171"/>
                  </a:lnTo>
                  <a:lnTo>
                    <a:pt x="159657" y="711200"/>
                  </a:lnTo>
                  <a:lnTo>
                    <a:pt x="203200" y="718457"/>
                  </a:lnTo>
                  <a:lnTo>
                    <a:pt x="228600" y="722086"/>
                  </a:lnTo>
                  <a:lnTo>
                    <a:pt x="254000" y="747486"/>
                  </a:lnTo>
                  <a:lnTo>
                    <a:pt x="268515" y="743857"/>
                  </a:lnTo>
                  <a:lnTo>
                    <a:pt x="275772" y="772886"/>
                  </a:lnTo>
                  <a:lnTo>
                    <a:pt x="330200" y="823686"/>
                  </a:lnTo>
                  <a:lnTo>
                    <a:pt x="319315" y="838200"/>
                  </a:lnTo>
                  <a:lnTo>
                    <a:pt x="359229" y="899886"/>
                  </a:lnTo>
                  <a:lnTo>
                    <a:pt x="370115" y="957943"/>
                  </a:lnTo>
                  <a:lnTo>
                    <a:pt x="384629" y="961571"/>
                  </a:lnTo>
                  <a:lnTo>
                    <a:pt x="406400" y="947057"/>
                  </a:lnTo>
                  <a:lnTo>
                    <a:pt x="460829" y="921657"/>
                  </a:lnTo>
                  <a:lnTo>
                    <a:pt x="508000" y="885371"/>
                  </a:lnTo>
                  <a:lnTo>
                    <a:pt x="500743" y="859971"/>
                  </a:lnTo>
                  <a:lnTo>
                    <a:pt x="562429" y="827314"/>
                  </a:lnTo>
                  <a:lnTo>
                    <a:pt x="602343" y="805543"/>
                  </a:lnTo>
                  <a:lnTo>
                    <a:pt x="635000" y="794657"/>
                  </a:lnTo>
                  <a:lnTo>
                    <a:pt x="631372" y="834571"/>
                  </a:lnTo>
                  <a:lnTo>
                    <a:pt x="627743" y="863600"/>
                  </a:lnTo>
                  <a:lnTo>
                    <a:pt x="627743" y="889000"/>
                  </a:lnTo>
                  <a:lnTo>
                    <a:pt x="656772" y="878114"/>
                  </a:lnTo>
                  <a:lnTo>
                    <a:pt x="671286" y="870857"/>
                  </a:lnTo>
                  <a:lnTo>
                    <a:pt x="696686" y="867229"/>
                  </a:lnTo>
                  <a:lnTo>
                    <a:pt x="711200" y="845457"/>
                  </a:lnTo>
                  <a:lnTo>
                    <a:pt x="722086" y="816429"/>
                  </a:lnTo>
                  <a:lnTo>
                    <a:pt x="703943" y="794657"/>
                  </a:lnTo>
                  <a:lnTo>
                    <a:pt x="703943" y="780143"/>
                  </a:lnTo>
                  <a:lnTo>
                    <a:pt x="736600" y="736600"/>
                  </a:lnTo>
                  <a:lnTo>
                    <a:pt x="776515" y="751114"/>
                  </a:lnTo>
                  <a:lnTo>
                    <a:pt x="798286" y="758371"/>
                  </a:lnTo>
                  <a:lnTo>
                    <a:pt x="812800" y="747486"/>
                  </a:lnTo>
                  <a:lnTo>
                    <a:pt x="823686" y="765629"/>
                  </a:lnTo>
                  <a:lnTo>
                    <a:pt x="845457" y="747486"/>
                  </a:lnTo>
                  <a:lnTo>
                    <a:pt x="841829" y="732971"/>
                  </a:lnTo>
                  <a:lnTo>
                    <a:pt x="903515" y="740229"/>
                  </a:lnTo>
                  <a:lnTo>
                    <a:pt x="943429" y="729343"/>
                  </a:lnTo>
                  <a:lnTo>
                    <a:pt x="954315" y="740229"/>
                  </a:lnTo>
                  <a:lnTo>
                    <a:pt x="957943" y="714829"/>
                  </a:lnTo>
                  <a:lnTo>
                    <a:pt x="986972" y="714829"/>
                  </a:lnTo>
                  <a:lnTo>
                    <a:pt x="986972" y="674914"/>
                  </a:lnTo>
                  <a:lnTo>
                    <a:pt x="947057" y="682171"/>
                  </a:lnTo>
                  <a:lnTo>
                    <a:pt x="939800" y="664029"/>
                  </a:lnTo>
                  <a:lnTo>
                    <a:pt x="957943" y="627743"/>
                  </a:lnTo>
                  <a:lnTo>
                    <a:pt x="928915" y="635000"/>
                  </a:lnTo>
                  <a:lnTo>
                    <a:pt x="910772" y="678543"/>
                  </a:lnTo>
                  <a:lnTo>
                    <a:pt x="885372" y="678543"/>
                  </a:lnTo>
                  <a:lnTo>
                    <a:pt x="874486" y="667657"/>
                  </a:lnTo>
                  <a:lnTo>
                    <a:pt x="892629" y="645886"/>
                  </a:lnTo>
                  <a:lnTo>
                    <a:pt x="907143" y="616857"/>
                  </a:lnTo>
                  <a:lnTo>
                    <a:pt x="943429" y="605971"/>
                  </a:lnTo>
                  <a:lnTo>
                    <a:pt x="972457" y="587829"/>
                  </a:lnTo>
                  <a:lnTo>
                    <a:pt x="994229" y="566057"/>
                  </a:lnTo>
                  <a:lnTo>
                    <a:pt x="1005115" y="533400"/>
                  </a:lnTo>
                  <a:lnTo>
                    <a:pt x="1005115" y="533400"/>
                  </a:lnTo>
                  <a:lnTo>
                    <a:pt x="976086" y="544286"/>
                  </a:lnTo>
                  <a:lnTo>
                    <a:pt x="976086" y="544286"/>
                  </a:lnTo>
                  <a:lnTo>
                    <a:pt x="943429" y="558800"/>
                  </a:lnTo>
                  <a:lnTo>
                    <a:pt x="921657" y="558800"/>
                  </a:lnTo>
                  <a:lnTo>
                    <a:pt x="918029" y="522514"/>
                  </a:lnTo>
                  <a:lnTo>
                    <a:pt x="903515" y="537029"/>
                  </a:lnTo>
                  <a:lnTo>
                    <a:pt x="878115" y="551543"/>
                  </a:lnTo>
                  <a:lnTo>
                    <a:pt x="863600" y="540657"/>
                  </a:lnTo>
                  <a:lnTo>
                    <a:pt x="838200" y="522514"/>
                  </a:lnTo>
                  <a:lnTo>
                    <a:pt x="816429" y="511629"/>
                  </a:lnTo>
                  <a:lnTo>
                    <a:pt x="798286" y="537029"/>
                  </a:lnTo>
                  <a:lnTo>
                    <a:pt x="798286" y="537029"/>
                  </a:lnTo>
                  <a:lnTo>
                    <a:pt x="765629" y="515257"/>
                  </a:lnTo>
                  <a:lnTo>
                    <a:pt x="801915" y="475343"/>
                  </a:lnTo>
                  <a:lnTo>
                    <a:pt x="830943" y="475343"/>
                  </a:lnTo>
                  <a:lnTo>
                    <a:pt x="863600" y="478971"/>
                  </a:lnTo>
                  <a:lnTo>
                    <a:pt x="856343" y="442686"/>
                  </a:lnTo>
                  <a:lnTo>
                    <a:pt x="874486" y="431800"/>
                  </a:lnTo>
                  <a:lnTo>
                    <a:pt x="907143" y="486229"/>
                  </a:lnTo>
                  <a:lnTo>
                    <a:pt x="918029" y="442686"/>
                  </a:lnTo>
                  <a:lnTo>
                    <a:pt x="965200" y="435429"/>
                  </a:lnTo>
                  <a:lnTo>
                    <a:pt x="997857" y="446314"/>
                  </a:lnTo>
                  <a:lnTo>
                    <a:pt x="1030515" y="435429"/>
                  </a:lnTo>
                  <a:lnTo>
                    <a:pt x="1030515" y="435429"/>
                  </a:lnTo>
                  <a:lnTo>
                    <a:pt x="1048657" y="435429"/>
                  </a:lnTo>
                  <a:lnTo>
                    <a:pt x="1121229" y="333829"/>
                  </a:lnTo>
                  <a:lnTo>
                    <a:pt x="1168400" y="272143"/>
                  </a:lnTo>
                  <a:lnTo>
                    <a:pt x="838200" y="0"/>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0" name="TextBox 19"/>
            <p:cNvSpPr txBox="1"/>
            <p:nvPr/>
          </p:nvSpPr>
          <p:spPr bwMode="gray">
            <a:xfrm>
              <a:off x="5104506" y="1219200"/>
              <a:ext cx="691216" cy="307777"/>
            </a:xfrm>
            <a:prstGeom prst="rect">
              <a:avLst/>
            </a:prstGeom>
            <a:noFill/>
          </p:spPr>
          <p:txBody>
            <a:bodyPr wrap="none" rtlCol="0">
              <a:spAutoFit/>
            </a:bodyPr>
            <a:lstStyle/>
            <a:p>
              <a:pPr algn="ctr"/>
              <a:r>
                <a:rPr lang="en-US" sz="1400" b="1" dirty="0" smtClean="0">
                  <a:effectLst>
                    <a:outerShdw blurRad="38100" dist="63500" dir="2700000" algn="tl">
                      <a:srgbClr val="000000"/>
                    </a:outerShdw>
                  </a:effectLst>
                </a:rPr>
                <a:t>Chino</a:t>
              </a:r>
              <a:endParaRPr lang="en-US" sz="1400" b="1" dirty="0">
                <a:effectLst>
                  <a:outerShdw blurRad="38100" dist="63500" dir="2700000" algn="tl">
                    <a:srgbClr val="000000"/>
                  </a:outerShdw>
                </a:effectLst>
              </a:endParaRPr>
            </a:p>
          </p:txBody>
        </p:sp>
      </p:grpSp>
      <p:grpSp>
        <p:nvGrpSpPr>
          <p:cNvPr id="17" name="Group 47"/>
          <p:cNvGrpSpPr/>
          <p:nvPr/>
        </p:nvGrpSpPr>
        <p:grpSpPr bwMode="gray">
          <a:xfrm>
            <a:off x="6111531" y="1597814"/>
            <a:ext cx="1586197" cy="1078812"/>
            <a:chOff x="6111531" y="1597814"/>
            <a:chExt cx="1586197" cy="1078812"/>
          </a:xfrm>
        </p:grpSpPr>
        <p:grpSp>
          <p:nvGrpSpPr>
            <p:cNvPr id="18" name="Group 46"/>
            <p:cNvGrpSpPr/>
            <p:nvPr/>
          </p:nvGrpSpPr>
          <p:grpSpPr bwMode="gray">
            <a:xfrm>
              <a:off x="6298641" y="1597814"/>
              <a:ext cx="1399087" cy="1078812"/>
              <a:chOff x="6298641" y="1597814"/>
              <a:chExt cx="1399087" cy="1078812"/>
            </a:xfrm>
          </p:grpSpPr>
          <p:sp>
            <p:nvSpPr>
              <p:cNvPr id="31" name="Freeform 30"/>
              <p:cNvSpPr/>
              <p:nvPr/>
            </p:nvSpPr>
            <p:spPr bwMode="gray">
              <a:xfrm>
                <a:off x="6298641" y="1597814"/>
                <a:ext cx="406959" cy="718457"/>
              </a:xfrm>
              <a:custGeom>
                <a:avLst/>
                <a:gdLst>
                  <a:gd name="connsiteX0" fmla="*/ 406959 w 406959"/>
                  <a:gd name="connsiteY0" fmla="*/ 281354 h 718457"/>
                  <a:gd name="connsiteX1" fmla="*/ 296427 w 406959"/>
                  <a:gd name="connsiteY1" fmla="*/ 135653 h 718457"/>
                  <a:gd name="connsiteX2" fmla="*/ 276330 w 406959"/>
                  <a:gd name="connsiteY2" fmla="*/ 160774 h 718457"/>
                  <a:gd name="connsiteX3" fmla="*/ 261258 w 406959"/>
                  <a:gd name="connsiteY3" fmla="*/ 160774 h 718457"/>
                  <a:gd name="connsiteX4" fmla="*/ 261258 w 406959"/>
                  <a:gd name="connsiteY4" fmla="*/ 185895 h 718457"/>
                  <a:gd name="connsiteX5" fmla="*/ 226088 w 406959"/>
                  <a:gd name="connsiteY5" fmla="*/ 165798 h 718457"/>
                  <a:gd name="connsiteX6" fmla="*/ 216040 w 406959"/>
                  <a:gd name="connsiteY6" fmla="*/ 140677 h 718457"/>
                  <a:gd name="connsiteX7" fmla="*/ 180871 w 406959"/>
                  <a:gd name="connsiteY7" fmla="*/ 115556 h 718457"/>
                  <a:gd name="connsiteX8" fmla="*/ 160774 w 406959"/>
                  <a:gd name="connsiteY8" fmla="*/ 100484 h 718457"/>
                  <a:gd name="connsiteX9" fmla="*/ 150726 w 406959"/>
                  <a:gd name="connsiteY9" fmla="*/ 60290 h 718457"/>
                  <a:gd name="connsiteX10" fmla="*/ 140677 w 406959"/>
                  <a:gd name="connsiteY10" fmla="*/ 45218 h 718457"/>
                  <a:gd name="connsiteX11" fmla="*/ 135653 w 406959"/>
                  <a:gd name="connsiteY11" fmla="*/ 70339 h 718457"/>
                  <a:gd name="connsiteX12" fmla="*/ 80387 w 406959"/>
                  <a:gd name="connsiteY12" fmla="*/ 50242 h 718457"/>
                  <a:gd name="connsiteX13" fmla="*/ 30146 w 406959"/>
                  <a:gd name="connsiteY13" fmla="*/ 0 h 718457"/>
                  <a:gd name="connsiteX14" fmla="*/ 10049 w 406959"/>
                  <a:gd name="connsiteY14" fmla="*/ 15073 h 718457"/>
                  <a:gd name="connsiteX15" fmla="*/ 35170 w 406959"/>
                  <a:gd name="connsiteY15" fmla="*/ 30145 h 718457"/>
                  <a:gd name="connsiteX16" fmla="*/ 35170 w 406959"/>
                  <a:gd name="connsiteY16" fmla="*/ 70339 h 718457"/>
                  <a:gd name="connsiteX17" fmla="*/ 65315 w 406959"/>
                  <a:gd name="connsiteY17" fmla="*/ 105508 h 718457"/>
                  <a:gd name="connsiteX18" fmla="*/ 65315 w 406959"/>
                  <a:gd name="connsiteY18" fmla="*/ 130629 h 718457"/>
                  <a:gd name="connsiteX19" fmla="*/ 45218 w 406959"/>
                  <a:gd name="connsiteY19" fmla="*/ 150725 h 718457"/>
                  <a:gd name="connsiteX20" fmla="*/ 55266 w 406959"/>
                  <a:gd name="connsiteY20" fmla="*/ 190919 h 718457"/>
                  <a:gd name="connsiteX21" fmla="*/ 0 w 406959"/>
                  <a:gd name="connsiteY21" fmla="*/ 321547 h 718457"/>
                  <a:gd name="connsiteX22" fmla="*/ 0 w 406959"/>
                  <a:gd name="connsiteY22" fmla="*/ 386862 h 718457"/>
                  <a:gd name="connsiteX23" fmla="*/ 35170 w 406959"/>
                  <a:gd name="connsiteY23" fmla="*/ 442128 h 718457"/>
                  <a:gd name="connsiteX24" fmla="*/ 50242 w 406959"/>
                  <a:gd name="connsiteY24" fmla="*/ 552659 h 718457"/>
                  <a:gd name="connsiteX25" fmla="*/ 70339 w 406959"/>
                  <a:gd name="connsiteY25" fmla="*/ 562708 h 718457"/>
                  <a:gd name="connsiteX26" fmla="*/ 125605 w 406959"/>
                  <a:gd name="connsiteY26" fmla="*/ 708409 h 718457"/>
                  <a:gd name="connsiteX27" fmla="*/ 150726 w 406959"/>
                  <a:gd name="connsiteY27" fmla="*/ 718457 h 718457"/>
                  <a:gd name="connsiteX28" fmla="*/ 281354 w 406959"/>
                  <a:gd name="connsiteY28" fmla="*/ 693336 h 718457"/>
                  <a:gd name="connsiteX29" fmla="*/ 286379 w 406959"/>
                  <a:gd name="connsiteY29" fmla="*/ 643095 h 718457"/>
                  <a:gd name="connsiteX30" fmla="*/ 261258 w 406959"/>
                  <a:gd name="connsiteY30" fmla="*/ 633046 h 718457"/>
                  <a:gd name="connsiteX31" fmla="*/ 251209 w 406959"/>
                  <a:gd name="connsiteY31" fmla="*/ 597877 h 718457"/>
                  <a:gd name="connsiteX32" fmla="*/ 266282 w 406959"/>
                  <a:gd name="connsiteY32" fmla="*/ 577780 h 718457"/>
                  <a:gd name="connsiteX33" fmla="*/ 291403 w 406959"/>
                  <a:gd name="connsiteY33" fmla="*/ 577780 h 718457"/>
                  <a:gd name="connsiteX34" fmla="*/ 271306 w 406959"/>
                  <a:gd name="connsiteY34" fmla="*/ 527539 h 718457"/>
                  <a:gd name="connsiteX35" fmla="*/ 256233 w 406959"/>
                  <a:gd name="connsiteY35" fmla="*/ 517490 h 718457"/>
                  <a:gd name="connsiteX36" fmla="*/ 241161 w 406959"/>
                  <a:gd name="connsiteY36" fmla="*/ 472273 h 718457"/>
                  <a:gd name="connsiteX37" fmla="*/ 211016 w 406959"/>
                  <a:gd name="connsiteY37" fmla="*/ 437103 h 718457"/>
                  <a:gd name="connsiteX38" fmla="*/ 231113 w 406959"/>
                  <a:gd name="connsiteY38" fmla="*/ 381837 h 718457"/>
                  <a:gd name="connsiteX39" fmla="*/ 236137 w 406959"/>
                  <a:gd name="connsiteY39" fmla="*/ 356717 h 718457"/>
                  <a:gd name="connsiteX40" fmla="*/ 291403 w 406959"/>
                  <a:gd name="connsiteY40" fmla="*/ 341644 h 718457"/>
                  <a:gd name="connsiteX41" fmla="*/ 406959 w 406959"/>
                  <a:gd name="connsiteY41" fmla="*/ 281354 h 718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406959" h="718457">
                    <a:moveTo>
                      <a:pt x="406959" y="281354"/>
                    </a:moveTo>
                    <a:lnTo>
                      <a:pt x="296427" y="135653"/>
                    </a:lnTo>
                    <a:lnTo>
                      <a:pt x="276330" y="160774"/>
                    </a:lnTo>
                    <a:lnTo>
                      <a:pt x="261258" y="160774"/>
                    </a:lnTo>
                    <a:lnTo>
                      <a:pt x="261258" y="185895"/>
                    </a:lnTo>
                    <a:lnTo>
                      <a:pt x="226088" y="165798"/>
                    </a:lnTo>
                    <a:lnTo>
                      <a:pt x="216040" y="140677"/>
                    </a:lnTo>
                    <a:lnTo>
                      <a:pt x="180871" y="115556"/>
                    </a:lnTo>
                    <a:lnTo>
                      <a:pt x="160774" y="100484"/>
                    </a:lnTo>
                    <a:lnTo>
                      <a:pt x="150726" y="60290"/>
                    </a:lnTo>
                    <a:lnTo>
                      <a:pt x="140677" y="45218"/>
                    </a:lnTo>
                    <a:lnTo>
                      <a:pt x="135653" y="70339"/>
                    </a:lnTo>
                    <a:lnTo>
                      <a:pt x="80387" y="50242"/>
                    </a:lnTo>
                    <a:lnTo>
                      <a:pt x="30146" y="0"/>
                    </a:lnTo>
                    <a:lnTo>
                      <a:pt x="10049" y="15073"/>
                    </a:lnTo>
                    <a:lnTo>
                      <a:pt x="35170" y="30145"/>
                    </a:lnTo>
                    <a:lnTo>
                      <a:pt x="35170" y="70339"/>
                    </a:lnTo>
                    <a:lnTo>
                      <a:pt x="65315" y="105508"/>
                    </a:lnTo>
                    <a:lnTo>
                      <a:pt x="65315" y="130629"/>
                    </a:lnTo>
                    <a:lnTo>
                      <a:pt x="45218" y="150725"/>
                    </a:lnTo>
                    <a:lnTo>
                      <a:pt x="55266" y="190919"/>
                    </a:lnTo>
                    <a:lnTo>
                      <a:pt x="0" y="321547"/>
                    </a:lnTo>
                    <a:lnTo>
                      <a:pt x="0" y="386862"/>
                    </a:lnTo>
                    <a:lnTo>
                      <a:pt x="35170" y="442128"/>
                    </a:lnTo>
                    <a:lnTo>
                      <a:pt x="50242" y="552659"/>
                    </a:lnTo>
                    <a:lnTo>
                      <a:pt x="70339" y="562708"/>
                    </a:lnTo>
                    <a:lnTo>
                      <a:pt x="125605" y="708409"/>
                    </a:lnTo>
                    <a:lnTo>
                      <a:pt x="150726" y="718457"/>
                    </a:lnTo>
                    <a:lnTo>
                      <a:pt x="281354" y="693336"/>
                    </a:lnTo>
                    <a:lnTo>
                      <a:pt x="286379" y="643095"/>
                    </a:lnTo>
                    <a:lnTo>
                      <a:pt x="261258" y="633046"/>
                    </a:lnTo>
                    <a:lnTo>
                      <a:pt x="251209" y="597877"/>
                    </a:lnTo>
                    <a:lnTo>
                      <a:pt x="266282" y="577780"/>
                    </a:lnTo>
                    <a:lnTo>
                      <a:pt x="291403" y="577780"/>
                    </a:lnTo>
                    <a:lnTo>
                      <a:pt x="271306" y="527539"/>
                    </a:lnTo>
                    <a:lnTo>
                      <a:pt x="256233" y="517490"/>
                    </a:lnTo>
                    <a:lnTo>
                      <a:pt x="241161" y="472273"/>
                    </a:lnTo>
                    <a:lnTo>
                      <a:pt x="211016" y="437103"/>
                    </a:lnTo>
                    <a:lnTo>
                      <a:pt x="231113" y="381837"/>
                    </a:lnTo>
                    <a:lnTo>
                      <a:pt x="236137" y="356717"/>
                    </a:lnTo>
                    <a:lnTo>
                      <a:pt x="291403" y="341644"/>
                    </a:lnTo>
                    <a:lnTo>
                      <a:pt x="406959" y="281354"/>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2" name="Freeform 31"/>
              <p:cNvSpPr/>
              <p:nvPr/>
            </p:nvSpPr>
            <p:spPr bwMode="gray">
              <a:xfrm>
                <a:off x="6588537" y="1689339"/>
                <a:ext cx="401934" cy="432079"/>
              </a:xfrm>
              <a:custGeom>
                <a:avLst/>
                <a:gdLst>
                  <a:gd name="connsiteX0" fmla="*/ 0 w 401934"/>
                  <a:gd name="connsiteY0" fmla="*/ 35169 h 432079"/>
                  <a:gd name="connsiteX1" fmla="*/ 45217 w 401934"/>
                  <a:gd name="connsiteY1" fmla="*/ 0 h 432079"/>
                  <a:gd name="connsiteX2" fmla="*/ 296426 w 401934"/>
                  <a:gd name="connsiteY2" fmla="*/ 226088 h 432079"/>
                  <a:gd name="connsiteX3" fmla="*/ 296426 w 401934"/>
                  <a:gd name="connsiteY3" fmla="*/ 271305 h 432079"/>
                  <a:gd name="connsiteX4" fmla="*/ 331595 w 401934"/>
                  <a:gd name="connsiteY4" fmla="*/ 301450 h 432079"/>
                  <a:gd name="connsiteX5" fmla="*/ 401934 w 401934"/>
                  <a:gd name="connsiteY5" fmla="*/ 361741 h 432079"/>
                  <a:gd name="connsiteX6" fmla="*/ 326571 w 401934"/>
                  <a:gd name="connsiteY6" fmla="*/ 406958 h 432079"/>
                  <a:gd name="connsiteX7" fmla="*/ 331595 w 401934"/>
                  <a:gd name="connsiteY7" fmla="*/ 432079 h 432079"/>
                  <a:gd name="connsiteX8" fmla="*/ 241160 w 401934"/>
                  <a:gd name="connsiteY8" fmla="*/ 361741 h 432079"/>
                  <a:gd name="connsiteX9" fmla="*/ 205991 w 401934"/>
                  <a:gd name="connsiteY9" fmla="*/ 341644 h 432079"/>
                  <a:gd name="connsiteX10" fmla="*/ 205991 w 401934"/>
                  <a:gd name="connsiteY10" fmla="*/ 321547 h 432079"/>
                  <a:gd name="connsiteX11" fmla="*/ 180870 w 401934"/>
                  <a:gd name="connsiteY11" fmla="*/ 321547 h 432079"/>
                  <a:gd name="connsiteX12" fmla="*/ 155749 w 401934"/>
                  <a:gd name="connsiteY12" fmla="*/ 296426 h 432079"/>
                  <a:gd name="connsiteX13" fmla="*/ 160773 w 401934"/>
                  <a:gd name="connsiteY13" fmla="*/ 216039 h 432079"/>
                  <a:gd name="connsiteX14" fmla="*/ 0 w 401934"/>
                  <a:gd name="connsiteY14" fmla="*/ 35169 h 432079"/>
                  <a:gd name="connsiteX0" fmla="*/ 0 w 401934"/>
                  <a:gd name="connsiteY0" fmla="*/ 35169 h 432079"/>
                  <a:gd name="connsiteX1" fmla="*/ 45217 w 401934"/>
                  <a:gd name="connsiteY1" fmla="*/ 0 h 432079"/>
                  <a:gd name="connsiteX2" fmla="*/ 296426 w 401934"/>
                  <a:gd name="connsiteY2" fmla="*/ 226088 h 432079"/>
                  <a:gd name="connsiteX3" fmla="*/ 296426 w 401934"/>
                  <a:gd name="connsiteY3" fmla="*/ 271305 h 432079"/>
                  <a:gd name="connsiteX4" fmla="*/ 339456 w 401934"/>
                  <a:gd name="connsiteY4" fmla="*/ 288350 h 432079"/>
                  <a:gd name="connsiteX5" fmla="*/ 401934 w 401934"/>
                  <a:gd name="connsiteY5" fmla="*/ 361741 h 432079"/>
                  <a:gd name="connsiteX6" fmla="*/ 326571 w 401934"/>
                  <a:gd name="connsiteY6" fmla="*/ 406958 h 432079"/>
                  <a:gd name="connsiteX7" fmla="*/ 331595 w 401934"/>
                  <a:gd name="connsiteY7" fmla="*/ 432079 h 432079"/>
                  <a:gd name="connsiteX8" fmla="*/ 241160 w 401934"/>
                  <a:gd name="connsiteY8" fmla="*/ 361741 h 432079"/>
                  <a:gd name="connsiteX9" fmla="*/ 205991 w 401934"/>
                  <a:gd name="connsiteY9" fmla="*/ 341644 h 432079"/>
                  <a:gd name="connsiteX10" fmla="*/ 205991 w 401934"/>
                  <a:gd name="connsiteY10" fmla="*/ 321547 h 432079"/>
                  <a:gd name="connsiteX11" fmla="*/ 180870 w 401934"/>
                  <a:gd name="connsiteY11" fmla="*/ 321547 h 432079"/>
                  <a:gd name="connsiteX12" fmla="*/ 155749 w 401934"/>
                  <a:gd name="connsiteY12" fmla="*/ 296426 h 432079"/>
                  <a:gd name="connsiteX13" fmla="*/ 160773 w 401934"/>
                  <a:gd name="connsiteY13" fmla="*/ 216039 h 432079"/>
                  <a:gd name="connsiteX14" fmla="*/ 0 w 401934"/>
                  <a:gd name="connsiteY14" fmla="*/ 35169 h 4320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01934" h="432079">
                    <a:moveTo>
                      <a:pt x="0" y="35169"/>
                    </a:moveTo>
                    <a:lnTo>
                      <a:pt x="45217" y="0"/>
                    </a:lnTo>
                    <a:lnTo>
                      <a:pt x="296426" y="226088"/>
                    </a:lnTo>
                    <a:lnTo>
                      <a:pt x="296426" y="271305"/>
                    </a:lnTo>
                    <a:lnTo>
                      <a:pt x="339456" y="288350"/>
                    </a:lnTo>
                    <a:lnTo>
                      <a:pt x="401934" y="361741"/>
                    </a:lnTo>
                    <a:lnTo>
                      <a:pt x="326571" y="406958"/>
                    </a:lnTo>
                    <a:lnTo>
                      <a:pt x="331595" y="432079"/>
                    </a:lnTo>
                    <a:lnTo>
                      <a:pt x="241160" y="361741"/>
                    </a:lnTo>
                    <a:lnTo>
                      <a:pt x="205991" y="341644"/>
                    </a:lnTo>
                    <a:lnTo>
                      <a:pt x="205991" y="321547"/>
                    </a:lnTo>
                    <a:lnTo>
                      <a:pt x="180870" y="321547"/>
                    </a:lnTo>
                    <a:lnTo>
                      <a:pt x="155749" y="296426"/>
                    </a:lnTo>
                    <a:lnTo>
                      <a:pt x="160773" y="216039"/>
                    </a:lnTo>
                    <a:lnTo>
                      <a:pt x="0" y="35169"/>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3" name="Freeform 32"/>
              <p:cNvSpPr/>
              <p:nvPr/>
            </p:nvSpPr>
            <p:spPr bwMode="gray">
              <a:xfrm>
                <a:off x="6933363" y="2054887"/>
                <a:ext cx="649201" cy="621739"/>
              </a:xfrm>
              <a:custGeom>
                <a:avLst/>
                <a:gdLst>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82804 w 628022"/>
                  <a:gd name="connsiteY8" fmla="*/ 57275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77564 w 628022"/>
                  <a:gd name="connsiteY8" fmla="*/ 58585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606385 w 628022"/>
                  <a:gd name="connsiteY8" fmla="*/ 57537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77564 w 628022"/>
                  <a:gd name="connsiteY8" fmla="*/ 57799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43743"/>
                  <a:gd name="connsiteY0" fmla="*/ 0 h 633580"/>
                  <a:gd name="connsiteX1" fmla="*/ 0 w 643743"/>
                  <a:gd name="connsiteY1" fmla="*/ 45217 h 633580"/>
                  <a:gd name="connsiteX2" fmla="*/ 0 w 643743"/>
                  <a:gd name="connsiteY2" fmla="*/ 75363 h 633580"/>
                  <a:gd name="connsiteX3" fmla="*/ 105507 w 643743"/>
                  <a:gd name="connsiteY3" fmla="*/ 140677 h 633580"/>
                  <a:gd name="connsiteX4" fmla="*/ 140677 w 643743"/>
                  <a:gd name="connsiteY4" fmla="*/ 231112 h 633580"/>
                  <a:gd name="connsiteX5" fmla="*/ 170822 w 643743"/>
                  <a:gd name="connsiteY5" fmla="*/ 236136 h 633580"/>
                  <a:gd name="connsiteX6" fmla="*/ 226088 w 643743"/>
                  <a:gd name="connsiteY6" fmla="*/ 311499 h 633580"/>
                  <a:gd name="connsiteX7" fmla="*/ 417006 w 643743"/>
                  <a:gd name="connsiteY7" fmla="*/ 487345 h 633580"/>
                  <a:gd name="connsiteX8" fmla="*/ 577564 w 643743"/>
                  <a:gd name="connsiteY8" fmla="*/ 577996 h 633580"/>
                  <a:gd name="connsiteX9" fmla="*/ 628022 w 643743"/>
                  <a:gd name="connsiteY9" fmla="*/ 633046 h 633580"/>
                  <a:gd name="connsiteX10" fmla="*/ 643743 w 643743"/>
                  <a:gd name="connsiteY10" fmla="*/ 604225 h 633580"/>
                  <a:gd name="connsiteX11" fmla="*/ 537586 w 643743"/>
                  <a:gd name="connsiteY11" fmla="*/ 517490 h 633580"/>
                  <a:gd name="connsiteX12" fmla="*/ 522514 w 643743"/>
                  <a:gd name="connsiteY12" fmla="*/ 467248 h 633580"/>
                  <a:gd name="connsiteX13" fmla="*/ 457200 w 643743"/>
                  <a:gd name="connsiteY13" fmla="*/ 411982 h 633580"/>
                  <a:gd name="connsiteX14" fmla="*/ 437103 w 643743"/>
                  <a:gd name="connsiteY14" fmla="*/ 316523 h 633580"/>
                  <a:gd name="connsiteX15" fmla="*/ 386861 w 643743"/>
                  <a:gd name="connsiteY15" fmla="*/ 256233 h 633580"/>
                  <a:gd name="connsiteX16" fmla="*/ 306474 w 643743"/>
                  <a:gd name="connsiteY16" fmla="*/ 170822 h 633580"/>
                  <a:gd name="connsiteX17" fmla="*/ 190918 w 643743"/>
                  <a:gd name="connsiteY17" fmla="*/ 85411 h 633580"/>
                  <a:gd name="connsiteX18" fmla="*/ 130628 w 643743"/>
                  <a:gd name="connsiteY18" fmla="*/ 15072 h 633580"/>
                  <a:gd name="connsiteX19" fmla="*/ 55266 w 643743"/>
                  <a:gd name="connsiteY19" fmla="*/ 0 h 633580"/>
                  <a:gd name="connsiteX0" fmla="*/ 55266 w 649201"/>
                  <a:gd name="connsiteY0" fmla="*/ 0 h 621739"/>
                  <a:gd name="connsiteX1" fmla="*/ 0 w 649201"/>
                  <a:gd name="connsiteY1" fmla="*/ 45217 h 621739"/>
                  <a:gd name="connsiteX2" fmla="*/ 0 w 649201"/>
                  <a:gd name="connsiteY2" fmla="*/ 75363 h 621739"/>
                  <a:gd name="connsiteX3" fmla="*/ 105507 w 649201"/>
                  <a:gd name="connsiteY3" fmla="*/ 140677 h 621739"/>
                  <a:gd name="connsiteX4" fmla="*/ 140677 w 649201"/>
                  <a:gd name="connsiteY4" fmla="*/ 231112 h 621739"/>
                  <a:gd name="connsiteX5" fmla="*/ 170822 w 649201"/>
                  <a:gd name="connsiteY5" fmla="*/ 236136 h 621739"/>
                  <a:gd name="connsiteX6" fmla="*/ 226088 w 649201"/>
                  <a:gd name="connsiteY6" fmla="*/ 311499 h 621739"/>
                  <a:gd name="connsiteX7" fmla="*/ 417006 w 649201"/>
                  <a:gd name="connsiteY7" fmla="*/ 487345 h 621739"/>
                  <a:gd name="connsiteX8" fmla="*/ 577564 w 649201"/>
                  <a:gd name="connsiteY8" fmla="*/ 577996 h 621739"/>
                  <a:gd name="connsiteX9" fmla="*/ 628022 w 649201"/>
                  <a:gd name="connsiteY9" fmla="*/ 619945 h 621739"/>
                  <a:gd name="connsiteX10" fmla="*/ 643743 w 649201"/>
                  <a:gd name="connsiteY10" fmla="*/ 604225 h 621739"/>
                  <a:gd name="connsiteX11" fmla="*/ 537586 w 649201"/>
                  <a:gd name="connsiteY11" fmla="*/ 517490 h 621739"/>
                  <a:gd name="connsiteX12" fmla="*/ 522514 w 649201"/>
                  <a:gd name="connsiteY12" fmla="*/ 467248 h 621739"/>
                  <a:gd name="connsiteX13" fmla="*/ 457200 w 649201"/>
                  <a:gd name="connsiteY13" fmla="*/ 411982 h 621739"/>
                  <a:gd name="connsiteX14" fmla="*/ 437103 w 649201"/>
                  <a:gd name="connsiteY14" fmla="*/ 316523 h 621739"/>
                  <a:gd name="connsiteX15" fmla="*/ 386861 w 649201"/>
                  <a:gd name="connsiteY15" fmla="*/ 256233 h 621739"/>
                  <a:gd name="connsiteX16" fmla="*/ 306474 w 649201"/>
                  <a:gd name="connsiteY16" fmla="*/ 170822 h 621739"/>
                  <a:gd name="connsiteX17" fmla="*/ 190918 w 649201"/>
                  <a:gd name="connsiteY17" fmla="*/ 85411 h 621739"/>
                  <a:gd name="connsiteX18" fmla="*/ 130628 w 649201"/>
                  <a:gd name="connsiteY18" fmla="*/ 15072 h 621739"/>
                  <a:gd name="connsiteX19" fmla="*/ 55266 w 649201"/>
                  <a:gd name="connsiteY19" fmla="*/ 0 h 621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49201" h="621739">
                    <a:moveTo>
                      <a:pt x="55266" y="0"/>
                    </a:moveTo>
                    <a:lnTo>
                      <a:pt x="0" y="45217"/>
                    </a:lnTo>
                    <a:lnTo>
                      <a:pt x="0" y="75363"/>
                    </a:lnTo>
                    <a:lnTo>
                      <a:pt x="105507" y="140677"/>
                    </a:lnTo>
                    <a:lnTo>
                      <a:pt x="140677" y="231112"/>
                    </a:lnTo>
                    <a:lnTo>
                      <a:pt x="170822" y="236136"/>
                    </a:lnTo>
                    <a:lnTo>
                      <a:pt x="226088" y="311499"/>
                    </a:lnTo>
                    <a:lnTo>
                      <a:pt x="417006" y="487345"/>
                    </a:lnTo>
                    <a:lnTo>
                      <a:pt x="577564" y="577996"/>
                    </a:lnTo>
                    <a:cubicBezTo>
                      <a:pt x="594383" y="596346"/>
                      <a:pt x="616992" y="615574"/>
                      <a:pt x="628022" y="619945"/>
                    </a:cubicBezTo>
                    <a:cubicBezTo>
                      <a:pt x="639052" y="624316"/>
                      <a:pt x="658816" y="621301"/>
                      <a:pt x="643743" y="604225"/>
                    </a:cubicBezTo>
                    <a:cubicBezTo>
                      <a:pt x="628670" y="587149"/>
                      <a:pt x="572972" y="546402"/>
                      <a:pt x="537586" y="517490"/>
                    </a:cubicBezTo>
                    <a:lnTo>
                      <a:pt x="522514" y="467248"/>
                    </a:lnTo>
                    <a:lnTo>
                      <a:pt x="457200" y="411982"/>
                    </a:lnTo>
                    <a:lnTo>
                      <a:pt x="437103" y="316523"/>
                    </a:lnTo>
                    <a:lnTo>
                      <a:pt x="386861" y="256233"/>
                    </a:lnTo>
                    <a:lnTo>
                      <a:pt x="306474" y="170822"/>
                    </a:lnTo>
                    <a:lnTo>
                      <a:pt x="190918" y="85411"/>
                    </a:lnTo>
                    <a:lnTo>
                      <a:pt x="130628" y="15072"/>
                    </a:lnTo>
                    <a:lnTo>
                      <a:pt x="55266" y="0"/>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7" name="Freeform 36"/>
              <p:cNvSpPr/>
              <p:nvPr/>
            </p:nvSpPr>
            <p:spPr bwMode="gray">
              <a:xfrm>
                <a:off x="7380701" y="2300410"/>
                <a:ext cx="317027" cy="277726"/>
              </a:xfrm>
              <a:custGeom>
                <a:avLst/>
                <a:gdLst>
                  <a:gd name="connsiteX0" fmla="*/ 317027 w 317027"/>
                  <a:gd name="connsiteY0" fmla="*/ 277726 h 277726"/>
                  <a:gd name="connsiteX1" fmla="*/ 264626 w 317027"/>
                  <a:gd name="connsiteY1" fmla="*/ 209605 h 277726"/>
                  <a:gd name="connsiteX2" fmla="*/ 170304 w 317027"/>
                  <a:gd name="connsiteY2" fmla="*/ 183404 h 277726"/>
                  <a:gd name="connsiteX3" fmla="*/ 102183 w 317027"/>
                  <a:gd name="connsiteY3" fmla="*/ 138863 h 277726"/>
                  <a:gd name="connsiteX4" fmla="*/ 125763 w 317027"/>
                  <a:gd name="connsiteY4" fmla="*/ 125763 h 277726"/>
                  <a:gd name="connsiteX5" fmla="*/ 49782 w 317027"/>
                  <a:gd name="connsiteY5" fmla="*/ 102183 h 277726"/>
                  <a:gd name="connsiteX6" fmla="*/ 36681 w 317027"/>
                  <a:gd name="connsiteY6" fmla="*/ 81222 h 277726"/>
                  <a:gd name="connsiteX7" fmla="*/ 73362 w 317027"/>
                  <a:gd name="connsiteY7" fmla="*/ 55022 h 277726"/>
                  <a:gd name="connsiteX8" fmla="*/ 96943 w 317027"/>
                  <a:gd name="connsiteY8" fmla="*/ 28821 h 277726"/>
                  <a:gd name="connsiteX9" fmla="*/ 102183 w 317027"/>
                  <a:gd name="connsiteY9" fmla="*/ 15721 h 277726"/>
                  <a:gd name="connsiteX10" fmla="*/ 83842 w 317027"/>
                  <a:gd name="connsiteY10" fmla="*/ 0 h 277726"/>
                  <a:gd name="connsiteX11" fmla="*/ 60262 w 317027"/>
                  <a:gd name="connsiteY11" fmla="*/ 31441 h 277726"/>
                  <a:gd name="connsiteX12" fmla="*/ 28821 w 317027"/>
                  <a:gd name="connsiteY12" fmla="*/ 5240 h 277726"/>
                  <a:gd name="connsiteX13" fmla="*/ 34061 w 317027"/>
                  <a:gd name="connsiteY13" fmla="*/ 39301 h 277726"/>
                  <a:gd name="connsiteX14" fmla="*/ 0 w 317027"/>
                  <a:gd name="connsiteY14" fmla="*/ 73362 h 277726"/>
                  <a:gd name="connsiteX15" fmla="*/ 20961 w 317027"/>
                  <a:gd name="connsiteY15" fmla="*/ 170304 h 277726"/>
                  <a:gd name="connsiteX16" fmla="*/ 73362 w 317027"/>
                  <a:gd name="connsiteY16" fmla="*/ 214845 h 277726"/>
                  <a:gd name="connsiteX17" fmla="*/ 75982 w 317027"/>
                  <a:gd name="connsiteY17" fmla="*/ 188644 h 277726"/>
                  <a:gd name="connsiteX18" fmla="*/ 138863 w 317027"/>
                  <a:gd name="connsiteY18" fmla="*/ 225325 h 277726"/>
                  <a:gd name="connsiteX19" fmla="*/ 191265 w 317027"/>
                  <a:gd name="connsiteY19" fmla="*/ 220085 h 277726"/>
                  <a:gd name="connsiteX20" fmla="*/ 256766 w 317027"/>
                  <a:gd name="connsiteY20" fmla="*/ 230565 h 277726"/>
                  <a:gd name="connsiteX21" fmla="*/ 317027 w 317027"/>
                  <a:gd name="connsiteY21" fmla="*/ 277726 h 2777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317027" h="277726">
                    <a:moveTo>
                      <a:pt x="317027" y="277726"/>
                    </a:moveTo>
                    <a:lnTo>
                      <a:pt x="264626" y="209605"/>
                    </a:lnTo>
                    <a:lnTo>
                      <a:pt x="170304" y="183404"/>
                    </a:lnTo>
                    <a:lnTo>
                      <a:pt x="102183" y="138863"/>
                    </a:lnTo>
                    <a:lnTo>
                      <a:pt x="125763" y="125763"/>
                    </a:lnTo>
                    <a:lnTo>
                      <a:pt x="49782" y="102183"/>
                    </a:lnTo>
                    <a:lnTo>
                      <a:pt x="36681" y="81222"/>
                    </a:lnTo>
                    <a:lnTo>
                      <a:pt x="73362" y="55022"/>
                    </a:lnTo>
                    <a:lnTo>
                      <a:pt x="96943" y="28821"/>
                    </a:lnTo>
                    <a:lnTo>
                      <a:pt x="102183" y="15721"/>
                    </a:lnTo>
                    <a:lnTo>
                      <a:pt x="83842" y="0"/>
                    </a:lnTo>
                    <a:lnTo>
                      <a:pt x="60262" y="31441"/>
                    </a:lnTo>
                    <a:lnTo>
                      <a:pt x="28821" y="5240"/>
                    </a:lnTo>
                    <a:lnTo>
                      <a:pt x="34061" y="39301"/>
                    </a:lnTo>
                    <a:lnTo>
                      <a:pt x="0" y="73362"/>
                    </a:lnTo>
                    <a:lnTo>
                      <a:pt x="20961" y="170304"/>
                    </a:lnTo>
                    <a:lnTo>
                      <a:pt x="73362" y="214845"/>
                    </a:lnTo>
                    <a:lnTo>
                      <a:pt x="75982" y="188644"/>
                    </a:lnTo>
                    <a:lnTo>
                      <a:pt x="138863" y="225325"/>
                    </a:lnTo>
                    <a:lnTo>
                      <a:pt x="191265" y="220085"/>
                    </a:lnTo>
                    <a:lnTo>
                      <a:pt x="256766" y="230565"/>
                    </a:lnTo>
                    <a:lnTo>
                      <a:pt x="317027" y="277726"/>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8" name="Freeform 37"/>
              <p:cNvSpPr/>
              <p:nvPr/>
            </p:nvSpPr>
            <p:spPr bwMode="gray">
              <a:xfrm>
                <a:off x="6620885" y="2025304"/>
                <a:ext cx="296066" cy="290827"/>
              </a:xfrm>
              <a:custGeom>
                <a:avLst/>
                <a:gdLst>
                  <a:gd name="connsiteX0" fmla="*/ 296066 w 296066"/>
                  <a:gd name="connsiteY0" fmla="*/ 133623 h 290827"/>
                  <a:gd name="connsiteX1" fmla="*/ 246285 w 296066"/>
                  <a:gd name="connsiteY1" fmla="*/ 146724 h 290827"/>
                  <a:gd name="connsiteX2" fmla="*/ 259385 w 296066"/>
                  <a:gd name="connsiteY2" fmla="*/ 178164 h 290827"/>
                  <a:gd name="connsiteX3" fmla="*/ 235805 w 296066"/>
                  <a:gd name="connsiteY3" fmla="*/ 191264 h 290827"/>
                  <a:gd name="connsiteX4" fmla="*/ 220085 w 296066"/>
                  <a:gd name="connsiteY4" fmla="*/ 186024 h 290827"/>
                  <a:gd name="connsiteX5" fmla="*/ 199124 w 296066"/>
                  <a:gd name="connsiteY5" fmla="*/ 206985 h 290827"/>
                  <a:gd name="connsiteX6" fmla="*/ 230565 w 296066"/>
                  <a:gd name="connsiteY6" fmla="*/ 238426 h 290827"/>
                  <a:gd name="connsiteX7" fmla="*/ 212224 w 296066"/>
                  <a:gd name="connsiteY7" fmla="*/ 259386 h 290827"/>
                  <a:gd name="connsiteX8" fmla="*/ 199124 w 296066"/>
                  <a:gd name="connsiteY8" fmla="*/ 238426 h 290827"/>
                  <a:gd name="connsiteX9" fmla="*/ 159823 w 296066"/>
                  <a:gd name="connsiteY9" fmla="*/ 275106 h 290827"/>
                  <a:gd name="connsiteX10" fmla="*/ 91702 w 296066"/>
                  <a:gd name="connsiteY10" fmla="*/ 269866 h 290827"/>
                  <a:gd name="connsiteX11" fmla="*/ 83842 w 296066"/>
                  <a:gd name="connsiteY11" fmla="*/ 285587 h 290827"/>
                  <a:gd name="connsiteX12" fmla="*/ 47161 w 296066"/>
                  <a:gd name="connsiteY12" fmla="*/ 290827 h 290827"/>
                  <a:gd name="connsiteX13" fmla="*/ 13100 w 296066"/>
                  <a:gd name="connsiteY13" fmla="*/ 238426 h 290827"/>
                  <a:gd name="connsiteX14" fmla="*/ 18340 w 296066"/>
                  <a:gd name="connsiteY14" fmla="*/ 212225 h 290827"/>
                  <a:gd name="connsiteX15" fmla="*/ 0 w 296066"/>
                  <a:gd name="connsiteY15" fmla="*/ 172924 h 290827"/>
                  <a:gd name="connsiteX16" fmla="*/ 49781 w 296066"/>
                  <a:gd name="connsiteY16" fmla="*/ 120523 h 290827"/>
                  <a:gd name="connsiteX17" fmla="*/ 96942 w 296066"/>
                  <a:gd name="connsiteY17" fmla="*/ 65502 h 290827"/>
                  <a:gd name="connsiteX18" fmla="*/ 99562 w 296066"/>
                  <a:gd name="connsiteY18" fmla="*/ 26201 h 290827"/>
                  <a:gd name="connsiteX19" fmla="*/ 144103 w 296066"/>
                  <a:gd name="connsiteY19" fmla="*/ 0 h 290827"/>
                  <a:gd name="connsiteX20" fmla="*/ 151963 w 296066"/>
                  <a:gd name="connsiteY20" fmla="*/ 23581 h 290827"/>
                  <a:gd name="connsiteX21" fmla="*/ 144103 w 296066"/>
                  <a:gd name="connsiteY21" fmla="*/ 75982 h 290827"/>
                  <a:gd name="connsiteX22" fmla="*/ 170304 w 296066"/>
                  <a:gd name="connsiteY22" fmla="*/ 65502 h 290827"/>
                  <a:gd name="connsiteX23" fmla="*/ 193884 w 296066"/>
                  <a:gd name="connsiteY23" fmla="*/ 31441 h 290827"/>
                  <a:gd name="connsiteX24" fmla="*/ 296066 w 296066"/>
                  <a:gd name="connsiteY24" fmla="*/ 133623 h 290827"/>
                  <a:gd name="connsiteX0" fmla="*/ 296066 w 296066"/>
                  <a:gd name="connsiteY0" fmla="*/ 133623 h 290827"/>
                  <a:gd name="connsiteX1" fmla="*/ 246285 w 296066"/>
                  <a:gd name="connsiteY1" fmla="*/ 146724 h 290827"/>
                  <a:gd name="connsiteX2" fmla="*/ 259385 w 296066"/>
                  <a:gd name="connsiteY2" fmla="*/ 178164 h 290827"/>
                  <a:gd name="connsiteX3" fmla="*/ 235805 w 296066"/>
                  <a:gd name="connsiteY3" fmla="*/ 191264 h 290827"/>
                  <a:gd name="connsiteX4" fmla="*/ 220085 w 296066"/>
                  <a:gd name="connsiteY4" fmla="*/ 186024 h 290827"/>
                  <a:gd name="connsiteX5" fmla="*/ 199124 w 296066"/>
                  <a:gd name="connsiteY5" fmla="*/ 206985 h 290827"/>
                  <a:gd name="connsiteX6" fmla="*/ 230565 w 296066"/>
                  <a:gd name="connsiteY6" fmla="*/ 238426 h 290827"/>
                  <a:gd name="connsiteX7" fmla="*/ 212224 w 296066"/>
                  <a:gd name="connsiteY7" fmla="*/ 259386 h 290827"/>
                  <a:gd name="connsiteX8" fmla="*/ 199124 w 296066"/>
                  <a:gd name="connsiteY8" fmla="*/ 238426 h 290827"/>
                  <a:gd name="connsiteX9" fmla="*/ 159823 w 296066"/>
                  <a:gd name="connsiteY9" fmla="*/ 275106 h 290827"/>
                  <a:gd name="connsiteX10" fmla="*/ 91702 w 296066"/>
                  <a:gd name="connsiteY10" fmla="*/ 269866 h 290827"/>
                  <a:gd name="connsiteX11" fmla="*/ 83842 w 296066"/>
                  <a:gd name="connsiteY11" fmla="*/ 285587 h 290827"/>
                  <a:gd name="connsiteX12" fmla="*/ 47161 w 296066"/>
                  <a:gd name="connsiteY12" fmla="*/ 290827 h 290827"/>
                  <a:gd name="connsiteX13" fmla="*/ 13100 w 296066"/>
                  <a:gd name="connsiteY13" fmla="*/ 238426 h 290827"/>
                  <a:gd name="connsiteX14" fmla="*/ 18340 w 296066"/>
                  <a:gd name="connsiteY14" fmla="*/ 212225 h 290827"/>
                  <a:gd name="connsiteX15" fmla="*/ 0 w 296066"/>
                  <a:gd name="connsiteY15" fmla="*/ 172924 h 290827"/>
                  <a:gd name="connsiteX16" fmla="*/ 49781 w 296066"/>
                  <a:gd name="connsiteY16" fmla="*/ 120523 h 290827"/>
                  <a:gd name="connsiteX17" fmla="*/ 96942 w 296066"/>
                  <a:gd name="connsiteY17" fmla="*/ 65502 h 290827"/>
                  <a:gd name="connsiteX18" fmla="*/ 99562 w 296066"/>
                  <a:gd name="connsiteY18" fmla="*/ 26201 h 290827"/>
                  <a:gd name="connsiteX19" fmla="*/ 144103 w 296066"/>
                  <a:gd name="connsiteY19" fmla="*/ 0 h 290827"/>
                  <a:gd name="connsiteX20" fmla="*/ 151963 w 296066"/>
                  <a:gd name="connsiteY20" fmla="*/ 23581 h 290827"/>
                  <a:gd name="connsiteX21" fmla="*/ 144103 w 296066"/>
                  <a:gd name="connsiteY21" fmla="*/ 75982 h 290827"/>
                  <a:gd name="connsiteX22" fmla="*/ 170304 w 296066"/>
                  <a:gd name="connsiteY22" fmla="*/ 65502 h 290827"/>
                  <a:gd name="connsiteX23" fmla="*/ 193884 w 296066"/>
                  <a:gd name="connsiteY23" fmla="*/ 31441 h 290827"/>
                  <a:gd name="connsiteX24" fmla="*/ 293446 w 296066"/>
                  <a:gd name="connsiteY24" fmla="*/ 102183 h 290827"/>
                  <a:gd name="connsiteX25" fmla="*/ 296066 w 296066"/>
                  <a:gd name="connsiteY25" fmla="*/ 133623 h 290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96066" h="290827">
                    <a:moveTo>
                      <a:pt x="296066" y="133623"/>
                    </a:moveTo>
                    <a:lnTo>
                      <a:pt x="246285" y="146724"/>
                    </a:lnTo>
                    <a:lnTo>
                      <a:pt x="259385" y="178164"/>
                    </a:lnTo>
                    <a:lnTo>
                      <a:pt x="235805" y="191264"/>
                    </a:lnTo>
                    <a:lnTo>
                      <a:pt x="220085" y="186024"/>
                    </a:lnTo>
                    <a:lnTo>
                      <a:pt x="199124" y="206985"/>
                    </a:lnTo>
                    <a:lnTo>
                      <a:pt x="230565" y="238426"/>
                    </a:lnTo>
                    <a:lnTo>
                      <a:pt x="212224" y="259386"/>
                    </a:lnTo>
                    <a:lnTo>
                      <a:pt x="199124" y="238426"/>
                    </a:lnTo>
                    <a:lnTo>
                      <a:pt x="159823" y="275106"/>
                    </a:lnTo>
                    <a:lnTo>
                      <a:pt x="91702" y="269866"/>
                    </a:lnTo>
                    <a:lnTo>
                      <a:pt x="83842" y="285587"/>
                    </a:lnTo>
                    <a:lnTo>
                      <a:pt x="47161" y="290827"/>
                    </a:lnTo>
                    <a:lnTo>
                      <a:pt x="13100" y="238426"/>
                    </a:lnTo>
                    <a:lnTo>
                      <a:pt x="18340" y="212225"/>
                    </a:lnTo>
                    <a:lnTo>
                      <a:pt x="0" y="172924"/>
                    </a:lnTo>
                    <a:lnTo>
                      <a:pt x="49781" y="120523"/>
                    </a:lnTo>
                    <a:lnTo>
                      <a:pt x="96942" y="65502"/>
                    </a:lnTo>
                    <a:lnTo>
                      <a:pt x="99562" y="26201"/>
                    </a:lnTo>
                    <a:lnTo>
                      <a:pt x="144103" y="0"/>
                    </a:lnTo>
                    <a:lnTo>
                      <a:pt x="151963" y="23581"/>
                    </a:lnTo>
                    <a:lnTo>
                      <a:pt x="144103" y="75982"/>
                    </a:lnTo>
                    <a:lnTo>
                      <a:pt x="170304" y="65502"/>
                    </a:lnTo>
                    <a:lnTo>
                      <a:pt x="193884" y="31441"/>
                    </a:lnTo>
                    <a:cubicBezTo>
                      <a:pt x="218338" y="54148"/>
                      <a:pt x="268992" y="79476"/>
                      <a:pt x="293446" y="102183"/>
                    </a:cubicBezTo>
                    <a:lnTo>
                      <a:pt x="296066" y="133623"/>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46" name="TextBox 45"/>
            <p:cNvSpPr txBox="1"/>
            <p:nvPr/>
          </p:nvSpPr>
          <p:spPr bwMode="gray">
            <a:xfrm>
              <a:off x="6111531" y="1813641"/>
              <a:ext cx="1188146" cy="307777"/>
            </a:xfrm>
            <a:prstGeom prst="rect">
              <a:avLst/>
            </a:prstGeom>
            <a:noFill/>
          </p:spPr>
          <p:txBody>
            <a:bodyPr wrap="none" rtlCol="0">
              <a:spAutoFit/>
            </a:bodyPr>
            <a:lstStyle/>
            <a:p>
              <a:pPr algn="ctr"/>
              <a:r>
                <a:rPr lang="en-US" sz="1400" b="1" dirty="0" smtClean="0">
                  <a:effectLst>
                    <a:outerShdw blurRad="38100" dist="63500" dir="2700000" algn="tl">
                      <a:srgbClr val="000000"/>
                    </a:outerShdw>
                  </a:effectLst>
                </a:rPr>
                <a:t>San Jacinto</a:t>
              </a:r>
              <a:endParaRPr lang="en-US" sz="1400" b="1" dirty="0">
                <a:effectLst>
                  <a:outerShdw blurRad="38100" dist="63500" dir="2700000" algn="tl">
                    <a:srgbClr val="000000"/>
                  </a:outerShdw>
                </a:effectLst>
              </a:endParaRPr>
            </a:p>
          </p:txBody>
        </p:sp>
      </p:grpSp>
      <p:grpSp>
        <p:nvGrpSpPr>
          <p:cNvPr id="19" name="Group 82"/>
          <p:cNvGrpSpPr/>
          <p:nvPr/>
        </p:nvGrpSpPr>
        <p:grpSpPr bwMode="gray">
          <a:xfrm>
            <a:off x="900992" y="289501"/>
            <a:ext cx="1069525" cy="307154"/>
            <a:chOff x="900992" y="289501"/>
            <a:chExt cx="1069525" cy="307154"/>
          </a:xfrm>
        </p:grpSpPr>
        <p:sp>
          <p:nvSpPr>
            <p:cNvPr id="39" name="Freeform 38"/>
            <p:cNvSpPr/>
            <p:nvPr/>
          </p:nvSpPr>
          <p:spPr bwMode="gray">
            <a:xfrm>
              <a:off x="1263920" y="289501"/>
              <a:ext cx="413068" cy="307154"/>
            </a:xfrm>
            <a:custGeom>
              <a:avLst/>
              <a:gdLst>
                <a:gd name="connsiteX0" fmla="*/ 91793 w 413068"/>
                <a:gd name="connsiteY0" fmla="*/ 77671 h 307154"/>
                <a:gd name="connsiteX1" fmla="*/ 52957 w 413068"/>
                <a:gd name="connsiteY1" fmla="*/ 254196 h 307154"/>
                <a:gd name="connsiteX2" fmla="*/ 0 w 413068"/>
                <a:gd name="connsiteY2" fmla="*/ 307154 h 307154"/>
                <a:gd name="connsiteX3" fmla="*/ 95323 w 413068"/>
                <a:gd name="connsiteY3" fmla="*/ 282440 h 307154"/>
                <a:gd name="connsiteX4" fmla="*/ 127098 w 413068"/>
                <a:gd name="connsiteY4" fmla="*/ 293032 h 307154"/>
                <a:gd name="connsiteX5" fmla="*/ 134159 w 413068"/>
                <a:gd name="connsiteY5" fmla="*/ 268318 h 307154"/>
                <a:gd name="connsiteX6" fmla="*/ 194177 w 413068"/>
                <a:gd name="connsiteY6" fmla="*/ 247135 h 307154"/>
                <a:gd name="connsiteX7" fmla="*/ 395416 w 413068"/>
                <a:gd name="connsiteY7" fmla="*/ 102385 h 307154"/>
                <a:gd name="connsiteX8" fmla="*/ 413068 w 413068"/>
                <a:gd name="connsiteY8" fmla="*/ 38836 h 307154"/>
                <a:gd name="connsiteX9" fmla="*/ 395416 w 413068"/>
                <a:gd name="connsiteY9" fmla="*/ 38836 h 307154"/>
                <a:gd name="connsiteX10" fmla="*/ 374233 w 413068"/>
                <a:gd name="connsiteY10" fmla="*/ 63549 h 307154"/>
                <a:gd name="connsiteX11" fmla="*/ 384824 w 413068"/>
                <a:gd name="connsiteY11" fmla="*/ 7061 h 307154"/>
                <a:gd name="connsiteX12" fmla="*/ 374233 w 413068"/>
                <a:gd name="connsiteY12" fmla="*/ 0 h 307154"/>
                <a:gd name="connsiteX13" fmla="*/ 310684 w 413068"/>
                <a:gd name="connsiteY13" fmla="*/ 28244 h 307154"/>
                <a:gd name="connsiteX14" fmla="*/ 218891 w 413068"/>
                <a:gd name="connsiteY14" fmla="*/ 45897 h 307154"/>
                <a:gd name="connsiteX15" fmla="*/ 155342 w 413068"/>
                <a:gd name="connsiteY15" fmla="*/ 52958 h 307154"/>
                <a:gd name="connsiteX16" fmla="*/ 91793 w 413068"/>
                <a:gd name="connsiteY16" fmla="*/ 77671 h 3071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3068" h="307154">
                  <a:moveTo>
                    <a:pt x="91793" y="77671"/>
                  </a:moveTo>
                  <a:lnTo>
                    <a:pt x="52957" y="254196"/>
                  </a:lnTo>
                  <a:lnTo>
                    <a:pt x="0" y="307154"/>
                  </a:lnTo>
                  <a:lnTo>
                    <a:pt x="95323" y="282440"/>
                  </a:lnTo>
                  <a:lnTo>
                    <a:pt x="127098" y="293032"/>
                  </a:lnTo>
                  <a:lnTo>
                    <a:pt x="134159" y="268318"/>
                  </a:lnTo>
                  <a:lnTo>
                    <a:pt x="194177" y="247135"/>
                  </a:lnTo>
                  <a:lnTo>
                    <a:pt x="395416" y="102385"/>
                  </a:lnTo>
                  <a:lnTo>
                    <a:pt x="413068" y="38836"/>
                  </a:lnTo>
                  <a:lnTo>
                    <a:pt x="395416" y="38836"/>
                  </a:lnTo>
                  <a:lnTo>
                    <a:pt x="374233" y="63549"/>
                  </a:lnTo>
                  <a:lnTo>
                    <a:pt x="384824" y="7061"/>
                  </a:lnTo>
                  <a:lnTo>
                    <a:pt x="374233" y="0"/>
                  </a:lnTo>
                  <a:lnTo>
                    <a:pt x="310684" y="28244"/>
                  </a:lnTo>
                  <a:lnTo>
                    <a:pt x="218891" y="45897"/>
                  </a:lnTo>
                  <a:lnTo>
                    <a:pt x="155342" y="52958"/>
                  </a:lnTo>
                  <a:lnTo>
                    <a:pt x="91793" y="77671"/>
                  </a:lnTo>
                  <a:close/>
                </a:path>
              </a:pathLst>
            </a:custGeom>
            <a:ln>
              <a:headEnd type="none" w="med" len="med"/>
              <a:tailEnd type="none" w="med" len="med"/>
            </a:ln>
            <a:scene3d>
              <a:camera prst="orthographicFront" fov="0">
                <a:rot lat="0" lon="0" rev="0"/>
              </a:camera>
              <a:lightRig rig="glow" dir="t">
                <a:rot lat="0" lon="0" rev="6360000"/>
              </a:lightRig>
            </a:scene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5" name="TextBox 34"/>
            <p:cNvSpPr txBox="1"/>
            <p:nvPr/>
          </p:nvSpPr>
          <p:spPr bwMode="gray">
            <a:xfrm>
              <a:off x="900992" y="304800"/>
              <a:ext cx="1069525" cy="275460"/>
            </a:xfrm>
            <a:prstGeom prst="rect">
              <a:avLst/>
            </a:prstGeom>
            <a:noFill/>
          </p:spPr>
          <p:txBody>
            <a:bodyPr wrap="none" rtlCol="0">
              <a:spAutoFit/>
            </a:bodyPr>
            <a:lstStyle/>
            <a:p>
              <a:pPr algn="ctr">
                <a:lnSpc>
                  <a:spcPct val="85000"/>
                </a:lnSpc>
              </a:pPr>
              <a:r>
                <a:rPr lang="en-US" sz="1400" b="1" dirty="0" smtClean="0">
                  <a:effectLst>
                    <a:outerShdw blurRad="38100" dist="63500" dir="2700000" algn="tl">
                      <a:srgbClr val="000000"/>
                    </a:outerShdw>
                  </a:effectLst>
                </a:rPr>
                <a:t>Las Posas</a:t>
              </a:r>
              <a:endParaRPr lang="en-US" sz="1400" b="1" dirty="0">
                <a:effectLst>
                  <a:outerShdw blurRad="38100" dist="63500" dir="2700000" algn="tl">
                    <a:srgbClr val="000000"/>
                  </a:outerShdw>
                </a:effectLst>
              </a:endParaRPr>
            </a:p>
          </p:txBody>
        </p:sp>
      </p:grpSp>
      <p:grpSp>
        <p:nvGrpSpPr>
          <p:cNvPr id="24" name="Group 83"/>
          <p:cNvGrpSpPr/>
          <p:nvPr/>
        </p:nvGrpSpPr>
        <p:grpSpPr bwMode="gray">
          <a:xfrm>
            <a:off x="5232400" y="838200"/>
            <a:ext cx="1332290" cy="341086"/>
            <a:chOff x="5232400" y="838200"/>
            <a:chExt cx="1332290" cy="341086"/>
          </a:xfrm>
        </p:grpSpPr>
        <p:sp>
          <p:nvSpPr>
            <p:cNvPr id="7" name="Freeform 6"/>
            <p:cNvSpPr/>
            <p:nvPr/>
          </p:nvSpPr>
          <p:spPr bwMode="gray">
            <a:xfrm>
              <a:off x="5232400" y="910771"/>
              <a:ext cx="453571" cy="268515"/>
            </a:xfrm>
            <a:custGeom>
              <a:avLst/>
              <a:gdLst>
                <a:gd name="connsiteX0" fmla="*/ 0 w 453571"/>
                <a:gd name="connsiteY0" fmla="*/ 72572 h 268515"/>
                <a:gd name="connsiteX1" fmla="*/ 43543 w 453571"/>
                <a:gd name="connsiteY1" fmla="*/ 181429 h 268515"/>
                <a:gd name="connsiteX2" fmla="*/ 68943 w 453571"/>
                <a:gd name="connsiteY2" fmla="*/ 250372 h 268515"/>
                <a:gd name="connsiteX3" fmla="*/ 79829 w 453571"/>
                <a:gd name="connsiteY3" fmla="*/ 268515 h 268515"/>
                <a:gd name="connsiteX4" fmla="*/ 97971 w 453571"/>
                <a:gd name="connsiteY4" fmla="*/ 264886 h 268515"/>
                <a:gd name="connsiteX5" fmla="*/ 391886 w 453571"/>
                <a:gd name="connsiteY5" fmla="*/ 87086 h 268515"/>
                <a:gd name="connsiteX6" fmla="*/ 453571 w 453571"/>
                <a:gd name="connsiteY6" fmla="*/ 58058 h 268515"/>
                <a:gd name="connsiteX7" fmla="*/ 449943 w 453571"/>
                <a:gd name="connsiteY7" fmla="*/ 39915 h 268515"/>
                <a:gd name="connsiteX8" fmla="*/ 435429 w 453571"/>
                <a:gd name="connsiteY8" fmla="*/ 25400 h 268515"/>
                <a:gd name="connsiteX9" fmla="*/ 410029 w 453571"/>
                <a:gd name="connsiteY9" fmla="*/ 43543 h 268515"/>
                <a:gd name="connsiteX10" fmla="*/ 381000 w 453571"/>
                <a:gd name="connsiteY10" fmla="*/ 43543 h 268515"/>
                <a:gd name="connsiteX11" fmla="*/ 370114 w 453571"/>
                <a:gd name="connsiteY11" fmla="*/ 47172 h 268515"/>
                <a:gd name="connsiteX12" fmla="*/ 330200 w 453571"/>
                <a:gd name="connsiteY12" fmla="*/ 0 h 268515"/>
                <a:gd name="connsiteX13" fmla="*/ 319314 w 453571"/>
                <a:gd name="connsiteY13" fmla="*/ 32658 h 268515"/>
                <a:gd name="connsiteX14" fmla="*/ 283029 w 453571"/>
                <a:gd name="connsiteY14" fmla="*/ 43543 h 268515"/>
                <a:gd name="connsiteX15" fmla="*/ 254000 w 453571"/>
                <a:gd name="connsiteY15" fmla="*/ 39915 h 268515"/>
                <a:gd name="connsiteX16" fmla="*/ 254000 w 453571"/>
                <a:gd name="connsiteY16" fmla="*/ 39915 h 268515"/>
                <a:gd name="connsiteX17" fmla="*/ 254000 w 453571"/>
                <a:gd name="connsiteY17" fmla="*/ 39915 h 268515"/>
                <a:gd name="connsiteX18" fmla="*/ 206829 w 453571"/>
                <a:gd name="connsiteY18" fmla="*/ 43543 h 268515"/>
                <a:gd name="connsiteX19" fmla="*/ 206829 w 453571"/>
                <a:gd name="connsiteY19" fmla="*/ 65315 h 268515"/>
                <a:gd name="connsiteX20" fmla="*/ 206829 w 453571"/>
                <a:gd name="connsiteY20" fmla="*/ 65315 h 268515"/>
                <a:gd name="connsiteX21" fmla="*/ 170543 w 453571"/>
                <a:gd name="connsiteY21" fmla="*/ 54429 h 268515"/>
                <a:gd name="connsiteX22" fmla="*/ 156029 w 453571"/>
                <a:gd name="connsiteY22" fmla="*/ 68943 h 268515"/>
                <a:gd name="connsiteX23" fmla="*/ 123371 w 453571"/>
                <a:gd name="connsiteY23" fmla="*/ 72572 h 268515"/>
                <a:gd name="connsiteX24" fmla="*/ 97971 w 453571"/>
                <a:gd name="connsiteY24" fmla="*/ 58058 h 268515"/>
                <a:gd name="connsiteX25" fmla="*/ 83457 w 453571"/>
                <a:gd name="connsiteY25" fmla="*/ 58058 h 268515"/>
                <a:gd name="connsiteX26" fmla="*/ 54429 w 453571"/>
                <a:gd name="connsiteY26" fmla="*/ 47172 h 268515"/>
                <a:gd name="connsiteX27" fmla="*/ 0 w 453571"/>
                <a:gd name="connsiteY27" fmla="*/ 72572 h 268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453571" h="268515">
                  <a:moveTo>
                    <a:pt x="0" y="72572"/>
                  </a:moveTo>
                  <a:lnTo>
                    <a:pt x="43543" y="181429"/>
                  </a:lnTo>
                  <a:lnTo>
                    <a:pt x="68943" y="250372"/>
                  </a:lnTo>
                  <a:lnTo>
                    <a:pt x="79829" y="268515"/>
                  </a:lnTo>
                  <a:lnTo>
                    <a:pt x="97971" y="264886"/>
                  </a:lnTo>
                  <a:lnTo>
                    <a:pt x="391886" y="87086"/>
                  </a:lnTo>
                  <a:lnTo>
                    <a:pt x="453571" y="58058"/>
                  </a:lnTo>
                  <a:lnTo>
                    <a:pt x="449943" y="39915"/>
                  </a:lnTo>
                  <a:lnTo>
                    <a:pt x="435429" y="25400"/>
                  </a:lnTo>
                  <a:lnTo>
                    <a:pt x="410029" y="43543"/>
                  </a:lnTo>
                  <a:lnTo>
                    <a:pt x="381000" y="43543"/>
                  </a:lnTo>
                  <a:lnTo>
                    <a:pt x="370114" y="47172"/>
                  </a:lnTo>
                  <a:lnTo>
                    <a:pt x="330200" y="0"/>
                  </a:lnTo>
                  <a:lnTo>
                    <a:pt x="319314" y="32658"/>
                  </a:lnTo>
                  <a:lnTo>
                    <a:pt x="283029" y="43543"/>
                  </a:lnTo>
                  <a:lnTo>
                    <a:pt x="254000" y="39915"/>
                  </a:lnTo>
                  <a:lnTo>
                    <a:pt x="254000" y="39915"/>
                  </a:lnTo>
                  <a:lnTo>
                    <a:pt x="254000" y="39915"/>
                  </a:lnTo>
                  <a:lnTo>
                    <a:pt x="206829" y="43543"/>
                  </a:lnTo>
                  <a:lnTo>
                    <a:pt x="206829" y="65315"/>
                  </a:lnTo>
                  <a:lnTo>
                    <a:pt x="206829" y="65315"/>
                  </a:lnTo>
                  <a:lnTo>
                    <a:pt x="170543" y="54429"/>
                  </a:lnTo>
                  <a:lnTo>
                    <a:pt x="156029" y="68943"/>
                  </a:lnTo>
                  <a:lnTo>
                    <a:pt x="123371" y="72572"/>
                  </a:lnTo>
                  <a:lnTo>
                    <a:pt x="97971" y="58058"/>
                  </a:lnTo>
                  <a:lnTo>
                    <a:pt x="83457" y="58058"/>
                  </a:lnTo>
                  <a:lnTo>
                    <a:pt x="54429" y="47172"/>
                  </a:lnTo>
                  <a:lnTo>
                    <a:pt x="0" y="72572"/>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48" name="TextBox 47"/>
            <p:cNvSpPr txBox="1"/>
            <p:nvPr/>
          </p:nvSpPr>
          <p:spPr bwMode="gray">
            <a:xfrm>
              <a:off x="5246700" y="838200"/>
              <a:ext cx="1317990" cy="275460"/>
            </a:xfrm>
            <a:prstGeom prst="rect">
              <a:avLst/>
            </a:prstGeom>
            <a:noFill/>
          </p:spPr>
          <p:txBody>
            <a:bodyPr wrap="none" rtlCol="0">
              <a:spAutoFit/>
            </a:bodyPr>
            <a:lstStyle/>
            <a:p>
              <a:pPr algn="ctr">
                <a:lnSpc>
                  <a:spcPct val="85000"/>
                </a:lnSpc>
              </a:pPr>
              <a:r>
                <a:rPr lang="en-US" sz="1400" b="1" dirty="0" smtClean="0">
                  <a:effectLst>
                    <a:outerShdw blurRad="38100" dist="63500" dir="2700000" algn="tl">
                      <a:srgbClr val="000000"/>
                    </a:outerShdw>
                  </a:effectLst>
                </a:rPr>
                <a:t>Cuchamonga</a:t>
              </a:r>
              <a:endParaRPr lang="en-US" sz="1400" b="1" dirty="0">
                <a:effectLst>
                  <a:outerShdw blurRad="38100" dist="63500" dir="2700000" algn="tl">
                    <a:srgbClr val="000000"/>
                  </a:outerShdw>
                </a:effectLst>
              </a:endParaRPr>
            </a:p>
          </p:txBody>
        </p:sp>
      </p:grpSp>
      <p:grpSp>
        <p:nvGrpSpPr>
          <p:cNvPr id="25" name="Group 57"/>
          <p:cNvGrpSpPr/>
          <p:nvPr/>
        </p:nvGrpSpPr>
        <p:grpSpPr bwMode="gray">
          <a:xfrm>
            <a:off x="7467600" y="3969623"/>
            <a:ext cx="1244892" cy="527564"/>
            <a:chOff x="7467600" y="3969623"/>
            <a:chExt cx="1244892" cy="527564"/>
          </a:xfrm>
        </p:grpSpPr>
        <p:sp>
          <p:nvSpPr>
            <p:cNvPr id="57" name="Freeform 56"/>
            <p:cNvSpPr/>
            <p:nvPr/>
          </p:nvSpPr>
          <p:spPr bwMode="gray">
            <a:xfrm>
              <a:off x="7748565" y="3969623"/>
              <a:ext cx="585043" cy="472368"/>
            </a:xfrm>
            <a:custGeom>
              <a:avLst/>
              <a:gdLst>
                <a:gd name="connsiteX0" fmla="*/ 212349 w 585043"/>
                <a:gd name="connsiteY0" fmla="*/ 472368 h 472368"/>
                <a:gd name="connsiteX1" fmla="*/ 190680 w 585043"/>
                <a:gd name="connsiteY1" fmla="*/ 398695 h 472368"/>
                <a:gd name="connsiteX2" fmla="*/ 216682 w 585043"/>
                <a:gd name="connsiteY2" fmla="*/ 385695 h 472368"/>
                <a:gd name="connsiteX3" fmla="*/ 238351 w 585043"/>
                <a:gd name="connsiteY3" fmla="*/ 381361 h 472368"/>
                <a:gd name="connsiteX4" fmla="*/ 260019 w 585043"/>
                <a:gd name="connsiteY4" fmla="*/ 359693 h 472368"/>
                <a:gd name="connsiteX5" fmla="*/ 238351 w 585043"/>
                <a:gd name="connsiteY5" fmla="*/ 316356 h 472368"/>
                <a:gd name="connsiteX6" fmla="*/ 312023 w 585043"/>
                <a:gd name="connsiteY6" fmla="*/ 299022 h 472368"/>
                <a:gd name="connsiteX7" fmla="*/ 433365 w 585043"/>
                <a:gd name="connsiteY7" fmla="*/ 368360 h 472368"/>
                <a:gd name="connsiteX8" fmla="*/ 463700 w 585043"/>
                <a:gd name="connsiteY8" fmla="*/ 364026 h 472368"/>
                <a:gd name="connsiteX9" fmla="*/ 502703 w 585043"/>
                <a:gd name="connsiteY9" fmla="*/ 377027 h 472368"/>
                <a:gd name="connsiteX10" fmla="*/ 524371 w 585043"/>
                <a:gd name="connsiteY10" fmla="*/ 398695 h 472368"/>
                <a:gd name="connsiteX11" fmla="*/ 515704 w 585043"/>
                <a:gd name="connsiteY11" fmla="*/ 424697 h 472368"/>
                <a:gd name="connsiteX12" fmla="*/ 541706 w 585043"/>
                <a:gd name="connsiteY12" fmla="*/ 403029 h 472368"/>
                <a:gd name="connsiteX13" fmla="*/ 580709 w 585043"/>
                <a:gd name="connsiteY13" fmla="*/ 403029 h 472368"/>
                <a:gd name="connsiteX14" fmla="*/ 585043 w 585043"/>
                <a:gd name="connsiteY14" fmla="*/ 385695 h 472368"/>
                <a:gd name="connsiteX15" fmla="*/ 520038 w 585043"/>
                <a:gd name="connsiteY15" fmla="*/ 368360 h 472368"/>
                <a:gd name="connsiteX16" fmla="*/ 489702 w 585043"/>
                <a:gd name="connsiteY16" fmla="*/ 342358 h 472368"/>
                <a:gd name="connsiteX17" fmla="*/ 528705 w 585043"/>
                <a:gd name="connsiteY17" fmla="*/ 312022 h 472368"/>
                <a:gd name="connsiteX18" fmla="*/ 515704 w 585043"/>
                <a:gd name="connsiteY18" fmla="*/ 307689 h 472368"/>
                <a:gd name="connsiteX19" fmla="*/ 481035 w 585043"/>
                <a:gd name="connsiteY19" fmla="*/ 333691 h 472368"/>
                <a:gd name="connsiteX20" fmla="*/ 459367 w 585043"/>
                <a:gd name="connsiteY20" fmla="*/ 307689 h 472368"/>
                <a:gd name="connsiteX21" fmla="*/ 450699 w 585043"/>
                <a:gd name="connsiteY21" fmla="*/ 281687 h 472368"/>
                <a:gd name="connsiteX22" fmla="*/ 355359 w 585043"/>
                <a:gd name="connsiteY22" fmla="*/ 290354 h 472368"/>
                <a:gd name="connsiteX23" fmla="*/ 338025 w 585043"/>
                <a:gd name="connsiteY23" fmla="*/ 260019 h 472368"/>
                <a:gd name="connsiteX24" fmla="*/ 381361 w 585043"/>
                <a:gd name="connsiteY24" fmla="*/ 212349 h 472368"/>
                <a:gd name="connsiteX25" fmla="*/ 416030 w 585043"/>
                <a:gd name="connsiteY25" fmla="*/ 199348 h 472368"/>
                <a:gd name="connsiteX26" fmla="*/ 437699 w 585043"/>
                <a:gd name="connsiteY26" fmla="*/ 169012 h 472368"/>
                <a:gd name="connsiteX27" fmla="*/ 416030 w 585043"/>
                <a:gd name="connsiteY27" fmla="*/ 156011 h 472368"/>
                <a:gd name="connsiteX28" fmla="*/ 377027 w 585043"/>
                <a:gd name="connsiteY28" fmla="*/ 164678 h 472368"/>
                <a:gd name="connsiteX29" fmla="*/ 385695 w 585043"/>
                <a:gd name="connsiteY29" fmla="*/ 130009 h 472368"/>
                <a:gd name="connsiteX30" fmla="*/ 333691 w 585043"/>
                <a:gd name="connsiteY30" fmla="*/ 169012 h 472368"/>
                <a:gd name="connsiteX31" fmla="*/ 320690 w 585043"/>
                <a:gd name="connsiteY31" fmla="*/ 125676 h 472368"/>
                <a:gd name="connsiteX32" fmla="*/ 364026 w 585043"/>
                <a:gd name="connsiteY32" fmla="*/ 95340 h 472368"/>
                <a:gd name="connsiteX33" fmla="*/ 333691 w 585043"/>
                <a:gd name="connsiteY33" fmla="*/ 86673 h 472368"/>
                <a:gd name="connsiteX34" fmla="*/ 277353 w 585043"/>
                <a:gd name="connsiteY34" fmla="*/ 0 h 472368"/>
                <a:gd name="connsiteX35" fmla="*/ 251352 w 585043"/>
                <a:gd name="connsiteY35" fmla="*/ 47670 h 472368"/>
                <a:gd name="connsiteX36" fmla="*/ 221016 w 585043"/>
                <a:gd name="connsiteY36" fmla="*/ 30335 h 472368"/>
                <a:gd name="connsiteX37" fmla="*/ 242684 w 585043"/>
                <a:gd name="connsiteY37" fmla="*/ 95340 h 472368"/>
                <a:gd name="connsiteX38" fmla="*/ 203681 w 585043"/>
                <a:gd name="connsiteY38" fmla="*/ 104007 h 472368"/>
                <a:gd name="connsiteX39" fmla="*/ 156011 w 585043"/>
                <a:gd name="connsiteY39" fmla="*/ 138677 h 472368"/>
                <a:gd name="connsiteX40" fmla="*/ 82339 w 585043"/>
                <a:gd name="connsiteY40" fmla="*/ 117008 h 472368"/>
                <a:gd name="connsiteX41" fmla="*/ 21668 w 585043"/>
                <a:gd name="connsiteY41" fmla="*/ 95340 h 472368"/>
                <a:gd name="connsiteX42" fmla="*/ 0 w 585043"/>
                <a:gd name="connsiteY42" fmla="*/ 117008 h 472368"/>
                <a:gd name="connsiteX43" fmla="*/ 17335 w 585043"/>
                <a:gd name="connsiteY43" fmla="*/ 134343 h 472368"/>
                <a:gd name="connsiteX44" fmla="*/ 69338 w 585043"/>
                <a:gd name="connsiteY44" fmla="*/ 160345 h 472368"/>
                <a:gd name="connsiteX45" fmla="*/ 99674 w 585043"/>
                <a:gd name="connsiteY45" fmla="*/ 221016 h 472368"/>
                <a:gd name="connsiteX46" fmla="*/ 82339 w 585043"/>
                <a:gd name="connsiteY46" fmla="*/ 242684 h 472368"/>
                <a:gd name="connsiteX47" fmla="*/ 73672 w 585043"/>
                <a:gd name="connsiteY47" fmla="*/ 281687 h 472368"/>
                <a:gd name="connsiteX48" fmla="*/ 65005 w 585043"/>
                <a:gd name="connsiteY48" fmla="*/ 316356 h 472368"/>
                <a:gd name="connsiteX49" fmla="*/ 65005 w 585043"/>
                <a:gd name="connsiteY49" fmla="*/ 359693 h 472368"/>
                <a:gd name="connsiteX50" fmla="*/ 108341 w 585043"/>
                <a:gd name="connsiteY50" fmla="*/ 403029 h 472368"/>
                <a:gd name="connsiteX51" fmla="*/ 212349 w 585043"/>
                <a:gd name="connsiteY51" fmla="*/ 472368 h 4723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585043" h="472368">
                  <a:moveTo>
                    <a:pt x="212349" y="472368"/>
                  </a:moveTo>
                  <a:lnTo>
                    <a:pt x="190680" y="398695"/>
                  </a:lnTo>
                  <a:lnTo>
                    <a:pt x="216682" y="385695"/>
                  </a:lnTo>
                  <a:lnTo>
                    <a:pt x="238351" y="381361"/>
                  </a:lnTo>
                  <a:lnTo>
                    <a:pt x="260019" y="359693"/>
                  </a:lnTo>
                  <a:lnTo>
                    <a:pt x="238351" y="316356"/>
                  </a:lnTo>
                  <a:lnTo>
                    <a:pt x="312023" y="299022"/>
                  </a:lnTo>
                  <a:lnTo>
                    <a:pt x="433365" y="368360"/>
                  </a:lnTo>
                  <a:lnTo>
                    <a:pt x="463700" y="364026"/>
                  </a:lnTo>
                  <a:lnTo>
                    <a:pt x="502703" y="377027"/>
                  </a:lnTo>
                  <a:lnTo>
                    <a:pt x="524371" y="398695"/>
                  </a:lnTo>
                  <a:lnTo>
                    <a:pt x="515704" y="424697"/>
                  </a:lnTo>
                  <a:lnTo>
                    <a:pt x="541706" y="403029"/>
                  </a:lnTo>
                  <a:lnTo>
                    <a:pt x="580709" y="403029"/>
                  </a:lnTo>
                  <a:lnTo>
                    <a:pt x="585043" y="385695"/>
                  </a:lnTo>
                  <a:lnTo>
                    <a:pt x="520038" y="368360"/>
                  </a:lnTo>
                  <a:lnTo>
                    <a:pt x="489702" y="342358"/>
                  </a:lnTo>
                  <a:lnTo>
                    <a:pt x="528705" y="312022"/>
                  </a:lnTo>
                  <a:lnTo>
                    <a:pt x="515704" y="307689"/>
                  </a:lnTo>
                  <a:lnTo>
                    <a:pt x="481035" y="333691"/>
                  </a:lnTo>
                  <a:lnTo>
                    <a:pt x="459367" y="307689"/>
                  </a:lnTo>
                  <a:lnTo>
                    <a:pt x="450699" y="281687"/>
                  </a:lnTo>
                  <a:lnTo>
                    <a:pt x="355359" y="290354"/>
                  </a:lnTo>
                  <a:lnTo>
                    <a:pt x="338025" y="260019"/>
                  </a:lnTo>
                  <a:lnTo>
                    <a:pt x="381361" y="212349"/>
                  </a:lnTo>
                  <a:lnTo>
                    <a:pt x="416030" y="199348"/>
                  </a:lnTo>
                  <a:lnTo>
                    <a:pt x="437699" y="169012"/>
                  </a:lnTo>
                  <a:lnTo>
                    <a:pt x="416030" y="156011"/>
                  </a:lnTo>
                  <a:lnTo>
                    <a:pt x="377027" y="164678"/>
                  </a:lnTo>
                  <a:lnTo>
                    <a:pt x="385695" y="130009"/>
                  </a:lnTo>
                  <a:lnTo>
                    <a:pt x="333691" y="169012"/>
                  </a:lnTo>
                  <a:lnTo>
                    <a:pt x="320690" y="125676"/>
                  </a:lnTo>
                  <a:lnTo>
                    <a:pt x="364026" y="95340"/>
                  </a:lnTo>
                  <a:lnTo>
                    <a:pt x="333691" y="86673"/>
                  </a:lnTo>
                  <a:lnTo>
                    <a:pt x="277353" y="0"/>
                  </a:lnTo>
                  <a:lnTo>
                    <a:pt x="251352" y="47670"/>
                  </a:lnTo>
                  <a:lnTo>
                    <a:pt x="221016" y="30335"/>
                  </a:lnTo>
                  <a:lnTo>
                    <a:pt x="242684" y="95340"/>
                  </a:lnTo>
                  <a:lnTo>
                    <a:pt x="203681" y="104007"/>
                  </a:lnTo>
                  <a:lnTo>
                    <a:pt x="156011" y="138677"/>
                  </a:lnTo>
                  <a:lnTo>
                    <a:pt x="82339" y="117008"/>
                  </a:lnTo>
                  <a:lnTo>
                    <a:pt x="21668" y="95340"/>
                  </a:lnTo>
                  <a:lnTo>
                    <a:pt x="0" y="117008"/>
                  </a:lnTo>
                  <a:lnTo>
                    <a:pt x="17335" y="134343"/>
                  </a:lnTo>
                  <a:lnTo>
                    <a:pt x="69338" y="160345"/>
                  </a:lnTo>
                  <a:lnTo>
                    <a:pt x="99674" y="221016"/>
                  </a:lnTo>
                  <a:lnTo>
                    <a:pt x="82339" y="242684"/>
                  </a:lnTo>
                  <a:lnTo>
                    <a:pt x="73672" y="281687"/>
                  </a:lnTo>
                  <a:lnTo>
                    <a:pt x="65005" y="316356"/>
                  </a:lnTo>
                  <a:lnTo>
                    <a:pt x="65005" y="359693"/>
                  </a:lnTo>
                  <a:lnTo>
                    <a:pt x="108341" y="403029"/>
                  </a:lnTo>
                  <a:lnTo>
                    <a:pt x="212349" y="47236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55" name="TextBox 54"/>
            <p:cNvSpPr txBox="1"/>
            <p:nvPr/>
          </p:nvSpPr>
          <p:spPr bwMode="gray">
            <a:xfrm>
              <a:off x="7467600" y="4038600"/>
              <a:ext cx="1244892" cy="458587"/>
            </a:xfrm>
            <a:prstGeom prst="rect">
              <a:avLst/>
            </a:prstGeom>
            <a:noFill/>
          </p:spPr>
          <p:txBody>
            <a:bodyPr wrap="square" rtlCol="0">
              <a:spAutoFit/>
            </a:bodyPr>
            <a:lstStyle/>
            <a:p>
              <a:pPr algn="ctr">
                <a:lnSpc>
                  <a:spcPct val="85000"/>
                </a:lnSpc>
              </a:pPr>
              <a:r>
                <a:rPr lang="en-US" sz="1400" b="1" dirty="0" smtClean="0">
                  <a:effectLst>
                    <a:outerShdw blurRad="38100" dist="63500" dir="2700000" algn="tl">
                      <a:srgbClr val="000000"/>
                    </a:outerShdw>
                  </a:effectLst>
                </a:rPr>
                <a:t>Warner Valley</a:t>
              </a:r>
              <a:endParaRPr lang="en-US" sz="1400" b="1" dirty="0">
                <a:effectLst>
                  <a:outerShdw blurRad="38100" dist="63500" dir="2700000" algn="tl">
                    <a:srgbClr val="000000"/>
                  </a:outerShdw>
                </a:effectLst>
              </a:endParaRPr>
            </a:p>
          </p:txBody>
        </p:sp>
      </p:grpSp>
      <p:grpSp>
        <p:nvGrpSpPr>
          <p:cNvPr id="26" name="Group 59"/>
          <p:cNvGrpSpPr/>
          <p:nvPr/>
        </p:nvGrpSpPr>
        <p:grpSpPr bwMode="gray">
          <a:xfrm>
            <a:off x="5707343" y="2618360"/>
            <a:ext cx="891591" cy="358857"/>
            <a:chOff x="5707343" y="2618360"/>
            <a:chExt cx="891591" cy="358857"/>
          </a:xfrm>
        </p:grpSpPr>
        <p:sp>
          <p:nvSpPr>
            <p:cNvPr id="59" name="Freeform 58"/>
            <p:cNvSpPr/>
            <p:nvPr/>
          </p:nvSpPr>
          <p:spPr bwMode="gray">
            <a:xfrm>
              <a:off x="5906764" y="2634859"/>
              <a:ext cx="459367" cy="342358"/>
            </a:xfrm>
            <a:custGeom>
              <a:avLst/>
              <a:gdLst>
                <a:gd name="connsiteX0" fmla="*/ 329357 w 459367"/>
                <a:gd name="connsiteY0" fmla="*/ 342358 h 342358"/>
                <a:gd name="connsiteX1" fmla="*/ 459367 w 459367"/>
                <a:gd name="connsiteY1" fmla="*/ 242684 h 342358"/>
                <a:gd name="connsiteX2" fmla="*/ 442032 w 459367"/>
                <a:gd name="connsiteY2" fmla="*/ 225350 h 342358"/>
                <a:gd name="connsiteX3" fmla="*/ 407363 w 459367"/>
                <a:gd name="connsiteY3" fmla="*/ 238350 h 342358"/>
                <a:gd name="connsiteX4" fmla="*/ 368360 w 459367"/>
                <a:gd name="connsiteY4" fmla="*/ 203681 h 342358"/>
                <a:gd name="connsiteX5" fmla="*/ 355359 w 459367"/>
                <a:gd name="connsiteY5" fmla="*/ 151677 h 342358"/>
                <a:gd name="connsiteX6" fmla="*/ 346692 w 459367"/>
                <a:gd name="connsiteY6" fmla="*/ 143010 h 342358"/>
                <a:gd name="connsiteX7" fmla="*/ 333691 w 459367"/>
                <a:gd name="connsiteY7" fmla="*/ 117008 h 342358"/>
                <a:gd name="connsiteX8" fmla="*/ 316356 w 459367"/>
                <a:gd name="connsiteY8" fmla="*/ 138677 h 342358"/>
                <a:gd name="connsiteX9" fmla="*/ 273020 w 459367"/>
                <a:gd name="connsiteY9" fmla="*/ 130009 h 342358"/>
                <a:gd name="connsiteX10" fmla="*/ 260019 w 459367"/>
                <a:gd name="connsiteY10" fmla="*/ 143010 h 342358"/>
                <a:gd name="connsiteX11" fmla="*/ 260019 w 459367"/>
                <a:gd name="connsiteY11" fmla="*/ 143010 h 342358"/>
                <a:gd name="connsiteX12" fmla="*/ 273020 w 459367"/>
                <a:gd name="connsiteY12" fmla="*/ 104007 h 342358"/>
                <a:gd name="connsiteX13" fmla="*/ 251352 w 459367"/>
                <a:gd name="connsiteY13" fmla="*/ 78005 h 342358"/>
                <a:gd name="connsiteX14" fmla="*/ 234017 w 459367"/>
                <a:gd name="connsiteY14" fmla="*/ 112675 h 342358"/>
                <a:gd name="connsiteX15" fmla="*/ 156011 w 459367"/>
                <a:gd name="connsiteY15" fmla="*/ 78005 h 342358"/>
                <a:gd name="connsiteX16" fmla="*/ 86673 w 459367"/>
                <a:gd name="connsiteY16" fmla="*/ 13001 h 342358"/>
                <a:gd name="connsiteX17" fmla="*/ 78006 w 459367"/>
                <a:gd name="connsiteY17" fmla="*/ 30335 h 342358"/>
                <a:gd name="connsiteX18" fmla="*/ 60671 w 459367"/>
                <a:gd name="connsiteY18" fmla="*/ 0 h 342358"/>
                <a:gd name="connsiteX19" fmla="*/ 30336 w 459367"/>
                <a:gd name="connsiteY19" fmla="*/ 4333 h 342358"/>
                <a:gd name="connsiteX20" fmla="*/ 47670 w 459367"/>
                <a:gd name="connsiteY20" fmla="*/ 43336 h 342358"/>
                <a:gd name="connsiteX21" fmla="*/ 34669 w 459367"/>
                <a:gd name="connsiteY21" fmla="*/ 60671 h 342358"/>
                <a:gd name="connsiteX22" fmla="*/ 43336 w 459367"/>
                <a:gd name="connsiteY22" fmla="*/ 73672 h 342358"/>
                <a:gd name="connsiteX23" fmla="*/ 0 w 459367"/>
                <a:gd name="connsiteY23" fmla="*/ 82339 h 342358"/>
                <a:gd name="connsiteX24" fmla="*/ 43336 w 459367"/>
                <a:gd name="connsiteY24" fmla="*/ 112675 h 342358"/>
                <a:gd name="connsiteX25" fmla="*/ 69338 w 459367"/>
                <a:gd name="connsiteY25" fmla="*/ 160345 h 342358"/>
                <a:gd name="connsiteX26" fmla="*/ 91007 w 459367"/>
                <a:gd name="connsiteY26" fmla="*/ 190680 h 342358"/>
                <a:gd name="connsiteX27" fmla="*/ 108341 w 459367"/>
                <a:gd name="connsiteY27" fmla="*/ 164678 h 342358"/>
                <a:gd name="connsiteX28" fmla="*/ 138677 w 459367"/>
                <a:gd name="connsiteY28" fmla="*/ 186347 h 342358"/>
                <a:gd name="connsiteX29" fmla="*/ 125676 w 459367"/>
                <a:gd name="connsiteY29" fmla="*/ 208015 h 342358"/>
                <a:gd name="connsiteX30" fmla="*/ 156011 w 459367"/>
                <a:gd name="connsiteY30" fmla="*/ 199348 h 342358"/>
                <a:gd name="connsiteX31" fmla="*/ 164679 w 459367"/>
                <a:gd name="connsiteY31" fmla="*/ 238350 h 342358"/>
                <a:gd name="connsiteX32" fmla="*/ 190681 w 459367"/>
                <a:gd name="connsiteY32" fmla="*/ 229683 h 342358"/>
                <a:gd name="connsiteX33" fmla="*/ 199348 w 459367"/>
                <a:gd name="connsiteY33" fmla="*/ 251351 h 342358"/>
                <a:gd name="connsiteX34" fmla="*/ 216682 w 459367"/>
                <a:gd name="connsiteY34" fmla="*/ 251351 h 342358"/>
                <a:gd name="connsiteX35" fmla="*/ 234017 w 459367"/>
                <a:gd name="connsiteY35" fmla="*/ 277353 h 342358"/>
                <a:gd name="connsiteX36" fmla="*/ 255685 w 459367"/>
                <a:gd name="connsiteY36" fmla="*/ 268686 h 342358"/>
                <a:gd name="connsiteX37" fmla="*/ 251352 w 459367"/>
                <a:gd name="connsiteY37" fmla="*/ 312023 h 342358"/>
                <a:gd name="connsiteX38" fmla="*/ 329357 w 459367"/>
                <a:gd name="connsiteY38" fmla="*/ 342358 h 342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459367" h="342358">
                  <a:moveTo>
                    <a:pt x="329357" y="342358"/>
                  </a:moveTo>
                  <a:lnTo>
                    <a:pt x="459367" y="242684"/>
                  </a:lnTo>
                  <a:lnTo>
                    <a:pt x="442032" y="225350"/>
                  </a:lnTo>
                  <a:lnTo>
                    <a:pt x="407363" y="238350"/>
                  </a:lnTo>
                  <a:lnTo>
                    <a:pt x="368360" y="203681"/>
                  </a:lnTo>
                  <a:lnTo>
                    <a:pt x="355359" y="151677"/>
                  </a:lnTo>
                  <a:lnTo>
                    <a:pt x="346692" y="143010"/>
                  </a:lnTo>
                  <a:lnTo>
                    <a:pt x="333691" y="117008"/>
                  </a:lnTo>
                  <a:lnTo>
                    <a:pt x="316356" y="138677"/>
                  </a:lnTo>
                  <a:lnTo>
                    <a:pt x="273020" y="130009"/>
                  </a:lnTo>
                  <a:lnTo>
                    <a:pt x="260019" y="143010"/>
                  </a:lnTo>
                  <a:lnTo>
                    <a:pt x="260019" y="143010"/>
                  </a:lnTo>
                  <a:lnTo>
                    <a:pt x="273020" y="104007"/>
                  </a:lnTo>
                  <a:lnTo>
                    <a:pt x="251352" y="78005"/>
                  </a:lnTo>
                  <a:lnTo>
                    <a:pt x="234017" y="112675"/>
                  </a:lnTo>
                  <a:lnTo>
                    <a:pt x="156011" y="78005"/>
                  </a:lnTo>
                  <a:lnTo>
                    <a:pt x="86673" y="13001"/>
                  </a:lnTo>
                  <a:lnTo>
                    <a:pt x="78006" y="30335"/>
                  </a:lnTo>
                  <a:lnTo>
                    <a:pt x="60671" y="0"/>
                  </a:lnTo>
                  <a:lnTo>
                    <a:pt x="30336" y="4333"/>
                  </a:lnTo>
                  <a:lnTo>
                    <a:pt x="47670" y="43336"/>
                  </a:lnTo>
                  <a:lnTo>
                    <a:pt x="34669" y="60671"/>
                  </a:lnTo>
                  <a:lnTo>
                    <a:pt x="43336" y="73672"/>
                  </a:lnTo>
                  <a:lnTo>
                    <a:pt x="0" y="82339"/>
                  </a:lnTo>
                  <a:lnTo>
                    <a:pt x="43336" y="112675"/>
                  </a:lnTo>
                  <a:lnTo>
                    <a:pt x="69338" y="160345"/>
                  </a:lnTo>
                  <a:lnTo>
                    <a:pt x="91007" y="190680"/>
                  </a:lnTo>
                  <a:lnTo>
                    <a:pt x="108341" y="164678"/>
                  </a:lnTo>
                  <a:lnTo>
                    <a:pt x="138677" y="186347"/>
                  </a:lnTo>
                  <a:lnTo>
                    <a:pt x="125676" y="208015"/>
                  </a:lnTo>
                  <a:lnTo>
                    <a:pt x="156011" y="199348"/>
                  </a:lnTo>
                  <a:lnTo>
                    <a:pt x="164679" y="238350"/>
                  </a:lnTo>
                  <a:lnTo>
                    <a:pt x="190681" y="229683"/>
                  </a:lnTo>
                  <a:lnTo>
                    <a:pt x="199348" y="251351"/>
                  </a:lnTo>
                  <a:lnTo>
                    <a:pt x="216682" y="251351"/>
                  </a:lnTo>
                  <a:lnTo>
                    <a:pt x="234017" y="277353"/>
                  </a:lnTo>
                  <a:lnTo>
                    <a:pt x="255685" y="268686"/>
                  </a:lnTo>
                  <a:lnTo>
                    <a:pt x="251352" y="312023"/>
                  </a:lnTo>
                  <a:lnTo>
                    <a:pt x="329357" y="34235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49" name="TextBox 48"/>
            <p:cNvSpPr txBox="1"/>
            <p:nvPr/>
          </p:nvSpPr>
          <p:spPr bwMode="gray">
            <a:xfrm>
              <a:off x="5707343" y="2618360"/>
              <a:ext cx="891591" cy="275460"/>
            </a:xfrm>
            <a:prstGeom prst="rect">
              <a:avLst/>
            </a:prstGeom>
            <a:noFill/>
          </p:spPr>
          <p:txBody>
            <a:bodyPr wrap="none" rtlCol="0">
              <a:spAutoFit/>
            </a:bodyPr>
            <a:lstStyle/>
            <a:p>
              <a:pPr algn="ctr">
                <a:lnSpc>
                  <a:spcPct val="85000"/>
                </a:lnSpc>
              </a:pPr>
              <a:r>
                <a:rPr lang="en-US" sz="1400" b="1" dirty="0" smtClean="0">
                  <a:effectLst>
                    <a:outerShdw blurRad="38100" dist="63500" dir="2700000" algn="tl">
                      <a:srgbClr val="000000"/>
                    </a:outerShdw>
                  </a:effectLst>
                </a:rPr>
                <a:t>Elsinore</a:t>
              </a:r>
              <a:endParaRPr lang="en-US" sz="1400" b="1" dirty="0">
                <a:effectLst>
                  <a:outerShdw blurRad="38100" dist="63500" dir="2700000" algn="tl">
                    <a:srgbClr val="000000"/>
                  </a:outerShdw>
                </a:effectLst>
              </a:endParaRPr>
            </a:p>
          </p:txBody>
        </p:sp>
      </p:grpSp>
      <p:grpSp>
        <p:nvGrpSpPr>
          <p:cNvPr id="27" name="Group 61"/>
          <p:cNvGrpSpPr/>
          <p:nvPr/>
        </p:nvGrpSpPr>
        <p:grpSpPr bwMode="gray">
          <a:xfrm>
            <a:off x="4740940" y="2696184"/>
            <a:ext cx="1293374" cy="608991"/>
            <a:chOff x="4943272" y="2696184"/>
            <a:chExt cx="888709" cy="608991"/>
          </a:xfrm>
        </p:grpSpPr>
        <p:sp>
          <p:nvSpPr>
            <p:cNvPr id="61" name="Upper San Juan 60"/>
            <p:cNvSpPr/>
            <p:nvPr/>
          </p:nvSpPr>
          <p:spPr bwMode="gray">
            <a:xfrm>
              <a:off x="5394325" y="3006725"/>
              <a:ext cx="168275" cy="298450"/>
            </a:xfrm>
            <a:custGeom>
              <a:avLst/>
              <a:gdLst>
                <a:gd name="connsiteX0" fmla="*/ 0 w 168275"/>
                <a:gd name="connsiteY0" fmla="*/ 241300 h 298450"/>
                <a:gd name="connsiteX1" fmla="*/ 12700 w 168275"/>
                <a:gd name="connsiteY1" fmla="*/ 298450 h 298450"/>
                <a:gd name="connsiteX2" fmla="*/ 50800 w 168275"/>
                <a:gd name="connsiteY2" fmla="*/ 279400 h 298450"/>
                <a:gd name="connsiteX3" fmla="*/ 66675 w 168275"/>
                <a:gd name="connsiteY3" fmla="*/ 260350 h 298450"/>
                <a:gd name="connsiteX4" fmla="*/ 85725 w 168275"/>
                <a:gd name="connsiteY4" fmla="*/ 244475 h 298450"/>
                <a:gd name="connsiteX5" fmla="*/ 92075 w 168275"/>
                <a:gd name="connsiteY5" fmla="*/ 228600 h 298450"/>
                <a:gd name="connsiteX6" fmla="*/ 111125 w 168275"/>
                <a:gd name="connsiteY6" fmla="*/ 219075 h 298450"/>
                <a:gd name="connsiteX7" fmla="*/ 114300 w 168275"/>
                <a:gd name="connsiteY7" fmla="*/ 190500 h 298450"/>
                <a:gd name="connsiteX8" fmla="*/ 114300 w 168275"/>
                <a:gd name="connsiteY8" fmla="*/ 161925 h 298450"/>
                <a:gd name="connsiteX9" fmla="*/ 111125 w 168275"/>
                <a:gd name="connsiteY9" fmla="*/ 130175 h 298450"/>
                <a:gd name="connsiteX10" fmla="*/ 114300 w 168275"/>
                <a:gd name="connsiteY10" fmla="*/ 95250 h 298450"/>
                <a:gd name="connsiteX11" fmla="*/ 114300 w 168275"/>
                <a:gd name="connsiteY11" fmla="*/ 95250 h 298450"/>
                <a:gd name="connsiteX12" fmla="*/ 168275 w 168275"/>
                <a:gd name="connsiteY12" fmla="*/ 50800 h 298450"/>
                <a:gd name="connsiteX13" fmla="*/ 149225 w 168275"/>
                <a:gd name="connsiteY13" fmla="*/ 41275 h 298450"/>
                <a:gd name="connsiteX14" fmla="*/ 117475 w 168275"/>
                <a:gd name="connsiteY14" fmla="*/ 63500 h 298450"/>
                <a:gd name="connsiteX15" fmla="*/ 95250 w 168275"/>
                <a:gd name="connsiteY15" fmla="*/ 85725 h 298450"/>
                <a:gd name="connsiteX16" fmla="*/ 92075 w 168275"/>
                <a:gd name="connsiteY16" fmla="*/ 136525 h 298450"/>
                <a:gd name="connsiteX17" fmla="*/ 85725 w 168275"/>
                <a:gd name="connsiteY17" fmla="*/ 149225 h 298450"/>
                <a:gd name="connsiteX18" fmla="*/ 69850 w 168275"/>
                <a:gd name="connsiteY18" fmla="*/ 130175 h 298450"/>
                <a:gd name="connsiteX19" fmla="*/ 73025 w 168275"/>
                <a:gd name="connsiteY19" fmla="*/ 92075 h 298450"/>
                <a:gd name="connsiteX20" fmla="*/ 66675 w 168275"/>
                <a:gd name="connsiteY20" fmla="*/ 47625 h 298450"/>
                <a:gd name="connsiteX21" fmla="*/ 85725 w 168275"/>
                <a:gd name="connsiteY21" fmla="*/ 0 h 298450"/>
                <a:gd name="connsiteX22" fmla="*/ 53975 w 168275"/>
                <a:gd name="connsiteY22" fmla="*/ 0 h 298450"/>
                <a:gd name="connsiteX23" fmla="*/ 47625 w 168275"/>
                <a:gd name="connsiteY23" fmla="*/ 76200 h 298450"/>
                <a:gd name="connsiteX24" fmla="*/ 47625 w 168275"/>
                <a:gd name="connsiteY24" fmla="*/ 107950 h 298450"/>
                <a:gd name="connsiteX25" fmla="*/ 53975 w 168275"/>
                <a:gd name="connsiteY25" fmla="*/ 168275 h 298450"/>
                <a:gd name="connsiteX26" fmla="*/ 73025 w 168275"/>
                <a:gd name="connsiteY26" fmla="*/ 193675 h 298450"/>
                <a:gd name="connsiteX27" fmla="*/ 79375 w 168275"/>
                <a:gd name="connsiteY27" fmla="*/ 209550 h 298450"/>
                <a:gd name="connsiteX28" fmla="*/ 60325 w 168275"/>
                <a:gd name="connsiteY28" fmla="*/ 222250 h 298450"/>
                <a:gd name="connsiteX29" fmla="*/ 44450 w 168275"/>
                <a:gd name="connsiteY29" fmla="*/ 209550 h 298450"/>
                <a:gd name="connsiteX30" fmla="*/ 0 w 168275"/>
                <a:gd name="connsiteY30" fmla="*/ 241300 h 298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68275" h="298450">
                  <a:moveTo>
                    <a:pt x="0" y="241300"/>
                  </a:moveTo>
                  <a:lnTo>
                    <a:pt x="12700" y="298450"/>
                  </a:lnTo>
                  <a:lnTo>
                    <a:pt x="50800" y="279400"/>
                  </a:lnTo>
                  <a:lnTo>
                    <a:pt x="66675" y="260350"/>
                  </a:lnTo>
                  <a:lnTo>
                    <a:pt x="85725" y="244475"/>
                  </a:lnTo>
                  <a:lnTo>
                    <a:pt x="92075" y="228600"/>
                  </a:lnTo>
                  <a:lnTo>
                    <a:pt x="111125" y="219075"/>
                  </a:lnTo>
                  <a:lnTo>
                    <a:pt x="114300" y="190500"/>
                  </a:lnTo>
                  <a:lnTo>
                    <a:pt x="114300" y="161925"/>
                  </a:lnTo>
                  <a:lnTo>
                    <a:pt x="111125" y="130175"/>
                  </a:lnTo>
                  <a:lnTo>
                    <a:pt x="114300" y="95250"/>
                  </a:lnTo>
                  <a:lnTo>
                    <a:pt x="114300" y="95250"/>
                  </a:lnTo>
                  <a:lnTo>
                    <a:pt x="168275" y="50800"/>
                  </a:lnTo>
                  <a:lnTo>
                    <a:pt x="149225" y="41275"/>
                  </a:lnTo>
                  <a:lnTo>
                    <a:pt x="117475" y="63500"/>
                  </a:lnTo>
                  <a:lnTo>
                    <a:pt x="95250" y="85725"/>
                  </a:lnTo>
                  <a:lnTo>
                    <a:pt x="92075" y="136525"/>
                  </a:lnTo>
                  <a:lnTo>
                    <a:pt x="85725" y="149225"/>
                  </a:lnTo>
                  <a:lnTo>
                    <a:pt x="69850" y="130175"/>
                  </a:lnTo>
                  <a:lnTo>
                    <a:pt x="73025" y="92075"/>
                  </a:lnTo>
                  <a:lnTo>
                    <a:pt x="66675" y="47625"/>
                  </a:lnTo>
                  <a:lnTo>
                    <a:pt x="85725" y="0"/>
                  </a:lnTo>
                  <a:lnTo>
                    <a:pt x="53975" y="0"/>
                  </a:lnTo>
                  <a:lnTo>
                    <a:pt x="47625" y="76200"/>
                  </a:lnTo>
                  <a:lnTo>
                    <a:pt x="47625" y="107950"/>
                  </a:lnTo>
                  <a:lnTo>
                    <a:pt x="53975" y="168275"/>
                  </a:lnTo>
                  <a:lnTo>
                    <a:pt x="73025" y="193675"/>
                  </a:lnTo>
                  <a:lnTo>
                    <a:pt x="79375" y="209550"/>
                  </a:lnTo>
                  <a:lnTo>
                    <a:pt x="60325" y="222250"/>
                  </a:lnTo>
                  <a:lnTo>
                    <a:pt x="44450" y="209550"/>
                  </a:lnTo>
                  <a:lnTo>
                    <a:pt x="0" y="24130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51" name="Upper San Juan"/>
            <p:cNvSpPr txBox="1"/>
            <p:nvPr/>
          </p:nvSpPr>
          <p:spPr bwMode="gray">
            <a:xfrm>
              <a:off x="4943272" y="2696184"/>
              <a:ext cx="888709" cy="458587"/>
            </a:xfrm>
            <a:prstGeom prst="rect">
              <a:avLst/>
            </a:prstGeom>
            <a:noFill/>
          </p:spPr>
          <p:txBody>
            <a:bodyPr wrap="square" rtlCol="0">
              <a:spAutoFit/>
            </a:bodyPr>
            <a:lstStyle/>
            <a:p>
              <a:pPr algn="ctr">
                <a:lnSpc>
                  <a:spcPct val="85000"/>
                </a:lnSpc>
              </a:pPr>
              <a:r>
                <a:rPr lang="en-US" sz="1400" b="1" dirty="0" smtClean="0">
                  <a:effectLst>
                    <a:outerShdw blurRad="38100" dist="63500" dir="2700000" algn="tl">
                      <a:srgbClr val="000000"/>
                    </a:outerShdw>
                  </a:effectLst>
                </a:rPr>
                <a:t>Upper </a:t>
              </a:r>
              <a:br>
                <a:rPr lang="en-US" sz="1400" b="1" dirty="0" smtClean="0">
                  <a:effectLst>
                    <a:outerShdw blurRad="38100" dist="63500" dir="2700000" algn="tl">
                      <a:srgbClr val="000000"/>
                    </a:outerShdw>
                  </a:effectLst>
                </a:rPr>
              </a:br>
              <a:r>
                <a:rPr lang="en-US" sz="1400" b="1" dirty="0" smtClean="0">
                  <a:effectLst>
                    <a:outerShdw blurRad="38100" dist="63500" dir="2700000" algn="tl">
                      <a:srgbClr val="000000"/>
                    </a:outerShdw>
                  </a:effectLst>
                </a:rPr>
                <a:t>San Juan</a:t>
              </a:r>
              <a:endParaRPr lang="en-US" sz="1400" b="1" dirty="0">
                <a:effectLst>
                  <a:outerShdw blurRad="38100" dist="63500" dir="2700000" algn="tl">
                    <a:srgbClr val="000000"/>
                  </a:outerShdw>
                </a:effectLst>
              </a:endParaRPr>
            </a:p>
          </p:txBody>
        </p:sp>
      </p:grpSp>
      <p:grpSp>
        <p:nvGrpSpPr>
          <p:cNvPr id="28" name="Group 68"/>
          <p:cNvGrpSpPr/>
          <p:nvPr/>
        </p:nvGrpSpPr>
        <p:grpSpPr bwMode="gray">
          <a:xfrm>
            <a:off x="5038177" y="3291840"/>
            <a:ext cx="1327954" cy="521335"/>
            <a:chOff x="5235888" y="3291840"/>
            <a:chExt cx="932531" cy="521335"/>
          </a:xfrm>
        </p:grpSpPr>
        <p:grpSp>
          <p:nvGrpSpPr>
            <p:cNvPr id="29" name="San Mateo &amp; San Onofre"/>
            <p:cNvGrpSpPr/>
            <p:nvPr/>
          </p:nvGrpSpPr>
          <p:grpSpPr bwMode="gray">
            <a:xfrm>
              <a:off x="5362575" y="3502819"/>
              <a:ext cx="279400" cy="310356"/>
              <a:chOff x="5362575" y="3502819"/>
              <a:chExt cx="279400" cy="310356"/>
            </a:xfrm>
          </p:grpSpPr>
          <p:sp>
            <p:nvSpPr>
              <p:cNvPr id="63" name="Freeform 62"/>
              <p:cNvSpPr/>
              <p:nvPr/>
            </p:nvSpPr>
            <p:spPr bwMode="gray">
              <a:xfrm>
                <a:off x="5416550" y="3698875"/>
                <a:ext cx="225425" cy="114300"/>
              </a:xfrm>
              <a:custGeom>
                <a:avLst/>
                <a:gdLst>
                  <a:gd name="connsiteX0" fmla="*/ 0 w 225425"/>
                  <a:gd name="connsiteY0" fmla="*/ 66675 h 114300"/>
                  <a:gd name="connsiteX1" fmla="*/ 50800 w 225425"/>
                  <a:gd name="connsiteY1" fmla="*/ 114300 h 114300"/>
                  <a:gd name="connsiteX2" fmla="*/ 76200 w 225425"/>
                  <a:gd name="connsiteY2" fmla="*/ 85725 h 114300"/>
                  <a:gd name="connsiteX3" fmla="*/ 73025 w 225425"/>
                  <a:gd name="connsiteY3" fmla="*/ 63500 h 114300"/>
                  <a:gd name="connsiteX4" fmla="*/ 111125 w 225425"/>
                  <a:gd name="connsiteY4" fmla="*/ 41275 h 114300"/>
                  <a:gd name="connsiteX5" fmla="*/ 146050 w 225425"/>
                  <a:gd name="connsiteY5" fmla="*/ 38100 h 114300"/>
                  <a:gd name="connsiteX6" fmla="*/ 158750 w 225425"/>
                  <a:gd name="connsiteY6" fmla="*/ 28575 h 114300"/>
                  <a:gd name="connsiteX7" fmla="*/ 215900 w 225425"/>
                  <a:gd name="connsiteY7" fmla="*/ 57150 h 114300"/>
                  <a:gd name="connsiteX8" fmla="*/ 225425 w 225425"/>
                  <a:gd name="connsiteY8" fmla="*/ 63500 h 114300"/>
                  <a:gd name="connsiteX9" fmla="*/ 225425 w 225425"/>
                  <a:gd name="connsiteY9" fmla="*/ 63500 h 114300"/>
                  <a:gd name="connsiteX10" fmla="*/ 209550 w 225425"/>
                  <a:gd name="connsiteY10" fmla="*/ 34925 h 114300"/>
                  <a:gd name="connsiteX11" fmla="*/ 222250 w 225425"/>
                  <a:gd name="connsiteY11" fmla="*/ 0 h 114300"/>
                  <a:gd name="connsiteX12" fmla="*/ 190500 w 225425"/>
                  <a:gd name="connsiteY12" fmla="*/ 15875 h 114300"/>
                  <a:gd name="connsiteX13" fmla="*/ 146050 w 225425"/>
                  <a:gd name="connsiteY13" fmla="*/ 9525 h 114300"/>
                  <a:gd name="connsiteX14" fmla="*/ 114300 w 225425"/>
                  <a:gd name="connsiteY14" fmla="*/ 15875 h 114300"/>
                  <a:gd name="connsiteX15" fmla="*/ 79375 w 225425"/>
                  <a:gd name="connsiteY15" fmla="*/ 41275 h 114300"/>
                  <a:gd name="connsiteX16" fmla="*/ 0 w 225425"/>
                  <a:gd name="connsiteY16" fmla="*/ 66675 h 114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25425" h="114300">
                    <a:moveTo>
                      <a:pt x="0" y="66675"/>
                    </a:moveTo>
                    <a:lnTo>
                      <a:pt x="50800" y="114300"/>
                    </a:lnTo>
                    <a:lnTo>
                      <a:pt x="76200" y="85725"/>
                    </a:lnTo>
                    <a:lnTo>
                      <a:pt x="73025" y="63500"/>
                    </a:lnTo>
                    <a:lnTo>
                      <a:pt x="111125" y="41275"/>
                    </a:lnTo>
                    <a:lnTo>
                      <a:pt x="146050" y="38100"/>
                    </a:lnTo>
                    <a:lnTo>
                      <a:pt x="158750" y="28575"/>
                    </a:lnTo>
                    <a:lnTo>
                      <a:pt x="215900" y="57150"/>
                    </a:lnTo>
                    <a:lnTo>
                      <a:pt x="225425" y="63500"/>
                    </a:lnTo>
                    <a:lnTo>
                      <a:pt x="225425" y="63500"/>
                    </a:lnTo>
                    <a:lnTo>
                      <a:pt x="209550" y="34925"/>
                    </a:lnTo>
                    <a:lnTo>
                      <a:pt x="222250" y="0"/>
                    </a:lnTo>
                    <a:lnTo>
                      <a:pt x="190500" y="15875"/>
                    </a:lnTo>
                    <a:lnTo>
                      <a:pt x="146050" y="9525"/>
                    </a:lnTo>
                    <a:lnTo>
                      <a:pt x="114300" y="15875"/>
                    </a:lnTo>
                    <a:lnTo>
                      <a:pt x="79375" y="41275"/>
                    </a:lnTo>
                    <a:lnTo>
                      <a:pt x="0" y="66675"/>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67" name="Freeform 66"/>
              <p:cNvSpPr/>
              <p:nvPr/>
            </p:nvSpPr>
            <p:spPr bwMode="gray">
              <a:xfrm>
                <a:off x="5362575" y="3502819"/>
                <a:ext cx="276225" cy="254793"/>
              </a:xfrm>
              <a:custGeom>
                <a:avLst/>
                <a:gdLst>
                  <a:gd name="connsiteX0" fmla="*/ 0 w 276225"/>
                  <a:gd name="connsiteY0" fmla="*/ 245269 h 245269"/>
                  <a:gd name="connsiteX1" fmla="*/ 59531 w 276225"/>
                  <a:gd name="connsiteY1" fmla="*/ 128587 h 245269"/>
                  <a:gd name="connsiteX2" fmla="*/ 64294 w 276225"/>
                  <a:gd name="connsiteY2" fmla="*/ 83344 h 245269"/>
                  <a:gd name="connsiteX3" fmla="*/ 66675 w 276225"/>
                  <a:gd name="connsiteY3" fmla="*/ 16669 h 245269"/>
                  <a:gd name="connsiteX4" fmla="*/ 85725 w 276225"/>
                  <a:gd name="connsiteY4" fmla="*/ 16669 h 245269"/>
                  <a:gd name="connsiteX5" fmla="*/ 78581 w 276225"/>
                  <a:gd name="connsiteY5" fmla="*/ 76200 h 245269"/>
                  <a:gd name="connsiteX6" fmla="*/ 83344 w 276225"/>
                  <a:gd name="connsiteY6" fmla="*/ 109537 h 245269"/>
                  <a:gd name="connsiteX7" fmla="*/ 130969 w 276225"/>
                  <a:gd name="connsiteY7" fmla="*/ 119062 h 245269"/>
                  <a:gd name="connsiteX8" fmla="*/ 169069 w 276225"/>
                  <a:gd name="connsiteY8" fmla="*/ 114300 h 245269"/>
                  <a:gd name="connsiteX9" fmla="*/ 192881 w 276225"/>
                  <a:gd name="connsiteY9" fmla="*/ 104775 h 245269"/>
                  <a:gd name="connsiteX10" fmla="*/ 235744 w 276225"/>
                  <a:gd name="connsiteY10" fmla="*/ 42862 h 245269"/>
                  <a:gd name="connsiteX11" fmla="*/ 276225 w 276225"/>
                  <a:gd name="connsiteY11" fmla="*/ 0 h 245269"/>
                  <a:gd name="connsiteX12" fmla="*/ 276225 w 276225"/>
                  <a:gd name="connsiteY12" fmla="*/ 30956 h 245269"/>
                  <a:gd name="connsiteX13" fmla="*/ 242888 w 276225"/>
                  <a:gd name="connsiteY13" fmla="*/ 61912 h 245269"/>
                  <a:gd name="connsiteX14" fmla="*/ 219075 w 276225"/>
                  <a:gd name="connsiteY14" fmla="*/ 100012 h 245269"/>
                  <a:gd name="connsiteX15" fmla="*/ 190500 w 276225"/>
                  <a:gd name="connsiteY15" fmla="*/ 130969 h 245269"/>
                  <a:gd name="connsiteX16" fmla="*/ 145256 w 276225"/>
                  <a:gd name="connsiteY16" fmla="*/ 142875 h 245269"/>
                  <a:gd name="connsiteX17" fmla="*/ 109538 w 276225"/>
                  <a:gd name="connsiteY17" fmla="*/ 142875 h 245269"/>
                  <a:gd name="connsiteX18" fmla="*/ 76200 w 276225"/>
                  <a:gd name="connsiteY18" fmla="*/ 140494 h 245269"/>
                  <a:gd name="connsiteX19" fmla="*/ 73819 w 276225"/>
                  <a:gd name="connsiteY19" fmla="*/ 188119 h 245269"/>
                  <a:gd name="connsiteX20" fmla="*/ 0 w 276225"/>
                  <a:gd name="connsiteY20" fmla="*/ 245269 h 245269"/>
                  <a:gd name="connsiteX0" fmla="*/ 0 w 276225"/>
                  <a:gd name="connsiteY0" fmla="*/ 245269 h 245269"/>
                  <a:gd name="connsiteX1" fmla="*/ 59531 w 276225"/>
                  <a:gd name="connsiteY1" fmla="*/ 128587 h 245269"/>
                  <a:gd name="connsiteX2" fmla="*/ 64294 w 276225"/>
                  <a:gd name="connsiteY2" fmla="*/ 83344 h 245269"/>
                  <a:gd name="connsiteX3" fmla="*/ 66675 w 276225"/>
                  <a:gd name="connsiteY3" fmla="*/ 16669 h 245269"/>
                  <a:gd name="connsiteX4" fmla="*/ 85725 w 276225"/>
                  <a:gd name="connsiteY4" fmla="*/ 16669 h 245269"/>
                  <a:gd name="connsiteX5" fmla="*/ 78581 w 276225"/>
                  <a:gd name="connsiteY5" fmla="*/ 76200 h 245269"/>
                  <a:gd name="connsiteX6" fmla="*/ 83344 w 276225"/>
                  <a:gd name="connsiteY6" fmla="*/ 109537 h 245269"/>
                  <a:gd name="connsiteX7" fmla="*/ 130969 w 276225"/>
                  <a:gd name="connsiteY7" fmla="*/ 119062 h 245269"/>
                  <a:gd name="connsiteX8" fmla="*/ 169069 w 276225"/>
                  <a:gd name="connsiteY8" fmla="*/ 114300 h 245269"/>
                  <a:gd name="connsiteX9" fmla="*/ 192881 w 276225"/>
                  <a:gd name="connsiteY9" fmla="*/ 104775 h 245269"/>
                  <a:gd name="connsiteX10" fmla="*/ 235744 w 276225"/>
                  <a:gd name="connsiteY10" fmla="*/ 42862 h 245269"/>
                  <a:gd name="connsiteX11" fmla="*/ 276225 w 276225"/>
                  <a:gd name="connsiteY11" fmla="*/ 0 h 245269"/>
                  <a:gd name="connsiteX12" fmla="*/ 276225 w 276225"/>
                  <a:gd name="connsiteY12" fmla="*/ 30956 h 245269"/>
                  <a:gd name="connsiteX13" fmla="*/ 242888 w 276225"/>
                  <a:gd name="connsiteY13" fmla="*/ 61912 h 245269"/>
                  <a:gd name="connsiteX14" fmla="*/ 219075 w 276225"/>
                  <a:gd name="connsiteY14" fmla="*/ 100012 h 245269"/>
                  <a:gd name="connsiteX15" fmla="*/ 190500 w 276225"/>
                  <a:gd name="connsiteY15" fmla="*/ 130969 h 245269"/>
                  <a:gd name="connsiteX16" fmla="*/ 145256 w 276225"/>
                  <a:gd name="connsiteY16" fmla="*/ 142875 h 245269"/>
                  <a:gd name="connsiteX17" fmla="*/ 109538 w 276225"/>
                  <a:gd name="connsiteY17" fmla="*/ 142875 h 245269"/>
                  <a:gd name="connsiteX18" fmla="*/ 76200 w 276225"/>
                  <a:gd name="connsiteY18" fmla="*/ 140494 h 245269"/>
                  <a:gd name="connsiteX19" fmla="*/ 73819 w 276225"/>
                  <a:gd name="connsiteY19" fmla="*/ 188119 h 245269"/>
                  <a:gd name="connsiteX20" fmla="*/ 47625 w 276225"/>
                  <a:gd name="connsiteY20" fmla="*/ 230981 h 245269"/>
                  <a:gd name="connsiteX21" fmla="*/ 0 w 276225"/>
                  <a:gd name="connsiteY21" fmla="*/ 245269 h 245269"/>
                  <a:gd name="connsiteX0" fmla="*/ 0 w 276225"/>
                  <a:gd name="connsiteY0" fmla="*/ 245269 h 254793"/>
                  <a:gd name="connsiteX1" fmla="*/ 59531 w 276225"/>
                  <a:gd name="connsiteY1" fmla="*/ 128587 h 254793"/>
                  <a:gd name="connsiteX2" fmla="*/ 64294 w 276225"/>
                  <a:gd name="connsiteY2" fmla="*/ 83344 h 254793"/>
                  <a:gd name="connsiteX3" fmla="*/ 66675 w 276225"/>
                  <a:gd name="connsiteY3" fmla="*/ 16669 h 254793"/>
                  <a:gd name="connsiteX4" fmla="*/ 85725 w 276225"/>
                  <a:gd name="connsiteY4" fmla="*/ 16669 h 254793"/>
                  <a:gd name="connsiteX5" fmla="*/ 78581 w 276225"/>
                  <a:gd name="connsiteY5" fmla="*/ 76200 h 254793"/>
                  <a:gd name="connsiteX6" fmla="*/ 83344 w 276225"/>
                  <a:gd name="connsiteY6" fmla="*/ 109537 h 254793"/>
                  <a:gd name="connsiteX7" fmla="*/ 130969 w 276225"/>
                  <a:gd name="connsiteY7" fmla="*/ 119062 h 254793"/>
                  <a:gd name="connsiteX8" fmla="*/ 169069 w 276225"/>
                  <a:gd name="connsiteY8" fmla="*/ 114300 h 254793"/>
                  <a:gd name="connsiteX9" fmla="*/ 192881 w 276225"/>
                  <a:gd name="connsiteY9" fmla="*/ 104775 h 254793"/>
                  <a:gd name="connsiteX10" fmla="*/ 235744 w 276225"/>
                  <a:gd name="connsiteY10" fmla="*/ 42862 h 254793"/>
                  <a:gd name="connsiteX11" fmla="*/ 276225 w 276225"/>
                  <a:gd name="connsiteY11" fmla="*/ 0 h 254793"/>
                  <a:gd name="connsiteX12" fmla="*/ 276225 w 276225"/>
                  <a:gd name="connsiteY12" fmla="*/ 30956 h 254793"/>
                  <a:gd name="connsiteX13" fmla="*/ 242888 w 276225"/>
                  <a:gd name="connsiteY13" fmla="*/ 61912 h 254793"/>
                  <a:gd name="connsiteX14" fmla="*/ 219075 w 276225"/>
                  <a:gd name="connsiteY14" fmla="*/ 100012 h 254793"/>
                  <a:gd name="connsiteX15" fmla="*/ 190500 w 276225"/>
                  <a:gd name="connsiteY15" fmla="*/ 130969 h 254793"/>
                  <a:gd name="connsiteX16" fmla="*/ 145256 w 276225"/>
                  <a:gd name="connsiteY16" fmla="*/ 142875 h 254793"/>
                  <a:gd name="connsiteX17" fmla="*/ 109538 w 276225"/>
                  <a:gd name="connsiteY17" fmla="*/ 142875 h 254793"/>
                  <a:gd name="connsiteX18" fmla="*/ 76200 w 276225"/>
                  <a:gd name="connsiteY18" fmla="*/ 140494 h 254793"/>
                  <a:gd name="connsiteX19" fmla="*/ 73819 w 276225"/>
                  <a:gd name="connsiteY19" fmla="*/ 188119 h 254793"/>
                  <a:gd name="connsiteX20" fmla="*/ 30956 w 276225"/>
                  <a:gd name="connsiteY20" fmla="*/ 254793 h 254793"/>
                  <a:gd name="connsiteX21" fmla="*/ 0 w 276225"/>
                  <a:gd name="connsiteY21" fmla="*/ 245269 h 254793"/>
                  <a:gd name="connsiteX0" fmla="*/ 0 w 276225"/>
                  <a:gd name="connsiteY0" fmla="*/ 245269 h 254793"/>
                  <a:gd name="connsiteX1" fmla="*/ 59531 w 276225"/>
                  <a:gd name="connsiteY1" fmla="*/ 128587 h 254793"/>
                  <a:gd name="connsiteX2" fmla="*/ 64294 w 276225"/>
                  <a:gd name="connsiteY2" fmla="*/ 83344 h 254793"/>
                  <a:gd name="connsiteX3" fmla="*/ 66675 w 276225"/>
                  <a:gd name="connsiteY3" fmla="*/ 16669 h 254793"/>
                  <a:gd name="connsiteX4" fmla="*/ 85725 w 276225"/>
                  <a:gd name="connsiteY4" fmla="*/ 16669 h 254793"/>
                  <a:gd name="connsiteX5" fmla="*/ 78581 w 276225"/>
                  <a:gd name="connsiteY5" fmla="*/ 76200 h 254793"/>
                  <a:gd name="connsiteX6" fmla="*/ 83344 w 276225"/>
                  <a:gd name="connsiteY6" fmla="*/ 109537 h 254793"/>
                  <a:gd name="connsiteX7" fmla="*/ 130969 w 276225"/>
                  <a:gd name="connsiteY7" fmla="*/ 119062 h 254793"/>
                  <a:gd name="connsiteX8" fmla="*/ 169069 w 276225"/>
                  <a:gd name="connsiteY8" fmla="*/ 114300 h 254793"/>
                  <a:gd name="connsiteX9" fmla="*/ 192881 w 276225"/>
                  <a:gd name="connsiteY9" fmla="*/ 104775 h 254793"/>
                  <a:gd name="connsiteX10" fmla="*/ 235744 w 276225"/>
                  <a:gd name="connsiteY10" fmla="*/ 42862 h 254793"/>
                  <a:gd name="connsiteX11" fmla="*/ 276225 w 276225"/>
                  <a:gd name="connsiteY11" fmla="*/ 0 h 254793"/>
                  <a:gd name="connsiteX12" fmla="*/ 276225 w 276225"/>
                  <a:gd name="connsiteY12" fmla="*/ 30956 h 254793"/>
                  <a:gd name="connsiteX13" fmla="*/ 242888 w 276225"/>
                  <a:gd name="connsiteY13" fmla="*/ 61912 h 254793"/>
                  <a:gd name="connsiteX14" fmla="*/ 219075 w 276225"/>
                  <a:gd name="connsiteY14" fmla="*/ 100012 h 254793"/>
                  <a:gd name="connsiteX15" fmla="*/ 190500 w 276225"/>
                  <a:gd name="connsiteY15" fmla="*/ 130969 h 254793"/>
                  <a:gd name="connsiteX16" fmla="*/ 145256 w 276225"/>
                  <a:gd name="connsiteY16" fmla="*/ 142875 h 254793"/>
                  <a:gd name="connsiteX17" fmla="*/ 109538 w 276225"/>
                  <a:gd name="connsiteY17" fmla="*/ 142875 h 254793"/>
                  <a:gd name="connsiteX18" fmla="*/ 76200 w 276225"/>
                  <a:gd name="connsiteY18" fmla="*/ 140494 h 254793"/>
                  <a:gd name="connsiteX19" fmla="*/ 66675 w 276225"/>
                  <a:gd name="connsiteY19" fmla="*/ 188119 h 254793"/>
                  <a:gd name="connsiteX20" fmla="*/ 30956 w 276225"/>
                  <a:gd name="connsiteY20" fmla="*/ 254793 h 254793"/>
                  <a:gd name="connsiteX21" fmla="*/ 0 w 276225"/>
                  <a:gd name="connsiteY21" fmla="*/ 245269 h 2547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76225" h="254793">
                    <a:moveTo>
                      <a:pt x="0" y="245269"/>
                    </a:moveTo>
                    <a:lnTo>
                      <a:pt x="59531" y="128587"/>
                    </a:lnTo>
                    <a:lnTo>
                      <a:pt x="64294" y="83344"/>
                    </a:lnTo>
                    <a:cubicBezTo>
                      <a:pt x="65088" y="61119"/>
                      <a:pt x="65881" y="38894"/>
                      <a:pt x="66675" y="16669"/>
                    </a:cubicBezTo>
                    <a:lnTo>
                      <a:pt x="85725" y="16669"/>
                    </a:lnTo>
                    <a:lnTo>
                      <a:pt x="78581" y="76200"/>
                    </a:lnTo>
                    <a:lnTo>
                      <a:pt x="83344" y="109537"/>
                    </a:lnTo>
                    <a:lnTo>
                      <a:pt x="130969" y="119062"/>
                    </a:lnTo>
                    <a:lnTo>
                      <a:pt x="169069" y="114300"/>
                    </a:lnTo>
                    <a:lnTo>
                      <a:pt x="192881" y="104775"/>
                    </a:lnTo>
                    <a:lnTo>
                      <a:pt x="235744" y="42862"/>
                    </a:lnTo>
                    <a:lnTo>
                      <a:pt x="276225" y="0"/>
                    </a:lnTo>
                    <a:lnTo>
                      <a:pt x="276225" y="30956"/>
                    </a:lnTo>
                    <a:lnTo>
                      <a:pt x="242888" y="61912"/>
                    </a:lnTo>
                    <a:lnTo>
                      <a:pt x="219075" y="100012"/>
                    </a:lnTo>
                    <a:lnTo>
                      <a:pt x="190500" y="130969"/>
                    </a:lnTo>
                    <a:lnTo>
                      <a:pt x="145256" y="142875"/>
                    </a:lnTo>
                    <a:lnTo>
                      <a:pt x="109538" y="142875"/>
                    </a:lnTo>
                    <a:lnTo>
                      <a:pt x="76200" y="140494"/>
                    </a:lnTo>
                    <a:lnTo>
                      <a:pt x="66675" y="188119"/>
                    </a:lnTo>
                    <a:lnTo>
                      <a:pt x="30956" y="254793"/>
                    </a:lnTo>
                    <a:lnTo>
                      <a:pt x="0" y="2452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53" name="San Mateo &amp; San Onofre"/>
            <p:cNvSpPr txBox="1"/>
            <p:nvPr/>
          </p:nvSpPr>
          <p:spPr bwMode="gray">
            <a:xfrm>
              <a:off x="5235888" y="3291840"/>
              <a:ext cx="932531" cy="458587"/>
            </a:xfrm>
            <a:prstGeom prst="rect">
              <a:avLst/>
            </a:prstGeom>
            <a:noFill/>
          </p:spPr>
          <p:txBody>
            <a:bodyPr wrap="square" rtlCol="0">
              <a:spAutoFit/>
            </a:bodyPr>
            <a:lstStyle/>
            <a:p>
              <a:pPr algn="ctr">
                <a:lnSpc>
                  <a:spcPct val="85000"/>
                </a:lnSpc>
              </a:pPr>
              <a:r>
                <a:rPr lang="en-US" sz="1400" b="1" dirty="0" smtClean="0">
                  <a:effectLst>
                    <a:outerShdw blurRad="38100" dist="63500" dir="2700000" algn="tl">
                      <a:srgbClr val="000000"/>
                    </a:outerShdw>
                  </a:effectLst>
                </a:rPr>
                <a:t>San Mateo &amp; San Onofre</a:t>
              </a:r>
              <a:endParaRPr lang="en-US" sz="1400" b="1" dirty="0">
                <a:effectLst>
                  <a:outerShdw blurRad="38100" dist="63500" dir="2700000" algn="tl">
                    <a:srgbClr val="000000"/>
                  </a:outerShdw>
                </a:effectLst>
              </a:endParaRPr>
            </a:p>
          </p:txBody>
        </p:sp>
      </p:grpSp>
      <p:sp>
        <p:nvSpPr>
          <p:cNvPr id="71" name="Freeform 70"/>
          <p:cNvSpPr/>
          <p:nvPr/>
        </p:nvSpPr>
        <p:spPr bwMode="auto">
          <a:xfrm>
            <a:off x="4810069" y="1168701"/>
            <a:ext cx="37874" cy="32463"/>
          </a:xfrm>
          <a:custGeom>
            <a:avLst/>
            <a:gdLst>
              <a:gd name="connsiteX0" fmla="*/ 37874 w 37874"/>
              <a:gd name="connsiteY0" fmla="*/ 0 h 32463"/>
              <a:gd name="connsiteX1" fmla="*/ 0 w 37874"/>
              <a:gd name="connsiteY1" fmla="*/ 32463 h 32463"/>
              <a:gd name="connsiteX2" fmla="*/ 37874 w 37874"/>
              <a:gd name="connsiteY2" fmla="*/ 0 h 32463"/>
            </a:gdLst>
            <a:ahLst/>
            <a:cxnLst>
              <a:cxn ang="0">
                <a:pos x="connsiteX0" y="connsiteY0"/>
              </a:cxn>
              <a:cxn ang="0">
                <a:pos x="connsiteX1" y="connsiteY1"/>
              </a:cxn>
              <a:cxn ang="0">
                <a:pos x="connsiteX2" y="connsiteY2"/>
              </a:cxn>
            </a:cxnLst>
            <a:rect l="l" t="t" r="r" b="b"/>
            <a:pathLst>
              <a:path w="37874" h="32463">
                <a:moveTo>
                  <a:pt x="37874" y="0"/>
                </a:moveTo>
                <a:lnTo>
                  <a:pt x="0" y="32463"/>
                </a:lnTo>
                <a:lnTo>
                  <a:pt x="37874" y="0"/>
                </a:lnTo>
                <a:close/>
              </a:path>
            </a:pathLst>
          </a:cu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grpSp>
        <p:nvGrpSpPr>
          <p:cNvPr id="30" name="Group 81"/>
          <p:cNvGrpSpPr/>
          <p:nvPr/>
        </p:nvGrpSpPr>
        <p:grpSpPr bwMode="gray">
          <a:xfrm>
            <a:off x="4626428" y="760613"/>
            <a:ext cx="762000" cy="534787"/>
            <a:chOff x="4626428" y="760613"/>
            <a:chExt cx="762000" cy="534787"/>
          </a:xfrm>
        </p:grpSpPr>
        <p:grpSp>
          <p:nvGrpSpPr>
            <p:cNvPr id="36" name="Group 80"/>
            <p:cNvGrpSpPr/>
            <p:nvPr/>
          </p:nvGrpSpPr>
          <p:grpSpPr bwMode="gray">
            <a:xfrm>
              <a:off x="4804658" y="921544"/>
              <a:ext cx="422186" cy="373856"/>
              <a:chOff x="4804658" y="921544"/>
              <a:chExt cx="422186" cy="373856"/>
            </a:xfrm>
          </p:grpSpPr>
          <p:sp>
            <p:nvSpPr>
              <p:cNvPr id="73" name="Freeform 72"/>
              <p:cNvSpPr/>
              <p:nvPr/>
            </p:nvSpPr>
            <p:spPr bwMode="gray">
              <a:xfrm>
                <a:off x="4804658" y="1149763"/>
                <a:ext cx="135266" cy="62223"/>
              </a:xfrm>
              <a:custGeom>
                <a:avLst/>
                <a:gdLst>
                  <a:gd name="connsiteX0" fmla="*/ 135266 w 135266"/>
                  <a:gd name="connsiteY0" fmla="*/ 0 h 62223"/>
                  <a:gd name="connsiteX1" fmla="*/ 64928 w 135266"/>
                  <a:gd name="connsiteY1" fmla="*/ 54107 h 62223"/>
                  <a:gd name="connsiteX2" fmla="*/ 0 w 135266"/>
                  <a:gd name="connsiteY2" fmla="*/ 62223 h 62223"/>
                  <a:gd name="connsiteX3" fmla="*/ 40580 w 135266"/>
                  <a:gd name="connsiteY3" fmla="*/ 13527 h 62223"/>
                  <a:gd name="connsiteX4" fmla="*/ 135266 w 135266"/>
                  <a:gd name="connsiteY4" fmla="*/ 0 h 622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5266" h="62223">
                    <a:moveTo>
                      <a:pt x="135266" y="0"/>
                    </a:moveTo>
                    <a:lnTo>
                      <a:pt x="64928" y="54107"/>
                    </a:lnTo>
                    <a:lnTo>
                      <a:pt x="0" y="62223"/>
                    </a:lnTo>
                    <a:lnTo>
                      <a:pt x="40580" y="13527"/>
                    </a:lnTo>
                    <a:lnTo>
                      <a:pt x="135266"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6" name="Freeform 75"/>
              <p:cNvSpPr/>
              <p:nvPr/>
            </p:nvSpPr>
            <p:spPr bwMode="gray">
              <a:xfrm>
                <a:off x="4912519" y="1100138"/>
                <a:ext cx="71437" cy="38100"/>
              </a:xfrm>
              <a:custGeom>
                <a:avLst/>
                <a:gdLst>
                  <a:gd name="connsiteX0" fmla="*/ 66675 w 66675"/>
                  <a:gd name="connsiteY0" fmla="*/ 35718 h 38100"/>
                  <a:gd name="connsiteX1" fmla="*/ 0 w 66675"/>
                  <a:gd name="connsiteY1" fmla="*/ 38100 h 38100"/>
                  <a:gd name="connsiteX2" fmla="*/ 23812 w 66675"/>
                  <a:gd name="connsiteY2" fmla="*/ 0 h 38100"/>
                  <a:gd name="connsiteX3" fmla="*/ 66675 w 66675"/>
                  <a:gd name="connsiteY3" fmla="*/ 35718 h 38100"/>
                  <a:gd name="connsiteX0" fmla="*/ 66675 w 116681"/>
                  <a:gd name="connsiteY0" fmla="*/ 69056 h 71438"/>
                  <a:gd name="connsiteX1" fmla="*/ 0 w 116681"/>
                  <a:gd name="connsiteY1" fmla="*/ 71438 h 71438"/>
                  <a:gd name="connsiteX2" fmla="*/ 23812 w 116681"/>
                  <a:gd name="connsiteY2" fmla="*/ 33338 h 71438"/>
                  <a:gd name="connsiteX3" fmla="*/ 116681 w 116681"/>
                  <a:gd name="connsiteY3" fmla="*/ 0 h 71438"/>
                  <a:gd name="connsiteX4" fmla="*/ 66675 w 116681"/>
                  <a:gd name="connsiteY4" fmla="*/ 69056 h 71438"/>
                  <a:gd name="connsiteX0" fmla="*/ 66675 w 71437"/>
                  <a:gd name="connsiteY0" fmla="*/ 35718 h 38100"/>
                  <a:gd name="connsiteX1" fmla="*/ 0 w 71437"/>
                  <a:gd name="connsiteY1" fmla="*/ 38100 h 38100"/>
                  <a:gd name="connsiteX2" fmla="*/ 23812 w 71437"/>
                  <a:gd name="connsiteY2" fmla="*/ 0 h 38100"/>
                  <a:gd name="connsiteX3" fmla="*/ 71437 w 71437"/>
                  <a:gd name="connsiteY3" fmla="*/ 7143 h 38100"/>
                  <a:gd name="connsiteX4" fmla="*/ 66675 w 71437"/>
                  <a:gd name="connsiteY4" fmla="*/ 35718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1437" h="38100">
                    <a:moveTo>
                      <a:pt x="66675" y="35718"/>
                    </a:moveTo>
                    <a:lnTo>
                      <a:pt x="0" y="38100"/>
                    </a:lnTo>
                    <a:lnTo>
                      <a:pt x="23812" y="0"/>
                    </a:lnTo>
                    <a:lnTo>
                      <a:pt x="71437" y="7143"/>
                    </a:lnTo>
                    <a:lnTo>
                      <a:pt x="66675" y="3571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7" name="Freeform 76"/>
              <p:cNvSpPr/>
              <p:nvPr/>
            </p:nvSpPr>
            <p:spPr bwMode="gray">
              <a:xfrm>
                <a:off x="4807744" y="1138238"/>
                <a:ext cx="288131" cy="157162"/>
              </a:xfrm>
              <a:custGeom>
                <a:avLst/>
                <a:gdLst>
                  <a:gd name="connsiteX0" fmla="*/ 114300 w 288131"/>
                  <a:gd name="connsiteY0" fmla="*/ 157162 h 157162"/>
                  <a:gd name="connsiteX1" fmla="*/ 185737 w 288131"/>
                  <a:gd name="connsiteY1" fmla="*/ 126206 h 157162"/>
                  <a:gd name="connsiteX2" fmla="*/ 247650 w 288131"/>
                  <a:gd name="connsiteY2" fmla="*/ 85725 h 157162"/>
                  <a:gd name="connsiteX3" fmla="*/ 276225 w 288131"/>
                  <a:gd name="connsiteY3" fmla="*/ 47625 h 157162"/>
                  <a:gd name="connsiteX4" fmla="*/ 288131 w 288131"/>
                  <a:gd name="connsiteY4" fmla="*/ 0 h 157162"/>
                  <a:gd name="connsiteX5" fmla="*/ 192881 w 288131"/>
                  <a:gd name="connsiteY5" fmla="*/ 2381 h 157162"/>
                  <a:gd name="connsiteX6" fmla="*/ 126206 w 288131"/>
                  <a:gd name="connsiteY6" fmla="*/ 7143 h 157162"/>
                  <a:gd name="connsiteX7" fmla="*/ 73819 w 288131"/>
                  <a:gd name="connsiteY7" fmla="*/ 64293 h 157162"/>
                  <a:gd name="connsiteX8" fmla="*/ 0 w 288131"/>
                  <a:gd name="connsiteY8" fmla="*/ 76200 h 157162"/>
                  <a:gd name="connsiteX9" fmla="*/ 0 w 288131"/>
                  <a:gd name="connsiteY9" fmla="*/ 95250 h 157162"/>
                  <a:gd name="connsiteX10" fmla="*/ 42862 w 288131"/>
                  <a:gd name="connsiteY10" fmla="*/ 114300 h 157162"/>
                  <a:gd name="connsiteX11" fmla="*/ 114300 w 288131"/>
                  <a:gd name="connsiteY11" fmla="*/ 157162 h 1571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88131" h="157162">
                    <a:moveTo>
                      <a:pt x="114300" y="157162"/>
                    </a:moveTo>
                    <a:lnTo>
                      <a:pt x="185737" y="126206"/>
                    </a:lnTo>
                    <a:lnTo>
                      <a:pt x="247650" y="85725"/>
                    </a:lnTo>
                    <a:lnTo>
                      <a:pt x="276225" y="47625"/>
                    </a:lnTo>
                    <a:lnTo>
                      <a:pt x="288131" y="0"/>
                    </a:lnTo>
                    <a:lnTo>
                      <a:pt x="192881" y="2381"/>
                    </a:lnTo>
                    <a:lnTo>
                      <a:pt x="126206" y="7143"/>
                    </a:lnTo>
                    <a:lnTo>
                      <a:pt x="73819" y="64293"/>
                    </a:lnTo>
                    <a:lnTo>
                      <a:pt x="0" y="76200"/>
                    </a:lnTo>
                    <a:lnTo>
                      <a:pt x="0" y="95250"/>
                    </a:lnTo>
                    <a:lnTo>
                      <a:pt x="42862" y="114300"/>
                    </a:lnTo>
                    <a:lnTo>
                      <a:pt x="114300" y="157162"/>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8" name="Freeform 77"/>
              <p:cNvSpPr/>
              <p:nvPr/>
            </p:nvSpPr>
            <p:spPr bwMode="gray">
              <a:xfrm>
                <a:off x="4986338" y="1097756"/>
                <a:ext cx="95250" cy="40482"/>
              </a:xfrm>
              <a:custGeom>
                <a:avLst/>
                <a:gdLst>
                  <a:gd name="connsiteX0" fmla="*/ 47625 w 95250"/>
                  <a:gd name="connsiteY0" fmla="*/ 0 h 40482"/>
                  <a:gd name="connsiteX1" fmla="*/ 95250 w 95250"/>
                  <a:gd name="connsiteY1" fmla="*/ 26194 h 40482"/>
                  <a:gd name="connsiteX2" fmla="*/ 83343 w 95250"/>
                  <a:gd name="connsiteY2" fmla="*/ 38100 h 40482"/>
                  <a:gd name="connsiteX3" fmla="*/ 0 w 95250"/>
                  <a:gd name="connsiteY3" fmla="*/ 40482 h 40482"/>
                  <a:gd name="connsiteX4" fmla="*/ 47625 w 95250"/>
                  <a:gd name="connsiteY4" fmla="*/ 0 h 404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5250" h="40482">
                    <a:moveTo>
                      <a:pt x="47625" y="0"/>
                    </a:moveTo>
                    <a:lnTo>
                      <a:pt x="95250" y="26194"/>
                    </a:lnTo>
                    <a:lnTo>
                      <a:pt x="83343" y="38100"/>
                    </a:lnTo>
                    <a:lnTo>
                      <a:pt x="0" y="40482"/>
                    </a:lnTo>
                    <a:lnTo>
                      <a:pt x="47625"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9" name="Freeform 78"/>
              <p:cNvSpPr/>
              <p:nvPr/>
            </p:nvSpPr>
            <p:spPr bwMode="gray">
              <a:xfrm>
                <a:off x="5031581" y="983456"/>
                <a:ext cx="195263" cy="202407"/>
              </a:xfrm>
              <a:custGeom>
                <a:avLst/>
                <a:gdLst>
                  <a:gd name="connsiteX0" fmla="*/ 123825 w 195263"/>
                  <a:gd name="connsiteY0" fmla="*/ 130969 h 202407"/>
                  <a:gd name="connsiteX1" fmla="*/ 64294 w 195263"/>
                  <a:gd name="connsiteY1" fmla="*/ 202407 h 202407"/>
                  <a:gd name="connsiteX2" fmla="*/ 69057 w 195263"/>
                  <a:gd name="connsiteY2" fmla="*/ 152400 h 202407"/>
                  <a:gd name="connsiteX3" fmla="*/ 50007 w 195263"/>
                  <a:gd name="connsiteY3" fmla="*/ 152400 h 202407"/>
                  <a:gd name="connsiteX4" fmla="*/ 57150 w 195263"/>
                  <a:gd name="connsiteY4" fmla="*/ 130969 h 202407"/>
                  <a:gd name="connsiteX5" fmla="*/ 0 w 195263"/>
                  <a:gd name="connsiteY5" fmla="*/ 109538 h 202407"/>
                  <a:gd name="connsiteX6" fmla="*/ 111919 w 195263"/>
                  <a:gd name="connsiteY6" fmla="*/ 38100 h 202407"/>
                  <a:gd name="connsiteX7" fmla="*/ 152400 w 195263"/>
                  <a:gd name="connsiteY7" fmla="*/ 0 h 202407"/>
                  <a:gd name="connsiteX8" fmla="*/ 195263 w 195263"/>
                  <a:gd name="connsiteY8" fmla="*/ 0 h 202407"/>
                  <a:gd name="connsiteX9" fmla="*/ 190500 w 195263"/>
                  <a:gd name="connsiteY9" fmla="*/ 30957 h 202407"/>
                  <a:gd name="connsiteX10" fmla="*/ 123825 w 195263"/>
                  <a:gd name="connsiteY10" fmla="*/ 130969 h 2024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95263" h="202407">
                    <a:moveTo>
                      <a:pt x="123825" y="130969"/>
                    </a:moveTo>
                    <a:lnTo>
                      <a:pt x="64294" y="202407"/>
                    </a:lnTo>
                    <a:lnTo>
                      <a:pt x="69057" y="152400"/>
                    </a:lnTo>
                    <a:lnTo>
                      <a:pt x="50007" y="152400"/>
                    </a:lnTo>
                    <a:lnTo>
                      <a:pt x="57150" y="130969"/>
                    </a:lnTo>
                    <a:lnTo>
                      <a:pt x="0" y="109538"/>
                    </a:lnTo>
                    <a:lnTo>
                      <a:pt x="111919" y="38100"/>
                    </a:lnTo>
                    <a:lnTo>
                      <a:pt x="152400" y="0"/>
                    </a:lnTo>
                    <a:lnTo>
                      <a:pt x="195263" y="0"/>
                    </a:lnTo>
                    <a:lnTo>
                      <a:pt x="190500" y="30957"/>
                    </a:lnTo>
                    <a:lnTo>
                      <a:pt x="123825" y="1309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0" name="Freeform 79"/>
              <p:cNvSpPr/>
              <p:nvPr/>
            </p:nvSpPr>
            <p:spPr bwMode="gray">
              <a:xfrm>
                <a:off x="4962525" y="921544"/>
                <a:ext cx="219075" cy="209550"/>
              </a:xfrm>
              <a:custGeom>
                <a:avLst/>
                <a:gdLst>
                  <a:gd name="connsiteX0" fmla="*/ 185738 w 185738"/>
                  <a:gd name="connsiteY0" fmla="*/ 0 h 192881"/>
                  <a:gd name="connsiteX1" fmla="*/ 164306 w 185738"/>
                  <a:gd name="connsiteY1" fmla="*/ 69056 h 192881"/>
                  <a:gd name="connsiteX2" fmla="*/ 140494 w 185738"/>
                  <a:gd name="connsiteY2" fmla="*/ 76200 h 192881"/>
                  <a:gd name="connsiteX3" fmla="*/ 114300 w 185738"/>
                  <a:gd name="connsiteY3" fmla="*/ 104775 h 192881"/>
                  <a:gd name="connsiteX4" fmla="*/ 102394 w 185738"/>
                  <a:gd name="connsiteY4" fmla="*/ 88106 h 192881"/>
                  <a:gd name="connsiteX5" fmla="*/ 69056 w 185738"/>
                  <a:gd name="connsiteY5" fmla="*/ 119062 h 192881"/>
                  <a:gd name="connsiteX6" fmla="*/ 76200 w 185738"/>
                  <a:gd name="connsiteY6" fmla="*/ 135731 h 192881"/>
                  <a:gd name="connsiteX7" fmla="*/ 40481 w 185738"/>
                  <a:gd name="connsiteY7" fmla="*/ 152400 h 192881"/>
                  <a:gd name="connsiteX8" fmla="*/ 11906 w 185738"/>
                  <a:gd name="connsiteY8" fmla="*/ 142875 h 192881"/>
                  <a:gd name="connsiteX9" fmla="*/ 0 w 185738"/>
                  <a:gd name="connsiteY9" fmla="*/ 123825 h 192881"/>
                  <a:gd name="connsiteX10" fmla="*/ 2381 w 185738"/>
                  <a:gd name="connsiteY10" fmla="*/ 159543 h 192881"/>
                  <a:gd name="connsiteX11" fmla="*/ 28575 w 185738"/>
                  <a:gd name="connsiteY11" fmla="*/ 176212 h 192881"/>
                  <a:gd name="connsiteX12" fmla="*/ 30956 w 185738"/>
                  <a:gd name="connsiteY12" fmla="*/ 192881 h 192881"/>
                  <a:gd name="connsiteX13" fmla="*/ 69056 w 185738"/>
                  <a:gd name="connsiteY13" fmla="*/ 154781 h 192881"/>
                  <a:gd name="connsiteX14" fmla="*/ 114300 w 185738"/>
                  <a:gd name="connsiteY14" fmla="*/ 119062 h 192881"/>
                  <a:gd name="connsiteX15" fmla="*/ 180975 w 185738"/>
                  <a:gd name="connsiteY15" fmla="*/ 80962 h 192881"/>
                  <a:gd name="connsiteX16" fmla="*/ 185738 w 185738"/>
                  <a:gd name="connsiteY16" fmla="*/ 0 h 192881"/>
                  <a:gd name="connsiteX0" fmla="*/ 185738 w 219075"/>
                  <a:gd name="connsiteY0" fmla="*/ 0 h 192881"/>
                  <a:gd name="connsiteX1" fmla="*/ 164306 w 219075"/>
                  <a:gd name="connsiteY1" fmla="*/ 69056 h 192881"/>
                  <a:gd name="connsiteX2" fmla="*/ 140494 w 219075"/>
                  <a:gd name="connsiteY2" fmla="*/ 76200 h 192881"/>
                  <a:gd name="connsiteX3" fmla="*/ 114300 w 219075"/>
                  <a:gd name="connsiteY3" fmla="*/ 104775 h 192881"/>
                  <a:gd name="connsiteX4" fmla="*/ 102394 w 219075"/>
                  <a:gd name="connsiteY4" fmla="*/ 88106 h 192881"/>
                  <a:gd name="connsiteX5" fmla="*/ 69056 w 219075"/>
                  <a:gd name="connsiteY5" fmla="*/ 119062 h 192881"/>
                  <a:gd name="connsiteX6" fmla="*/ 76200 w 219075"/>
                  <a:gd name="connsiteY6" fmla="*/ 135731 h 192881"/>
                  <a:gd name="connsiteX7" fmla="*/ 40481 w 219075"/>
                  <a:gd name="connsiteY7" fmla="*/ 152400 h 192881"/>
                  <a:gd name="connsiteX8" fmla="*/ 11906 w 219075"/>
                  <a:gd name="connsiteY8" fmla="*/ 142875 h 192881"/>
                  <a:gd name="connsiteX9" fmla="*/ 0 w 219075"/>
                  <a:gd name="connsiteY9" fmla="*/ 123825 h 192881"/>
                  <a:gd name="connsiteX10" fmla="*/ 2381 w 219075"/>
                  <a:gd name="connsiteY10" fmla="*/ 159543 h 192881"/>
                  <a:gd name="connsiteX11" fmla="*/ 28575 w 219075"/>
                  <a:gd name="connsiteY11" fmla="*/ 176212 h 192881"/>
                  <a:gd name="connsiteX12" fmla="*/ 30956 w 219075"/>
                  <a:gd name="connsiteY12" fmla="*/ 192881 h 192881"/>
                  <a:gd name="connsiteX13" fmla="*/ 69056 w 219075"/>
                  <a:gd name="connsiteY13" fmla="*/ 154781 h 192881"/>
                  <a:gd name="connsiteX14" fmla="*/ 114300 w 219075"/>
                  <a:gd name="connsiteY14" fmla="*/ 119062 h 192881"/>
                  <a:gd name="connsiteX15" fmla="*/ 180975 w 219075"/>
                  <a:gd name="connsiteY15" fmla="*/ 80962 h 192881"/>
                  <a:gd name="connsiteX16" fmla="*/ 219075 w 219075"/>
                  <a:gd name="connsiteY16" fmla="*/ 52387 h 192881"/>
                  <a:gd name="connsiteX17" fmla="*/ 185738 w 219075"/>
                  <a:gd name="connsiteY17" fmla="*/ 0 h 192881"/>
                  <a:gd name="connsiteX0" fmla="*/ 185738 w 219075"/>
                  <a:gd name="connsiteY0" fmla="*/ 16669 h 209550"/>
                  <a:gd name="connsiteX1" fmla="*/ 164306 w 219075"/>
                  <a:gd name="connsiteY1" fmla="*/ 85725 h 209550"/>
                  <a:gd name="connsiteX2" fmla="*/ 140494 w 219075"/>
                  <a:gd name="connsiteY2" fmla="*/ 92869 h 209550"/>
                  <a:gd name="connsiteX3" fmla="*/ 114300 w 219075"/>
                  <a:gd name="connsiteY3" fmla="*/ 121444 h 209550"/>
                  <a:gd name="connsiteX4" fmla="*/ 102394 w 219075"/>
                  <a:gd name="connsiteY4" fmla="*/ 104775 h 209550"/>
                  <a:gd name="connsiteX5" fmla="*/ 69056 w 219075"/>
                  <a:gd name="connsiteY5" fmla="*/ 135731 h 209550"/>
                  <a:gd name="connsiteX6" fmla="*/ 76200 w 219075"/>
                  <a:gd name="connsiteY6" fmla="*/ 152400 h 209550"/>
                  <a:gd name="connsiteX7" fmla="*/ 40481 w 219075"/>
                  <a:gd name="connsiteY7" fmla="*/ 169069 h 209550"/>
                  <a:gd name="connsiteX8" fmla="*/ 11906 w 219075"/>
                  <a:gd name="connsiteY8" fmla="*/ 159544 h 209550"/>
                  <a:gd name="connsiteX9" fmla="*/ 0 w 219075"/>
                  <a:gd name="connsiteY9" fmla="*/ 140494 h 209550"/>
                  <a:gd name="connsiteX10" fmla="*/ 2381 w 219075"/>
                  <a:gd name="connsiteY10" fmla="*/ 176212 h 209550"/>
                  <a:gd name="connsiteX11" fmla="*/ 28575 w 219075"/>
                  <a:gd name="connsiteY11" fmla="*/ 192881 h 209550"/>
                  <a:gd name="connsiteX12" fmla="*/ 30956 w 219075"/>
                  <a:gd name="connsiteY12" fmla="*/ 209550 h 209550"/>
                  <a:gd name="connsiteX13" fmla="*/ 69056 w 219075"/>
                  <a:gd name="connsiteY13" fmla="*/ 171450 h 209550"/>
                  <a:gd name="connsiteX14" fmla="*/ 114300 w 219075"/>
                  <a:gd name="connsiteY14" fmla="*/ 135731 h 209550"/>
                  <a:gd name="connsiteX15" fmla="*/ 180975 w 219075"/>
                  <a:gd name="connsiteY15" fmla="*/ 97631 h 209550"/>
                  <a:gd name="connsiteX16" fmla="*/ 219075 w 219075"/>
                  <a:gd name="connsiteY16" fmla="*/ 69056 h 209550"/>
                  <a:gd name="connsiteX17" fmla="*/ 185738 w 219075"/>
                  <a:gd name="connsiteY17" fmla="*/ 0 h 209550"/>
                  <a:gd name="connsiteX18" fmla="*/ 185738 w 219075"/>
                  <a:gd name="connsiteY18" fmla="*/ 16669 h 209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19075" h="209550">
                    <a:moveTo>
                      <a:pt x="185738" y="16669"/>
                    </a:moveTo>
                    <a:lnTo>
                      <a:pt x="164306" y="85725"/>
                    </a:lnTo>
                    <a:lnTo>
                      <a:pt x="140494" y="92869"/>
                    </a:lnTo>
                    <a:lnTo>
                      <a:pt x="114300" y="121444"/>
                    </a:lnTo>
                    <a:lnTo>
                      <a:pt x="102394" y="104775"/>
                    </a:lnTo>
                    <a:lnTo>
                      <a:pt x="69056" y="135731"/>
                    </a:lnTo>
                    <a:lnTo>
                      <a:pt x="76200" y="152400"/>
                    </a:lnTo>
                    <a:lnTo>
                      <a:pt x="40481" y="169069"/>
                    </a:lnTo>
                    <a:lnTo>
                      <a:pt x="11906" y="159544"/>
                    </a:lnTo>
                    <a:lnTo>
                      <a:pt x="0" y="140494"/>
                    </a:lnTo>
                    <a:lnTo>
                      <a:pt x="2381" y="176212"/>
                    </a:lnTo>
                    <a:lnTo>
                      <a:pt x="28575" y="192881"/>
                    </a:lnTo>
                    <a:lnTo>
                      <a:pt x="30956" y="209550"/>
                    </a:lnTo>
                    <a:lnTo>
                      <a:pt x="69056" y="171450"/>
                    </a:lnTo>
                    <a:lnTo>
                      <a:pt x="114300" y="135731"/>
                    </a:lnTo>
                    <a:lnTo>
                      <a:pt x="180975" y="97631"/>
                    </a:lnTo>
                    <a:lnTo>
                      <a:pt x="219075" y="69056"/>
                    </a:lnTo>
                    <a:lnTo>
                      <a:pt x="185738" y="0"/>
                    </a:lnTo>
                    <a:lnTo>
                      <a:pt x="185738" y="166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47" name="TextBox 46"/>
            <p:cNvSpPr txBox="1"/>
            <p:nvPr/>
          </p:nvSpPr>
          <p:spPr bwMode="gray">
            <a:xfrm>
              <a:off x="4626428" y="760613"/>
              <a:ext cx="762000" cy="432426"/>
            </a:xfrm>
            <a:prstGeom prst="rect">
              <a:avLst/>
            </a:prstGeom>
            <a:noFill/>
            <a:sp3d/>
          </p:spPr>
          <p:txBody>
            <a:bodyPr wrap="square" rtlCol="0">
              <a:spAutoFit/>
            </a:bodyPr>
            <a:lstStyle/>
            <a:p>
              <a:pPr algn="ctr">
                <a:lnSpc>
                  <a:spcPct val="85000"/>
                </a:lnSpc>
              </a:pPr>
              <a:r>
                <a:rPr lang="en-US" sz="1300" b="1" dirty="0" smtClean="0">
                  <a:effectLst>
                    <a:outerShdw blurRad="38100" dist="63500" dir="2700000" algn="tl">
                      <a:srgbClr val="000000"/>
                    </a:outerShdw>
                  </a:effectLst>
                </a:rPr>
                <a:t>Six Basins</a:t>
              </a:r>
              <a:endParaRPr lang="en-US" sz="1300" b="1" dirty="0">
                <a:effectLst>
                  <a:outerShdw blurRad="38100" dist="63500" dir="2700000" algn="tl">
                    <a:srgbClr val="000000"/>
                  </a:outerShdw>
                </a:effectLst>
              </a:endParaRPr>
            </a:p>
          </p:txBody>
        </p:sp>
      </p:grpSp>
      <p:grpSp>
        <p:nvGrpSpPr>
          <p:cNvPr id="40" name="Group 91"/>
          <p:cNvGrpSpPr/>
          <p:nvPr/>
        </p:nvGrpSpPr>
        <p:grpSpPr bwMode="gray">
          <a:xfrm>
            <a:off x="2590800" y="152400"/>
            <a:ext cx="695063" cy="316742"/>
            <a:chOff x="2590800" y="152400"/>
            <a:chExt cx="695063" cy="316742"/>
          </a:xfrm>
        </p:grpSpPr>
        <p:sp>
          <p:nvSpPr>
            <p:cNvPr id="16" name="Freeform 15"/>
            <p:cNvSpPr/>
            <p:nvPr/>
          </p:nvSpPr>
          <p:spPr bwMode="gray">
            <a:xfrm>
              <a:off x="2831854" y="355159"/>
              <a:ext cx="225434" cy="113983"/>
            </a:xfrm>
            <a:custGeom>
              <a:avLst/>
              <a:gdLst>
                <a:gd name="connsiteX0" fmla="*/ 192505 w 225434"/>
                <a:gd name="connsiteY0" fmla="*/ 86121 h 113983"/>
                <a:gd name="connsiteX1" fmla="*/ 225434 w 225434"/>
                <a:gd name="connsiteY1" fmla="*/ 32929 h 113983"/>
                <a:gd name="connsiteX2" fmla="*/ 210236 w 225434"/>
                <a:gd name="connsiteY2" fmla="*/ 25330 h 113983"/>
                <a:gd name="connsiteX3" fmla="*/ 220368 w 225434"/>
                <a:gd name="connsiteY3" fmla="*/ 2533 h 113983"/>
                <a:gd name="connsiteX4" fmla="*/ 177307 w 225434"/>
                <a:gd name="connsiteY4" fmla="*/ 2533 h 113983"/>
                <a:gd name="connsiteX5" fmla="*/ 134247 w 225434"/>
                <a:gd name="connsiteY5" fmla="*/ 0 h 113983"/>
                <a:gd name="connsiteX6" fmla="*/ 86121 w 225434"/>
                <a:gd name="connsiteY6" fmla="*/ 7599 h 113983"/>
                <a:gd name="connsiteX7" fmla="*/ 58258 w 225434"/>
                <a:gd name="connsiteY7" fmla="*/ 12665 h 113983"/>
                <a:gd name="connsiteX8" fmla="*/ 27862 w 225434"/>
                <a:gd name="connsiteY8" fmla="*/ 0 h 113983"/>
                <a:gd name="connsiteX9" fmla="*/ 0 w 225434"/>
                <a:gd name="connsiteY9" fmla="*/ 17731 h 113983"/>
                <a:gd name="connsiteX10" fmla="*/ 15198 w 225434"/>
                <a:gd name="connsiteY10" fmla="*/ 43060 h 113983"/>
                <a:gd name="connsiteX11" fmla="*/ 15198 w 225434"/>
                <a:gd name="connsiteY11" fmla="*/ 73456 h 113983"/>
                <a:gd name="connsiteX12" fmla="*/ 27862 w 225434"/>
                <a:gd name="connsiteY12" fmla="*/ 101319 h 113983"/>
                <a:gd name="connsiteX13" fmla="*/ 32928 w 225434"/>
                <a:gd name="connsiteY13" fmla="*/ 106385 h 113983"/>
                <a:gd name="connsiteX14" fmla="*/ 43060 w 225434"/>
                <a:gd name="connsiteY14" fmla="*/ 98786 h 113983"/>
                <a:gd name="connsiteX15" fmla="*/ 60791 w 225434"/>
                <a:gd name="connsiteY15" fmla="*/ 113983 h 113983"/>
                <a:gd name="connsiteX16" fmla="*/ 93719 w 225434"/>
                <a:gd name="connsiteY16" fmla="*/ 113983 h 113983"/>
                <a:gd name="connsiteX17" fmla="*/ 126648 w 225434"/>
                <a:gd name="connsiteY17" fmla="*/ 98786 h 113983"/>
                <a:gd name="connsiteX18" fmla="*/ 192505 w 225434"/>
                <a:gd name="connsiteY18" fmla="*/ 86121 h 113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25434" h="113983">
                  <a:moveTo>
                    <a:pt x="192505" y="86121"/>
                  </a:moveTo>
                  <a:lnTo>
                    <a:pt x="225434" y="32929"/>
                  </a:lnTo>
                  <a:lnTo>
                    <a:pt x="210236" y="25330"/>
                  </a:lnTo>
                  <a:lnTo>
                    <a:pt x="220368" y="2533"/>
                  </a:lnTo>
                  <a:lnTo>
                    <a:pt x="177307" y="2533"/>
                  </a:lnTo>
                  <a:lnTo>
                    <a:pt x="134247" y="0"/>
                  </a:lnTo>
                  <a:lnTo>
                    <a:pt x="86121" y="7599"/>
                  </a:lnTo>
                  <a:lnTo>
                    <a:pt x="58258" y="12665"/>
                  </a:lnTo>
                  <a:lnTo>
                    <a:pt x="27862" y="0"/>
                  </a:lnTo>
                  <a:lnTo>
                    <a:pt x="0" y="17731"/>
                  </a:lnTo>
                  <a:lnTo>
                    <a:pt x="15198" y="43060"/>
                  </a:lnTo>
                  <a:lnTo>
                    <a:pt x="15198" y="73456"/>
                  </a:lnTo>
                  <a:lnTo>
                    <a:pt x="27862" y="101319"/>
                  </a:lnTo>
                  <a:lnTo>
                    <a:pt x="32928" y="106385"/>
                  </a:lnTo>
                  <a:lnTo>
                    <a:pt x="43060" y="98786"/>
                  </a:lnTo>
                  <a:lnTo>
                    <a:pt x="60791" y="113983"/>
                  </a:lnTo>
                  <a:lnTo>
                    <a:pt x="93719" y="113983"/>
                  </a:lnTo>
                  <a:lnTo>
                    <a:pt x="126648" y="98786"/>
                  </a:lnTo>
                  <a:lnTo>
                    <a:pt x="192505" y="86121"/>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6" name="TextBox 85"/>
            <p:cNvSpPr txBox="1"/>
            <p:nvPr/>
          </p:nvSpPr>
          <p:spPr bwMode="gray">
            <a:xfrm>
              <a:off x="2590800" y="152400"/>
              <a:ext cx="695063" cy="277064"/>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effectLst>
                    <a:outerShdw blurRad="38100" dist="63500" dir="2700000" algn="tl">
                      <a:srgbClr val="000000"/>
                    </a:outerShdw>
                  </a:effectLst>
                </a:rPr>
                <a:t>Sylmar</a:t>
              </a:r>
              <a:endParaRPr lang="en-US" sz="1400" b="1" dirty="0">
                <a:effectLst>
                  <a:outerShdw blurRad="38100" dist="63500" dir="2700000" algn="tl">
                    <a:srgbClr val="000000"/>
                  </a:outerShdw>
                </a:effectLst>
              </a:endParaRPr>
            </a:p>
          </p:txBody>
        </p:sp>
      </p:grpSp>
      <p:grpSp>
        <p:nvGrpSpPr>
          <p:cNvPr id="41" name="Group 87"/>
          <p:cNvGrpSpPr/>
          <p:nvPr/>
        </p:nvGrpSpPr>
        <p:grpSpPr bwMode="gray">
          <a:xfrm>
            <a:off x="3386292" y="484936"/>
            <a:ext cx="804708" cy="450272"/>
            <a:chOff x="3386292" y="484936"/>
            <a:chExt cx="804708" cy="450272"/>
          </a:xfrm>
        </p:grpSpPr>
        <p:sp>
          <p:nvSpPr>
            <p:cNvPr id="15" name="Freeform 14"/>
            <p:cNvSpPr/>
            <p:nvPr/>
          </p:nvSpPr>
          <p:spPr bwMode="gray">
            <a:xfrm>
              <a:off x="3427100" y="623653"/>
              <a:ext cx="151978" cy="311555"/>
            </a:xfrm>
            <a:custGeom>
              <a:avLst/>
              <a:gdLst>
                <a:gd name="connsiteX0" fmla="*/ 0 w 151978"/>
                <a:gd name="connsiteY0" fmla="*/ 0 h 311555"/>
                <a:gd name="connsiteX1" fmla="*/ 12665 w 151978"/>
                <a:gd name="connsiteY1" fmla="*/ 63324 h 311555"/>
                <a:gd name="connsiteX2" fmla="*/ 7599 w 151978"/>
                <a:gd name="connsiteY2" fmla="*/ 75989 h 311555"/>
                <a:gd name="connsiteX3" fmla="*/ 48127 w 151978"/>
                <a:gd name="connsiteY3" fmla="*/ 106385 h 311555"/>
                <a:gd name="connsiteX4" fmla="*/ 70923 w 151978"/>
                <a:gd name="connsiteY4" fmla="*/ 141846 h 311555"/>
                <a:gd name="connsiteX5" fmla="*/ 98786 w 151978"/>
                <a:gd name="connsiteY5" fmla="*/ 182374 h 311555"/>
                <a:gd name="connsiteX6" fmla="*/ 113984 w 151978"/>
                <a:gd name="connsiteY6" fmla="*/ 200104 h 311555"/>
                <a:gd name="connsiteX7" fmla="*/ 113984 w 151978"/>
                <a:gd name="connsiteY7" fmla="*/ 217835 h 311555"/>
                <a:gd name="connsiteX8" fmla="*/ 124116 w 151978"/>
                <a:gd name="connsiteY8" fmla="*/ 248231 h 311555"/>
                <a:gd name="connsiteX9" fmla="*/ 119050 w 151978"/>
                <a:gd name="connsiteY9" fmla="*/ 271027 h 311555"/>
                <a:gd name="connsiteX10" fmla="*/ 126648 w 151978"/>
                <a:gd name="connsiteY10" fmla="*/ 296357 h 311555"/>
                <a:gd name="connsiteX11" fmla="*/ 129181 w 151978"/>
                <a:gd name="connsiteY11" fmla="*/ 311555 h 311555"/>
                <a:gd name="connsiteX12" fmla="*/ 141846 w 151978"/>
                <a:gd name="connsiteY12" fmla="*/ 278626 h 311555"/>
                <a:gd name="connsiteX13" fmla="*/ 134247 w 151978"/>
                <a:gd name="connsiteY13" fmla="*/ 238099 h 311555"/>
                <a:gd name="connsiteX14" fmla="*/ 131714 w 151978"/>
                <a:gd name="connsiteY14" fmla="*/ 205170 h 311555"/>
                <a:gd name="connsiteX15" fmla="*/ 151978 w 151978"/>
                <a:gd name="connsiteY15" fmla="*/ 154511 h 311555"/>
                <a:gd name="connsiteX16" fmla="*/ 119050 w 151978"/>
                <a:gd name="connsiteY16" fmla="*/ 124115 h 311555"/>
                <a:gd name="connsiteX17" fmla="*/ 126648 w 151978"/>
                <a:gd name="connsiteY17" fmla="*/ 88654 h 311555"/>
                <a:gd name="connsiteX18" fmla="*/ 131714 w 151978"/>
                <a:gd name="connsiteY18" fmla="*/ 65857 h 311555"/>
                <a:gd name="connsiteX19" fmla="*/ 144379 w 151978"/>
                <a:gd name="connsiteY19" fmla="*/ 43061 h 311555"/>
                <a:gd name="connsiteX20" fmla="*/ 136780 w 151978"/>
                <a:gd name="connsiteY20" fmla="*/ 35462 h 311555"/>
                <a:gd name="connsiteX21" fmla="*/ 119050 w 151978"/>
                <a:gd name="connsiteY21" fmla="*/ 53192 h 311555"/>
                <a:gd name="connsiteX22" fmla="*/ 91187 w 151978"/>
                <a:gd name="connsiteY22" fmla="*/ 40528 h 311555"/>
                <a:gd name="connsiteX23" fmla="*/ 65857 w 151978"/>
                <a:gd name="connsiteY23" fmla="*/ 27863 h 311555"/>
                <a:gd name="connsiteX24" fmla="*/ 58258 w 151978"/>
                <a:gd name="connsiteY24" fmla="*/ 15198 h 311555"/>
                <a:gd name="connsiteX25" fmla="*/ 0 w 151978"/>
                <a:gd name="connsiteY25" fmla="*/ 0 h 311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51978" h="311555">
                  <a:moveTo>
                    <a:pt x="0" y="0"/>
                  </a:moveTo>
                  <a:lnTo>
                    <a:pt x="12665" y="63324"/>
                  </a:lnTo>
                  <a:lnTo>
                    <a:pt x="7599" y="75989"/>
                  </a:lnTo>
                  <a:lnTo>
                    <a:pt x="48127" y="106385"/>
                  </a:lnTo>
                  <a:lnTo>
                    <a:pt x="70923" y="141846"/>
                  </a:lnTo>
                  <a:lnTo>
                    <a:pt x="98786" y="182374"/>
                  </a:lnTo>
                  <a:lnTo>
                    <a:pt x="113984" y="200104"/>
                  </a:lnTo>
                  <a:lnTo>
                    <a:pt x="113984" y="217835"/>
                  </a:lnTo>
                  <a:lnTo>
                    <a:pt x="124116" y="248231"/>
                  </a:lnTo>
                  <a:lnTo>
                    <a:pt x="119050" y="271027"/>
                  </a:lnTo>
                  <a:lnTo>
                    <a:pt x="126648" y="296357"/>
                  </a:lnTo>
                  <a:lnTo>
                    <a:pt x="129181" y="311555"/>
                  </a:lnTo>
                  <a:lnTo>
                    <a:pt x="141846" y="278626"/>
                  </a:lnTo>
                  <a:lnTo>
                    <a:pt x="134247" y="238099"/>
                  </a:lnTo>
                  <a:lnTo>
                    <a:pt x="131714" y="205170"/>
                  </a:lnTo>
                  <a:lnTo>
                    <a:pt x="151978" y="154511"/>
                  </a:lnTo>
                  <a:lnTo>
                    <a:pt x="119050" y="124115"/>
                  </a:lnTo>
                  <a:lnTo>
                    <a:pt x="126648" y="88654"/>
                  </a:lnTo>
                  <a:lnTo>
                    <a:pt x="131714" y="65857"/>
                  </a:lnTo>
                  <a:lnTo>
                    <a:pt x="144379" y="43061"/>
                  </a:lnTo>
                  <a:lnTo>
                    <a:pt x="136780" y="35462"/>
                  </a:lnTo>
                  <a:lnTo>
                    <a:pt x="119050" y="53192"/>
                  </a:lnTo>
                  <a:lnTo>
                    <a:pt x="91187" y="40528"/>
                  </a:lnTo>
                  <a:lnTo>
                    <a:pt x="65857" y="27863"/>
                  </a:lnTo>
                  <a:lnTo>
                    <a:pt x="58258" y="15198"/>
                  </a:lnTo>
                  <a:lnTo>
                    <a:pt x="0"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7" name="TextBox 86"/>
            <p:cNvSpPr txBox="1"/>
            <p:nvPr/>
          </p:nvSpPr>
          <p:spPr bwMode="gray">
            <a:xfrm>
              <a:off x="3386292" y="484936"/>
              <a:ext cx="804708" cy="277064"/>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effectLst>
                    <a:outerShdw blurRad="38100" dist="63500" dir="2700000" algn="tl">
                      <a:srgbClr val="000000"/>
                    </a:outerShdw>
                  </a:effectLst>
                </a:rPr>
                <a:t>Verdugo</a:t>
              </a:r>
              <a:endParaRPr lang="en-US" sz="1400" b="1" dirty="0">
                <a:effectLst>
                  <a:outerShdw blurRad="38100" dist="63500" dir="2700000" algn="tl">
                    <a:srgbClr val="000000"/>
                  </a:outerShdw>
                </a:effectLst>
              </a:endParaRPr>
            </a:p>
          </p:txBody>
        </p:sp>
      </p:grpSp>
      <p:grpSp>
        <p:nvGrpSpPr>
          <p:cNvPr id="42" name="Group 90"/>
          <p:cNvGrpSpPr/>
          <p:nvPr/>
        </p:nvGrpSpPr>
        <p:grpSpPr bwMode="gray">
          <a:xfrm>
            <a:off x="2590800" y="420210"/>
            <a:ext cx="989860" cy="825623"/>
            <a:chOff x="2590800" y="420210"/>
            <a:chExt cx="989860" cy="825623"/>
          </a:xfrm>
        </p:grpSpPr>
        <p:sp>
          <p:nvSpPr>
            <p:cNvPr id="90" name="Freeform 89"/>
            <p:cNvSpPr/>
            <p:nvPr/>
          </p:nvSpPr>
          <p:spPr bwMode="gray">
            <a:xfrm>
              <a:off x="2852691" y="420210"/>
              <a:ext cx="727969" cy="825623"/>
            </a:xfrm>
            <a:custGeom>
              <a:avLst/>
              <a:gdLst>
                <a:gd name="connsiteX0" fmla="*/ 17756 w 727969"/>
                <a:gd name="connsiteY0" fmla="*/ 112450 h 825623"/>
                <a:gd name="connsiteX1" fmla="*/ 0 w 727969"/>
                <a:gd name="connsiteY1" fmla="*/ 574089 h 825623"/>
                <a:gd name="connsiteX2" fmla="*/ 26633 w 727969"/>
                <a:gd name="connsiteY2" fmla="*/ 574089 h 825623"/>
                <a:gd name="connsiteX3" fmla="*/ 41429 w 727969"/>
                <a:gd name="connsiteY3" fmla="*/ 580007 h 825623"/>
                <a:gd name="connsiteX4" fmla="*/ 56226 w 727969"/>
                <a:gd name="connsiteY4" fmla="*/ 574089 h 825623"/>
                <a:gd name="connsiteX5" fmla="*/ 79899 w 727969"/>
                <a:gd name="connsiteY5" fmla="*/ 594804 h 825623"/>
                <a:gd name="connsiteX6" fmla="*/ 91736 w 727969"/>
                <a:gd name="connsiteY6" fmla="*/ 580007 h 825623"/>
                <a:gd name="connsiteX7" fmla="*/ 130206 w 727969"/>
                <a:gd name="connsiteY7" fmla="*/ 594804 h 825623"/>
                <a:gd name="connsiteX8" fmla="*/ 142043 w 727969"/>
                <a:gd name="connsiteY8" fmla="*/ 609600 h 825623"/>
                <a:gd name="connsiteX9" fmla="*/ 142043 w 727969"/>
                <a:gd name="connsiteY9" fmla="*/ 609600 h 825623"/>
                <a:gd name="connsiteX10" fmla="*/ 142043 w 727969"/>
                <a:gd name="connsiteY10" fmla="*/ 609600 h 825623"/>
                <a:gd name="connsiteX11" fmla="*/ 174594 w 727969"/>
                <a:gd name="connsiteY11" fmla="*/ 582967 h 825623"/>
                <a:gd name="connsiteX12" fmla="*/ 221942 w 727969"/>
                <a:gd name="connsiteY12" fmla="*/ 636233 h 825623"/>
                <a:gd name="connsiteX13" fmla="*/ 230820 w 727969"/>
                <a:gd name="connsiteY13" fmla="*/ 612559 h 825623"/>
                <a:gd name="connsiteX14" fmla="*/ 221942 w 727969"/>
                <a:gd name="connsiteY14" fmla="*/ 594804 h 825623"/>
                <a:gd name="connsiteX15" fmla="*/ 257453 w 727969"/>
                <a:gd name="connsiteY15" fmla="*/ 612559 h 825623"/>
                <a:gd name="connsiteX16" fmla="*/ 275208 w 727969"/>
                <a:gd name="connsiteY16" fmla="*/ 603681 h 825623"/>
                <a:gd name="connsiteX17" fmla="*/ 301841 w 727969"/>
                <a:gd name="connsiteY17" fmla="*/ 621437 h 825623"/>
                <a:gd name="connsiteX18" fmla="*/ 331433 w 727969"/>
                <a:gd name="connsiteY18" fmla="*/ 594804 h 825623"/>
                <a:gd name="connsiteX19" fmla="*/ 343270 w 727969"/>
                <a:gd name="connsiteY19" fmla="*/ 603681 h 825623"/>
                <a:gd name="connsiteX20" fmla="*/ 408373 w 727969"/>
                <a:gd name="connsiteY20" fmla="*/ 574089 h 825623"/>
                <a:gd name="connsiteX21" fmla="*/ 458680 w 727969"/>
                <a:gd name="connsiteY21" fmla="*/ 553374 h 825623"/>
                <a:gd name="connsiteX22" fmla="*/ 523783 w 727969"/>
                <a:gd name="connsiteY22" fmla="*/ 550415 h 825623"/>
                <a:gd name="connsiteX23" fmla="*/ 538579 w 727969"/>
                <a:gd name="connsiteY23" fmla="*/ 582967 h 825623"/>
                <a:gd name="connsiteX24" fmla="*/ 508987 w 727969"/>
                <a:gd name="connsiteY24" fmla="*/ 580007 h 825623"/>
                <a:gd name="connsiteX25" fmla="*/ 532660 w 727969"/>
                <a:gd name="connsiteY25" fmla="*/ 624396 h 825623"/>
                <a:gd name="connsiteX26" fmla="*/ 562253 w 727969"/>
                <a:gd name="connsiteY26" fmla="*/ 639192 h 825623"/>
                <a:gd name="connsiteX27" fmla="*/ 565212 w 727969"/>
                <a:gd name="connsiteY27" fmla="*/ 680621 h 825623"/>
                <a:gd name="connsiteX28" fmla="*/ 588886 w 727969"/>
                <a:gd name="connsiteY28" fmla="*/ 713173 h 825623"/>
                <a:gd name="connsiteX29" fmla="*/ 633274 w 727969"/>
                <a:gd name="connsiteY29" fmla="*/ 739806 h 825623"/>
                <a:gd name="connsiteX30" fmla="*/ 671744 w 727969"/>
                <a:gd name="connsiteY30" fmla="*/ 798990 h 825623"/>
                <a:gd name="connsiteX31" fmla="*/ 704295 w 727969"/>
                <a:gd name="connsiteY31" fmla="*/ 825623 h 825623"/>
                <a:gd name="connsiteX32" fmla="*/ 727969 w 727969"/>
                <a:gd name="connsiteY32" fmla="*/ 801949 h 825623"/>
                <a:gd name="connsiteX33" fmla="*/ 719092 w 727969"/>
                <a:gd name="connsiteY33" fmla="*/ 772357 h 825623"/>
                <a:gd name="connsiteX34" fmla="*/ 683581 w 727969"/>
                <a:gd name="connsiteY34" fmla="*/ 748683 h 825623"/>
                <a:gd name="connsiteX35" fmla="*/ 674703 w 727969"/>
                <a:gd name="connsiteY35" fmla="*/ 727969 h 825623"/>
                <a:gd name="connsiteX36" fmla="*/ 686540 w 727969"/>
                <a:gd name="connsiteY36" fmla="*/ 686540 h 825623"/>
                <a:gd name="connsiteX37" fmla="*/ 665826 w 727969"/>
                <a:gd name="connsiteY37" fmla="*/ 686540 h 825623"/>
                <a:gd name="connsiteX38" fmla="*/ 651029 w 727969"/>
                <a:gd name="connsiteY38" fmla="*/ 674703 h 825623"/>
                <a:gd name="connsiteX39" fmla="*/ 633274 w 727969"/>
                <a:gd name="connsiteY39" fmla="*/ 671743 h 825623"/>
                <a:gd name="connsiteX40" fmla="*/ 627356 w 727969"/>
                <a:gd name="connsiteY40" fmla="*/ 648070 h 825623"/>
                <a:gd name="connsiteX41" fmla="*/ 656948 w 727969"/>
                <a:gd name="connsiteY41" fmla="*/ 633273 h 825623"/>
                <a:gd name="connsiteX42" fmla="*/ 686540 w 727969"/>
                <a:gd name="connsiteY42" fmla="*/ 612559 h 825623"/>
                <a:gd name="connsiteX43" fmla="*/ 713173 w 727969"/>
                <a:gd name="connsiteY43" fmla="*/ 600722 h 825623"/>
                <a:gd name="connsiteX44" fmla="*/ 725010 w 727969"/>
                <a:gd name="connsiteY44" fmla="*/ 591844 h 825623"/>
                <a:gd name="connsiteX45" fmla="*/ 701336 w 727969"/>
                <a:gd name="connsiteY45" fmla="*/ 574089 h 825623"/>
                <a:gd name="connsiteX46" fmla="*/ 680622 w 727969"/>
                <a:gd name="connsiteY46" fmla="*/ 550415 h 825623"/>
                <a:gd name="connsiteX47" fmla="*/ 686540 w 727969"/>
                <a:gd name="connsiteY47" fmla="*/ 517864 h 825623"/>
                <a:gd name="connsiteX48" fmla="*/ 651029 w 727969"/>
                <a:gd name="connsiteY48" fmla="*/ 520823 h 825623"/>
                <a:gd name="connsiteX49" fmla="*/ 606641 w 727969"/>
                <a:gd name="connsiteY49" fmla="*/ 497149 h 825623"/>
                <a:gd name="connsiteX50" fmla="*/ 562253 w 727969"/>
                <a:gd name="connsiteY50" fmla="*/ 464598 h 825623"/>
                <a:gd name="connsiteX51" fmla="*/ 526742 w 727969"/>
                <a:gd name="connsiteY51" fmla="*/ 432046 h 825623"/>
                <a:gd name="connsiteX52" fmla="*/ 494191 w 727969"/>
                <a:gd name="connsiteY52" fmla="*/ 411332 h 825623"/>
                <a:gd name="connsiteX53" fmla="*/ 482354 w 727969"/>
                <a:gd name="connsiteY53" fmla="*/ 378780 h 825623"/>
                <a:gd name="connsiteX54" fmla="*/ 473476 w 727969"/>
                <a:gd name="connsiteY54" fmla="*/ 402454 h 825623"/>
                <a:gd name="connsiteX55" fmla="*/ 443884 w 727969"/>
                <a:gd name="connsiteY55" fmla="*/ 387658 h 825623"/>
                <a:gd name="connsiteX56" fmla="*/ 405414 w 727969"/>
                <a:gd name="connsiteY56" fmla="*/ 358066 h 825623"/>
                <a:gd name="connsiteX57" fmla="*/ 390618 w 727969"/>
                <a:gd name="connsiteY57" fmla="*/ 352147 h 825623"/>
                <a:gd name="connsiteX58" fmla="*/ 343270 w 727969"/>
                <a:gd name="connsiteY58" fmla="*/ 337351 h 825623"/>
                <a:gd name="connsiteX59" fmla="*/ 346229 w 727969"/>
                <a:gd name="connsiteY59" fmla="*/ 310718 h 825623"/>
                <a:gd name="connsiteX60" fmla="*/ 322556 w 727969"/>
                <a:gd name="connsiteY60" fmla="*/ 292963 h 825623"/>
                <a:gd name="connsiteX61" fmla="*/ 366944 w 727969"/>
                <a:gd name="connsiteY61" fmla="*/ 269289 h 825623"/>
                <a:gd name="connsiteX62" fmla="*/ 304800 w 727969"/>
                <a:gd name="connsiteY62" fmla="*/ 257452 h 825623"/>
                <a:gd name="connsiteX63" fmla="*/ 292963 w 727969"/>
                <a:gd name="connsiteY63" fmla="*/ 236738 h 825623"/>
                <a:gd name="connsiteX64" fmla="*/ 355107 w 727969"/>
                <a:gd name="connsiteY64" fmla="*/ 221941 h 825623"/>
                <a:gd name="connsiteX65" fmla="*/ 372862 w 727969"/>
                <a:gd name="connsiteY65" fmla="*/ 198268 h 825623"/>
                <a:gd name="connsiteX66" fmla="*/ 313678 w 727969"/>
                <a:gd name="connsiteY66" fmla="*/ 210105 h 825623"/>
                <a:gd name="connsiteX67" fmla="*/ 290004 w 727969"/>
                <a:gd name="connsiteY67" fmla="*/ 204186 h 825623"/>
                <a:gd name="connsiteX68" fmla="*/ 290004 w 727969"/>
                <a:gd name="connsiteY68" fmla="*/ 174594 h 825623"/>
                <a:gd name="connsiteX69" fmla="*/ 287045 w 727969"/>
                <a:gd name="connsiteY69" fmla="*/ 153879 h 825623"/>
                <a:gd name="connsiteX70" fmla="*/ 328474 w 727969"/>
                <a:gd name="connsiteY70" fmla="*/ 156839 h 825623"/>
                <a:gd name="connsiteX71" fmla="*/ 372862 w 727969"/>
                <a:gd name="connsiteY71" fmla="*/ 159798 h 825623"/>
                <a:gd name="connsiteX72" fmla="*/ 402455 w 727969"/>
                <a:gd name="connsiteY72" fmla="*/ 165716 h 825623"/>
                <a:gd name="connsiteX73" fmla="*/ 432047 w 727969"/>
                <a:gd name="connsiteY73" fmla="*/ 156839 h 825623"/>
                <a:gd name="connsiteX74" fmla="*/ 429088 w 727969"/>
                <a:gd name="connsiteY74" fmla="*/ 180512 h 825623"/>
                <a:gd name="connsiteX75" fmla="*/ 435006 w 727969"/>
                <a:gd name="connsiteY75" fmla="*/ 198268 h 825623"/>
                <a:gd name="connsiteX76" fmla="*/ 479394 w 727969"/>
                <a:gd name="connsiteY76" fmla="*/ 207145 h 825623"/>
                <a:gd name="connsiteX77" fmla="*/ 506027 w 727969"/>
                <a:gd name="connsiteY77" fmla="*/ 204186 h 825623"/>
                <a:gd name="connsiteX78" fmla="*/ 532660 w 727969"/>
                <a:gd name="connsiteY78" fmla="*/ 227860 h 825623"/>
                <a:gd name="connsiteX79" fmla="*/ 571130 w 727969"/>
                <a:gd name="connsiteY79" fmla="*/ 233778 h 825623"/>
                <a:gd name="connsiteX80" fmla="*/ 565212 w 727969"/>
                <a:gd name="connsiteY80" fmla="*/ 198268 h 825623"/>
                <a:gd name="connsiteX81" fmla="*/ 565212 w 727969"/>
                <a:gd name="connsiteY81" fmla="*/ 198268 h 825623"/>
                <a:gd name="connsiteX82" fmla="*/ 529701 w 727969"/>
                <a:gd name="connsiteY82" fmla="*/ 171635 h 825623"/>
                <a:gd name="connsiteX83" fmla="*/ 526742 w 727969"/>
                <a:gd name="connsiteY83" fmla="*/ 150920 h 825623"/>
                <a:gd name="connsiteX84" fmla="*/ 500109 w 727969"/>
                <a:gd name="connsiteY84" fmla="*/ 150920 h 825623"/>
                <a:gd name="connsiteX85" fmla="*/ 488272 w 727969"/>
                <a:gd name="connsiteY85" fmla="*/ 130206 h 825623"/>
                <a:gd name="connsiteX86" fmla="*/ 547457 w 727969"/>
                <a:gd name="connsiteY86" fmla="*/ 97654 h 825623"/>
                <a:gd name="connsiteX87" fmla="*/ 529701 w 727969"/>
                <a:gd name="connsiteY87" fmla="*/ 71021 h 825623"/>
                <a:gd name="connsiteX88" fmla="*/ 470517 w 727969"/>
                <a:gd name="connsiteY88" fmla="*/ 118369 h 825623"/>
                <a:gd name="connsiteX89" fmla="*/ 443884 w 727969"/>
                <a:gd name="connsiteY89" fmla="*/ 136124 h 825623"/>
                <a:gd name="connsiteX90" fmla="*/ 399495 w 727969"/>
                <a:gd name="connsiteY90" fmla="*/ 139083 h 825623"/>
                <a:gd name="connsiteX91" fmla="*/ 292963 w 727969"/>
                <a:gd name="connsiteY91" fmla="*/ 109491 h 825623"/>
                <a:gd name="connsiteX92" fmla="*/ 307759 w 727969"/>
                <a:gd name="connsiteY92" fmla="*/ 91736 h 825623"/>
                <a:gd name="connsiteX93" fmla="*/ 322556 w 727969"/>
                <a:gd name="connsiteY93" fmla="*/ 68062 h 825623"/>
                <a:gd name="connsiteX94" fmla="*/ 355107 w 727969"/>
                <a:gd name="connsiteY94" fmla="*/ 56225 h 825623"/>
                <a:gd name="connsiteX95" fmla="*/ 372862 w 727969"/>
                <a:gd name="connsiteY95" fmla="*/ 32551 h 825623"/>
                <a:gd name="connsiteX96" fmla="*/ 369903 w 727969"/>
                <a:gd name="connsiteY96" fmla="*/ 0 h 825623"/>
                <a:gd name="connsiteX97" fmla="*/ 340311 w 727969"/>
                <a:gd name="connsiteY97" fmla="*/ 35510 h 825623"/>
                <a:gd name="connsiteX98" fmla="*/ 310719 w 727969"/>
                <a:gd name="connsiteY98" fmla="*/ 65103 h 825623"/>
                <a:gd name="connsiteX99" fmla="*/ 281126 w 727969"/>
                <a:gd name="connsiteY99" fmla="*/ 94695 h 825623"/>
                <a:gd name="connsiteX100" fmla="*/ 233779 w 727969"/>
                <a:gd name="connsiteY100" fmla="*/ 85817 h 825623"/>
                <a:gd name="connsiteX101" fmla="*/ 195309 w 727969"/>
                <a:gd name="connsiteY101" fmla="*/ 71021 h 825623"/>
                <a:gd name="connsiteX102" fmla="*/ 183472 w 727969"/>
                <a:gd name="connsiteY102" fmla="*/ 79899 h 825623"/>
                <a:gd name="connsiteX103" fmla="*/ 174594 w 727969"/>
                <a:gd name="connsiteY103" fmla="*/ 53266 h 825623"/>
                <a:gd name="connsiteX104" fmla="*/ 174594 w 727969"/>
                <a:gd name="connsiteY104" fmla="*/ 26633 h 825623"/>
                <a:gd name="connsiteX105" fmla="*/ 109492 w 727969"/>
                <a:gd name="connsiteY105" fmla="*/ 47347 h 825623"/>
                <a:gd name="connsiteX106" fmla="*/ 53266 w 727969"/>
                <a:gd name="connsiteY106" fmla="*/ 62143 h 825623"/>
                <a:gd name="connsiteX107" fmla="*/ 17756 w 727969"/>
                <a:gd name="connsiteY107" fmla="*/ 112450 h 825623"/>
                <a:gd name="connsiteX0" fmla="*/ 4439 w 727969"/>
                <a:gd name="connsiteY0" fmla="*/ 111710 h 825623"/>
                <a:gd name="connsiteX1" fmla="*/ 0 w 727969"/>
                <a:gd name="connsiteY1" fmla="*/ 574089 h 825623"/>
                <a:gd name="connsiteX2" fmla="*/ 26633 w 727969"/>
                <a:gd name="connsiteY2" fmla="*/ 574089 h 825623"/>
                <a:gd name="connsiteX3" fmla="*/ 41429 w 727969"/>
                <a:gd name="connsiteY3" fmla="*/ 580007 h 825623"/>
                <a:gd name="connsiteX4" fmla="*/ 56226 w 727969"/>
                <a:gd name="connsiteY4" fmla="*/ 574089 h 825623"/>
                <a:gd name="connsiteX5" fmla="*/ 79899 w 727969"/>
                <a:gd name="connsiteY5" fmla="*/ 594804 h 825623"/>
                <a:gd name="connsiteX6" fmla="*/ 91736 w 727969"/>
                <a:gd name="connsiteY6" fmla="*/ 580007 h 825623"/>
                <a:gd name="connsiteX7" fmla="*/ 130206 w 727969"/>
                <a:gd name="connsiteY7" fmla="*/ 594804 h 825623"/>
                <a:gd name="connsiteX8" fmla="*/ 142043 w 727969"/>
                <a:gd name="connsiteY8" fmla="*/ 609600 h 825623"/>
                <a:gd name="connsiteX9" fmla="*/ 142043 w 727969"/>
                <a:gd name="connsiteY9" fmla="*/ 609600 h 825623"/>
                <a:gd name="connsiteX10" fmla="*/ 142043 w 727969"/>
                <a:gd name="connsiteY10" fmla="*/ 609600 h 825623"/>
                <a:gd name="connsiteX11" fmla="*/ 174594 w 727969"/>
                <a:gd name="connsiteY11" fmla="*/ 582967 h 825623"/>
                <a:gd name="connsiteX12" fmla="*/ 221942 w 727969"/>
                <a:gd name="connsiteY12" fmla="*/ 636233 h 825623"/>
                <a:gd name="connsiteX13" fmla="*/ 230820 w 727969"/>
                <a:gd name="connsiteY13" fmla="*/ 612559 h 825623"/>
                <a:gd name="connsiteX14" fmla="*/ 221942 w 727969"/>
                <a:gd name="connsiteY14" fmla="*/ 594804 h 825623"/>
                <a:gd name="connsiteX15" fmla="*/ 257453 w 727969"/>
                <a:gd name="connsiteY15" fmla="*/ 612559 h 825623"/>
                <a:gd name="connsiteX16" fmla="*/ 275208 w 727969"/>
                <a:gd name="connsiteY16" fmla="*/ 603681 h 825623"/>
                <a:gd name="connsiteX17" fmla="*/ 301841 w 727969"/>
                <a:gd name="connsiteY17" fmla="*/ 621437 h 825623"/>
                <a:gd name="connsiteX18" fmla="*/ 331433 w 727969"/>
                <a:gd name="connsiteY18" fmla="*/ 594804 h 825623"/>
                <a:gd name="connsiteX19" fmla="*/ 343270 w 727969"/>
                <a:gd name="connsiteY19" fmla="*/ 603681 h 825623"/>
                <a:gd name="connsiteX20" fmla="*/ 408373 w 727969"/>
                <a:gd name="connsiteY20" fmla="*/ 574089 h 825623"/>
                <a:gd name="connsiteX21" fmla="*/ 458680 w 727969"/>
                <a:gd name="connsiteY21" fmla="*/ 553374 h 825623"/>
                <a:gd name="connsiteX22" fmla="*/ 523783 w 727969"/>
                <a:gd name="connsiteY22" fmla="*/ 550415 h 825623"/>
                <a:gd name="connsiteX23" fmla="*/ 538579 w 727969"/>
                <a:gd name="connsiteY23" fmla="*/ 582967 h 825623"/>
                <a:gd name="connsiteX24" fmla="*/ 508987 w 727969"/>
                <a:gd name="connsiteY24" fmla="*/ 580007 h 825623"/>
                <a:gd name="connsiteX25" fmla="*/ 532660 w 727969"/>
                <a:gd name="connsiteY25" fmla="*/ 624396 h 825623"/>
                <a:gd name="connsiteX26" fmla="*/ 562253 w 727969"/>
                <a:gd name="connsiteY26" fmla="*/ 639192 h 825623"/>
                <a:gd name="connsiteX27" fmla="*/ 565212 w 727969"/>
                <a:gd name="connsiteY27" fmla="*/ 680621 h 825623"/>
                <a:gd name="connsiteX28" fmla="*/ 588886 w 727969"/>
                <a:gd name="connsiteY28" fmla="*/ 713173 h 825623"/>
                <a:gd name="connsiteX29" fmla="*/ 633274 w 727969"/>
                <a:gd name="connsiteY29" fmla="*/ 739806 h 825623"/>
                <a:gd name="connsiteX30" fmla="*/ 671744 w 727969"/>
                <a:gd name="connsiteY30" fmla="*/ 798990 h 825623"/>
                <a:gd name="connsiteX31" fmla="*/ 704295 w 727969"/>
                <a:gd name="connsiteY31" fmla="*/ 825623 h 825623"/>
                <a:gd name="connsiteX32" fmla="*/ 727969 w 727969"/>
                <a:gd name="connsiteY32" fmla="*/ 801949 h 825623"/>
                <a:gd name="connsiteX33" fmla="*/ 719092 w 727969"/>
                <a:gd name="connsiteY33" fmla="*/ 772357 h 825623"/>
                <a:gd name="connsiteX34" fmla="*/ 683581 w 727969"/>
                <a:gd name="connsiteY34" fmla="*/ 748683 h 825623"/>
                <a:gd name="connsiteX35" fmla="*/ 674703 w 727969"/>
                <a:gd name="connsiteY35" fmla="*/ 727969 h 825623"/>
                <a:gd name="connsiteX36" fmla="*/ 686540 w 727969"/>
                <a:gd name="connsiteY36" fmla="*/ 686540 h 825623"/>
                <a:gd name="connsiteX37" fmla="*/ 665826 w 727969"/>
                <a:gd name="connsiteY37" fmla="*/ 686540 h 825623"/>
                <a:gd name="connsiteX38" fmla="*/ 651029 w 727969"/>
                <a:gd name="connsiteY38" fmla="*/ 674703 h 825623"/>
                <a:gd name="connsiteX39" fmla="*/ 633274 w 727969"/>
                <a:gd name="connsiteY39" fmla="*/ 671743 h 825623"/>
                <a:gd name="connsiteX40" fmla="*/ 627356 w 727969"/>
                <a:gd name="connsiteY40" fmla="*/ 648070 h 825623"/>
                <a:gd name="connsiteX41" fmla="*/ 656948 w 727969"/>
                <a:gd name="connsiteY41" fmla="*/ 633273 h 825623"/>
                <a:gd name="connsiteX42" fmla="*/ 686540 w 727969"/>
                <a:gd name="connsiteY42" fmla="*/ 612559 h 825623"/>
                <a:gd name="connsiteX43" fmla="*/ 713173 w 727969"/>
                <a:gd name="connsiteY43" fmla="*/ 600722 h 825623"/>
                <a:gd name="connsiteX44" fmla="*/ 725010 w 727969"/>
                <a:gd name="connsiteY44" fmla="*/ 591844 h 825623"/>
                <a:gd name="connsiteX45" fmla="*/ 701336 w 727969"/>
                <a:gd name="connsiteY45" fmla="*/ 574089 h 825623"/>
                <a:gd name="connsiteX46" fmla="*/ 680622 w 727969"/>
                <a:gd name="connsiteY46" fmla="*/ 550415 h 825623"/>
                <a:gd name="connsiteX47" fmla="*/ 686540 w 727969"/>
                <a:gd name="connsiteY47" fmla="*/ 517864 h 825623"/>
                <a:gd name="connsiteX48" fmla="*/ 651029 w 727969"/>
                <a:gd name="connsiteY48" fmla="*/ 520823 h 825623"/>
                <a:gd name="connsiteX49" fmla="*/ 606641 w 727969"/>
                <a:gd name="connsiteY49" fmla="*/ 497149 h 825623"/>
                <a:gd name="connsiteX50" fmla="*/ 562253 w 727969"/>
                <a:gd name="connsiteY50" fmla="*/ 464598 h 825623"/>
                <a:gd name="connsiteX51" fmla="*/ 526742 w 727969"/>
                <a:gd name="connsiteY51" fmla="*/ 432046 h 825623"/>
                <a:gd name="connsiteX52" fmla="*/ 494191 w 727969"/>
                <a:gd name="connsiteY52" fmla="*/ 411332 h 825623"/>
                <a:gd name="connsiteX53" fmla="*/ 482354 w 727969"/>
                <a:gd name="connsiteY53" fmla="*/ 378780 h 825623"/>
                <a:gd name="connsiteX54" fmla="*/ 473476 w 727969"/>
                <a:gd name="connsiteY54" fmla="*/ 402454 h 825623"/>
                <a:gd name="connsiteX55" fmla="*/ 443884 w 727969"/>
                <a:gd name="connsiteY55" fmla="*/ 387658 h 825623"/>
                <a:gd name="connsiteX56" fmla="*/ 405414 w 727969"/>
                <a:gd name="connsiteY56" fmla="*/ 358066 h 825623"/>
                <a:gd name="connsiteX57" fmla="*/ 390618 w 727969"/>
                <a:gd name="connsiteY57" fmla="*/ 352147 h 825623"/>
                <a:gd name="connsiteX58" fmla="*/ 343270 w 727969"/>
                <a:gd name="connsiteY58" fmla="*/ 337351 h 825623"/>
                <a:gd name="connsiteX59" fmla="*/ 346229 w 727969"/>
                <a:gd name="connsiteY59" fmla="*/ 310718 h 825623"/>
                <a:gd name="connsiteX60" fmla="*/ 322556 w 727969"/>
                <a:gd name="connsiteY60" fmla="*/ 292963 h 825623"/>
                <a:gd name="connsiteX61" fmla="*/ 366944 w 727969"/>
                <a:gd name="connsiteY61" fmla="*/ 269289 h 825623"/>
                <a:gd name="connsiteX62" fmla="*/ 304800 w 727969"/>
                <a:gd name="connsiteY62" fmla="*/ 257452 h 825623"/>
                <a:gd name="connsiteX63" fmla="*/ 292963 w 727969"/>
                <a:gd name="connsiteY63" fmla="*/ 236738 h 825623"/>
                <a:gd name="connsiteX64" fmla="*/ 355107 w 727969"/>
                <a:gd name="connsiteY64" fmla="*/ 221941 h 825623"/>
                <a:gd name="connsiteX65" fmla="*/ 372862 w 727969"/>
                <a:gd name="connsiteY65" fmla="*/ 198268 h 825623"/>
                <a:gd name="connsiteX66" fmla="*/ 313678 w 727969"/>
                <a:gd name="connsiteY66" fmla="*/ 210105 h 825623"/>
                <a:gd name="connsiteX67" fmla="*/ 290004 w 727969"/>
                <a:gd name="connsiteY67" fmla="*/ 204186 h 825623"/>
                <a:gd name="connsiteX68" fmla="*/ 290004 w 727969"/>
                <a:gd name="connsiteY68" fmla="*/ 174594 h 825623"/>
                <a:gd name="connsiteX69" fmla="*/ 287045 w 727969"/>
                <a:gd name="connsiteY69" fmla="*/ 153879 h 825623"/>
                <a:gd name="connsiteX70" fmla="*/ 328474 w 727969"/>
                <a:gd name="connsiteY70" fmla="*/ 156839 h 825623"/>
                <a:gd name="connsiteX71" fmla="*/ 372862 w 727969"/>
                <a:gd name="connsiteY71" fmla="*/ 159798 h 825623"/>
                <a:gd name="connsiteX72" fmla="*/ 402455 w 727969"/>
                <a:gd name="connsiteY72" fmla="*/ 165716 h 825623"/>
                <a:gd name="connsiteX73" fmla="*/ 432047 w 727969"/>
                <a:gd name="connsiteY73" fmla="*/ 156839 h 825623"/>
                <a:gd name="connsiteX74" fmla="*/ 429088 w 727969"/>
                <a:gd name="connsiteY74" fmla="*/ 180512 h 825623"/>
                <a:gd name="connsiteX75" fmla="*/ 435006 w 727969"/>
                <a:gd name="connsiteY75" fmla="*/ 198268 h 825623"/>
                <a:gd name="connsiteX76" fmla="*/ 479394 w 727969"/>
                <a:gd name="connsiteY76" fmla="*/ 207145 h 825623"/>
                <a:gd name="connsiteX77" fmla="*/ 506027 w 727969"/>
                <a:gd name="connsiteY77" fmla="*/ 204186 h 825623"/>
                <a:gd name="connsiteX78" fmla="*/ 532660 w 727969"/>
                <a:gd name="connsiteY78" fmla="*/ 227860 h 825623"/>
                <a:gd name="connsiteX79" fmla="*/ 571130 w 727969"/>
                <a:gd name="connsiteY79" fmla="*/ 233778 h 825623"/>
                <a:gd name="connsiteX80" fmla="*/ 565212 w 727969"/>
                <a:gd name="connsiteY80" fmla="*/ 198268 h 825623"/>
                <a:gd name="connsiteX81" fmla="*/ 565212 w 727969"/>
                <a:gd name="connsiteY81" fmla="*/ 198268 h 825623"/>
                <a:gd name="connsiteX82" fmla="*/ 529701 w 727969"/>
                <a:gd name="connsiteY82" fmla="*/ 171635 h 825623"/>
                <a:gd name="connsiteX83" fmla="*/ 526742 w 727969"/>
                <a:gd name="connsiteY83" fmla="*/ 150920 h 825623"/>
                <a:gd name="connsiteX84" fmla="*/ 500109 w 727969"/>
                <a:gd name="connsiteY84" fmla="*/ 150920 h 825623"/>
                <a:gd name="connsiteX85" fmla="*/ 488272 w 727969"/>
                <a:gd name="connsiteY85" fmla="*/ 130206 h 825623"/>
                <a:gd name="connsiteX86" fmla="*/ 547457 w 727969"/>
                <a:gd name="connsiteY86" fmla="*/ 97654 h 825623"/>
                <a:gd name="connsiteX87" fmla="*/ 529701 w 727969"/>
                <a:gd name="connsiteY87" fmla="*/ 71021 h 825623"/>
                <a:gd name="connsiteX88" fmla="*/ 470517 w 727969"/>
                <a:gd name="connsiteY88" fmla="*/ 118369 h 825623"/>
                <a:gd name="connsiteX89" fmla="*/ 443884 w 727969"/>
                <a:gd name="connsiteY89" fmla="*/ 136124 h 825623"/>
                <a:gd name="connsiteX90" fmla="*/ 399495 w 727969"/>
                <a:gd name="connsiteY90" fmla="*/ 139083 h 825623"/>
                <a:gd name="connsiteX91" fmla="*/ 292963 w 727969"/>
                <a:gd name="connsiteY91" fmla="*/ 109491 h 825623"/>
                <a:gd name="connsiteX92" fmla="*/ 307759 w 727969"/>
                <a:gd name="connsiteY92" fmla="*/ 91736 h 825623"/>
                <a:gd name="connsiteX93" fmla="*/ 322556 w 727969"/>
                <a:gd name="connsiteY93" fmla="*/ 68062 h 825623"/>
                <a:gd name="connsiteX94" fmla="*/ 355107 w 727969"/>
                <a:gd name="connsiteY94" fmla="*/ 56225 h 825623"/>
                <a:gd name="connsiteX95" fmla="*/ 372862 w 727969"/>
                <a:gd name="connsiteY95" fmla="*/ 32551 h 825623"/>
                <a:gd name="connsiteX96" fmla="*/ 369903 w 727969"/>
                <a:gd name="connsiteY96" fmla="*/ 0 h 825623"/>
                <a:gd name="connsiteX97" fmla="*/ 340311 w 727969"/>
                <a:gd name="connsiteY97" fmla="*/ 35510 h 825623"/>
                <a:gd name="connsiteX98" fmla="*/ 310719 w 727969"/>
                <a:gd name="connsiteY98" fmla="*/ 65103 h 825623"/>
                <a:gd name="connsiteX99" fmla="*/ 281126 w 727969"/>
                <a:gd name="connsiteY99" fmla="*/ 94695 h 825623"/>
                <a:gd name="connsiteX100" fmla="*/ 233779 w 727969"/>
                <a:gd name="connsiteY100" fmla="*/ 85817 h 825623"/>
                <a:gd name="connsiteX101" fmla="*/ 195309 w 727969"/>
                <a:gd name="connsiteY101" fmla="*/ 71021 h 825623"/>
                <a:gd name="connsiteX102" fmla="*/ 183472 w 727969"/>
                <a:gd name="connsiteY102" fmla="*/ 79899 h 825623"/>
                <a:gd name="connsiteX103" fmla="*/ 174594 w 727969"/>
                <a:gd name="connsiteY103" fmla="*/ 53266 h 825623"/>
                <a:gd name="connsiteX104" fmla="*/ 174594 w 727969"/>
                <a:gd name="connsiteY104" fmla="*/ 26633 h 825623"/>
                <a:gd name="connsiteX105" fmla="*/ 109492 w 727969"/>
                <a:gd name="connsiteY105" fmla="*/ 47347 h 825623"/>
                <a:gd name="connsiteX106" fmla="*/ 53266 w 727969"/>
                <a:gd name="connsiteY106" fmla="*/ 62143 h 825623"/>
                <a:gd name="connsiteX107" fmla="*/ 4439 w 727969"/>
                <a:gd name="connsiteY107" fmla="*/ 111710 h 8256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Lst>
              <a:rect l="l" t="t" r="r" b="b"/>
              <a:pathLst>
                <a:path w="727969" h="825623">
                  <a:moveTo>
                    <a:pt x="4439" y="111710"/>
                  </a:moveTo>
                  <a:cubicBezTo>
                    <a:pt x="2959" y="265836"/>
                    <a:pt x="1480" y="419963"/>
                    <a:pt x="0" y="574089"/>
                  </a:cubicBezTo>
                  <a:lnTo>
                    <a:pt x="26633" y="574089"/>
                  </a:lnTo>
                  <a:lnTo>
                    <a:pt x="41429" y="580007"/>
                  </a:lnTo>
                  <a:lnTo>
                    <a:pt x="56226" y="574089"/>
                  </a:lnTo>
                  <a:lnTo>
                    <a:pt x="79899" y="594804"/>
                  </a:lnTo>
                  <a:lnTo>
                    <a:pt x="91736" y="580007"/>
                  </a:lnTo>
                  <a:lnTo>
                    <a:pt x="130206" y="594804"/>
                  </a:lnTo>
                  <a:lnTo>
                    <a:pt x="142043" y="609600"/>
                  </a:lnTo>
                  <a:lnTo>
                    <a:pt x="142043" y="609600"/>
                  </a:lnTo>
                  <a:lnTo>
                    <a:pt x="142043" y="609600"/>
                  </a:lnTo>
                  <a:lnTo>
                    <a:pt x="174594" y="582967"/>
                  </a:lnTo>
                  <a:lnTo>
                    <a:pt x="221942" y="636233"/>
                  </a:lnTo>
                  <a:lnTo>
                    <a:pt x="230820" y="612559"/>
                  </a:lnTo>
                  <a:lnTo>
                    <a:pt x="221942" y="594804"/>
                  </a:lnTo>
                  <a:lnTo>
                    <a:pt x="257453" y="612559"/>
                  </a:lnTo>
                  <a:lnTo>
                    <a:pt x="275208" y="603681"/>
                  </a:lnTo>
                  <a:lnTo>
                    <a:pt x="301841" y="621437"/>
                  </a:lnTo>
                  <a:lnTo>
                    <a:pt x="331433" y="594804"/>
                  </a:lnTo>
                  <a:lnTo>
                    <a:pt x="343270" y="603681"/>
                  </a:lnTo>
                  <a:lnTo>
                    <a:pt x="408373" y="574089"/>
                  </a:lnTo>
                  <a:lnTo>
                    <a:pt x="458680" y="553374"/>
                  </a:lnTo>
                  <a:lnTo>
                    <a:pt x="523783" y="550415"/>
                  </a:lnTo>
                  <a:lnTo>
                    <a:pt x="538579" y="582967"/>
                  </a:lnTo>
                  <a:lnTo>
                    <a:pt x="508987" y="580007"/>
                  </a:lnTo>
                  <a:lnTo>
                    <a:pt x="532660" y="624396"/>
                  </a:lnTo>
                  <a:lnTo>
                    <a:pt x="562253" y="639192"/>
                  </a:lnTo>
                  <a:lnTo>
                    <a:pt x="565212" y="680621"/>
                  </a:lnTo>
                  <a:lnTo>
                    <a:pt x="588886" y="713173"/>
                  </a:lnTo>
                  <a:lnTo>
                    <a:pt x="633274" y="739806"/>
                  </a:lnTo>
                  <a:lnTo>
                    <a:pt x="671744" y="798990"/>
                  </a:lnTo>
                  <a:lnTo>
                    <a:pt x="704295" y="825623"/>
                  </a:lnTo>
                  <a:lnTo>
                    <a:pt x="727969" y="801949"/>
                  </a:lnTo>
                  <a:lnTo>
                    <a:pt x="719092" y="772357"/>
                  </a:lnTo>
                  <a:lnTo>
                    <a:pt x="683581" y="748683"/>
                  </a:lnTo>
                  <a:lnTo>
                    <a:pt x="674703" y="727969"/>
                  </a:lnTo>
                  <a:lnTo>
                    <a:pt x="686540" y="686540"/>
                  </a:lnTo>
                  <a:lnTo>
                    <a:pt x="665826" y="686540"/>
                  </a:lnTo>
                  <a:lnTo>
                    <a:pt x="651029" y="674703"/>
                  </a:lnTo>
                  <a:lnTo>
                    <a:pt x="633274" y="671743"/>
                  </a:lnTo>
                  <a:lnTo>
                    <a:pt x="627356" y="648070"/>
                  </a:lnTo>
                  <a:lnTo>
                    <a:pt x="656948" y="633273"/>
                  </a:lnTo>
                  <a:lnTo>
                    <a:pt x="686540" y="612559"/>
                  </a:lnTo>
                  <a:lnTo>
                    <a:pt x="713173" y="600722"/>
                  </a:lnTo>
                  <a:lnTo>
                    <a:pt x="725010" y="591844"/>
                  </a:lnTo>
                  <a:lnTo>
                    <a:pt x="701336" y="574089"/>
                  </a:lnTo>
                  <a:lnTo>
                    <a:pt x="680622" y="550415"/>
                  </a:lnTo>
                  <a:lnTo>
                    <a:pt x="686540" y="517864"/>
                  </a:lnTo>
                  <a:lnTo>
                    <a:pt x="651029" y="520823"/>
                  </a:lnTo>
                  <a:lnTo>
                    <a:pt x="606641" y="497149"/>
                  </a:lnTo>
                  <a:lnTo>
                    <a:pt x="562253" y="464598"/>
                  </a:lnTo>
                  <a:lnTo>
                    <a:pt x="526742" y="432046"/>
                  </a:lnTo>
                  <a:lnTo>
                    <a:pt x="494191" y="411332"/>
                  </a:lnTo>
                  <a:lnTo>
                    <a:pt x="482354" y="378780"/>
                  </a:lnTo>
                  <a:lnTo>
                    <a:pt x="473476" y="402454"/>
                  </a:lnTo>
                  <a:lnTo>
                    <a:pt x="443884" y="387658"/>
                  </a:lnTo>
                  <a:lnTo>
                    <a:pt x="405414" y="358066"/>
                  </a:lnTo>
                  <a:lnTo>
                    <a:pt x="390618" y="352147"/>
                  </a:lnTo>
                  <a:lnTo>
                    <a:pt x="343270" y="337351"/>
                  </a:lnTo>
                  <a:lnTo>
                    <a:pt x="346229" y="310718"/>
                  </a:lnTo>
                  <a:lnTo>
                    <a:pt x="322556" y="292963"/>
                  </a:lnTo>
                  <a:lnTo>
                    <a:pt x="366944" y="269289"/>
                  </a:lnTo>
                  <a:lnTo>
                    <a:pt x="304800" y="257452"/>
                  </a:lnTo>
                  <a:lnTo>
                    <a:pt x="292963" y="236738"/>
                  </a:lnTo>
                  <a:lnTo>
                    <a:pt x="355107" y="221941"/>
                  </a:lnTo>
                  <a:lnTo>
                    <a:pt x="372862" y="198268"/>
                  </a:lnTo>
                  <a:lnTo>
                    <a:pt x="313678" y="210105"/>
                  </a:lnTo>
                  <a:lnTo>
                    <a:pt x="290004" y="204186"/>
                  </a:lnTo>
                  <a:lnTo>
                    <a:pt x="290004" y="174594"/>
                  </a:lnTo>
                  <a:lnTo>
                    <a:pt x="287045" y="153879"/>
                  </a:lnTo>
                  <a:lnTo>
                    <a:pt x="328474" y="156839"/>
                  </a:lnTo>
                  <a:lnTo>
                    <a:pt x="372862" y="159798"/>
                  </a:lnTo>
                  <a:lnTo>
                    <a:pt x="402455" y="165716"/>
                  </a:lnTo>
                  <a:lnTo>
                    <a:pt x="432047" y="156839"/>
                  </a:lnTo>
                  <a:lnTo>
                    <a:pt x="429088" y="180512"/>
                  </a:lnTo>
                  <a:lnTo>
                    <a:pt x="435006" y="198268"/>
                  </a:lnTo>
                  <a:lnTo>
                    <a:pt x="479394" y="207145"/>
                  </a:lnTo>
                  <a:lnTo>
                    <a:pt x="506027" y="204186"/>
                  </a:lnTo>
                  <a:lnTo>
                    <a:pt x="532660" y="227860"/>
                  </a:lnTo>
                  <a:lnTo>
                    <a:pt x="571130" y="233778"/>
                  </a:lnTo>
                  <a:lnTo>
                    <a:pt x="565212" y="198268"/>
                  </a:lnTo>
                  <a:lnTo>
                    <a:pt x="565212" y="198268"/>
                  </a:lnTo>
                  <a:lnTo>
                    <a:pt x="529701" y="171635"/>
                  </a:lnTo>
                  <a:lnTo>
                    <a:pt x="526742" y="150920"/>
                  </a:lnTo>
                  <a:lnTo>
                    <a:pt x="500109" y="150920"/>
                  </a:lnTo>
                  <a:lnTo>
                    <a:pt x="488272" y="130206"/>
                  </a:lnTo>
                  <a:lnTo>
                    <a:pt x="547457" y="97654"/>
                  </a:lnTo>
                  <a:lnTo>
                    <a:pt x="529701" y="71021"/>
                  </a:lnTo>
                  <a:lnTo>
                    <a:pt x="470517" y="118369"/>
                  </a:lnTo>
                  <a:lnTo>
                    <a:pt x="443884" y="136124"/>
                  </a:lnTo>
                  <a:lnTo>
                    <a:pt x="399495" y="139083"/>
                  </a:lnTo>
                  <a:lnTo>
                    <a:pt x="292963" y="109491"/>
                  </a:lnTo>
                  <a:lnTo>
                    <a:pt x="307759" y="91736"/>
                  </a:lnTo>
                  <a:lnTo>
                    <a:pt x="322556" y="68062"/>
                  </a:lnTo>
                  <a:lnTo>
                    <a:pt x="355107" y="56225"/>
                  </a:lnTo>
                  <a:lnTo>
                    <a:pt x="372862" y="32551"/>
                  </a:lnTo>
                  <a:lnTo>
                    <a:pt x="369903" y="0"/>
                  </a:lnTo>
                  <a:lnTo>
                    <a:pt x="340311" y="35510"/>
                  </a:lnTo>
                  <a:lnTo>
                    <a:pt x="310719" y="65103"/>
                  </a:lnTo>
                  <a:lnTo>
                    <a:pt x="281126" y="94695"/>
                  </a:lnTo>
                  <a:lnTo>
                    <a:pt x="233779" y="85817"/>
                  </a:lnTo>
                  <a:lnTo>
                    <a:pt x="195309" y="71021"/>
                  </a:lnTo>
                  <a:lnTo>
                    <a:pt x="183472" y="79899"/>
                  </a:lnTo>
                  <a:lnTo>
                    <a:pt x="174594" y="53266"/>
                  </a:lnTo>
                  <a:lnTo>
                    <a:pt x="174594" y="26633"/>
                  </a:lnTo>
                  <a:lnTo>
                    <a:pt x="109492" y="47347"/>
                  </a:lnTo>
                  <a:lnTo>
                    <a:pt x="53266" y="62143"/>
                  </a:lnTo>
                  <a:lnTo>
                    <a:pt x="4439" y="11171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2" name="TextBox 21"/>
            <p:cNvSpPr txBox="1"/>
            <p:nvPr/>
          </p:nvSpPr>
          <p:spPr bwMode="gray">
            <a:xfrm>
              <a:off x="2590800" y="533400"/>
              <a:ext cx="890565" cy="458587"/>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effectLst>
                    <a:outerShdw blurRad="38100" dist="63500" dir="2700000" algn="tl">
                      <a:srgbClr val="000000"/>
                    </a:outerShdw>
                  </a:effectLst>
                </a:rPr>
                <a:t>East San</a:t>
              </a:r>
            </a:p>
            <a:p>
              <a:pPr algn="ctr">
                <a:lnSpc>
                  <a:spcPct val="85000"/>
                </a:lnSpc>
              </a:pPr>
              <a:r>
                <a:rPr lang="en-US" sz="1400" b="1" dirty="0" smtClean="0">
                  <a:effectLst>
                    <a:outerShdw blurRad="38100" dist="63500" dir="2700000" algn="tl">
                      <a:srgbClr val="000000"/>
                    </a:outerShdw>
                  </a:effectLst>
                </a:rPr>
                <a:t>Fernando</a:t>
              </a:r>
              <a:endParaRPr lang="en-US" sz="1400" b="1" dirty="0">
                <a:effectLst>
                  <a:outerShdw blurRad="38100" dist="63500" dir="2700000" algn="tl">
                    <a:srgbClr val="000000"/>
                  </a:outerShdw>
                </a:effectLst>
              </a:endParaRPr>
            </a:p>
          </p:txBody>
        </p:sp>
      </p:grpSp>
      <p:sp>
        <p:nvSpPr>
          <p:cNvPr id="64"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121</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40646203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25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125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1250"/>
                                        <p:tgtEl>
                                          <p:spTgt spid="3">
                                            <p:txEl>
                                              <p:pRg st="2" end="2"/>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19"/>
                                        </p:tgtEl>
                                        <p:attrNameLst>
                                          <p:attrName>style.visibility</p:attrName>
                                        </p:attrNameLst>
                                      </p:cBhvr>
                                      <p:to>
                                        <p:strVal val="visible"/>
                                      </p:to>
                                    </p:set>
                                    <p:animEffect transition="in" filter="fade">
                                      <p:cBhvr>
                                        <p:cTn id="20" dur="2000"/>
                                        <p:tgtEl>
                                          <p:spTgt spid="19"/>
                                        </p:tgtEl>
                                      </p:cBhvr>
                                    </p:animEffect>
                                  </p:childTnLst>
                                </p:cTn>
                              </p:par>
                              <p:par>
                                <p:cTn id="21" presetID="10" presetClass="entr" presetSubtype="0" fill="hold" nodeType="withEffect">
                                  <p:stCondLst>
                                    <p:cond delay="0"/>
                                  </p:stCondLst>
                                  <p:childTnLst>
                                    <p:set>
                                      <p:cBhvr>
                                        <p:cTn id="22" dur="1" fill="hold">
                                          <p:stCondLst>
                                            <p:cond delay="0"/>
                                          </p:stCondLst>
                                        </p:cTn>
                                        <p:tgtEl>
                                          <p:spTgt spid="40"/>
                                        </p:tgtEl>
                                        <p:attrNameLst>
                                          <p:attrName>style.visibility</p:attrName>
                                        </p:attrNameLst>
                                      </p:cBhvr>
                                      <p:to>
                                        <p:strVal val="visible"/>
                                      </p:to>
                                    </p:set>
                                    <p:animEffect transition="in" filter="fade">
                                      <p:cBhvr>
                                        <p:cTn id="23" dur="2000"/>
                                        <p:tgtEl>
                                          <p:spTgt spid="40"/>
                                        </p:tgtEl>
                                      </p:cBhvr>
                                    </p:animEffect>
                                  </p:childTnLst>
                                </p:cTn>
                              </p:par>
                              <p:par>
                                <p:cTn id="24" presetID="10" presetClass="entr" presetSubtype="0" fill="hold" nodeType="withEffect">
                                  <p:stCondLst>
                                    <p:cond delay="0"/>
                                  </p:stCondLst>
                                  <p:childTnLst>
                                    <p:set>
                                      <p:cBhvr>
                                        <p:cTn id="25" dur="1" fill="hold">
                                          <p:stCondLst>
                                            <p:cond delay="0"/>
                                          </p:stCondLst>
                                        </p:cTn>
                                        <p:tgtEl>
                                          <p:spTgt spid="42"/>
                                        </p:tgtEl>
                                        <p:attrNameLst>
                                          <p:attrName>style.visibility</p:attrName>
                                        </p:attrNameLst>
                                      </p:cBhvr>
                                      <p:to>
                                        <p:strVal val="visible"/>
                                      </p:to>
                                    </p:set>
                                    <p:animEffect transition="in" filter="fade">
                                      <p:cBhvr>
                                        <p:cTn id="26" dur="2000"/>
                                        <p:tgtEl>
                                          <p:spTgt spid="42"/>
                                        </p:tgtEl>
                                      </p:cBhvr>
                                    </p:animEffect>
                                  </p:childTnLst>
                                </p:cTn>
                              </p:par>
                              <p:par>
                                <p:cTn id="27" presetID="10" presetClass="entr" presetSubtype="0" fill="hold" nodeType="withEffect">
                                  <p:stCondLst>
                                    <p:cond delay="0"/>
                                  </p:stCondLst>
                                  <p:childTnLst>
                                    <p:set>
                                      <p:cBhvr>
                                        <p:cTn id="28" dur="1" fill="hold">
                                          <p:stCondLst>
                                            <p:cond delay="0"/>
                                          </p:stCondLst>
                                        </p:cTn>
                                        <p:tgtEl>
                                          <p:spTgt spid="41"/>
                                        </p:tgtEl>
                                        <p:attrNameLst>
                                          <p:attrName>style.visibility</p:attrName>
                                        </p:attrNameLst>
                                      </p:cBhvr>
                                      <p:to>
                                        <p:strVal val="visible"/>
                                      </p:to>
                                    </p:set>
                                    <p:animEffect transition="in" filter="fade">
                                      <p:cBhvr>
                                        <p:cTn id="29" dur="2000"/>
                                        <p:tgtEl>
                                          <p:spTgt spid="41"/>
                                        </p:tgtEl>
                                      </p:cBhvr>
                                    </p:animEffect>
                                  </p:childTnLst>
                                </p:cTn>
                              </p:par>
                              <p:par>
                                <p:cTn id="30" presetID="10" presetClass="entr" presetSubtype="0" fill="hold" nodeType="withEffect">
                                  <p:stCondLst>
                                    <p:cond delay="0"/>
                                  </p:stCondLst>
                                  <p:childTnLst>
                                    <p:set>
                                      <p:cBhvr>
                                        <p:cTn id="31" dur="1" fill="hold">
                                          <p:stCondLst>
                                            <p:cond delay="0"/>
                                          </p:stCondLst>
                                        </p:cTn>
                                        <p:tgtEl>
                                          <p:spTgt spid="11"/>
                                        </p:tgtEl>
                                        <p:attrNameLst>
                                          <p:attrName>style.visibility</p:attrName>
                                        </p:attrNameLst>
                                      </p:cBhvr>
                                      <p:to>
                                        <p:strVal val="visible"/>
                                      </p:to>
                                    </p:set>
                                    <p:animEffect transition="in" filter="fade">
                                      <p:cBhvr>
                                        <p:cTn id="32" dur="2000"/>
                                        <p:tgtEl>
                                          <p:spTgt spid="11"/>
                                        </p:tgtEl>
                                      </p:cBhvr>
                                    </p:animEffect>
                                  </p:childTnLst>
                                </p:cTn>
                              </p:par>
                              <p:par>
                                <p:cTn id="33" presetID="10" presetClass="entr" presetSubtype="0" fill="hold" nodeType="withEffect">
                                  <p:stCondLst>
                                    <p:cond delay="0"/>
                                  </p:stCondLst>
                                  <p:childTnLst>
                                    <p:set>
                                      <p:cBhvr>
                                        <p:cTn id="34" dur="1" fill="hold">
                                          <p:stCondLst>
                                            <p:cond delay="0"/>
                                          </p:stCondLst>
                                        </p:cTn>
                                        <p:tgtEl>
                                          <p:spTgt spid="10"/>
                                        </p:tgtEl>
                                        <p:attrNameLst>
                                          <p:attrName>style.visibility</p:attrName>
                                        </p:attrNameLst>
                                      </p:cBhvr>
                                      <p:to>
                                        <p:strVal val="visible"/>
                                      </p:to>
                                    </p:set>
                                    <p:animEffect transition="in" filter="fade">
                                      <p:cBhvr>
                                        <p:cTn id="35" dur="2000"/>
                                        <p:tgtEl>
                                          <p:spTgt spid="10"/>
                                        </p:tgtEl>
                                      </p:cBhvr>
                                    </p:animEffect>
                                  </p:childTnLst>
                                </p:cTn>
                              </p:par>
                              <p:par>
                                <p:cTn id="36" presetID="10" presetClass="entr" presetSubtype="0" fill="hold" nodeType="withEffect">
                                  <p:stCondLst>
                                    <p:cond delay="0"/>
                                  </p:stCondLst>
                                  <p:childTnLst>
                                    <p:set>
                                      <p:cBhvr>
                                        <p:cTn id="37" dur="1" fill="hold">
                                          <p:stCondLst>
                                            <p:cond delay="0"/>
                                          </p:stCondLst>
                                        </p:cTn>
                                        <p:tgtEl>
                                          <p:spTgt spid="30"/>
                                        </p:tgtEl>
                                        <p:attrNameLst>
                                          <p:attrName>style.visibility</p:attrName>
                                        </p:attrNameLst>
                                      </p:cBhvr>
                                      <p:to>
                                        <p:strVal val="visible"/>
                                      </p:to>
                                    </p:set>
                                    <p:animEffect transition="in" filter="fade">
                                      <p:cBhvr>
                                        <p:cTn id="38" dur="2000"/>
                                        <p:tgtEl>
                                          <p:spTgt spid="30"/>
                                        </p:tgtEl>
                                      </p:cBhvr>
                                    </p:animEffect>
                                  </p:childTnLst>
                                </p:cTn>
                              </p:par>
                              <p:par>
                                <p:cTn id="39" presetID="10" presetClass="entr" presetSubtype="0" fill="hold" nodeType="withEffect">
                                  <p:stCondLst>
                                    <p:cond delay="0"/>
                                  </p:stCondLst>
                                  <p:childTnLst>
                                    <p:set>
                                      <p:cBhvr>
                                        <p:cTn id="40" dur="1" fill="hold">
                                          <p:stCondLst>
                                            <p:cond delay="0"/>
                                          </p:stCondLst>
                                        </p:cTn>
                                        <p:tgtEl>
                                          <p:spTgt spid="24"/>
                                        </p:tgtEl>
                                        <p:attrNameLst>
                                          <p:attrName>style.visibility</p:attrName>
                                        </p:attrNameLst>
                                      </p:cBhvr>
                                      <p:to>
                                        <p:strVal val="visible"/>
                                      </p:to>
                                    </p:set>
                                    <p:animEffect transition="in" filter="fade">
                                      <p:cBhvr>
                                        <p:cTn id="41" dur="2000"/>
                                        <p:tgtEl>
                                          <p:spTgt spid="24"/>
                                        </p:tgtEl>
                                      </p:cBhvr>
                                    </p:animEffect>
                                  </p:childTnLst>
                                </p:cTn>
                              </p:par>
                              <p:par>
                                <p:cTn id="42" presetID="10" presetClass="entr" presetSubtype="0" fill="hold" nodeType="with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20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9"/>
                                        </p:tgtEl>
                                        <p:attrNameLst>
                                          <p:attrName>style.visibility</p:attrName>
                                        </p:attrNameLst>
                                      </p:cBhvr>
                                      <p:to>
                                        <p:strVal val="visible"/>
                                      </p:to>
                                    </p:set>
                                    <p:animEffect transition="in" filter="fade">
                                      <p:cBhvr>
                                        <p:cTn id="47" dur="2000"/>
                                        <p:tgtEl>
                                          <p:spTgt spid="9"/>
                                        </p:tgtEl>
                                      </p:cBhvr>
                                    </p:animEffect>
                                  </p:childTnLst>
                                </p:cTn>
                              </p:par>
                              <p:par>
                                <p:cTn id="48" presetID="10" presetClass="entr" presetSubtype="0" fill="hold" nodeType="withEffect">
                                  <p:stCondLst>
                                    <p:cond delay="0"/>
                                  </p:stCondLst>
                                  <p:childTnLst>
                                    <p:set>
                                      <p:cBhvr>
                                        <p:cTn id="49" dur="1" fill="hold">
                                          <p:stCondLst>
                                            <p:cond delay="0"/>
                                          </p:stCondLst>
                                        </p:cTn>
                                        <p:tgtEl>
                                          <p:spTgt spid="17"/>
                                        </p:tgtEl>
                                        <p:attrNameLst>
                                          <p:attrName>style.visibility</p:attrName>
                                        </p:attrNameLst>
                                      </p:cBhvr>
                                      <p:to>
                                        <p:strVal val="visible"/>
                                      </p:to>
                                    </p:set>
                                    <p:animEffect transition="in" filter="fade">
                                      <p:cBhvr>
                                        <p:cTn id="50" dur="2000"/>
                                        <p:tgtEl>
                                          <p:spTgt spid="17"/>
                                        </p:tgtEl>
                                      </p:cBhvr>
                                    </p:animEffect>
                                  </p:childTnLst>
                                </p:cTn>
                              </p:par>
                              <p:par>
                                <p:cTn id="51" presetID="10" presetClass="entr" presetSubtype="0" fill="hold" nodeType="withEffect">
                                  <p:stCondLst>
                                    <p:cond delay="0"/>
                                  </p:stCondLst>
                                  <p:childTnLst>
                                    <p:set>
                                      <p:cBhvr>
                                        <p:cTn id="52" dur="1" fill="hold">
                                          <p:stCondLst>
                                            <p:cond delay="0"/>
                                          </p:stCondLst>
                                        </p:cTn>
                                        <p:tgtEl>
                                          <p:spTgt spid="26"/>
                                        </p:tgtEl>
                                        <p:attrNameLst>
                                          <p:attrName>style.visibility</p:attrName>
                                        </p:attrNameLst>
                                      </p:cBhvr>
                                      <p:to>
                                        <p:strVal val="visible"/>
                                      </p:to>
                                    </p:set>
                                    <p:animEffect transition="in" filter="fade">
                                      <p:cBhvr>
                                        <p:cTn id="53" dur="2000"/>
                                        <p:tgtEl>
                                          <p:spTgt spid="26"/>
                                        </p:tgtEl>
                                      </p:cBhvr>
                                    </p:animEffect>
                                  </p:childTnLst>
                                </p:cTn>
                              </p:par>
                              <p:par>
                                <p:cTn id="54" presetID="10" presetClass="entr" presetSubtype="0" fill="hold" nodeType="withEffect">
                                  <p:stCondLst>
                                    <p:cond delay="0"/>
                                  </p:stCondLst>
                                  <p:childTnLst>
                                    <p:set>
                                      <p:cBhvr>
                                        <p:cTn id="55" dur="1" fill="hold">
                                          <p:stCondLst>
                                            <p:cond delay="0"/>
                                          </p:stCondLst>
                                        </p:cTn>
                                        <p:tgtEl>
                                          <p:spTgt spid="27"/>
                                        </p:tgtEl>
                                        <p:attrNameLst>
                                          <p:attrName>style.visibility</p:attrName>
                                        </p:attrNameLst>
                                      </p:cBhvr>
                                      <p:to>
                                        <p:strVal val="visible"/>
                                      </p:to>
                                    </p:set>
                                    <p:animEffect transition="in" filter="fade">
                                      <p:cBhvr>
                                        <p:cTn id="56" dur="2000"/>
                                        <p:tgtEl>
                                          <p:spTgt spid="27"/>
                                        </p:tgtEl>
                                      </p:cBhvr>
                                    </p:animEffect>
                                  </p:childTnLst>
                                </p:cTn>
                              </p:par>
                              <p:par>
                                <p:cTn id="57" presetID="10" presetClass="entr" presetSubtype="0" fill="hold" nodeType="withEffect">
                                  <p:stCondLst>
                                    <p:cond delay="0"/>
                                  </p:stCondLst>
                                  <p:childTnLst>
                                    <p:set>
                                      <p:cBhvr>
                                        <p:cTn id="58" dur="1" fill="hold">
                                          <p:stCondLst>
                                            <p:cond delay="0"/>
                                          </p:stCondLst>
                                        </p:cTn>
                                        <p:tgtEl>
                                          <p:spTgt spid="28"/>
                                        </p:tgtEl>
                                        <p:attrNameLst>
                                          <p:attrName>style.visibility</p:attrName>
                                        </p:attrNameLst>
                                      </p:cBhvr>
                                      <p:to>
                                        <p:strVal val="visible"/>
                                      </p:to>
                                    </p:set>
                                    <p:animEffect transition="in" filter="fade">
                                      <p:cBhvr>
                                        <p:cTn id="59" dur="2000"/>
                                        <p:tgtEl>
                                          <p:spTgt spid="28"/>
                                        </p:tgtEl>
                                      </p:cBhvr>
                                    </p:animEffect>
                                  </p:childTnLst>
                                </p:cTn>
                              </p:par>
                              <p:par>
                                <p:cTn id="60" presetID="10" presetClass="entr" presetSubtype="0" fill="hold" nodeType="withEffect">
                                  <p:stCondLst>
                                    <p:cond delay="0"/>
                                  </p:stCondLst>
                                  <p:childTnLst>
                                    <p:set>
                                      <p:cBhvr>
                                        <p:cTn id="61" dur="1" fill="hold">
                                          <p:stCondLst>
                                            <p:cond delay="0"/>
                                          </p:stCondLst>
                                        </p:cTn>
                                        <p:tgtEl>
                                          <p:spTgt spid="25"/>
                                        </p:tgtEl>
                                        <p:attrNameLst>
                                          <p:attrName>style.visibility</p:attrName>
                                        </p:attrNameLst>
                                      </p:cBhvr>
                                      <p:to>
                                        <p:strVal val="visible"/>
                                      </p:to>
                                    </p:set>
                                    <p:animEffect transition="in" filter="fade">
                                      <p:cBhvr>
                                        <p:cTn id="62" dur="20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ackground Member Agency Map"/>
          <p:cNvPicPr>
            <a:picLocks noChangeAspect="1" noChangeArrowheads="1"/>
          </p:cNvPicPr>
          <p:nvPr/>
        </p:nvPicPr>
        <p:blipFill>
          <a:blip r:embed="rId3">
            <a:extLst>
              <a:ext uri="{BEBA8EAE-BF5A-486C-A8C5-ECC9F3942E4B}">
                <a14:imgProps xmlns:a14="http://schemas.microsoft.com/office/drawing/2010/main">
                  <a14:imgLayer r:embed="rId4">
                    <a14:imgEffect>
                      <a14:backgroundRemoval t="321" b="100000" l="0" r="100000">
                        <a14:foregroundMark x1="10057" y1="11378" x2="20546" y2="14263"/>
                        <a14:foregroundMark x1="2874" y1="16506" x2="3736" y2="14263"/>
                        <a14:foregroundMark x1="46264" y1="24519" x2="48276" y2="16346"/>
                      </a14:backgroundRemoval>
                    </a14:imgEffect>
                  </a14:imgLayer>
                </a14:imgProps>
              </a:ext>
              <a:ext uri="{28A0092B-C50C-407E-A947-70E740481C1C}">
                <a14:useLocalDpi xmlns:a14="http://schemas.microsoft.com/office/drawing/2010/main" val="0"/>
              </a:ext>
            </a:extLst>
          </a:blip>
          <a:srcRect/>
          <a:stretch>
            <a:fillRect/>
          </a:stretch>
        </p:blipFill>
        <p:spPr bwMode="auto">
          <a:xfrm>
            <a:off x="762000" y="1371600"/>
            <a:ext cx="7772400" cy="53339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5" name="Blending Freeform 2"/>
          <p:cNvSpPr/>
          <p:nvPr/>
        </p:nvSpPr>
        <p:spPr bwMode="auto">
          <a:xfrm>
            <a:off x="6646132" y="3534035"/>
            <a:ext cx="671038" cy="1470339"/>
          </a:xfrm>
          <a:custGeom>
            <a:avLst/>
            <a:gdLst>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635431 w 687092"/>
              <a:gd name="connsiteY14" fmla="*/ 465546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09868 w 687092"/>
              <a:gd name="connsiteY15" fmla="*/ 569002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98039 w 687092"/>
              <a:gd name="connsiteY15" fmla="*/ 485942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25098 w 687092"/>
              <a:gd name="connsiteY26" fmla="*/ 1044149 h 1493600"/>
              <a:gd name="connsiteX27" fmla="*/ 609600 w 687092"/>
              <a:gd name="connsiteY27" fmla="*/ 1075146 h 1493600"/>
              <a:gd name="connsiteX28" fmla="*/ 588936 w 687092"/>
              <a:gd name="connsiteY28" fmla="*/ 1121641 h 1493600"/>
              <a:gd name="connsiteX29" fmla="*/ 583770 w 687092"/>
              <a:gd name="connsiteY29" fmla="*/ 1147471 h 1493600"/>
              <a:gd name="connsiteX30" fmla="*/ 578603 w 687092"/>
              <a:gd name="connsiteY30" fmla="*/ 1162970 h 1493600"/>
              <a:gd name="connsiteX31" fmla="*/ 568271 w 687092"/>
              <a:gd name="connsiteY31" fmla="*/ 1204298 h 1493600"/>
              <a:gd name="connsiteX32" fmla="*/ 547607 w 687092"/>
              <a:gd name="connsiteY32" fmla="*/ 1235295 h 1493600"/>
              <a:gd name="connsiteX33" fmla="*/ 542441 w 687092"/>
              <a:gd name="connsiteY33" fmla="*/ 1250793 h 1493600"/>
              <a:gd name="connsiteX34" fmla="*/ 516610 w 687092"/>
              <a:gd name="connsiteY34" fmla="*/ 1271458 h 1493600"/>
              <a:gd name="connsiteX35" fmla="*/ 495946 w 687092"/>
              <a:gd name="connsiteY35" fmla="*/ 1302454 h 1493600"/>
              <a:gd name="connsiteX36" fmla="*/ 485614 w 687092"/>
              <a:gd name="connsiteY36" fmla="*/ 1317953 h 1493600"/>
              <a:gd name="connsiteX37" fmla="*/ 470115 w 687092"/>
              <a:gd name="connsiteY37" fmla="*/ 1369614 h 1493600"/>
              <a:gd name="connsiteX38" fmla="*/ 464949 w 687092"/>
              <a:gd name="connsiteY38" fmla="*/ 1385112 h 1493600"/>
              <a:gd name="connsiteX39" fmla="*/ 454617 w 687092"/>
              <a:gd name="connsiteY39" fmla="*/ 1400610 h 1493600"/>
              <a:gd name="connsiteX40" fmla="*/ 444285 w 687092"/>
              <a:gd name="connsiteY40" fmla="*/ 1426441 h 1493600"/>
              <a:gd name="connsiteX41" fmla="*/ 428786 w 687092"/>
              <a:gd name="connsiteY41" fmla="*/ 1441939 h 1493600"/>
              <a:gd name="connsiteX42" fmla="*/ 418454 w 687092"/>
              <a:gd name="connsiteY42" fmla="*/ 1457437 h 1493600"/>
              <a:gd name="connsiteX43" fmla="*/ 304800 w 687092"/>
              <a:gd name="connsiteY43" fmla="*/ 1462603 h 1493600"/>
              <a:gd name="connsiteX44" fmla="*/ 237641 w 687092"/>
              <a:gd name="connsiteY44" fmla="*/ 1467770 h 1493600"/>
              <a:gd name="connsiteX45" fmla="*/ 175648 w 687092"/>
              <a:gd name="connsiteY45" fmla="*/ 1488434 h 1493600"/>
              <a:gd name="connsiteX46" fmla="*/ 113654 w 687092"/>
              <a:gd name="connsiteY46" fmla="*/ 1493600 h 1493600"/>
              <a:gd name="connsiteX47" fmla="*/ 41329 w 687092"/>
              <a:gd name="connsiteY47" fmla="*/ 1483268 h 1493600"/>
              <a:gd name="connsiteX48" fmla="*/ 25831 w 687092"/>
              <a:gd name="connsiteY48" fmla="*/ 1472936 h 1493600"/>
              <a:gd name="connsiteX49" fmla="*/ 10332 w 687092"/>
              <a:gd name="connsiteY49" fmla="*/ 1410942 h 1493600"/>
              <a:gd name="connsiteX50" fmla="*/ 5166 w 687092"/>
              <a:gd name="connsiteY50" fmla="*/ 1240461 h 1493600"/>
              <a:gd name="connsiteX51" fmla="*/ 0 w 687092"/>
              <a:gd name="connsiteY51" fmla="*/ 1193966 h 1493600"/>
              <a:gd name="connsiteX52" fmla="*/ 15498 w 687092"/>
              <a:gd name="connsiteY52" fmla="*/ 1090644 h 1493600"/>
              <a:gd name="connsiteX53" fmla="*/ 20664 w 687092"/>
              <a:gd name="connsiteY53" fmla="*/ 1064814 h 1493600"/>
              <a:gd name="connsiteX54" fmla="*/ 30997 w 687092"/>
              <a:gd name="connsiteY54" fmla="*/ 1033817 h 1493600"/>
              <a:gd name="connsiteX55" fmla="*/ 36163 w 687092"/>
              <a:gd name="connsiteY55" fmla="*/ 935661 h 1493600"/>
              <a:gd name="connsiteX56" fmla="*/ 46495 w 687092"/>
              <a:gd name="connsiteY56" fmla="*/ 920163 h 1493600"/>
              <a:gd name="connsiteX57" fmla="*/ 56827 w 687092"/>
              <a:gd name="connsiteY57" fmla="*/ 899498 h 1493600"/>
              <a:gd name="connsiteX58" fmla="*/ 77492 w 687092"/>
              <a:gd name="connsiteY58" fmla="*/ 873668 h 1493600"/>
              <a:gd name="connsiteX59" fmla="*/ 77492 w 687092"/>
              <a:gd name="connsiteY59" fmla="*/ 806509 h 1493600"/>
              <a:gd name="connsiteX60" fmla="*/ 87824 w 687092"/>
              <a:gd name="connsiteY60" fmla="*/ 698020 h 1493600"/>
              <a:gd name="connsiteX61" fmla="*/ 98156 w 687092"/>
              <a:gd name="connsiteY61" fmla="*/ 667024 h 1493600"/>
              <a:gd name="connsiteX62" fmla="*/ 108488 w 687092"/>
              <a:gd name="connsiteY62" fmla="*/ 651526 h 1493600"/>
              <a:gd name="connsiteX63" fmla="*/ 113654 w 687092"/>
              <a:gd name="connsiteY63" fmla="*/ 636027 h 1493600"/>
              <a:gd name="connsiteX64" fmla="*/ 123986 w 687092"/>
              <a:gd name="connsiteY64" fmla="*/ 574034 h 1493600"/>
              <a:gd name="connsiteX65" fmla="*/ 129153 w 687092"/>
              <a:gd name="connsiteY65" fmla="*/ 532705 h 1493600"/>
              <a:gd name="connsiteX66" fmla="*/ 144651 w 687092"/>
              <a:gd name="connsiteY66" fmla="*/ 357058 h 1493600"/>
              <a:gd name="connsiteX67" fmla="*/ 165315 w 687092"/>
              <a:gd name="connsiteY67" fmla="*/ 310563 h 1493600"/>
              <a:gd name="connsiteX68" fmla="*/ 170481 w 687092"/>
              <a:gd name="connsiteY68" fmla="*/ 289898 h 1493600"/>
              <a:gd name="connsiteX69" fmla="*/ 180814 w 687092"/>
              <a:gd name="connsiteY69" fmla="*/ 279566 h 1493600"/>
              <a:gd name="connsiteX70" fmla="*/ 191146 w 687092"/>
              <a:gd name="connsiteY70" fmla="*/ 264068 h 1493600"/>
              <a:gd name="connsiteX71" fmla="*/ 201478 w 687092"/>
              <a:gd name="connsiteY71" fmla="*/ 227905 h 1493600"/>
              <a:gd name="connsiteX72" fmla="*/ 211810 w 687092"/>
              <a:gd name="connsiteY72" fmla="*/ 196909 h 1493600"/>
              <a:gd name="connsiteX73" fmla="*/ 216976 w 687092"/>
              <a:gd name="connsiteY73" fmla="*/ 181410 h 1493600"/>
              <a:gd name="connsiteX74" fmla="*/ 227309 w 687092"/>
              <a:gd name="connsiteY74" fmla="*/ 171078 h 1493600"/>
              <a:gd name="connsiteX75" fmla="*/ 242807 w 687092"/>
              <a:gd name="connsiteY75" fmla="*/ 140081 h 1493600"/>
              <a:gd name="connsiteX76" fmla="*/ 258305 w 687092"/>
              <a:gd name="connsiteY76" fmla="*/ 124583 h 1493600"/>
              <a:gd name="connsiteX77" fmla="*/ 268637 w 687092"/>
              <a:gd name="connsiteY77" fmla="*/ 109085 h 1493600"/>
              <a:gd name="connsiteX78" fmla="*/ 278970 w 687092"/>
              <a:gd name="connsiteY78" fmla="*/ 98753 h 1493600"/>
              <a:gd name="connsiteX79" fmla="*/ 289302 w 687092"/>
              <a:gd name="connsiteY79" fmla="*/ 83254 h 1493600"/>
              <a:gd name="connsiteX80" fmla="*/ 325464 w 687092"/>
              <a:gd name="connsiteY80" fmla="*/ 62590 h 1493600"/>
              <a:gd name="connsiteX81" fmla="*/ 335797 w 687092"/>
              <a:gd name="connsiteY81" fmla="*/ 52258 h 1493600"/>
              <a:gd name="connsiteX82" fmla="*/ 351295 w 687092"/>
              <a:gd name="connsiteY82" fmla="*/ 41926 h 1493600"/>
              <a:gd name="connsiteX83" fmla="*/ 371959 w 687092"/>
              <a:gd name="connsiteY83" fmla="*/ 10929 h 1493600"/>
              <a:gd name="connsiteX84" fmla="*/ 382292 w 687092"/>
              <a:gd name="connsiteY84"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09600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78603 w 687092"/>
              <a:gd name="connsiteY28" fmla="*/ 1162970 h 1493600"/>
              <a:gd name="connsiteX29" fmla="*/ 568271 w 687092"/>
              <a:gd name="connsiteY29" fmla="*/ 1204298 h 1493600"/>
              <a:gd name="connsiteX30" fmla="*/ 547607 w 687092"/>
              <a:gd name="connsiteY30" fmla="*/ 1235295 h 1493600"/>
              <a:gd name="connsiteX31" fmla="*/ 542441 w 687092"/>
              <a:gd name="connsiteY31" fmla="*/ 1250793 h 1493600"/>
              <a:gd name="connsiteX32" fmla="*/ 516610 w 687092"/>
              <a:gd name="connsiteY32" fmla="*/ 1271458 h 1493600"/>
              <a:gd name="connsiteX33" fmla="*/ 495946 w 687092"/>
              <a:gd name="connsiteY33" fmla="*/ 1302454 h 1493600"/>
              <a:gd name="connsiteX34" fmla="*/ 485614 w 687092"/>
              <a:gd name="connsiteY34" fmla="*/ 1317953 h 1493600"/>
              <a:gd name="connsiteX35" fmla="*/ 470115 w 687092"/>
              <a:gd name="connsiteY35" fmla="*/ 1369614 h 1493600"/>
              <a:gd name="connsiteX36" fmla="*/ 464949 w 687092"/>
              <a:gd name="connsiteY36" fmla="*/ 1385112 h 1493600"/>
              <a:gd name="connsiteX37" fmla="*/ 454617 w 687092"/>
              <a:gd name="connsiteY37" fmla="*/ 1400610 h 1493600"/>
              <a:gd name="connsiteX38" fmla="*/ 444285 w 687092"/>
              <a:gd name="connsiteY38" fmla="*/ 1426441 h 1493600"/>
              <a:gd name="connsiteX39" fmla="*/ 428786 w 687092"/>
              <a:gd name="connsiteY39" fmla="*/ 1441939 h 1493600"/>
              <a:gd name="connsiteX40" fmla="*/ 418454 w 687092"/>
              <a:gd name="connsiteY40" fmla="*/ 1457437 h 1493600"/>
              <a:gd name="connsiteX41" fmla="*/ 304800 w 687092"/>
              <a:gd name="connsiteY41" fmla="*/ 1462603 h 1493600"/>
              <a:gd name="connsiteX42" fmla="*/ 237641 w 687092"/>
              <a:gd name="connsiteY42" fmla="*/ 1467770 h 1493600"/>
              <a:gd name="connsiteX43" fmla="*/ 175648 w 687092"/>
              <a:gd name="connsiteY43" fmla="*/ 1488434 h 1493600"/>
              <a:gd name="connsiteX44" fmla="*/ 113654 w 687092"/>
              <a:gd name="connsiteY44" fmla="*/ 1493600 h 1493600"/>
              <a:gd name="connsiteX45" fmla="*/ 41329 w 687092"/>
              <a:gd name="connsiteY45" fmla="*/ 1483268 h 1493600"/>
              <a:gd name="connsiteX46" fmla="*/ 25831 w 687092"/>
              <a:gd name="connsiteY46" fmla="*/ 1472936 h 1493600"/>
              <a:gd name="connsiteX47" fmla="*/ 10332 w 687092"/>
              <a:gd name="connsiteY47" fmla="*/ 1410942 h 1493600"/>
              <a:gd name="connsiteX48" fmla="*/ 5166 w 687092"/>
              <a:gd name="connsiteY48" fmla="*/ 1240461 h 1493600"/>
              <a:gd name="connsiteX49" fmla="*/ 0 w 687092"/>
              <a:gd name="connsiteY49" fmla="*/ 1193966 h 1493600"/>
              <a:gd name="connsiteX50" fmla="*/ 15498 w 687092"/>
              <a:gd name="connsiteY50" fmla="*/ 1090644 h 1493600"/>
              <a:gd name="connsiteX51" fmla="*/ 20664 w 687092"/>
              <a:gd name="connsiteY51" fmla="*/ 1064814 h 1493600"/>
              <a:gd name="connsiteX52" fmla="*/ 30997 w 687092"/>
              <a:gd name="connsiteY52" fmla="*/ 1033817 h 1493600"/>
              <a:gd name="connsiteX53" fmla="*/ 36163 w 687092"/>
              <a:gd name="connsiteY53" fmla="*/ 935661 h 1493600"/>
              <a:gd name="connsiteX54" fmla="*/ 46495 w 687092"/>
              <a:gd name="connsiteY54" fmla="*/ 920163 h 1493600"/>
              <a:gd name="connsiteX55" fmla="*/ 56827 w 687092"/>
              <a:gd name="connsiteY55" fmla="*/ 899498 h 1493600"/>
              <a:gd name="connsiteX56" fmla="*/ 77492 w 687092"/>
              <a:gd name="connsiteY56" fmla="*/ 873668 h 1493600"/>
              <a:gd name="connsiteX57" fmla="*/ 77492 w 687092"/>
              <a:gd name="connsiteY57" fmla="*/ 806509 h 1493600"/>
              <a:gd name="connsiteX58" fmla="*/ 87824 w 687092"/>
              <a:gd name="connsiteY58" fmla="*/ 698020 h 1493600"/>
              <a:gd name="connsiteX59" fmla="*/ 98156 w 687092"/>
              <a:gd name="connsiteY59" fmla="*/ 667024 h 1493600"/>
              <a:gd name="connsiteX60" fmla="*/ 108488 w 687092"/>
              <a:gd name="connsiteY60" fmla="*/ 651526 h 1493600"/>
              <a:gd name="connsiteX61" fmla="*/ 113654 w 687092"/>
              <a:gd name="connsiteY61" fmla="*/ 636027 h 1493600"/>
              <a:gd name="connsiteX62" fmla="*/ 123986 w 687092"/>
              <a:gd name="connsiteY62" fmla="*/ 574034 h 1493600"/>
              <a:gd name="connsiteX63" fmla="*/ 129153 w 687092"/>
              <a:gd name="connsiteY63" fmla="*/ 532705 h 1493600"/>
              <a:gd name="connsiteX64" fmla="*/ 144651 w 687092"/>
              <a:gd name="connsiteY64" fmla="*/ 357058 h 1493600"/>
              <a:gd name="connsiteX65" fmla="*/ 165315 w 687092"/>
              <a:gd name="connsiteY65" fmla="*/ 310563 h 1493600"/>
              <a:gd name="connsiteX66" fmla="*/ 170481 w 687092"/>
              <a:gd name="connsiteY66" fmla="*/ 289898 h 1493600"/>
              <a:gd name="connsiteX67" fmla="*/ 180814 w 687092"/>
              <a:gd name="connsiteY67" fmla="*/ 279566 h 1493600"/>
              <a:gd name="connsiteX68" fmla="*/ 191146 w 687092"/>
              <a:gd name="connsiteY68" fmla="*/ 264068 h 1493600"/>
              <a:gd name="connsiteX69" fmla="*/ 201478 w 687092"/>
              <a:gd name="connsiteY69" fmla="*/ 227905 h 1493600"/>
              <a:gd name="connsiteX70" fmla="*/ 211810 w 687092"/>
              <a:gd name="connsiteY70" fmla="*/ 196909 h 1493600"/>
              <a:gd name="connsiteX71" fmla="*/ 216976 w 687092"/>
              <a:gd name="connsiteY71" fmla="*/ 181410 h 1493600"/>
              <a:gd name="connsiteX72" fmla="*/ 227309 w 687092"/>
              <a:gd name="connsiteY72" fmla="*/ 171078 h 1493600"/>
              <a:gd name="connsiteX73" fmla="*/ 242807 w 687092"/>
              <a:gd name="connsiteY73" fmla="*/ 140081 h 1493600"/>
              <a:gd name="connsiteX74" fmla="*/ 258305 w 687092"/>
              <a:gd name="connsiteY74" fmla="*/ 124583 h 1493600"/>
              <a:gd name="connsiteX75" fmla="*/ 268637 w 687092"/>
              <a:gd name="connsiteY75" fmla="*/ 109085 h 1493600"/>
              <a:gd name="connsiteX76" fmla="*/ 278970 w 687092"/>
              <a:gd name="connsiteY76" fmla="*/ 98753 h 1493600"/>
              <a:gd name="connsiteX77" fmla="*/ 289302 w 687092"/>
              <a:gd name="connsiteY77" fmla="*/ 83254 h 1493600"/>
              <a:gd name="connsiteX78" fmla="*/ 325464 w 687092"/>
              <a:gd name="connsiteY78" fmla="*/ 62590 h 1493600"/>
              <a:gd name="connsiteX79" fmla="*/ 335797 w 687092"/>
              <a:gd name="connsiteY79" fmla="*/ 52258 h 1493600"/>
              <a:gd name="connsiteX80" fmla="*/ 351295 w 687092"/>
              <a:gd name="connsiteY80" fmla="*/ 41926 h 1493600"/>
              <a:gd name="connsiteX81" fmla="*/ 371959 w 687092"/>
              <a:gd name="connsiteY81" fmla="*/ 10929 h 1493600"/>
              <a:gd name="connsiteX82" fmla="*/ 382292 w 687092"/>
              <a:gd name="connsiteY82"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68271 w 687092"/>
              <a:gd name="connsiteY28" fmla="*/ 1204298 h 1493600"/>
              <a:gd name="connsiteX29" fmla="*/ 547607 w 687092"/>
              <a:gd name="connsiteY29" fmla="*/ 1235295 h 1493600"/>
              <a:gd name="connsiteX30" fmla="*/ 542441 w 687092"/>
              <a:gd name="connsiteY30" fmla="*/ 1250793 h 1493600"/>
              <a:gd name="connsiteX31" fmla="*/ 516610 w 687092"/>
              <a:gd name="connsiteY31" fmla="*/ 1271458 h 1493600"/>
              <a:gd name="connsiteX32" fmla="*/ 495946 w 687092"/>
              <a:gd name="connsiteY32" fmla="*/ 1302454 h 1493600"/>
              <a:gd name="connsiteX33" fmla="*/ 485614 w 687092"/>
              <a:gd name="connsiteY33" fmla="*/ 1317953 h 1493600"/>
              <a:gd name="connsiteX34" fmla="*/ 470115 w 687092"/>
              <a:gd name="connsiteY34" fmla="*/ 1369614 h 1493600"/>
              <a:gd name="connsiteX35" fmla="*/ 464949 w 687092"/>
              <a:gd name="connsiteY35" fmla="*/ 1385112 h 1493600"/>
              <a:gd name="connsiteX36" fmla="*/ 454617 w 687092"/>
              <a:gd name="connsiteY36" fmla="*/ 1400610 h 1493600"/>
              <a:gd name="connsiteX37" fmla="*/ 444285 w 687092"/>
              <a:gd name="connsiteY37" fmla="*/ 1426441 h 1493600"/>
              <a:gd name="connsiteX38" fmla="*/ 428786 w 687092"/>
              <a:gd name="connsiteY38" fmla="*/ 1441939 h 1493600"/>
              <a:gd name="connsiteX39" fmla="*/ 418454 w 687092"/>
              <a:gd name="connsiteY39" fmla="*/ 1457437 h 1493600"/>
              <a:gd name="connsiteX40" fmla="*/ 304800 w 687092"/>
              <a:gd name="connsiteY40" fmla="*/ 1462603 h 1493600"/>
              <a:gd name="connsiteX41" fmla="*/ 237641 w 687092"/>
              <a:gd name="connsiteY41" fmla="*/ 1467770 h 1493600"/>
              <a:gd name="connsiteX42" fmla="*/ 175648 w 687092"/>
              <a:gd name="connsiteY42" fmla="*/ 1488434 h 1493600"/>
              <a:gd name="connsiteX43" fmla="*/ 113654 w 687092"/>
              <a:gd name="connsiteY43" fmla="*/ 1493600 h 1493600"/>
              <a:gd name="connsiteX44" fmla="*/ 41329 w 687092"/>
              <a:gd name="connsiteY44" fmla="*/ 1483268 h 1493600"/>
              <a:gd name="connsiteX45" fmla="*/ 25831 w 687092"/>
              <a:gd name="connsiteY45" fmla="*/ 1472936 h 1493600"/>
              <a:gd name="connsiteX46" fmla="*/ 10332 w 687092"/>
              <a:gd name="connsiteY46" fmla="*/ 1410942 h 1493600"/>
              <a:gd name="connsiteX47" fmla="*/ 5166 w 687092"/>
              <a:gd name="connsiteY47" fmla="*/ 1240461 h 1493600"/>
              <a:gd name="connsiteX48" fmla="*/ 0 w 687092"/>
              <a:gd name="connsiteY48" fmla="*/ 1193966 h 1493600"/>
              <a:gd name="connsiteX49" fmla="*/ 15498 w 687092"/>
              <a:gd name="connsiteY49" fmla="*/ 1090644 h 1493600"/>
              <a:gd name="connsiteX50" fmla="*/ 20664 w 687092"/>
              <a:gd name="connsiteY50" fmla="*/ 1064814 h 1493600"/>
              <a:gd name="connsiteX51" fmla="*/ 30997 w 687092"/>
              <a:gd name="connsiteY51" fmla="*/ 1033817 h 1493600"/>
              <a:gd name="connsiteX52" fmla="*/ 36163 w 687092"/>
              <a:gd name="connsiteY52" fmla="*/ 935661 h 1493600"/>
              <a:gd name="connsiteX53" fmla="*/ 46495 w 687092"/>
              <a:gd name="connsiteY53" fmla="*/ 920163 h 1493600"/>
              <a:gd name="connsiteX54" fmla="*/ 56827 w 687092"/>
              <a:gd name="connsiteY54" fmla="*/ 899498 h 1493600"/>
              <a:gd name="connsiteX55" fmla="*/ 77492 w 687092"/>
              <a:gd name="connsiteY55" fmla="*/ 873668 h 1493600"/>
              <a:gd name="connsiteX56" fmla="*/ 77492 w 687092"/>
              <a:gd name="connsiteY56" fmla="*/ 806509 h 1493600"/>
              <a:gd name="connsiteX57" fmla="*/ 87824 w 687092"/>
              <a:gd name="connsiteY57" fmla="*/ 698020 h 1493600"/>
              <a:gd name="connsiteX58" fmla="*/ 98156 w 687092"/>
              <a:gd name="connsiteY58" fmla="*/ 667024 h 1493600"/>
              <a:gd name="connsiteX59" fmla="*/ 108488 w 687092"/>
              <a:gd name="connsiteY59" fmla="*/ 651526 h 1493600"/>
              <a:gd name="connsiteX60" fmla="*/ 113654 w 687092"/>
              <a:gd name="connsiteY60" fmla="*/ 636027 h 1493600"/>
              <a:gd name="connsiteX61" fmla="*/ 123986 w 687092"/>
              <a:gd name="connsiteY61" fmla="*/ 574034 h 1493600"/>
              <a:gd name="connsiteX62" fmla="*/ 129153 w 687092"/>
              <a:gd name="connsiteY62" fmla="*/ 532705 h 1493600"/>
              <a:gd name="connsiteX63" fmla="*/ 144651 w 687092"/>
              <a:gd name="connsiteY63" fmla="*/ 357058 h 1493600"/>
              <a:gd name="connsiteX64" fmla="*/ 165315 w 687092"/>
              <a:gd name="connsiteY64" fmla="*/ 310563 h 1493600"/>
              <a:gd name="connsiteX65" fmla="*/ 170481 w 687092"/>
              <a:gd name="connsiteY65" fmla="*/ 289898 h 1493600"/>
              <a:gd name="connsiteX66" fmla="*/ 180814 w 687092"/>
              <a:gd name="connsiteY66" fmla="*/ 279566 h 1493600"/>
              <a:gd name="connsiteX67" fmla="*/ 191146 w 687092"/>
              <a:gd name="connsiteY67" fmla="*/ 264068 h 1493600"/>
              <a:gd name="connsiteX68" fmla="*/ 201478 w 687092"/>
              <a:gd name="connsiteY68" fmla="*/ 227905 h 1493600"/>
              <a:gd name="connsiteX69" fmla="*/ 211810 w 687092"/>
              <a:gd name="connsiteY69" fmla="*/ 196909 h 1493600"/>
              <a:gd name="connsiteX70" fmla="*/ 216976 w 687092"/>
              <a:gd name="connsiteY70" fmla="*/ 181410 h 1493600"/>
              <a:gd name="connsiteX71" fmla="*/ 227309 w 687092"/>
              <a:gd name="connsiteY71" fmla="*/ 171078 h 1493600"/>
              <a:gd name="connsiteX72" fmla="*/ 242807 w 687092"/>
              <a:gd name="connsiteY72" fmla="*/ 140081 h 1493600"/>
              <a:gd name="connsiteX73" fmla="*/ 258305 w 687092"/>
              <a:gd name="connsiteY73" fmla="*/ 124583 h 1493600"/>
              <a:gd name="connsiteX74" fmla="*/ 268637 w 687092"/>
              <a:gd name="connsiteY74" fmla="*/ 109085 h 1493600"/>
              <a:gd name="connsiteX75" fmla="*/ 278970 w 687092"/>
              <a:gd name="connsiteY75" fmla="*/ 98753 h 1493600"/>
              <a:gd name="connsiteX76" fmla="*/ 289302 w 687092"/>
              <a:gd name="connsiteY76" fmla="*/ 83254 h 1493600"/>
              <a:gd name="connsiteX77" fmla="*/ 325464 w 687092"/>
              <a:gd name="connsiteY77" fmla="*/ 62590 h 1493600"/>
              <a:gd name="connsiteX78" fmla="*/ 335797 w 687092"/>
              <a:gd name="connsiteY78" fmla="*/ 52258 h 1493600"/>
              <a:gd name="connsiteX79" fmla="*/ 351295 w 687092"/>
              <a:gd name="connsiteY79" fmla="*/ 41926 h 1493600"/>
              <a:gd name="connsiteX80" fmla="*/ 371959 w 687092"/>
              <a:gd name="connsiteY80" fmla="*/ 10929 h 1493600"/>
              <a:gd name="connsiteX81" fmla="*/ 382292 w 687092"/>
              <a:gd name="connsiteY81"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47607 w 687092"/>
              <a:gd name="connsiteY28" fmla="*/ 1235295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16610 w 687092"/>
              <a:gd name="connsiteY29" fmla="*/ 1271458 h 1493600"/>
              <a:gd name="connsiteX30" fmla="*/ 495946 w 687092"/>
              <a:gd name="connsiteY30" fmla="*/ 1302454 h 1493600"/>
              <a:gd name="connsiteX31" fmla="*/ 485614 w 687092"/>
              <a:gd name="connsiteY31" fmla="*/ 1317953 h 1493600"/>
              <a:gd name="connsiteX32" fmla="*/ 470115 w 687092"/>
              <a:gd name="connsiteY32" fmla="*/ 1369614 h 1493600"/>
              <a:gd name="connsiteX33" fmla="*/ 464949 w 687092"/>
              <a:gd name="connsiteY33" fmla="*/ 1385112 h 1493600"/>
              <a:gd name="connsiteX34" fmla="*/ 454617 w 687092"/>
              <a:gd name="connsiteY34" fmla="*/ 1400610 h 1493600"/>
              <a:gd name="connsiteX35" fmla="*/ 444285 w 687092"/>
              <a:gd name="connsiteY35" fmla="*/ 1426441 h 1493600"/>
              <a:gd name="connsiteX36" fmla="*/ 428786 w 687092"/>
              <a:gd name="connsiteY36" fmla="*/ 1441939 h 1493600"/>
              <a:gd name="connsiteX37" fmla="*/ 418454 w 687092"/>
              <a:gd name="connsiteY37" fmla="*/ 1457437 h 1493600"/>
              <a:gd name="connsiteX38" fmla="*/ 304800 w 687092"/>
              <a:gd name="connsiteY38" fmla="*/ 1462603 h 1493600"/>
              <a:gd name="connsiteX39" fmla="*/ 237641 w 687092"/>
              <a:gd name="connsiteY39" fmla="*/ 1467770 h 1493600"/>
              <a:gd name="connsiteX40" fmla="*/ 175648 w 687092"/>
              <a:gd name="connsiteY40" fmla="*/ 1488434 h 1493600"/>
              <a:gd name="connsiteX41" fmla="*/ 113654 w 687092"/>
              <a:gd name="connsiteY41" fmla="*/ 1493600 h 1493600"/>
              <a:gd name="connsiteX42" fmla="*/ 41329 w 687092"/>
              <a:gd name="connsiteY42" fmla="*/ 1483268 h 1493600"/>
              <a:gd name="connsiteX43" fmla="*/ 25831 w 687092"/>
              <a:gd name="connsiteY43" fmla="*/ 1472936 h 1493600"/>
              <a:gd name="connsiteX44" fmla="*/ 10332 w 687092"/>
              <a:gd name="connsiteY44" fmla="*/ 1410942 h 1493600"/>
              <a:gd name="connsiteX45" fmla="*/ 5166 w 687092"/>
              <a:gd name="connsiteY45" fmla="*/ 1240461 h 1493600"/>
              <a:gd name="connsiteX46" fmla="*/ 0 w 687092"/>
              <a:gd name="connsiteY46" fmla="*/ 1193966 h 1493600"/>
              <a:gd name="connsiteX47" fmla="*/ 15498 w 687092"/>
              <a:gd name="connsiteY47" fmla="*/ 1090644 h 1493600"/>
              <a:gd name="connsiteX48" fmla="*/ 20664 w 687092"/>
              <a:gd name="connsiteY48" fmla="*/ 1064814 h 1493600"/>
              <a:gd name="connsiteX49" fmla="*/ 30997 w 687092"/>
              <a:gd name="connsiteY49" fmla="*/ 1033817 h 1493600"/>
              <a:gd name="connsiteX50" fmla="*/ 36163 w 687092"/>
              <a:gd name="connsiteY50" fmla="*/ 935661 h 1493600"/>
              <a:gd name="connsiteX51" fmla="*/ 46495 w 687092"/>
              <a:gd name="connsiteY51" fmla="*/ 920163 h 1493600"/>
              <a:gd name="connsiteX52" fmla="*/ 56827 w 687092"/>
              <a:gd name="connsiteY52" fmla="*/ 899498 h 1493600"/>
              <a:gd name="connsiteX53" fmla="*/ 77492 w 687092"/>
              <a:gd name="connsiteY53" fmla="*/ 873668 h 1493600"/>
              <a:gd name="connsiteX54" fmla="*/ 77492 w 687092"/>
              <a:gd name="connsiteY54" fmla="*/ 806509 h 1493600"/>
              <a:gd name="connsiteX55" fmla="*/ 87824 w 687092"/>
              <a:gd name="connsiteY55" fmla="*/ 698020 h 1493600"/>
              <a:gd name="connsiteX56" fmla="*/ 98156 w 687092"/>
              <a:gd name="connsiteY56" fmla="*/ 667024 h 1493600"/>
              <a:gd name="connsiteX57" fmla="*/ 108488 w 687092"/>
              <a:gd name="connsiteY57" fmla="*/ 651526 h 1493600"/>
              <a:gd name="connsiteX58" fmla="*/ 113654 w 687092"/>
              <a:gd name="connsiteY58" fmla="*/ 636027 h 1493600"/>
              <a:gd name="connsiteX59" fmla="*/ 123986 w 687092"/>
              <a:gd name="connsiteY59" fmla="*/ 574034 h 1493600"/>
              <a:gd name="connsiteX60" fmla="*/ 129153 w 687092"/>
              <a:gd name="connsiteY60" fmla="*/ 532705 h 1493600"/>
              <a:gd name="connsiteX61" fmla="*/ 144651 w 687092"/>
              <a:gd name="connsiteY61" fmla="*/ 357058 h 1493600"/>
              <a:gd name="connsiteX62" fmla="*/ 165315 w 687092"/>
              <a:gd name="connsiteY62" fmla="*/ 310563 h 1493600"/>
              <a:gd name="connsiteX63" fmla="*/ 170481 w 687092"/>
              <a:gd name="connsiteY63" fmla="*/ 289898 h 1493600"/>
              <a:gd name="connsiteX64" fmla="*/ 180814 w 687092"/>
              <a:gd name="connsiteY64" fmla="*/ 279566 h 1493600"/>
              <a:gd name="connsiteX65" fmla="*/ 191146 w 687092"/>
              <a:gd name="connsiteY65" fmla="*/ 264068 h 1493600"/>
              <a:gd name="connsiteX66" fmla="*/ 201478 w 687092"/>
              <a:gd name="connsiteY66" fmla="*/ 227905 h 1493600"/>
              <a:gd name="connsiteX67" fmla="*/ 211810 w 687092"/>
              <a:gd name="connsiteY67" fmla="*/ 196909 h 1493600"/>
              <a:gd name="connsiteX68" fmla="*/ 216976 w 687092"/>
              <a:gd name="connsiteY68" fmla="*/ 181410 h 1493600"/>
              <a:gd name="connsiteX69" fmla="*/ 227309 w 687092"/>
              <a:gd name="connsiteY69" fmla="*/ 171078 h 1493600"/>
              <a:gd name="connsiteX70" fmla="*/ 242807 w 687092"/>
              <a:gd name="connsiteY70" fmla="*/ 140081 h 1493600"/>
              <a:gd name="connsiteX71" fmla="*/ 258305 w 687092"/>
              <a:gd name="connsiteY71" fmla="*/ 124583 h 1493600"/>
              <a:gd name="connsiteX72" fmla="*/ 268637 w 687092"/>
              <a:gd name="connsiteY72" fmla="*/ 109085 h 1493600"/>
              <a:gd name="connsiteX73" fmla="*/ 278970 w 687092"/>
              <a:gd name="connsiteY73" fmla="*/ 98753 h 1493600"/>
              <a:gd name="connsiteX74" fmla="*/ 289302 w 687092"/>
              <a:gd name="connsiteY74" fmla="*/ 83254 h 1493600"/>
              <a:gd name="connsiteX75" fmla="*/ 325464 w 687092"/>
              <a:gd name="connsiteY75" fmla="*/ 62590 h 1493600"/>
              <a:gd name="connsiteX76" fmla="*/ 335797 w 687092"/>
              <a:gd name="connsiteY76" fmla="*/ 52258 h 1493600"/>
              <a:gd name="connsiteX77" fmla="*/ 351295 w 687092"/>
              <a:gd name="connsiteY77" fmla="*/ 41926 h 1493600"/>
              <a:gd name="connsiteX78" fmla="*/ 371959 w 687092"/>
              <a:gd name="connsiteY78" fmla="*/ 10929 h 1493600"/>
              <a:gd name="connsiteX79" fmla="*/ 382292 w 687092"/>
              <a:gd name="connsiteY79" fmla="*/ 597 h 1493600"/>
              <a:gd name="connsiteX0" fmla="*/ 395889 w 700689"/>
              <a:gd name="connsiteY0" fmla="*/ 597 h 1493600"/>
              <a:gd name="connsiteX1" fmla="*/ 509543 w 700689"/>
              <a:gd name="connsiteY1" fmla="*/ 5763 h 1493600"/>
              <a:gd name="connsiteX2" fmla="*/ 561204 w 700689"/>
              <a:gd name="connsiteY2" fmla="*/ 47092 h 1493600"/>
              <a:gd name="connsiteX3" fmla="*/ 576702 w 700689"/>
              <a:gd name="connsiteY3" fmla="*/ 62590 h 1493600"/>
              <a:gd name="connsiteX4" fmla="*/ 587034 w 700689"/>
              <a:gd name="connsiteY4" fmla="*/ 93587 h 1493600"/>
              <a:gd name="connsiteX5" fmla="*/ 592200 w 700689"/>
              <a:gd name="connsiteY5" fmla="*/ 109085 h 1493600"/>
              <a:gd name="connsiteX6" fmla="*/ 597367 w 700689"/>
              <a:gd name="connsiteY6" fmla="*/ 155580 h 1493600"/>
              <a:gd name="connsiteX7" fmla="*/ 602533 w 700689"/>
              <a:gd name="connsiteY7" fmla="*/ 191742 h 1493600"/>
              <a:gd name="connsiteX8" fmla="*/ 607699 w 700689"/>
              <a:gd name="connsiteY8" fmla="*/ 264068 h 1493600"/>
              <a:gd name="connsiteX9" fmla="*/ 612865 w 700689"/>
              <a:gd name="connsiteY9" fmla="*/ 284732 h 1493600"/>
              <a:gd name="connsiteX10" fmla="*/ 618031 w 700689"/>
              <a:gd name="connsiteY10" fmla="*/ 320895 h 1493600"/>
              <a:gd name="connsiteX11" fmla="*/ 628363 w 700689"/>
              <a:gd name="connsiteY11" fmla="*/ 351892 h 1493600"/>
              <a:gd name="connsiteX12" fmla="*/ 638695 w 700689"/>
              <a:gd name="connsiteY12" fmla="*/ 398387 h 1493600"/>
              <a:gd name="connsiteX13" fmla="*/ 609869 w 700689"/>
              <a:gd name="connsiteY13" fmla="*/ 431149 h 1493600"/>
              <a:gd name="connsiteX14" fmla="*/ 592853 w 700689"/>
              <a:gd name="connsiteY14" fmla="*/ 451661 h 1493600"/>
              <a:gd name="connsiteX15" fmla="*/ 601438 w 700689"/>
              <a:gd name="connsiteY15" fmla="*/ 513136 h 1493600"/>
              <a:gd name="connsiteX16" fmla="*/ 606469 w 700689"/>
              <a:gd name="connsiteY16" fmla="*/ 592797 h 1493600"/>
              <a:gd name="connsiteX17" fmla="*/ 664526 w 700689"/>
              <a:gd name="connsiteY17" fmla="*/ 713519 h 1493600"/>
              <a:gd name="connsiteX18" fmla="*/ 680024 w 700689"/>
              <a:gd name="connsiteY18" fmla="*/ 749681 h 1493600"/>
              <a:gd name="connsiteX19" fmla="*/ 685190 w 700689"/>
              <a:gd name="connsiteY19" fmla="*/ 765180 h 1493600"/>
              <a:gd name="connsiteX20" fmla="*/ 695522 w 700689"/>
              <a:gd name="connsiteY20" fmla="*/ 791010 h 1493600"/>
              <a:gd name="connsiteX21" fmla="*/ 700689 w 700689"/>
              <a:gd name="connsiteY21" fmla="*/ 811675 h 1493600"/>
              <a:gd name="connsiteX22" fmla="*/ 695522 w 700689"/>
              <a:gd name="connsiteY22" fmla="*/ 842671 h 1493600"/>
              <a:gd name="connsiteX23" fmla="*/ 676759 w 700689"/>
              <a:gd name="connsiteY23" fmla="*/ 871767 h 1493600"/>
              <a:gd name="connsiteX24" fmla="*/ 674858 w 700689"/>
              <a:gd name="connsiteY24" fmla="*/ 982156 h 1493600"/>
              <a:gd name="connsiteX25" fmla="*/ 649028 w 700689"/>
              <a:gd name="connsiteY25" fmla="*/ 1033817 h 1493600"/>
              <a:gd name="connsiteX26" fmla="*/ 602801 w 700689"/>
              <a:gd name="connsiteY26" fmla="*/ 1075146 h 1493600"/>
              <a:gd name="connsiteX27" fmla="*/ 565142 w 700689"/>
              <a:gd name="connsiteY27" fmla="*/ 1121641 h 1493600"/>
              <a:gd name="connsiteX28" fmla="*/ 540808 w 700689"/>
              <a:gd name="connsiteY28" fmla="*/ 1197903 h 1493600"/>
              <a:gd name="connsiteX29" fmla="*/ 530207 w 700689"/>
              <a:gd name="connsiteY29" fmla="*/ 1271458 h 1493600"/>
              <a:gd name="connsiteX30" fmla="*/ 509543 w 700689"/>
              <a:gd name="connsiteY30" fmla="*/ 1302454 h 1493600"/>
              <a:gd name="connsiteX31" fmla="*/ 499211 w 700689"/>
              <a:gd name="connsiteY31" fmla="*/ 1317953 h 1493600"/>
              <a:gd name="connsiteX32" fmla="*/ 483712 w 700689"/>
              <a:gd name="connsiteY32" fmla="*/ 1369614 h 1493600"/>
              <a:gd name="connsiteX33" fmla="*/ 478546 w 700689"/>
              <a:gd name="connsiteY33" fmla="*/ 1385112 h 1493600"/>
              <a:gd name="connsiteX34" fmla="*/ 468214 w 700689"/>
              <a:gd name="connsiteY34" fmla="*/ 1400610 h 1493600"/>
              <a:gd name="connsiteX35" fmla="*/ 457882 w 700689"/>
              <a:gd name="connsiteY35" fmla="*/ 1426441 h 1493600"/>
              <a:gd name="connsiteX36" fmla="*/ 442383 w 700689"/>
              <a:gd name="connsiteY36" fmla="*/ 1441939 h 1493600"/>
              <a:gd name="connsiteX37" fmla="*/ 432051 w 700689"/>
              <a:gd name="connsiteY37" fmla="*/ 1457437 h 1493600"/>
              <a:gd name="connsiteX38" fmla="*/ 318397 w 700689"/>
              <a:gd name="connsiteY38" fmla="*/ 1462603 h 1493600"/>
              <a:gd name="connsiteX39" fmla="*/ 251238 w 700689"/>
              <a:gd name="connsiteY39" fmla="*/ 1467770 h 1493600"/>
              <a:gd name="connsiteX40" fmla="*/ 189245 w 700689"/>
              <a:gd name="connsiteY40" fmla="*/ 1488434 h 1493600"/>
              <a:gd name="connsiteX41" fmla="*/ 127251 w 700689"/>
              <a:gd name="connsiteY41" fmla="*/ 1493600 h 1493600"/>
              <a:gd name="connsiteX42" fmla="*/ 54926 w 700689"/>
              <a:gd name="connsiteY42" fmla="*/ 1483268 h 1493600"/>
              <a:gd name="connsiteX43" fmla="*/ 39428 w 700689"/>
              <a:gd name="connsiteY43" fmla="*/ 1472936 h 1493600"/>
              <a:gd name="connsiteX44" fmla="*/ 23929 w 700689"/>
              <a:gd name="connsiteY44" fmla="*/ 1410942 h 1493600"/>
              <a:gd name="connsiteX45" fmla="*/ 18763 w 700689"/>
              <a:gd name="connsiteY45" fmla="*/ 1240461 h 1493600"/>
              <a:gd name="connsiteX46" fmla="*/ 0 w 700689"/>
              <a:gd name="connsiteY46" fmla="*/ 1193966 h 1493600"/>
              <a:gd name="connsiteX47" fmla="*/ 29095 w 700689"/>
              <a:gd name="connsiteY47" fmla="*/ 1090644 h 1493600"/>
              <a:gd name="connsiteX48" fmla="*/ 34261 w 700689"/>
              <a:gd name="connsiteY48" fmla="*/ 1064814 h 1493600"/>
              <a:gd name="connsiteX49" fmla="*/ 44594 w 700689"/>
              <a:gd name="connsiteY49" fmla="*/ 1033817 h 1493600"/>
              <a:gd name="connsiteX50" fmla="*/ 49760 w 700689"/>
              <a:gd name="connsiteY50" fmla="*/ 935661 h 1493600"/>
              <a:gd name="connsiteX51" fmla="*/ 60092 w 700689"/>
              <a:gd name="connsiteY51" fmla="*/ 920163 h 1493600"/>
              <a:gd name="connsiteX52" fmla="*/ 70424 w 700689"/>
              <a:gd name="connsiteY52" fmla="*/ 899498 h 1493600"/>
              <a:gd name="connsiteX53" fmla="*/ 91089 w 700689"/>
              <a:gd name="connsiteY53" fmla="*/ 873668 h 1493600"/>
              <a:gd name="connsiteX54" fmla="*/ 91089 w 700689"/>
              <a:gd name="connsiteY54" fmla="*/ 806509 h 1493600"/>
              <a:gd name="connsiteX55" fmla="*/ 101421 w 700689"/>
              <a:gd name="connsiteY55" fmla="*/ 698020 h 1493600"/>
              <a:gd name="connsiteX56" fmla="*/ 111753 w 700689"/>
              <a:gd name="connsiteY56" fmla="*/ 667024 h 1493600"/>
              <a:gd name="connsiteX57" fmla="*/ 122085 w 700689"/>
              <a:gd name="connsiteY57" fmla="*/ 651526 h 1493600"/>
              <a:gd name="connsiteX58" fmla="*/ 127251 w 700689"/>
              <a:gd name="connsiteY58" fmla="*/ 636027 h 1493600"/>
              <a:gd name="connsiteX59" fmla="*/ 137583 w 700689"/>
              <a:gd name="connsiteY59" fmla="*/ 574034 h 1493600"/>
              <a:gd name="connsiteX60" fmla="*/ 142750 w 700689"/>
              <a:gd name="connsiteY60" fmla="*/ 532705 h 1493600"/>
              <a:gd name="connsiteX61" fmla="*/ 158248 w 700689"/>
              <a:gd name="connsiteY61" fmla="*/ 357058 h 1493600"/>
              <a:gd name="connsiteX62" fmla="*/ 178912 w 700689"/>
              <a:gd name="connsiteY62" fmla="*/ 310563 h 1493600"/>
              <a:gd name="connsiteX63" fmla="*/ 184078 w 700689"/>
              <a:gd name="connsiteY63" fmla="*/ 289898 h 1493600"/>
              <a:gd name="connsiteX64" fmla="*/ 194411 w 700689"/>
              <a:gd name="connsiteY64" fmla="*/ 279566 h 1493600"/>
              <a:gd name="connsiteX65" fmla="*/ 204743 w 700689"/>
              <a:gd name="connsiteY65" fmla="*/ 264068 h 1493600"/>
              <a:gd name="connsiteX66" fmla="*/ 215075 w 700689"/>
              <a:gd name="connsiteY66" fmla="*/ 227905 h 1493600"/>
              <a:gd name="connsiteX67" fmla="*/ 225407 w 700689"/>
              <a:gd name="connsiteY67" fmla="*/ 196909 h 1493600"/>
              <a:gd name="connsiteX68" fmla="*/ 230573 w 700689"/>
              <a:gd name="connsiteY68" fmla="*/ 181410 h 1493600"/>
              <a:gd name="connsiteX69" fmla="*/ 240906 w 700689"/>
              <a:gd name="connsiteY69" fmla="*/ 171078 h 1493600"/>
              <a:gd name="connsiteX70" fmla="*/ 256404 w 700689"/>
              <a:gd name="connsiteY70" fmla="*/ 140081 h 1493600"/>
              <a:gd name="connsiteX71" fmla="*/ 271902 w 700689"/>
              <a:gd name="connsiteY71" fmla="*/ 124583 h 1493600"/>
              <a:gd name="connsiteX72" fmla="*/ 282234 w 700689"/>
              <a:gd name="connsiteY72" fmla="*/ 109085 h 1493600"/>
              <a:gd name="connsiteX73" fmla="*/ 292567 w 700689"/>
              <a:gd name="connsiteY73" fmla="*/ 98753 h 1493600"/>
              <a:gd name="connsiteX74" fmla="*/ 302899 w 700689"/>
              <a:gd name="connsiteY74" fmla="*/ 83254 h 1493600"/>
              <a:gd name="connsiteX75" fmla="*/ 339061 w 700689"/>
              <a:gd name="connsiteY75" fmla="*/ 62590 h 1493600"/>
              <a:gd name="connsiteX76" fmla="*/ 349394 w 700689"/>
              <a:gd name="connsiteY76" fmla="*/ 52258 h 1493600"/>
              <a:gd name="connsiteX77" fmla="*/ 364892 w 700689"/>
              <a:gd name="connsiteY77" fmla="*/ 41926 h 1493600"/>
              <a:gd name="connsiteX78" fmla="*/ 385556 w 700689"/>
              <a:gd name="connsiteY78" fmla="*/ 10929 h 1493600"/>
              <a:gd name="connsiteX79" fmla="*/ 395889 w 700689"/>
              <a:gd name="connsiteY79" fmla="*/ 597 h 1493600"/>
              <a:gd name="connsiteX0" fmla="*/ 421712 w 726512"/>
              <a:gd name="connsiteY0" fmla="*/ 597 h 1493600"/>
              <a:gd name="connsiteX1" fmla="*/ 535366 w 726512"/>
              <a:gd name="connsiteY1" fmla="*/ 5763 h 1493600"/>
              <a:gd name="connsiteX2" fmla="*/ 587027 w 726512"/>
              <a:gd name="connsiteY2" fmla="*/ 47092 h 1493600"/>
              <a:gd name="connsiteX3" fmla="*/ 602525 w 726512"/>
              <a:gd name="connsiteY3" fmla="*/ 62590 h 1493600"/>
              <a:gd name="connsiteX4" fmla="*/ 612857 w 726512"/>
              <a:gd name="connsiteY4" fmla="*/ 93587 h 1493600"/>
              <a:gd name="connsiteX5" fmla="*/ 618023 w 726512"/>
              <a:gd name="connsiteY5" fmla="*/ 109085 h 1493600"/>
              <a:gd name="connsiteX6" fmla="*/ 623190 w 726512"/>
              <a:gd name="connsiteY6" fmla="*/ 155580 h 1493600"/>
              <a:gd name="connsiteX7" fmla="*/ 628356 w 726512"/>
              <a:gd name="connsiteY7" fmla="*/ 191742 h 1493600"/>
              <a:gd name="connsiteX8" fmla="*/ 633522 w 726512"/>
              <a:gd name="connsiteY8" fmla="*/ 264068 h 1493600"/>
              <a:gd name="connsiteX9" fmla="*/ 638688 w 726512"/>
              <a:gd name="connsiteY9" fmla="*/ 284732 h 1493600"/>
              <a:gd name="connsiteX10" fmla="*/ 643854 w 726512"/>
              <a:gd name="connsiteY10" fmla="*/ 320895 h 1493600"/>
              <a:gd name="connsiteX11" fmla="*/ 654186 w 726512"/>
              <a:gd name="connsiteY11" fmla="*/ 351892 h 1493600"/>
              <a:gd name="connsiteX12" fmla="*/ 664518 w 726512"/>
              <a:gd name="connsiteY12" fmla="*/ 398387 h 1493600"/>
              <a:gd name="connsiteX13" fmla="*/ 635692 w 726512"/>
              <a:gd name="connsiteY13" fmla="*/ 431149 h 1493600"/>
              <a:gd name="connsiteX14" fmla="*/ 618676 w 726512"/>
              <a:gd name="connsiteY14" fmla="*/ 451661 h 1493600"/>
              <a:gd name="connsiteX15" fmla="*/ 627261 w 726512"/>
              <a:gd name="connsiteY15" fmla="*/ 513136 h 1493600"/>
              <a:gd name="connsiteX16" fmla="*/ 632292 w 726512"/>
              <a:gd name="connsiteY16" fmla="*/ 592797 h 1493600"/>
              <a:gd name="connsiteX17" fmla="*/ 690349 w 726512"/>
              <a:gd name="connsiteY17" fmla="*/ 713519 h 1493600"/>
              <a:gd name="connsiteX18" fmla="*/ 705847 w 726512"/>
              <a:gd name="connsiteY18" fmla="*/ 749681 h 1493600"/>
              <a:gd name="connsiteX19" fmla="*/ 711013 w 726512"/>
              <a:gd name="connsiteY19" fmla="*/ 765180 h 1493600"/>
              <a:gd name="connsiteX20" fmla="*/ 721345 w 726512"/>
              <a:gd name="connsiteY20" fmla="*/ 791010 h 1493600"/>
              <a:gd name="connsiteX21" fmla="*/ 726512 w 726512"/>
              <a:gd name="connsiteY21" fmla="*/ 811675 h 1493600"/>
              <a:gd name="connsiteX22" fmla="*/ 721345 w 726512"/>
              <a:gd name="connsiteY22" fmla="*/ 842671 h 1493600"/>
              <a:gd name="connsiteX23" fmla="*/ 702582 w 726512"/>
              <a:gd name="connsiteY23" fmla="*/ 871767 h 1493600"/>
              <a:gd name="connsiteX24" fmla="*/ 700681 w 726512"/>
              <a:gd name="connsiteY24" fmla="*/ 982156 h 1493600"/>
              <a:gd name="connsiteX25" fmla="*/ 674851 w 726512"/>
              <a:gd name="connsiteY25" fmla="*/ 1033817 h 1493600"/>
              <a:gd name="connsiteX26" fmla="*/ 628624 w 726512"/>
              <a:gd name="connsiteY26" fmla="*/ 1075146 h 1493600"/>
              <a:gd name="connsiteX27" fmla="*/ 590965 w 726512"/>
              <a:gd name="connsiteY27" fmla="*/ 1121641 h 1493600"/>
              <a:gd name="connsiteX28" fmla="*/ 566631 w 726512"/>
              <a:gd name="connsiteY28" fmla="*/ 1197903 h 1493600"/>
              <a:gd name="connsiteX29" fmla="*/ 556030 w 726512"/>
              <a:gd name="connsiteY29" fmla="*/ 1271458 h 1493600"/>
              <a:gd name="connsiteX30" fmla="*/ 535366 w 726512"/>
              <a:gd name="connsiteY30" fmla="*/ 1302454 h 1493600"/>
              <a:gd name="connsiteX31" fmla="*/ 525034 w 726512"/>
              <a:gd name="connsiteY31" fmla="*/ 1317953 h 1493600"/>
              <a:gd name="connsiteX32" fmla="*/ 509535 w 726512"/>
              <a:gd name="connsiteY32" fmla="*/ 1369614 h 1493600"/>
              <a:gd name="connsiteX33" fmla="*/ 504369 w 726512"/>
              <a:gd name="connsiteY33" fmla="*/ 1385112 h 1493600"/>
              <a:gd name="connsiteX34" fmla="*/ 494037 w 726512"/>
              <a:gd name="connsiteY34" fmla="*/ 1400610 h 1493600"/>
              <a:gd name="connsiteX35" fmla="*/ 483705 w 726512"/>
              <a:gd name="connsiteY35" fmla="*/ 1426441 h 1493600"/>
              <a:gd name="connsiteX36" fmla="*/ 468206 w 726512"/>
              <a:gd name="connsiteY36" fmla="*/ 1441939 h 1493600"/>
              <a:gd name="connsiteX37" fmla="*/ 457874 w 726512"/>
              <a:gd name="connsiteY37" fmla="*/ 1457437 h 1493600"/>
              <a:gd name="connsiteX38" fmla="*/ 344220 w 726512"/>
              <a:gd name="connsiteY38" fmla="*/ 1462603 h 1493600"/>
              <a:gd name="connsiteX39" fmla="*/ 277061 w 726512"/>
              <a:gd name="connsiteY39" fmla="*/ 1467770 h 1493600"/>
              <a:gd name="connsiteX40" fmla="*/ 215068 w 726512"/>
              <a:gd name="connsiteY40" fmla="*/ 1488434 h 1493600"/>
              <a:gd name="connsiteX41" fmla="*/ 153074 w 726512"/>
              <a:gd name="connsiteY41" fmla="*/ 1493600 h 1493600"/>
              <a:gd name="connsiteX42" fmla="*/ 80749 w 726512"/>
              <a:gd name="connsiteY42" fmla="*/ 1483268 h 1493600"/>
              <a:gd name="connsiteX43" fmla="*/ 65251 w 726512"/>
              <a:gd name="connsiteY43" fmla="*/ 1472936 h 1493600"/>
              <a:gd name="connsiteX44" fmla="*/ 49752 w 726512"/>
              <a:gd name="connsiteY44" fmla="*/ 1410942 h 1493600"/>
              <a:gd name="connsiteX45" fmla="*/ 13 w 726512"/>
              <a:gd name="connsiteY45" fmla="*/ 1267482 h 1493600"/>
              <a:gd name="connsiteX46" fmla="*/ 44586 w 726512"/>
              <a:gd name="connsiteY46" fmla="*/ 1240461 h 1493600"/>
              <a:gd name="connsiteX47" fmla="*/ 25823 w 726512"/>
              <a:gd name="connsiteY47" fmla="*/ 1193966 h 1493600"/>
              <a:gd name="connsiteX48" fmla="*/ 54918 w 726512"/>
              <a:gd name="connsiteY48" fmla="*/ 1090644 h 1493600"/>
              <a:gd name="connsiteX49" fmla="*/ 60084 w 726512"/>
              <a:gd name="connsiteY49" fmla="*/ 1064814 h 1493600"/>
              <a:gd name="connsiteX50" fmla="*/ 70417 w 726512"/>
              <a:gd name="connsiteY50" fmla="*/ 1033817 h 1493600"/>
              <a:gd name="connsiteX51" fmla="*/ 75583 w 726512"/>
              <a:gd name="connsiteY51" fmla="*/ 935661 h 1493600"/>
              <a:gd name="connsiteX52" fmla="*/ 85915 w 726512"/>
              <a:gd name="connsiteY52" fmla="*/ 920163 h 1493600"/>
              <a:gd name="connsiteX53" fmla="*/ 96247 w 726512"/>
              <a:gd name="connsiteY53" fmla="*/ 899498 h 1493600"/>
              <a:gd name="connsiteX54" fmla="*/ 116912 w 726512"/>
              <a:gd name="connsiteY54" fmla="*/ 873668 h 1493600"/>
              <a:gd name="connsiteX55" fmla="*/ 116912 w 726512"/>
              <a:gd name="connsiteY55" fmla="*/ 806509 h 1493600"/>
              <a:gd name="connsiteX56" fmla="*/ 127244 w 726512"/>
              <a:gd name="connsiteY56" fmla="*/ 698020 h 1493600"/>
              <a:gd name="connsiteX57" fmla="*/ 137576 w 726512"/>
              <a:gd name="connsiteY57" fmla="*/ 667024 h 1493600"/>
              <a:gd name="connsiteX58" fmla="*/ 147908 w 726512"/>
              <a:gd name="connsiteY58" fmla="*/ 651526 h 1493600"/>
              <a:gd name="connsiteX59" fmla="*/ 153074 w 726512"/>
              <a:gd name="connsiteY59" fmla="*/ 636027 h 1493600"/>
              <a:gd name="connsiteX60" fmla="*/ 163406 w 726512"/>
              <a:gd name="connsiteY60" fmla="*/ 574034 h 1493600"/>
              <a:gd name="connsiteX61" fmla="*/ 168573 w 726512"/>
              <a:gd name="connsiteY61" fmla="*/ 532705 h 1493600"/>
              <a:gd name="connsiteX62" fmla="*/ 184071 w 726512"/>
              <a:gd name="connsiteY62" fmla="*/ 357058 h 1493600"/>
              <a:gd name="connsiteX63" fmla="*/ 204735 w 726512"/>
              <a:gd name="connsiteY63" fmla="*/ 310563 h 1493600"/>
              <a:gd name="connsiteX64" fmla="*/ 209901 w 726512"/>
              <a:gd name="connsiteY64" fmla="*/ 289898 h 1493600"/>
              <a:gd name="connsiteX65" fmla="*/ 220234 w 726512"/>
              <a:gd name="connsiteY65" fmla="*/ 279566 h 1493600"/>
              <a:gd name="connsiteX66" fmla="*/ 230566 w 726512"/>
              <a:gd name="connsiteY66" fmla="*/ 264068 h 1493600"/>
              <a:gd name="connsiteX67" fmla="*/ 240898 w 726512"/>
              <a:gd name="connsiteY67" fmla="*/ 227905 h 1493600"/>
              <a:gd name="connsiteX68" fmla="*/ 251230 w 726512"/>
              <a:gd name="connsiteY68" fmla="*/ 196909 h 1493600"/>
              <a:gd name="connsiteX69" fmla="*/ 256396 w 726512"/>
              <a:gd name="connsiteY69" fmla="*/ 181410 h 1493600"/>
              <a:gd name="connsiteX70" fmla="*/ 266729 w 726512"/>
              <a:gd name="connsiteY70" fmla="*/ 171078 h 1493600"/>
              <a:gd name="connsiteX71" fmla="*/ 282227 w 726512"/>
              <a:gd name="connsiteY71" fmla="*/ 140081 h 1493600"/>
              <a:gd name="connsiteX72" fmla="*/ 297725 w 726512"/>
              <a:gd name="connsiteY72" fmla="*/ 124583 h 1493600"/>
              <a:gd name="connsiteX73" fmla="*/ 308057 w 726512"/>
              <a:gd name="connsiteY73" fmla="*/ 109085 h 1493600"/>
              <a:gd name="connsiteX74" fmla="*/ 318390 w 726512"/>
              <a:gd name="connsiteY74" fmla="*/ 98753 h 1493600"/>
              <a:gd name="connsiteX75" fmla="*/ 328722 w 726512"/>
              <a:gd name="connsiteY75" fmla="*/ 83254 h 1493600"/>
              <a:gd name="connsiteX76" fmla="*/ 364884 w 726512"/>
              <a:gd name="connsiteY76" fmla="*/ 62590 h 1493600"/>
              <a:gd name="connsiteX77" fmla="*/ 375217 w 726512"/>
              <a:gd name="connsiteY77" fmla="*/ 52258 h 1493600"/>
              <a:gd name="connsiteX78" fmla="*/ 390715 w 726512"/>
              <a:gd name="connsiteY78" fmla="*/ 41926 h 1493600"/>
              <a:gd name="connsiteX79" fmla="*/ 411379 w 726512"/>
              <a:gd name="connsiteY79" fmla="*/ 10929 h 1493600"/>
              <a:gd name="connsiteX80" fmla="*/ 421712 w 726512"/>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50244 w 727004"/>
              <a:gd name="connsiteY44" fmla="*/ 1410942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12852 w 727004"/>
              <a:gd name="connsiteY44" fmla="*/ 1404144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12852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2655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89316"/>
              <a:gd name="connsiteX1" fmla="*/ 535858 w 727004"/>
              <a:gd name="connsiteY1" fmla="*/ 5763 h 1489316"/>
              <a:gd name="connsiteX2" fmla="*/ 587519 w 727004"/>
              <a:gd name="connsiteY2" fmla="*/ 47092 h 1489316"/>
              <a:gd name="connsiteX3" fmla="*/ 603017 w 727004"/>
              <a:gd name="connsiteY3" fmla="*/ 62590 h 1489316"/>
              <a:gd name="connsiteX4" fmla="*/ 613349 w 727004"/>
              <a:gd name="connsiteY4" fmla="*/ 93587 h 1489316"/>
              <a:gd name="connsiteX5" fmla="*/ 618515 w 727004"/>
              <a:gd name="connsiteY5" fmla="*/ 109085 h 1489316"/>
              <a:gd name="connsiteX6" fmla="*/ 623682 w 727004"/>
              <a:gd name="connsiteY6" fmla="*/ 155580 h 1489316"/>
              <a:gd name="connsiteX7" fmla="*/ 628848 w 727004"/>
              <a:gd name="connsiteY7" fmla="*/ 191742 h 1489316"/>
              <a:gd name="connsiteX8" fmla="*/ 634014 w 727004"/>
              <a:gd name="connsiteY8" fmla="*/ 264068 h 1489316"/>
              <a:gd name="connsiteX9" fmla="*/ 639180 w 727004"/>
              <a:gd name="connsiteY9" fmla="*/ 284732 h 1489316"/>
              <a:gd name="connsiteX10" fmla="*/ 644346 w 727004"/>
              <a:gd name="connsiteY10" fmla="*/ 320895 h 1489316"/>
              <a:gd name="connsiteX11" fmla="*/ 654678 w 727004"/>
              <a:gd name="connsiteY11" fmla="*/ 351892 h 1489316"/>
              <a:gd name="connsiteX12" fmla="*/ 665010 w 727004"/>
              <a:gd name="connsiteY12" fmla="*/ 398387 h 1489316"/>
              <a:gd name="connsiteX13" fmla="*/ 636184 w 727004"/>
              <a:gd name="connsiteY13" fmla="*/ 431149 h 1489316"/>
              <a:gd name="connsiteX14" fmla="*/ 619168 w 727004"/>
              <a:gd name="connsiteY14" fmla="*/ 451661 h 1489316"/>
              <a:gd name="connsiteX15" fmla="*/ 627753 w 727004"/>
              <a:gd name="connsiteY15" fmla="*/ 513136 h 1489316"/>
              <a:gd name="connsiteX16" fmla="*/ 632784 w 727004"/>
              <a:gd name="connsiteY16" fmla="*/ 592797 h 1489316"/>
              <a:gd name="connsiteX17" fmla="*/ 690841 w 727004"/>
              <a:gd name="connsiteY17" fmla="*/ 713519 h 1489316"/>
              <a:gd name="connsiteX18" fmla="*/ 706339 w 727004"/>
              <a:gd name="connsiteY18" fmla="*/ 749681 h 1489316"/>
              <a:gd name="connsiteX19" fmla="*/ 711505 w 727004"/>
              <a:gd name="connsiteY19" fmla="*/ 765180 h 1489316"/>
              <a:gd name="connsiteX20" fmla="*/ 721837 w 727004"/>
              <a:gd name="connsiteY20" fmla="*/ 791010 h 1489316"/>
              <a:gd name="connsiteX21" fmla="*/ 727004 w 727004"/>
              <a:gd name="connsiteY21" fmla="*/ 811675 h 1489316"/>
              <a:gd name="connsiteX22" fmla="*/ 721837 w 727004"/>
              <a:gd name="connsiteY22" fmla="*/ 842671 h 1489316"/>
              <a:gd name="connsiteX23" fmla="*/ 703074 w 727004"/>
              <a:gd name="connsiteY23" fmla="*/ 871767 h 1489316"/>
              <a:gd name="connsiteX24" fmla="*/ 701173 w 727004"/>
              <a:gd name="connsiteY24" fmla="*/ 982156 h 1489316"/>
              <a:gd name="connsiteX25" fmla="*/ 675343 w 727004"/>
              <a:gd name="connsiteY25" fmla="*/ 1033817 h 1489316"/>
              <a:gd name="connsiteX26" fmla="*/ 629116 w 727004"/>
              <a:gd name="connsiteY26" fmla="*/ 1075146 h 1489316"/>
              <a:gd name="connsiteX27" fmla="*/ 591457 w 727004"/>
              <a:gd name="connsiteY27" fmla="*/ 1121641 h 1489316"/>
              <a:gd name="connsiteX28" fmla="*/ 567123 w 727004"/>
              <a:gd name="connsiteY28" fmla="*/ 1197903 h 1489316"/>
              <a:gd name="connsiteX29" fmla="*/ 556522 w 727004"/>
              <a:gd name="connsiteY29" fmla="*/ 1271458 h 1489316"/>
              <a:gd name="connsiteX30" fmla="*/ 535858 w 727004"/>
              <a:gd name="connsiteY30" fmla="*/ 1302454 h 1489316"/>
              <a:gd name="connsiteX31" fmla="*/ 525526 w 727004"/>
              <a:gd name="connsiteY31" fmla="*/ 1317953 h 1489316"/>
              <a:gd name="connsiteX32" fmla="*/ 510027 w 727004"/>
              <a:gd name="connsiteY32" fmla="*/ 1369614 h 1489316"/>
              <a:gd name="connsiteX33" fmla="*/ 504861 w 727004"/>
              <a:gd name="connsiteY33" fmla="*/ 1385112 h 1489316"/>
              <a:gd name="connsiteX34" fmla="*/ 494529 w 727004"/>
              <a:gd name="connsiteY34" fmla="*/ 1400610 h 1489316"/>
              <a:gd name="connsiteX35" fmla="*/ 484197 w 727004"/>
              <a:gd name="connsiteY35" fmla="*/ 1426441 h 1489316"/>
              <a:gd name="connsiteX36" fmla="*/ 468698 w 727004"/>
              <a:gd name="connsiteY36" fmla="*/ 1441939 h 1489316"/>
              <a:gd name="connsiteX37" fmla="*/ 458366 w 727004"/>
              <a:gd name="connsiteY37" fmla="*/ 1457437 h 1489316"/>
              <a:gd name="connsiteX38" fmla="*/ 344712 w 727004"/>
              <a:gd name="connsiteY38" fmla="*/ 1462603 h 1489316"/>
              <a:gd name="connsiteX39" fmla="*/ 277553 w 727004"/>
              <a:gd name="connsiteY39" fmla="*/ 1467770 h 1489316"/>
              <a:gd name="connsiteX40" fmla="*/ 215560 w 727004"/>
              <a:gd name="connsiteY40" fmla="*/ 1488434 h 1489316"/>
              <a:gd name="connsiteX41" fmla="*/ 160365 w 727004"/>
              <a:gd name="connsiteY41" fmla="*/ 1486801 h 1489316"/>
              <a:gd name="connsiteX42" fmla="*/ 81241 w 727004"/>
              <a:gd name="connsiteY42" fmla="*/ 1483268 h 1489316"/>
              <a:gd name="connsiteX43" fmla="*/ 65743 w 727004"/>
              <a:gd name="connsiteY43" fmla="*/ 1472936 h 1489316"/>
              <a:gd name="connsiteX44" fmla="*/ 41296 w 727004"/>
              <a:gd name="connsiteY44" fmla="*/ 1461240 h 1489316"/>
              <a:gd name="connsiteX45" fmla="*/ 2655 w 727004"/>
              <a:gd name="connsiteY45" fmla="*/ 1404144 h 1489316"/>
              <a:gd name="connsiteX46" fmla="*/ 505 w 727004"/>
              <a:gd name="connsiteY46" fmla="*/ 1267482 h 1489316"/>
              <a:gd name="connsiteX47" fmla="*/ 26315 w 727004"/>
              <a:gd name="connsiteY47" fmla="*/ 1193966 h 1489316"/>
              <a:gd name="connsiteX48" fmla="*/ 55410 w 727004"/>
              <a:gd name="connsiteY48" fmla="*/ 1090644 h 1489316"/>
              <a:gd name="connsiteX49" fmla="*/ 60576 w 727004"/>
              <a:gd name="connsiteY49" fmla="*/ 1064814 h 1489316"/>
              <a:gd name="connsiteX50" fmla="*/ 70909 w 727004"/>
              <a:gd name="connsiteY50" fmla="*/ 1033817 h 1489316"/>
              <a:gd name="connsiteX51" fmla="*/ 76075 w 727004"/>
              <a:gd name="connsiteY51" fmla="*/ 935661 h 1489316"/>
              <a:gd name="connsiteX52" fmla="*/ 86407 w 727004"/>
              <a:gd name="connsiteY52" fmla="*/ 920163 h 1489316"/>
              <a:gd name="connsiteX53" fmla="*/ 96739 w 727004"/>
              <a:gd name="connsiteY53" fmla="*/ 899498 h 1489316"/>
              <a:gd name="connsiteX54" fmla="*/ 117404 w 727004"/>
              <a:gd name="connsiteY54" fmla="*/ 873668 h 1489316"/>
              <a:gd name="connsiteX55" fmla="*/ 117404 w 727004"/>
              <a:gd name="connsiteY55" fmla="*/ 806509 h 1489316"/>
              <a:gd name="connsiteX56" fmla="*/ 127736 w 727004"/>
              <a:gd name="connsiteY56" fmla="*/ 698020 h 1489316"/>
              <a:gd name="connsiteX57" fmla="*/ 138068 w 727004"/>
              <a:gd name="connsiteY57" fmla="*/ 667024 h 1489316"/>
              <a:gd name="connsiteX58" fmla="*/ 148400 w 727004"/>
              <a:gd name="connsiteY58" fmla="*/ 651526 h 1489316"/>
              <a:gd name="connsiteX59" fmla="*/ 153566 w 727004"/>
              <a:gd name="connsiteY59" fmla="*/ 636027 h 1489316"/>
              <a:gd name="connsiteX60" fmla="*/ 163898 w 727004"/>
              <a:gd name="connsiteY60" fmla="*/ 574034 h 1489316"/>
              <a:gd name="connsiteX61" fmla="*/ 169065 w 727004"/>
              <a:gd name="connsiteY61" fmla="*/ 532705 h 1489316"/>
              <a:gd name="connsiteX62" fmla="*/ 184563 w 727004"/>
              <a:gd name="connsiteY62" fmla="*/ 357058 h 1489316"/>
              <a:gd name="connsiteX63" fmla="*/ 205227 w 727004"/>
              <a:gd name="connsiteY63" fmla="*/ 310563 h 1489316"/>
              <a:gd name="connsiteX64" fmla="*/ 210393 w 727004"/>
              <a:gd name="connsiteY64" fmla="*/ 289898 h 1489316"/>
              <a:gd name="connsiteX65" fmla="*/ 220726 w 727004"/>
              <a:gd name="connsiteY65" fmla="*/ 279566 h 1489316"/>
              <a:gd name="connsiteX66" fmla="*/ 231058 w 727004"/>
              <a:gd name="connsiteY66" fmla="*/ 264068 h 1489316"/>
              <a:gd name="connsiteX67" fmla="*/ 241390 w 727004"/>
              <a:gd name="connsiteY67" fmla="*/ 227905 h 1489316"/>
              <a:gd name="connsiteX68" fmla="*/ 251722 w 727004"/>
              <a:gd name="connsiteY68" fmla="*/ 196909 h 1489316"/>
              <a:gd name="connsiteX69" fmla="*/ 256888 w 727004"/>
              <a:gd name="connsiteY69" fmla="*/ 181410 h 1489316"/>
              <a:gd name="connsiteX70" fmla="*/ 267221 w 727004"/>
              <a:gd name="connsiteY70" fmla="*/ 171078 h 1489316"/>
              <a:gd name="connsiteX71" fmla="*/ 282719 w 727004"/>
              <a:gd name="connsiteY71" fmla="*/ 140081 h 1489316"/>
              <a:gd name="connsiteX72" fmla="*/ 298217 w 727004"/>
              <a:gd name="connsiteY72" fmla="*/ 124583 h 1489316"/>
              <a:gd name="connsiteX73" fmla="*/ 308549 w 727004"/>
              <a:gd name="connsiteY73" fmla="*/ 109085 h 1489316"/>
              <a:gd name="connsiteX74" fmla="*/ 318882 w 727004"/>
              <a:gd name="connsiteY74" fmla="*/ 98753 h 1489316"/>
              <a:gd name="connsiteX75" fmla="*/ 329214 w 727004"/>
              <a:gd name="connsiteY75" fmla="*/ 83254 h 1489316"/>
              <a:gd name="connsiteX76" fmla="*/ 365376 w 727004"/>
              <a:gd name="connsiteY76" fmla="*/ 62590 h 1489316"/>
              <a:gd name="connsiteX77" fmla="*/ 375709 w 727004"/>
              <a:gd name="connsiteY77" fmla="*/ 52258 h 1489316"/>
              <a:gd name="connsiteX78" fmla="*/ 391207 w 727004"/>
              <a:gd name="connsiteY78" fmla="*/ 41926 h 1489316"/>
              <a:gd name="connsiteX79" fmla="*/ 411871 w 727004"/>
              <a:gd name="connsiteY79" fmla="*/ 10929 h 1489316"/>
              <a:gd name="connsiteX80" fmla="*/ 422204 w 727004"/>
              <a:gd name="connsiteY80" fmla="*/ 597 h 1489316"/>
              <a:gd name="connsiteX0" fmla="*/ 422204 w 727004"/>
              <a:gd name="connsiteY0" fmla="*/ 597 h 1487666"/>
              <a:gd name="connsiteX1" fmla="*/ 535858 w 727004"/>
              <a:gd name="connsiteY1" fmla="*/ 5763 h 1487666"/>
              <a:gd name="connsiteX2" fmla="*/ 587519 w 727004"/>
              <a:gd name="connsiteY2" fmla="*/ 47092 h 1487666"/>
              <a:gd name="connsiteX3" fmla="*/ 603017 w 727004"/>
              <a:gd name="connsiteY3" fmla="*/ 62590 h 1487666"/>
              <a:gd name="connsiteX4" fmla="*/ 613349 w 727004"/>
              <a:gd name="connsiteY4" fmla="*/ 93587 h 1487666"/>
              <a:gd name="connsiteX5" fmla="*/ 618515 w 727004"/>
              <a:gd name="connsiteY5" fmla="*/ 109085 h 1487666"/>
              <a:gd name="connsiteX6" fmla="*/ 623682 w 727004"/>
              <a:gd name="connsiteY6" fmla="*/ 155580 h 1487666"/>
              <a:gd name="connsiteX7" fmla="*/ 628848 w 727004"/>
              <a:gd name="connsiteY7" fmla="*/ 191742 h 1487666"/>
              <a:gd name="connsiteX8" fmla="*/ 634014 w 727004"/>
              <a:gd name="connsiteY8" fmla="*/ 264068 h 1487666"/>
              <a:gd name="connsiteX9" fmla="*/ 639180 w 727004"/>
              <a:gd name="connsiteY9" fmla="*/ 284732 h 1487666"/>
              <a:gd name="connsiteX10" fmla="*/ 644346 w 727004"/>
              <a:gd name="connsiteY10" fmla="*/ 320895 h 1487666"/>
              <a:gd name="connsiteX11" fmla="*/ 654678 w 727004"/>
              <a:gd name="connsiteY11" fmla="*/ 351892 h 1487666"/>
              <a:gd name="connsiteX12" fmla="*/ 665010 w 727004"/>
              <a:gd name="connsiteY12" fmla="*/ 398387 h 1487666"/>
              <a:gd name="connsiteX13" fmla="*/ 636184 w 727004"/>
              <a:gd name="connsiteY13" fmla="*/ 431149 h 1487666"/>
              <a:gd name="connsiteX14" fmla="*/ 619168 w 727004"/>
              <a:gd name="connsiteY14" fmla="*/ 451661 h 1487666"/>
              <a:gd name="connsiteX15" fmla="*/ 627753 w 727004"/>
              <a:gd name="connsiteY15" fmla="*/ 513136 h 1487666"/>
              <a:gd name="connsiteX16" fmla="*/ 632784 w 727004"/>
              <a:gd name="connsiteY16" fmla="*/ 592797 h 1487666"/>
              <a:gd name="connsiteX17" fmla="*/ 690841 w 727004"/>
              <a:gd name="connsiteY17" fmla="*/ 713519 h 1487666"/>
              <a:gd name="connsiteX18" fmla="*/ 706339 w 727004"/>
              <a:gd name="connsiteY18" fmla="*/ 749681 h 1487666"/>
              <a:gd name="connsiteX19" fmla="*/ 711505 w 727004"/>
              <a:gd name="connsiteY19" fmla="*/ 765180 h 1487666"/>
              <a:gd name="connsiteX20" fmla="*/ 721837 w 727004"/>
              <a:gd name="connsiteY20" fmla="*/ 791010 h 1487666"/>
              <a:gd name="connsiteX21" fmla="*/ 727004 w 727004"/>
              <a:gd name="connsiteY21" fmla="*/ 811675 h 1487666"/>
              <a:gd name="connsiteX22" fmla="*/ 721837 w 727004"/>
              <a:gd name="connsiteY22" fmla="*/ 842671 h 1487666"/>
              <a:gd name="connsiteX23" fmla="*/ 703074 w 727004"/>
              <a:gd name="connsiteY23" fmla="*/ 871767 h 1487666"/>
              <a:gd name="connsiteX24" fmla="*/ 701173 w 727004"/>
              <a:gd name="connsiteY24" fmla="*/ 982156 h 1487666"/>
              <a:gd name="connsiteX25" fmla="*/ 675343 w 727004"/>
              <a:gd name="connsiteY25" fmla="*/ 1033817 h 1487666"/>
              <a:gd name="connsiteX26" fmla="*/ 629116 w 727004"/>
              <a:gd name="connsiteY26" fmla="*/ 1075146 h 1487666"/>
              <a:gd name="connsiteX27" fmla="*/ 591457 w 727004"/>
              <a:gd name="connsiteY27" fmla="*/ 1121641 h 1487666"/>
              <a:gd name="connsiteX28" fmla="*/ 567123 w 727004"/>
              <a:gd name="connsiteY28" fmla="*/ 1197903 h 1487666"/>
              <a:gd name="connsiteX29" fmla="*/ 556522 w 727004"/>
              <a:gd name="connsiteY29" fmla="*/ 1271458 h 1487666"/>
              <a:gd name="connsiteX30" fmla="*/ 535858 w 727004"/>
              <a:gd name="connsiteY30" fmla="*/ 1302454 h 1487666"/>
              <a:gd name="connsiteX31" fmla="*/ 525526 w 727004"/>
              <a:gd name="connsiteY31" fmla="*/ 1317953 h 1487666"/>
              <a:gd name="connsiteX32" fmla="*/ 510027 w 727004"/>
              <a:gd name="connsiteY32" fmla="*/ 1369614 h 1487666"/>
              <a:gd name="connsiteX33" fmla="*/ 504861 w 727004"/>
              <a:gd name="connsiteY33" fmla="*/ 1385112 h 1487666"/>
              <a:gd name="connsiteX34" fmla="*/ 494529 w 727004"/>
              <a:gd name="connsiteY34" fmla="*/ 1400610 h 1487666"/>
              <a:gd name="connsiteX35" fmla="*/ 484197 w 727004"/>
              <a:gd name="connsiteY35" fmla="*/ 1426441 h 1487666"/>
              <a:gd name="connsiteX36" fmla="*/ 468698 w 727004"/>
              <a:gd name="connsiteY36" fmla="*/ 1441939 h 1487666"/>
              <a:gd name="connsiteX37" fmla="*/ 458366 w 727004"/>
              <a:gd name="connsiteY37" fmla="*/ 1457437 h 1487666"/>
              <a:gd name="connsiteX38" fmla="*/ 344712 w 727004"/>
              <a:gd name="connsiteY38" fmla="*/ 1462603 h 1487666"/>
              <a:gd name="connsiteX39" fmla="*/ 277553 w 727004"/>
              <a:gd name="connsiteY39" fmla="*/ 1467770 h 1487666"/>
              <a:gd name="connsiteX40" fmla="*/ 160365 w 727004"/>
              <a:gd name="connsiteY40" fmla="*/ 1486801 h 1487666"/>
              <a:gd name="connsiteX41" fmla="*/ 81241 w 727004"/>
              <a:gd name="connsiteY41" fmla="*/ 1483268 h 1487666"/>
              <a:gd name="connsiteX42" fmla="*/ 65743 w 727004"/>
              <a:gd name="connsiteY42" fmla="*/ 1472936 h 1487666"/>
              <a:gd name="connsiteX43" fmla="*/ 41296 w 727004"/>
              <a:gd name="connsiteY43" fmla="*/ 1461240 h 1487666"/>
              <a:gd name="connsiteX44" fmla="*/ 2655 w 727004"/>
              <a:gd name="connsiteY44" fmla="*/ 1404144 h 1487666"/>
              <a:gd name="connsiteX45" fmla="*/ 505 w 727004"/>
              <a:gd name="connsiteY45" fmla="*/ 1267482 h 1487666"/>
              <a:gd name="connsiteX46" fmla="*/ 26315 w 727004"/>
              <a:gd name="connsiteY46" fmla="*/ 1193966 h 1487666"/>
              <a:gd name="connsiteX47" fmla="*/ 55410 w 727004"/>
              <a:gd name="connsiteY47" fmla="*/ 1090644 h 1487666"/>
              <a:gd name="connsiteX48" fmla="*/ 60576 w 727004"/>
              <a:gd name="connsiteY48" fmla="*/ 1064814 h 1487666"/>
              <a:gd name="connsiteX49" fmla="*/ 70909 w 727004"/>
              <a:gd name="connsiteY49" fmla="*/ 1033817 h 1487666"/>
              <a:gd name="connsiteX50" fmla="*/ 76075 w 727004"/>
              <a:gd name="connsiteY50" fmla="*/ 935661 h 1487666"/>
              <a:gd name="connsiteX51" fmla="*/ 86407 w 727004"/>
              <a:gd name="connsiteY51" fmla="*/ 920163 h 1487666"/>
              <a:gd name="connsiteX52" fmla="*/ 96739 w 727004"/>
              <a:gd name="connsiteY52" fmla="*/ 899498 h 1487666"/>
              <a:gd name="connsiteX53" fmla="*/ 117404 w 727004"/>
              <a:gd name="connsiteY53" fmla="*/ 873668 h 1487666"/>
              <a:gd name="connsiteX54" fmla="*/ 117404 w 727004"/>
              <a:gd name="connsiteY54" fmla="*/ 806509 h 1487666"/>
              <a:gd name="connsiteX55" fmla="*/ 127736 w 727004"/>
              <a:gd name="connsiteY55" fmla="*/ 698020 h 1487666"/>
              <a:gd name="connsiteX56" fmla="*/ 138068 w 727004"/>
              <a:gd name="connsiteY56" fmla="*/ 667024 h 1487666"/>
              <a:gd name="connsiteX57" fmla="*/ 148400 w 727004"/>
              <a:gd name="connsiteY57" fmla="*/ 651526 h 1487666"/>
              <a:gd name="connsiteX58" fmla="*/ 153566 w 727004"/>
              <a:gd name="connsiteY58" fmla="*/ 636027 h 1487666"/>
              <a:gd name="connsiteX59" fmla="*/ 163898 w 727004"/>
              <a:gd name="connsiteY59" fmla="*/ 574034 h 1487666"/>
              <a:gd name="connsiteX60" fmla="*/ 169065 w 727004"/>
              <a:gd name="connsiteY60" fmla="*/ 532705 h 1487666"/>
              <a:gd name="connsiteX61" fmla="*/ 184563 w 727004"/>
              <a:gd name="connsiteY61" fmla="*/ 357058 h 1487666"/>
              <a:gd name="connsiteX62" fmla="*/ 205227 w 727004"/>
              <a:gd name="connsiteY62" fmla="*/ 310563 h 1487666"/>
              <a:gd name="connsiteX63" fmla="*/ 210393 w 727004"/>
              <a:gd name="connsiteY63" fmla="*/ 289898 h 1487666"/>
              <a:gd name="connsiteX64" fmla="*/ 220726 w 727004"/>
              <a:gd name="connsiteY64" fmla="*/ 279566 h 1487666"/>
              <a:gd name="connsiteX65" fmla="*/ 231058 w 727004"/>
              <a:gd name="connsiteY65" fmla="*/ 264068 h 1487666"/>
              <a:gd name="connsiteX66" fmla="*/ 241390 w 727004"/>
              <a:gd name="connsiteY66" fmla="*/ 227905 h 1487666"/>
              <a:gd name="connsiteX67" fmla="*/ 251722 w 727004"/>
              <a:gd name="connsiteY67" fmla="*/ 196909 h 1487666"/>
              <a:gd name="connsiteX68" fmla="*/ 256888 w 727004"/>
              <a:gd name="connsiteY68" fmla="*/ 181410 h 1487666"/>
              <a:gd name="connsiteX69" fmla="*/ 267221 w 727004"/>
              <a:gd name="connsiteY69" fmla="*/ 171078 h 1487666"/>
              <a:gd name="connsiteX70" fmla="*/ 282719 w 727004"/>
              <a:gd name="connsiteY70" fmla="*/ 140081 h 1487666"/>
              <a:gd name="connsiteX71" fmla="*/ 298217 w 727004"/>
              <a:gd name="connsiteY71" fmla="*/ 124583 h 1487666"/>
              <a:gd name="connsiteX72" fmla="*/ 308549 w 727004"/>
              <a:gd name="connsiteY72" fmla="*/ 109085 h 1487666"/>
              <a:gd name="connsiteX73" fmla="*/ 318882 w 727004"/>
              <a:gd name="connsiteY73" fmla="*/ 98753 h 1487666"/>
              <a:gd name="connsiteX74" fmla="*/ 329214 w 727004"/>
              <a:gd name="connsiteY74" fmla="*/ 83254 h 1487666"/>
              <a:gd name="connsiteX75" fmla="*/ 365376 w 727004"/>
              <a:gd name="connsiteY75" fmla="*/ 62590 h 1487666"/>
              <a:gd name="connsiteX76" fmla="*/ 375709 w 727004"/>
              <a:gd name="connsiteY76" fmla="*/ 52258 h 1487666"/>
              <a:gd name="connsiteX77" fmla="*/ 391207 w 727004"/>
              <a:gd name="connsiteY77" fmla="*/ 41926 h 1487666"/>
              <a:gd name="connsiteX78" fmla="*/ 411871 w 727004"/>
              <a:gd name="connsiteY78" fmla="*/ 10929 h 1487666"/>
              <a:gd name="connsiteX79" fmla="*/ 422204 w 727004"/>
              <a:gd name="connsiteY79" fmla="*/ 597 h 1487666"/>
              <a:gd name="connsiteX0" fmla="*/ 422204 w 727004"/>
              <a:gd name="connsiteY0" fmla="*/ 597 h 1483334"/>
              <a:gd name="connsiteX1" fmla="*/ 535858 w 727004"/>
              <a:gd name="connsiteY1" fmla="*/ 5763 h 1483334"/>
              <a:gd name="connsiteX2" fmla="*/ 587519 w 727004"/>
              <a:gd name="connsiteY2" fmla="*/ 47092 h 1483334"/>
              <a:gd name="connsiteX3" fmla="*/ 603017 w 727004"/>
              <a:gd name="connsiteY3" fmla="*/ 62590 h 1483334"/>
              <a:gd name="connsiteX4" fmla="*/ 613349 w 727004"/>
              <a:gd name="connsiteY4" fmla="*/ 93587 h 1483334"/>
              <a:gd name="connsiteX5" fmla="*/ 618515 w 727004"/>
              <a:gd name="connsiteY5" fmla="*/ 109085 h 1483334"/>
              <a:gd name="connsiteX6" fmla="*/ 623682 w 727004"/>
              <a:gd name="connsiteY6" fmla="*/ 155580 h 1483334"/>
              <a:gd name="connsiteX7" fmla="*/ 628848 w 727004"/>
              <a:gd name="connsiteY7" fmla="*/ 191742 h 1483334"/>
              <a:gd name="connsiteX8" fmla="*/ 634014 w 727004"/>
              <a:gd name="connsiteY8" fmla="*/ 264068 h 1483334"/>
              <a:gd name="connsiteX9" fmla="*/ 639180 w 727004"/>
              <a:gd name="connsiteY9" fmla="*/ 284732 h 1483334"/>
              <a:gd name="connsiteX10" fmla="*/ 644346 w 727004"/>
              <a:gd name="connsiteY10" fmla="*/ 320895 h 1483334"/>
              <a:gd name="connsiteX11" fmla="*/ 654678 w 727004"/>
              <a:gd name="connsiteY11" fmla="*/ 351892 h 1483334"/>
              <a:gd name="connsiteX12" fmla="*/ 665010 w 727004"/>
              <a:gd name="connsiteY12" fmla="*/ 398387 h 1483334"/>
              <a:gd name="connsiteX13" fmla="*/ 636184 w 727004"/>
              <a:gd name="connsiteY13" fmla="*/ 431149 h 1483334"/>
              <a:gd name="connsiteX14" fmla="*/ 619168 w 727004"/>
              <a:gd name="connsiteY14" fmla="*/ 451661 h 1483334"/>
              <a:gd name="connsiteX15" fmla="*/ 627753 w 727004"/>
              <a:gd name="connsiteY15" fmla="*/ 513136 h 1483334"/>
              <a:gd name="connsiteX16" fmla="*/ 632784 w 727004"/>
              <a:gd name="connsiteY16" fmla="*/ 592797 h 1483334"/>
              <a:gd name="connsiteX17" fmla="*/ 690841 w 727004"/>
              <a:gd name="connsiteY17" fmla="*/ 713519 h 1483334"/>
              <a:gd name="connsiteX18" fmla="*/ 706339 w 727004"/>
              <a:gd name="connsiteY18" fmla="*/ 749681 h 1483334"/>
              <a:gd name="connsiteX19" fmla="*/ 711505 w 727004"/>
              <a:gd name="connsiteY19" fmla="*/ 765180 h 1483334"/>
              <a:gd name="connsiteX20" fmla="*/ 721837 w 727004"/>
              <a:gd name="connsiteY20" fmla="*/ 791010 h 1483334"/>
              <a:gd name="connsiteX21" fmla="*/ 727004 w 727004"/>
              <a:gd name="connsiteY21" fmla="*/ 811675 h 1483334"/>
              <a:gd name="connsiteX22" fmla="*/ 721837 w 727004"/>
              <a:gd name="connsiteY22" fmla="*/ 842671 h 1483334"/>
              <a:gd name="connsiteX23" fmla="*/ 703074 w 727004"/>
              <a:gd name="connsiteY23" fmla="*/ 871767 h 1483334"/>
              <a:gd name="connsiteX24" fmla="*/ 701173 w 727004"/>
              <a:gd name="connsiteY24" fmla="*/ 982156 h 1483334"/>
              <a:gd name="connsiteX25" fmla="*/ 675343 w 727004"/>
              <a:gd name="connsiteY25" fmla="*/ 1033817 h 1483334"/>
              <a:gd name="connsiteX26" fmla="*/ 629116 w 727004"/>
              <a:gd name="connsiteY26" fmla="*/ 1075146 h 1483334"/>
              <a:gd name="connsiteX27" fmla="*/ 591457 w 727004"/>
              <a:gd name="connsiteY27" fmla="*/ 1121641 h 1483334"/>
              <a:gd name="connsiteX28" fmla="*/ 567123 w 727004"/>
              <a:gd name="connsiteY28" fmla="*/ 1197903 h 1483334"/>
              <a:gd name="connsiteX29" fmla="*/ 556522 w 727004"/>
              <a:gd name="connsiteY29" fmla="*/ 1271458 h 1483334"/>
              <a:gd name="connsiteX30" fmla="*/ 535858 w 727004"/>
              <a:gd name="connsiteY30" fmla="*/ 1302454 h 1483334"/>
              <a:gd name="connsiteX31" fmla="*/ 525526 w 727004"/>
              <a:gd name="connsiteY31" fmla="*/ 1317953 h 1483334"/>
              <a:gd name="connsiteX32" fmla="*/ 510027 w 727004"/>
              <a:gd name="connsiteY32" fmla="*/ 1369614 h 1483334"/>
              <a:gd name="connsiteX33" fmla="*/ 504861 w 727004"/>
              <a:gd name="connsiteY33" fmla="*/ 1385112 h 1483334"/>
              <a:gd name="connsiteX34" fmla="*/ 494529 w 727004"/>
              <a:gd name="connsiteY34" fmla="*/ 1400610 h 1483334"/>
              <a:gd name="connsiteX35" fmla="*/ 484197 w 727004"/>
              <a:gd name="connsiteY35" fmla="*/ 1426441 h 1483334"/>
              <a:gd name="connsiteX36" fmla="*/ 468698 w 727004"/>
              <a:gd name="connsiteY36" fmla="*/ 1441939 h 1483334"/>
              <a:gd name="connsiteX37" fmla="*/ 458366 w 727004"/>
              <a:gd name="connsiteY37" fmla="*/ 1457437 h 1483334"/>
              <a:gd name="connsiteX38" fmla="*/ 344712 w 727004"/>
              <a:gd name="connsiteY38" fmla="*/ 1462603 h 1483334"/>
              <a:gd name="connsiteX39" fmla="*/ 277553 w 727004"/>
              <a:gd name="connsiteY39" fmla="*/ 1467770 h 1483334"/>
              <a:gd name="connsiteX40" fmla="*/ 81241 w 727004"/>
              <a:gd name="connsiteY40" fmla="*/ 1483268 h 1483334"/>
              <a:gd name="connsiteX41" fmla="*/ 65743 w 727004"/>
              <a:gd name="connsiteY41" fmla="*/ 1472936 h 1483334"/>
              <a:gd name="connsiteX42" fmla="*/ 41296 w 727004"/>
              <a:gd name="connsiteY42" fmla="*/ 1461240 h 1483334"/>
              <a:gd name="connsiteX43" fmla="*/ 2655 w 727004"/>
              <a:gd name="connsiteY43" fmla="*/ 1404144 h 1483334"/>
              <a:gd name="connsiteX44" fmla="*/ 505 w 727004"/>
              <a:gd name="connsiteY44" fmla="*/ 1267482 h 1483334"/>
              <a:gd name="connsiteX45" fmla="*/ 26315 w 727004"/>
              <a:gd name="connsiteY45" fmla="*/ 1193966 h 1483334"/>
              <a:gd name="connsiteX46" fmla="*/ 55410 w 727004"/>
              <a:gd name="connsiteY46" fmla="*/ 1090644 h 1483334"/>
              <a:gd name="connsiteX47" fmla="*/ 60576 w 727004"/>
              <a:gd name="connsiteY47" fmla="*/ 1064814 h 1483334"/>
              <a:gd name="connsiteX48" fmla="*/ 70909 w 727004"/>
              <a:gd name="connsiteY48" fmla="*/ 1033817 h 1483334"/>
              <a:gd name="connsiteX49" fmla="*/ 76075 w 727004"/>
              <a:gd name="connsiteY49" fmla="*/ 935661 h 1483334"/>
              <a:gd name="connsiteX50" fmla="*/ 86407 w 727004"/>
              <a:gd name="connsiteY50" fmla="*/ 920163 h 1483334"/>
              <a:gd name="connsiteX51" fmla="*/ 96739 w 727004"/>
              <a:gd name="connsiteY51" fmla="*/ 899498 h 1483334"/>
              <a:gd name="connsiteX52" fmla="*/ 117404 w 727004"/>
              <a:gd name="connsiteY52" fmla="*/ 873668 h 1483334"/>
              <a:gd name="connsiteX53" fmla="*/ 117404 w 727004"/>
              <a:gd name="connsiteY53" fmla="*/ 806509 h 1483334"/>
              <a:gd name="connsiteX54" fmla="*/ 127736 w 727004"/>
              <a:gd name="connsiteY54" fmla="*/ 698020 h 1483334"/>
              <a:gd name="connsiteX55" fmla="*/ 138068 w 727004"/>
              <a:gd name="connsiteY55" fmla="*/ 667024 h 1483334"/>
              <a:gd name="connsiteX56" fmla="*/ 148400 w 727004"/>
              <a:gd name="connsiteY56" fmla="*/ 651526 h 1483334"/>
              <a:gd name="connsiteX57" fmla="*/ 153566 w 727004"/>
              <a:gd name="connsiteY57" fmla="*/ 636027 h 1483334"/>
              <a:gd name="connsiteX58" fmla="*/ 163898 w 727004"/>
              <a:gd name="connsiteY58" fmla="*/ 574034 h 1483334"/>
              <a:gd name="connsiteX59" fmla="*/ 169065 w 727004"/>
              <a:gd name="connsiteY59" fmla="*/ 532705 h 1483334"/>
              <a:gd name="connsiteX60" fmla="*/ 184563 w 727004"/>
              <a:gd name="connsiteY60" fmla="*/ 357058 h 1483334"/>
              <a:gd name="connsiteX61" fmla="*/ 205227 w 727004"/>
              <a:gd name="connsiteY61" fmla="*/ 310563 h 1483334"/>
              <a:gd name="connsiteX62" fmla="*/ 210393 w 727004"/>
              <a:gd name="connsiteY62" fmla="*/ 289898 h 1483334"/>
              <a:gd name="connsiteX63" fmla="*/ 220726 w 727004"/>
              <a:gd name="connsiteY63" fmla="*/ 279566 h 1483334"/>
              <a:gd name="connsiteX64" fmla="*/ 231058 w 727004"/>
              <a:gd name="connsiteY64" fmla="*/ 264068 h 1483334"/>
              <a:gd name="connsiteX65" fmla="*/ 241390 w 727004"/>
              <a:gd name="connsiteY65" fmla="*/ 227905 h 1483334"/>
              <a:gd name="connsiteX66" fmla="*/ 251722 w 727004"/>
              <a:gd name="connsiteY66" fmla="*/ 196909 h 1483334"/>
              <a:gd name="connsiteX67" fmla="*/ 256888 w 727004"/>
              <a:gd name="connsiteY67" fmla="*/ 181410 h 1483334"/>
              <a:gd name="connsiteX68" fmla="*/ 267221 w 727004"/>
              <a:gd name="connsiteY68" fmla="*/ 171078 h 1483334"/>
              <a:gd name="connsiteX69" fmla="*/ 282719 w 727004"/>
              <a:gd name="connsiteY69" fmla="*/ 140081 h 1483334"/>
              <a:gd name="connsiteX70" fmla="*/ 298217 w 727004"/>
              <a:gd name="connsiteY70" fmla="*/ 124583 h 1483334"/>
              <a:gd name="connsiteX71" fmla="*/ 308549 w 727004"/>
              <a:gd name="connsiteY71" fmla="*/ 109085 h 1483334"/>
              <a:gd name="connsiteX72" fmla="*/ 318882 w 727004"/>
              <a:gd name="connsiteY72" fmla="*/ 98753 h 1483334"/>
              <a:gd name="connsiteX73" fmla="*/ 329214 w 727004"/>
              <a:gd name="connsiteY73" fmla="*/ 83254 h 1483334"/>
              <a:gd name="connsiteX74" fmla="*/ 365376 w 727004"/>
              <a:gd name="connsiteY74" fmla="*/ 62590 h 1483334"/>
              <a:gd name="connsiteX75" fmla="*/ 375709 w 727004"/>
              <a:gd name="connsiteY75" fmla="*/ 52258 h 1483334"/>
              <a:gd name="connsiteX76" fmla="*/ 391207 w 727004"/>
              <a:gd name="connsiteY76" fmla="*/ 41926 h 1483334"/>
              <a:gd name="connsiteX77" fmla="*/ 411871 w 727004"/>
              <a:gd name="connsiteY77" fmla="*/ 10929 h 1483334"/>
              <a:gd name="connsiteX78" fmla="*/ 422204 w 727004"/>
              <a:gd name="connsiteY78" fmla="*/ 597 h 1483334"/>
              <a:gd name="connsiteX0" fmla="*/ 422204 w 727004"/>
              <a:gd name="connsiteY0" fmla="*/ 597 h 1473102"/>
              <a:gd name="connsiteX1" fmla="*/ 535858 w 727004"/>
              <a:gd name="connsiteY1" fmla="*/ 5763 h 1473102"/>
              <a:gd name="connsiteX2" fmla="*/ 587519 w 727004"/>
              <a:gd name="connsiteY2" fmla="*/ 47092 h 1473102"/>
              <a:gd name="connsiteX3" fmla="*/ 603017 w 727004"/>
              <a:gd name="connsiteY3" fmla="*/ 62590 h 1473102"/>
              <a:gd name="connsiteX4" fmla="*/ 613349 w 727004"/>
              <a:gd name="connsiteY4" fmla="*/ 93587 h 1473102"/>
              <a:gd name="connsiteX5" fmla="*/ 618515 w 727004"/>
              <a:gd name="connsiteY5" fmla="*/ 109085 h 1473102"/>
              <a:gd name="connsiteX6" fmla="*/ 623682 w 727004"/>
              <a:gd name="connsiteY6" fmla="*/ 155580 h 1473102"/>
              <a:gd name="connsiteX7" fmla="*/ 628848 w 727004"/>
              <a:gd name="connsiteY7" fmla="*/ 191742 h 1473102"/>
              <a:gd name="connsiteX8" fmla="*/ 634014 w 727004"/>
              <a:gd name="connsiteY8" fmla="*/ 264068 h 1473102"/>
              <a:gd name="connsiteX9" fmla="*/ 639180 w 727004"/>
              <a:gd name="connsiteY9" fmla="*/ 284732 h 1473102"/>
              <a:gd name="connsiteX10" fmla="*/ 644346 w 727004"/>
              <a:gd name="connsiteY10" fmla="*/ 320895 h 1473102"/>
              <a:gd name="connsiteX11" fmla="*/ 654678 w 727004"/>
              <a:gd name="connsiteY11" fmla="*/ 351892 h 1473102"/>
              <a:gd name="connsiteX12" fmla="*/ 665010 w 727004"/>
              <a:gd name="connsiteY12" fmla="*/ 398387 h 1473102"/>
              <a:gd name="connsiteX13" fmla="*/ 636184 w 727004"/>
              <a:gd name="connsiteY13" fmla="*/ 431149 h 1473102"/>
              <a:gd name="connsiteX14" fmla="*/ 619168 w 727004"/>
              <a:gd name="connsiteY14" fmla="*/ 451661 h 1473102"/>
              <a:gd name="connsiteX15" fmla="*/ 627753 w 727004"/>
              <a:gd name="connsiteY15" fmla="*/ 513136 h 1473102"/>
              <a:gd name="connsiteX16" fmla="*/ 632784 w 727004"/>
              <a:gd name="connsiteY16" fmla="*/ 592797 h 1473102"/>
              <a:gd name="connsiteX17" fmla="*/ 690841 w 727004"/>
              <a:gd name="connsiteY17" fmla="*/ 713519 h 1473102"/>
              <a:gd name="connsiteX18" fmla="*/ 706339 w 727004"/>
              <a:gd name="connsiteY18" fmla="*/ 749681 h 1473102"/>
              <a:gd name="connsiteX19" fmla="*/ 711505 w 727004"/>
              <a:gd name="connsiteY19" fmla="*/ 765180 h 1473102"/>
              <a:gd name="connsiteX20" fmla="*/ 721837 w 727004"/>
              <a:gd name="connsiteY20" fmla="*/ 791010 h 1473102"/>
              <a:gd name="connsiteX21" fmla="*/ 727004 w 727004"/>
              <a:gd name="connsiteY21" fmla="*/ 811675 h 1473102"/>
              <a:gd name="connsiteX22" fmla="*/ 721837 w 727004"/>
              <a:gd name="connsiteY22" fmla="*/ 842671 h 1473102"/>
              <a:gd name="connsiteX23" fmla="*/ 703074 w 727004"/>
              <a:gd name="connsiteY23" fmla="*/ 871767 h 1473102"/>
              <a:gd name="connsiteX24" fmla="*/ 701173 w 727004"/>
              <a:gd name="connsiteY24" fmla="*/ 982156 h 1473102"/>
              <a:gd name="connsiteX25" fmla="*/ 675343 w 727004"/>
              <a:gd name="connsiteY25" fmla="*/ 1033817 h 1473102"/>
              <a:gd name="connsiteX26" fmla="*/ 629116 w 727004"/>
              <a:gd name="connsiteY26" fmla="*/ 1075146 h 1473102"/>
              <a:gd name="connsiteX27" fmla="*/ 591457 w 727004"/>
              <a:gd name="connsiteY27" fmla="*/ 1121641 h 1473102"/>
              <a:gd name="connsiteX28" fmla="*/ 567123 w 727004"/>
              <a:gd name="connsiteY28" fmla="*/ 1197903 h 1473102"/>
              <a:gd name="connsiteX29" fmla="*/ 556522 w 727004"/>
              <a:gd name="connsiteY29" fmla="*/ 1271458 h 1473102"/>
              <a:gd name="connsiteX30" fmla="*/ 535858 w 727004"/>
              <a:gd name="connsiteY30" fmla="*/ 1302454 h 1473102"/>
              <a:gd name="connsiteX31" fmla="*/ 525526 w 727004"/>
              <a:gd name="connsiteY31" fmla="*/ 1317953 h 1473102"/>
              <a:gd name="connsiteX32" fmla="*/ 510027 w 727004"/>
              <a:gd name="connsiteY32" fmla="*/ 1369614 h 1473102"/>
              <a:gd name="connsiteX33" fmla="*/ 504861 w 727004"/>
              <a:gd name="connsiteY33" fmla="*/ 1385112 h 1473102"/>
              <a:gd name="connsiteX34" fmla="*/ 494529 w 727004"/>
              <a:gd name="connsiteY34" fmla="*/ 1400610 h 1473102"/>
              <a:gd name="connsiteX35" fmla="*/ 484197 w 727004"/>
              <a:gd name="connsiteY35" fmla="*/ 1426441 h 1473102"/>
              <a:gd name="connsiteX36" fmla="*/ 468698 w 727004"/>
              <a:gd name="connsiteY36" fmla="*/ 1441939 h 1473102"/>
              <a:gd name="connsiteX37" fmla="*/ 458366 w 727004"/>
              <a:gd name="connsiteY37" fmla="*/ 1457437 h 1473102"/>
              <a:gd name="connsiteX38" fmla="*/ 344712 w 727004"/>
              <a:gd name="connsiteY38" fmla="*/ 1462603 h 1473102"/>
              <a:gd name="connsiteX39" fmla="*/ 277553 w 727004"/>
              <a:gd name="connsiteY39" fmla="*/ 1467770 h 1473102"/>
              <a:gd name="connsiteX40" fmla="*/ 65743 w 727004"/>
              <a:gd name="connsiteY40" fmla="*/ 1472936 h 1473102"/>
              <a:gd name="connsiteX41" fmla="*/ 41296 w 727004"/>
              <a:gd name="connsiteY41" fmla="*/ 1461240 h 1473102"/>
              <a:gd name="connsiteX42" fmla="*/ 2655 w 727004"/>
              <a:gd name="connsiteY42" fmla="*/ 1404144 h 1473102"/>
              <a:gd name="connsiteX43" fmla="*/ 505 w 727004"/>
              <a:gd name="connsiteY43" fmla="*/ 1267482 h 1473102"/>
              <a:gd name="connsiteX44" fmla="*/ 26315 w 727004"/>
              <a:gd name="connsiteY44" fmla="*/ 1193966 h 1473102"/>
              <a:gd name="connsiteX45" fmla="*/ 55410 w 727004"/>
              <a:gd name="connsiteY45" fmla="*/ 1090644 h 1473102"/>
              <a:gd name="connsiteX46" fmla="*/ 60576 w 727004"/>
              <a:gd name="connsiteY46" fmla="*/ 1064814 h 1473102"/>
              <a:gd name="connsiteX47" fmla="*/ 70909 w 727004"/>
              <a:gd name="connsiteY47" fmla="*/ 1033817 h 1473102"/>
              <a:gd name="connsiteX48" fmla="*/ 76075 w 727004"/>
              <a:gd name="connsiteY48" fmla="*/ 935661 h 1473102"/>
              <a:gd name="connsiteX49" fmla="*/ 86407 w 727004"/>
              <a:gd name="connsiteY49" fmla="*/ 920163 h 1473102"/>
              <a:gd name="connsiteX50" fmla="*/ 96739 w 727004"/>
              <a:gd name="connsiteY50" fmla="*/ 899498 h 1473102"/>
              <a:gd name="connsiteX51" fmla="*/ 117404 w 727004"/>
              <a:gd name="connsiteY51" fmla="*/ 873668 h 1473102"/>
              <a:gd name="connsiteX52" fmla="*/ 117404 w 727004"/>
              <a:gd name="connsiteY52" fmla="*/ 806509 h 1473102"/>
              <a:gd name="connsiteX53" fmla="*/ 127736 w 727004"/>
              <a:gd name="connsiteY53" fmla="*/ 698020 h 1473102"/>
              <a:gd name="connsiteX54" fmla="*/ 138068 w 727004"/>
              <a:gd name="connsiteY54" fmla="*/ 667024 h 1473102"/>
              <a:gd name="connsiteX55" fmla="*/ 148400 w 727004"/>
              <a:gd name="connsiteY55" fmla="*/ 651526 h 1473102"/>
              <a:gd name="connsiteX56" fmla="*/ 153566 w 727004"/>
              <a:gd name="connsiteY56" fmla="*/ 636027 h 1473102"/>
              <a:gd name="connsiteX57" fmla="*/ 163898 w 727004"/>
              <a:gd name="connsiteY57" fmla="*/ 574034 h 1473102"/>
              <a:gd name="connsiteX58" fmla="*/ 169065 w 727004"/>
              <a:gd name="connsiteY58" fmla="*/ 532705 h 1473102"/>
              <a:gd name="connsiteX59" fmla="*/ 184563 w 727004"/>
              <a:gd name="connsiteY59" fmla="*/ 357058 h 1473102"/>
              <a:gd name="connsiteX60" fmla="*/ 205227 w 727004"/>
              <a:gd name="connsiteY60" fmla="*/ 310563 h 1473102"/>
              <a:gd name="connsiteX61" fmla="*/ 210393 w 727004"/>
              <a:gd name="connsiteY61" fmla="*/ 289898 h 1473102"/>
              <a:gd name="connsiteX62" fmla="*/ 220726 w 727004"/>
              <a:gd name="connsiteY62" fmla="*/ 279566 h 1473102"/>
              <a:gd name="connsiteX63" fmla="*/ 231058 w 727004"/>
              <a:gd name="connsiteY63" fmla="*/ 264068 h 1473102"/>
              <a:gd name="connsiteX64" fmla="*/ 241390 w 727004"/>
              <a:gd name="connsiteY64" fmla="*/ 227905 h 1473102"/>
              <a:gd name="connsiteX65" fmla="*/ 251722 w 727004"/>
              <a:gd name="connsiteY65" fmla="*/ 196909 h 1473102"/>
              <a:gd name="connsiteX66" fmla="*/ 256888 w 727004"/>
              <a:gd name="connsiteY66" fmla="*/ 181410 h 1473102"/>
              <a:gd name="connsiteX67" fmla="*/ 267221 w 727004"/>
              <a:gd name="connsiteY67" fmla="*/ 171078 h 1473102"/>
              <a:gd name="connsiteX68" fmla="*/ 282719 w 727004"/>
              <a:gd name="connsiteY68" fmla="*/ 140081 h 1473102"/>
              <a:gd name="connsiteX69" fmla="*/ 298217 w 727004"/>
              <a:gd name="connsiteY69" fmla="*/ 124583 h 1473102"/>
              <a:gd name="connsiteX70" fmla="*/ 308549 w 727004"/>
              <a:gd name="connsiteY70" fmla="*/ 109085 h 1473102"/>
              <a:gd name="connsiteX71" fmla="*/ 318882 w 727004"/>
              <a:gd name="connsiteY71" fmla="*/ 98753 h 1473102"/>
              <a:gd name="connsiteX72" fmla="*/ 329214 w 727004"/>
              <a:gd name="connsiteY72" fmla="*/ 83254 h 1473102"/>
              <a:gd name="connsiteX73" fmla="*/ 365376 w 727004"/>
              <a:gd name="connsiteY73" fmla="*/ 62590 h 1473102"/>
              <a:gd name="connsiteX74" fmla="*/ 375709 w 727004"/>
              <a:gd name="connsiteY74" fmla="*/ 52258 h 1473102"/>
              <a:gd name="connsiteX75" fmla="*/ 391207 w 727004"/>
              <a:gd name="connsiteY75" fmla="*/ 41926 h 1473102"/>
              <a:gd name="connsiteX76" fmla="*/ 411871 w 727004"/>
              <a:gd name="connsiteY76" fmla="*/ 10929 h 1473102"/>
              <a:gd name="connsiteX77" fmla="*/ 422204 w 727004"/>
              <a:gd name="connsiteY77" fmla="*/ 597 h 1473102"/>
              <a:gd name="connsiteX0" fmla="*/ 422204 w 727004"/>
              <a:gd name="connsiteY0" fmla="*/ 597 h 1473132"/>
              <a:gd name="connsiteX1" fmla="*/ 535858 w 727004"/>
              <a:gd name="connsiteY1" fmla="*/ 5763 h 1473132"/>
              <a:gd name="connsiteX2" fmla="*/ 587519 w 727004"/>
              <a:gd name="connsiteY2" fmla="*/ 47092 h 1473132"/>
              <a:gd name="connsiteX3" fmla="*/ 603017 w 727004"/>
              <a:gd name="connsiteY3" fmla="*/ 62590 h 1473132"/>
              <a:gd name="connsiteX4" fmla="*/ 613349 w 727004"/>
              <a:gd name="connsiteY4" fmla="*/ 93587 h 1473132"/>
              <a:gd name="connsiteX5" fmla="*/ 618515 w 727004"/>
              <a:gd name="connsiteY5" fmla="*/ 109085 h 1473132"/>
              <a:gd name="connsiteX6" fmla="*/ 623682 w 727004"/>
              <a:gd name="connsiteY6" fmla="*/ 155580 h 1473132"/>
              <a:gd name="connsiteX7" fmla="*/ 628848 w 727004"/>
              <a:gd name="connsiteY7" fmla="*/ 191742 h 1473132"/>
              <a:gd name="connsiteX8" fmla="*/ 634014 w 727004"/>
              <a:gd name="connsiteY8" fmla="*/ 264068 h 1473132"/>
              <a:gd name="connsiteX9" fmla="*/ 639180 w 727004"/>
              <a:gd name="connsiteY9" fmla="*/ 284732 h 1473132"/>
              <a:gd name="connsiteX10" fmla="*/ 644346 w 727004"/>
              <a:gd name="connsiteY10" fmla="*/ 320895 h 1473132"/>
              <a:gd name="connsiteX11" fmla="*/ 654678 w 727004"/>
              <a:gd name="connsiteY11" fmla="*/ 351892 h 1473132"/>
              <a:gd name="connsiteX12" fmla="*/ 665010 w 727004"/>
              <a:gd name="connsiteY12" fmla="*/ 398387 h 1473132"/>
              <a:gd name="connsiteX13" fmla="*/ 636184 w 727004"/>
              <a:gd name="connsiteY13" fmla="*/ 431149 h 1473132"/>
              <a:gd name="connsiteX14" fmla="*/ 619168 w 727004"/>
              <a:gd name="connsiteY14" fmla="*/ 451661 h 1473132"/>
              <a:gd name="connsiteX15" fmla="*/ 627753 w 727004"/>
              <a:gd name="connsiteY15" fmla="*/ 513136 h 1473132"/>
              <a:gd name="connsiteX16" fmla="*/ 632784 w 727004"/>
              <a:gd name="connsiteY16" fmla="*/ 592797 h 1473132"/>
              <a:gd name="connsiteX17" fmla="*/ 690841 w 727004"/>
              <a:gd name="connsiteY17" fmla="*/ 713519 h 1473132"/>
              <a:gd name="connsiteX18" fmla="*/ 706339 w 727004"/>
              <a:gd name="connsiteY18" fmla="*/ 749681 h 1473132"/>
              <a:gd name="connsiteX19" fmla="*/ 711505 w 727004"/>
              <a:gd name="connsiteY19" fmla="*/ 765180 h 1473132"/>
              <a:gd name="connsiteX20" fmla="*/ 721837 w 727004"/>
              <a:gd name="connsiteY20" fmla="*/ 791010 h 1473132"/>
              <a:gd name="connsiteX21" fmla="*/ 727004 w 727004"/>
              <a:gd name="connsiteY21" fmla="*/ 811675 h 1473132"/>
              <a:gd name="connsiteX22" fmla="*/ 721837 w 727004"/>
              <a:gd name="connsiteY22" fmla="*/ 842671 h 1473132"/>
              <a:gd name="connsiteX23" fmla="*/ 703074 w 727004"/>
              <a:gd name="connsiteY23" fmla="*/ 871767 h 1473132"/>
              <a:gd name="connsiteX24" fmla="*/ 701173 w 727004"/>
              <a:gd name="connsiteY24" fmla="*/ 982156 h 1473132"/>
              <a:gd name="connsiteX25" fmla="*/ 675343 w 727004"/>
              <a:gd name="connsiteY25" fmla="*/ 1033817 h 1473132"/>
              <a:gd name="connsiteX26" fmla="*/ 629116 w 727004"/>
              <a:gd name="connsiteY26" fmla="*/ 1075146 h 1473132"/>
              <a:gd name="connsiteX27" fmla="*/ 591457 w 727004"/>
              <a:gd name="connsiteY27" fmla="*/ 1121641 h 1473132"/>
              <a:gd name="connsiteX28" fmla="*/ 567123 w 727004"/>
              <a:gd name="connsiteY28" fmla="*/ 1197903 h 1473132"/>
              <a:gd name="connsiteX29" fmla="*/ 556522 w 727004"/>
              <a:gd name="connsiteY29" fmla="*/ 1271458 h 1473132"/>
              <a:gd name="connsiteX30" fmla="*/ 535858 w 727004"/>
              <a:gd name="connsiteY30" fmla="*/ 1302454 h 1473132"/>
              <a:gd name="connsiteX31" fmla="*/ 525526 w 727004"/>
              <a:gd name="connsiteY31" fmla="*/ 1317953 h 1473132"/>
              <a:gd name="connsiteX32" fmla="*/ 510027 w 727004"/>
              <a:gd name="connsiteY32" fmla="*/ 1369614 h 1473132"/>
              <a:gd name="connsiteX33" fmla="*/ 504861 w 727004"/>
              <a:gd name="connsiteY33" fmla="*/ 1385112 h 1473132"/>
              <a:gd name="connsiteX34" fmla="*/ 494529 w 727004"/>
              <a:gd name="connsiteY34" fmla="*/ 1400610 h 1473132"/>
              <a:gd name="connsiteX35" fmla="*/ 484197 w 727004"/>
              <a:gd name="connsiteY35" fmla="*/ 1426441 h 1473132"/>
              <a:gd name="connsiteX36" fmla="*/ 468698 w 727004"/>
              <a:gd name="connsiteY36" fmla="*/ 1441939 h 1473132"/>
              <a:gd name="connsiteX37" fmla="*/ 458366 w 727004"/>
              <a:gd name="connsiteY37" fmla="*/ 1457437 h 1473132"/>
              <a:gd name="connsiteX38" fmla="*/ 277553 w 727004"/>
              <a:gd name="connsiteY38" fmla="*/ 1467770 h 1473132"/>
              <a:gd name="connsiteX39" fmla="*/ 65743 w 727004"/>
              <a:gd name="connsiteY39" fmla="*/ 1472936 h 1473132"/>
              <a:gd name="connsiteX40" fmla="*/ 41296 w 727004"/>
              <a:gd name="connsiteY40" fmla="*/ 1461240 h 1473132"/>
              <a:gd name="connsiteX41" fmla="*/ 2655 w 727004"/>
              <a:gd name="connsiteY41" fmla="*/ 1404144 h 1473132"/>
              <a:gd name="connsiteX42" fmla="*/ 505 w 727004"/>
              <a:gd name="connsiteY42" fmla="*/ 1267482 h 1473132"/>
              <a:gd name="connsiteX43" fmla="*/ 26315 w 727004"/>
              <a:gd name="connsiteY43" fmla="*/ 1193966 h 1473132"/>
              <a:gd name="connsiteX44" fmla="*/ 55410 w 727004"/>
              <a:gd name="connsiteY44" fmla="*/ 1090644 h 1473132"/>
              <a:gd name="connsiteX45" fmla="*/ 60576 w 727004"/>
              <a:gd name="connsiteY45" fmla="*/ 1064814 h 1473132"/>
              <a:gd name="connsiteX46" fmla="*/ 70909 w 727004"/>
              <a:gd name="connsiteY46" fmla="*/ 1033817 h 1473132"/>
              <a:gd name="connsiteX47" fmla="*/ 76075 w 727004"/>
              <a:gd name="connsiteY47" fmla="*/ 935661 h 1473132"/>
              <a:gd name="connsiteX48" fmla="*/ 86407 w 727004"/>
              <a:gd name="connsiteY48" fmla="*/ 920163 h 1473132"/>
              <a:gd name="connsiteX49" fmla="*/ 96739 w 727004"/>
              <a:gd name="connsiteY49" fmla="*/ 899498 h 1473132"/>
              <a:gd name="connsiteX50" fmla="*/ 117404 w 727004"/>
              <a:gd name="connsiteY50" fmla="*/ 873668 h 1473132"/>
              <a:gd name="connsiteX51" fmla="*/ 117404 w 727004"/>
              <a:gd name="connsiteY51" fmla="*/ 806509 h 1473132"/>
              <a:gd name="connsiteX52" fmla="*/ 127736 w 727004"/>
              <a:gd name="connsiteY52" fmla="*/ 698020 h 1473132"/>
              <a:gd name="connsiteX53" fmla="*/ 138068 w 727004"/>
              <a:gd name="connsiteY53" fmla="*/ 667024 h 1473132"/>
              <a:gd name="connsiteX54" fmla="*/ 148400 w 727004"/>
              <a:gd name="connsiteY54" fmla="*/ 651526 h 1473132"/>
              <a:gd name="connsiteX55" fmla="*/ 153566 w 727004"/>
              <a:gd name="connsiteY55" fmla="*/ 636027 h 1473132"/>
              <a:gd name="connsiteX56" fmla="*/ 163898 w 727004"/>
              <a:gd name="connsiteY56" fmla="*/ 574034 h 1473132"/>
              <a:gd name="connsiteX57" fmla="*/ 169065 w 727004"/>
              <a:gd name="connsiteY57" fmla="*/ 532705 h 1473132"/>
              <a:gd name="connsiteX58" fmla="*/ 184563 w 727004"/>
              <a:gd name="connsiteY58" fmla="*/ 357058 h 1473132"/>
              <a:gd name="connsiteX59" fmla="*/ 205227 w 727004"/>
              <a:gd name="connsiteY59" fmla="*/ 310563 h 1473132"/>
              <a:gd name="connsiteX60" fmla="*/ 210393 w 727004"/>
              <a:gd name="connsiteY60" fmla="*/ 289898 h 1473132"/>
              <a:gd name="connsiteX61" fmla="*/ 220726 w 727004"/>
              <a:gd name="connsiteY61" fmla="*/ 279566 h 1473132"/>
              <a:gd name="connsiteX62" fmla="*/ 231058 w 727004"/>
              <a:gd name="connsiteY62" fmla="*/ 264068 h 1473132"/>
              <a:gd name="connsiteX63" fmla="*/ 241390 w 727004"/>
              <a:gd name="connsiteY63" fmla="*/ 227905 h 1473132"/>
              <a:gd name="connsiteX64" fmla="*/ 251722 w 727004"/>
              <a:gd name="connsiteY64" fmla="*/ 196909 h 1473132"/>
              <a:gd name="connsiteX65" fmla="*/ 256888 w 727004"/>
              <a:gd name="connsiteY65" fmla="*/ 181410 h 1473132"/>
              <a:gd name="connsiteX66" fmla="*/ 267221 w 727004"/>
              <a:gd name="connsiteY66" fmla="*/ 171078 h 1473132"/>
              <a:gd name="connsiteX67" fmla="*/ 282719 w 727004"/>
              <a:gd name="connsiteY67" fmla="*/ 140081 h 1473132"/>
              <a:gd name="connsiteX68" fmla="*/ 298217 w 727004"/>
              <a:gd name="connsiteY68" fmla="*/ 124583 h 1473132"/>
              <a:gd name="connsiteX69" fmla="*/ 308549 w 727004"/>
              <a:gd name="connsiteY69" fmla="*/ 109085 h 1473132"/>
              <a:gd name="connsiteX70" fmla="*/ 318882 w 727004"/>
              <a:gd name="connsiteY70" fmla="*/ 98753 h 1473132"/>
              <a:gd name="connsiteX71" fmla="*/ 329214 w 727004"/>
              <a:gd name="connsiteY71" fmla="*/ 83254 h 1473132"/>
              <a:gd name="connsiteX72" fmla="*/ 365376 w 727004"/>
              <a:gd name="connsiteY72" fmla="*/ 62590 h 1473132"/>
              <a:gd name="connsiteX73" fmla="*/ 375709 w 727004"/>
              <a:gd name="connsiteY73" fmla="*/ 52258 h 1473132"/>
              <a:gd name="connsiteX74" fmla="*/ 391207 w 727004"/>
              <a:gd name="connsiteY74" fmla="*/ 41926 h 1473132"/>
              <a:gd name="connsiteX75" fmla="*/ 411871 w 727004"/>
              <a:gd name="connsiteY75" fmla="*/ 10929 h 1473132"/>
              <a:gd name="connsiteX76" fmla="*/ 422204 w 727004"/>
              <a:gd name="connsiteY76" fmla="*/ 597 h 1473132"/>
              <a:gd name="connsiteX0" fmla="*/ 411871 w 727004"/>
              <a:gd name="connsiteY0" fmla="*/ 7853 h 1470056"/>
              <a:gd name="connsiteX1" fmla="*/ 535858 w 727004"/>
              <a:gd name="connsiteY1" fmla="*/ 2687 h 1470056"/>
              <a:gd name="connsiteX2" fmla="*/ 587519 w 727004"/>
              <a:gd name="connsiteY2" fmla="*/ 44016 h 1470056"/>
              <a:gd name="connsiteX3" fmla="*/ 603017 w 727004"/>
              <a:gd name="connsiteY3" fmla="*/ 59514 h 1470056"/>
              <a:gd name="connsiteX4" fmla="*/ 613349 w 727004"/>
              <a:gd name="connsiteY4" fmla="*/ 90511 h 1470056"/>
              <a:gd name="connsiteX5" fmla="*/ 618515 w 727004"/>
              <a:gd name="connsiteY5" fmla="*/ 106009 h 1470056"/>
              <a:gd name="connsiteX6" fmla="*/ 623682 w 727004"/>
              <a:gd name="connsiteY6" fmla="*/ 152504 h 1470056"/>
              <a:gd name="connsiteX7" fmla="*/ 628848 w 727004"/>
              <a:gd name="connsiteY7" fmla="*/ 188666 h 1470056"/>
              <a:gd name="connsiteX8" fmla="*/ 634014 w 727004"/>
              <a:gd name="connsiteY8" fmla="*/ 260992 h 1470056"/>
              <a:gd name="connsiteX9" fmla="*/ 639180 w 727004"/>
              <a:gd name="connsiteY9" fmla="*/ 281656 h 1470056"/>
              <a:gd name="connsiteX10" fmla="*/ 644346 w 727004"/>
              <a:gd name="connsiteY10" fmla="*/ 317819 h 1470056"/>
              <a:gd name="connsiteX11" fmla="*/ 654678 w 727004"/>
              <a:gd name="connsiteY11" fmla="*/ 348816 h 1470056"/>
              <a:gd name="connsiteX12" fmla="*/ 665010 w 727004"/>
              <a:gd name="connsiteY12" fmla="*/ 395311 h 1470056"/>
              <a:gd name="connsiteX13" fmla="*/ 636184 w 727004"/>
              <a:gd name="connsiteY13" fmla="*/ 428073 h 1470056"/>
              <a:gd name="connsiteX14" fmla="*/ 619168 w 727004"/>
              <a:gd name="connsiteY14" fmla="*/ 448585 h 1470056"/>
              <a:gd name="connsiteX15" fmla="*/ 627753 w 727004"/>
              <a:gd name="connsiteY15" fmla="*/ 510060 h 1470056"/>
              <a:gd name="connsiteX16" fmla="*/ 632784 w 727004"/>
              <a:gd name="connsiteY16" fmla="*/ 589721 h 1470056"/>
              <a:gd name="connsiteX17" fmla="*/ 690841 w 727004"/>
              <a:gd name="connsiteY17" fmla="*/ 710443 h 1470056"/>
              <a:gd name="connsiteX18" fmla="*/ 706339 w 727004"/>
              <a:gd name="connsiteY18" fmla="*/ 746605 h 1470056"/>
              <a:gd name="connsiteX19" fmla="*/ 711505 w 727004"/>
              <a:gd name="connsiteY19" fmla="*/ 762104 h 1470056"/>
              <a:gd name="connsiteX20" fmla="*/ 721837 w 727004"/>
              <a:gd name="connsiteY20" fmla="*/ 787934 h 1470056"/>
              <a:gd name="connsiteX21" fmla="*/ 727004 w 727004"/>
              <a:gd name="connsiteY21" fmla="*/ 808599 h 1470056"/>
              <a:gd name="connsiteX22" fmla="*/ 721837 w 727004"/>
              <a:gd name="connsiteY22" fmla="*/ 839595 h 1470056"/>
              <a:gd name="connsiteX23" fmla="*/ 703074 w 727004"/>
              <a:gd name="connsiteY23" fmla="*/ 868691 h 1470056"/>
              <a:gd name="connsiteX24" fmla="*/ 701173 w 727004"/>
              <a:gd name="connsiteY24" fmla="*/ 979080 h 1470056"/>
              <a:gd name="connsiteX25" fmla="*/ 675343 w 727004"/>
              <a:gd name="connsiteY25" fmla="*/ 1030741 h 1470056"/>
              <a:gd name="connsiteX26" fmla="*/ 629116 w 727004"/>
              <a:gd name="connsiteY26" fmla="*/ 1072070 h 1470056"/>
              <a:gd name="connsiteX27" fmla="*/ 591457 w 727004"/>
              <a:gd name="connsiteY27" fmla="*/ 1118565 h 1470056"/>
              <a:gd name="connsiteX28" fmla="*/ 567123 w 727004"/>
              <a:gd name="connsiteY28" fmla="*/ 1194827 h 1470056"/>
              <a:gd name="connsiteX29" fmla="*/ 556522 w 727004"/>
              <a:gd name="connsiteY29" fmla="*/ 1268382 h 1470056"/>
              <a:gd name="connsiteX30" fmla="*/ 535858 w 727004"/>
              <a:gd name="connsiteY30" fmla="*/ 1299378 h 1470056"/>
              <a:gd name="connsiteX31" fmla="*/ 525526 w 727004"/>
              <a:gd name="connsiteY31" fmla="*/ 1314877 h 1470056"/>
              <a:gd name="connsiteX32" fmla="*/ 510027 w 727004"/>
              <a:gd name="connsiteY32" fmla="*/ 1366538 h 1470056"/>
              <a:gd name="connsiteX33" fmla="*/ 504861 w 727004"/>
              <a:gd name="connsiteY33" fmla="*/ 1382036 h 1470056"/>
              <a:gd name="connsiteX34" fmla="*/ 494529 w 727004"/>
              <a:gd name="connsiteY34" fmla="*/ 1397534 h 1470056"/>
              <a:gd name="connsiteX35" fmla="*/ 484197 w 727004"/>
              <a:gd name="connsiteY35" fmla="*/ 1423365 h 1470056"/>
              <a:gd name="connsiteX36" fmla="*/ 468698 w 727004"/>
              <a:gd name="connsiteY36" fmla="*/ 1438863 h 1470056"/>
              <a:gd name="connsiteX37" fmla="*/ 458366 w 727004"/>
              <a:gd name="connsiteY37" fmla="*/ 1454361 h 1470056"/>
              <a:gd name="connsiteX38" fmla="*/ 277553 w 727004"/>
              <a:gd name="connsiteY38" fmla="*/ 1464694 h 1470056"/>
              <a:gd name="connsiteX39" fmla="*/ 65743 w 727004"/>
              <a:gd name="connsiteY39" fmla="*/ 1469860 h 1470056"/>
              <a:gd name="connsiteX40" fmla="*/ 41296 w 727004"/>
              <a:gd name="connsiteY40" fmla="*/ 1458164 h 1470056"/>
              <a:gd name="connsiteX41" fmla="*/ 2655 w 727004"/>
              <a:gd name="connsiteY41" fmla="*/ 1401068 h 1470056"/>
              <a:gd name="connsiteX42" fmla="*/ 505 w 727004"/>
              <a:gd name="connsiteY42" fmla="*/ 1264406 h 1470056"/>
              <a:gd name="connsiteX43" fmla="*/ 26315 w 727004"/>
              <a:gd name="connsiteY43" fmla="*/ 1190890 h 1470056"/>
              <a:gd name="connsiteX44" fmla="*/ 55410 w 727004"/>
              <a:gd name="connsiteY44" fmla="*/ 1087568 h 1470056"/>
              <a:gd name="connsiteX45" fmla="*/ 60576 w 727004"/>
              <a:gd name="connsiteY45" fmla="*/ 1061738 h 1470056"/>
              <a:gd name="connsiteX46" fmla="*/ 70909 w 727004"/>
              <a:gd name="connsiteY46" fmla="*/ 1030741 h 1470056"/>
              <a:gd name="connsiteX47" fmla="*/ 76075 w 727004"/>
              <a:gd name="connsiteY47" fmla="*/ 932585 h 1470056"/>
              <a:gd name="connsiteX48" fmla="*/ 86407 w 727004"/>
              <a:gd name="connsiteY48" fmla="*/ 917087 h 1470056"/>
              <a:gd name="connsiteX49" fmla="*/ 96739 w 727004"/>
              <a:gd name="connsiteY49" fmla="*/ 896422 h 1470056"/>
              <a:gd name="connsiteX50" fmla="*/ 117404 w 727004"/>
              <a:gd name="connsiteY50" fmla="*/ 870592 h 1470056"/>
              <a:gd name="connsiteX51" fmla="*/ 117404 w 727004"/>
              <a:gd name="connsiteY51" fmla="*/ 803433 h 1470056"/>
              <a:gd name="connsiteX52" fmla="*/ 127736 w 727004"/>
              <a:gd name="connsiteY52" fmla="*/ 694944 h 1470056"/>
              <a:gd name="connsiteX53" fmla="*/ 138068 w 727004"/>
              <a:gd name="connsiteY53" fmla="*/ 663948 h 1470056"/>
              <a:gd name="connsiteX54" fmla="*/ 148400 w 727004"/>
              <a:gd name="connsiteY54" fmla="*/ 648450 h 1470056"/>
              <a:gd name="connsiteX55" fmla="*/ 153566 w 727004"/>
              <a:gd name="connsiteY55" fmla="*/ 632951 h 1470056"/>
              <a:gd name="connsiteX56" fmla="*/ 163898 w 727004"/>
              <a:gd name="connsiteY56" fmla="*/ 570958 h 1470056"/>
              <a:gd name="connsiteX57" fmla="*/ 169065 w 727004"/>
              <a:gd name="connsiteY57" fmla="*/ 529629 h 1470056"/>
              <a:gd name="connsiteX58" fmla="*/ 184563 w 727004"/>
              <a:gd name="connsiteY58" fmla="*/ 353982 h 1470056"/>
              <a:gd name="connsiteX59" fmla="*/ 205227 w 727004"/>
              <a:gd name="connsiteY59" fmla="*/ 307487 h 1470056"/>
              <a:gd name="connsiteX60" fmla="*/ 210393 w 727004"/>
              <a:gd name="connsiteY60" fmla="*/ 286822 h 1470056"/>
              <a:gd name="connsiteX61" fmla="*/ 220726 w 727004"/>
              <a:gd name="connsiteY61" fmla="*/ 276490 h 1470056"/>
              <a:gd name="connsiteX62" fmla="*/ 231058 w 727004"/>
              <a:gd name="connsiteY62" fmla="*/ 260992 h 1470056"/>
              <a:gd name="connsiteX63" fmla="*/ 241390 w 727004"/>
              <a:gd name="connsiteY63" fmla="*/ 224829 h 1470056"/>
              <a:gd name="connsiteX64" fmla="*/ 251722 w 727004"/>
              <a:gd name="connsiteY64" fmla="*/ 193833 h 1470056"/>
              <a:gd name="connsiteX65" fmla="*/ 256888 w 727004"/>
              <a:gd name="connsiteY65" fmla="*/ 178334 h 1470056"/>
              <a:gd name="connsiteX66" fmla="*/ 267221 w 727004"/>
              <a:gd name="connsiteY66" fmla="*/ 168002 h 1470056"/>
              <a:gd name="connsiteX67" fmla="*/ 282719 w 727004"/>
              <a:gd name="connsiteY67" fmla="*/ 137005 h 1470056"/>
              <a:gd name="connsiteX68" fmla="*/ 298217 w 727004"/>
              <a:gd name="connsiteY68" fmla="*/ 121507 h 1470056"/>
              <a:gd name="connsiteX69" fmla="*/ 308549 w 727004"/>
              <a:gd name="connsiteY69" fmla="*/ 106009 h 1470056"/>
              <a:gd name="connsiteX70" fmla="*/ 318882 w 727004"/>
              <a:gd name="connsiteY70" fmla="*/ 95677 h 1470056"/>
              <a:gd name="connsiteX71" fmla="*/ 329214 w 727004"/>
              <a:gd name="connsiteY71" fmla="*/ 80178 h 1470056"/>
              <a:gd name="connsiteX72" fmla="*/ 365376 w 727004"/>
              <a:gd name="connsiteY72" fmla="*/ 59514 h 1470056"/>
              <a:gd name="connsiteX73" fmla="*/ 375709 w 727004"/>
              <a:gd name="connsiteY73" fmla="*/ 49182 h 1470056"/>
              <a:gd name="connsiteX74" fmla="*/ 391207 w 727004"/>
              <a:gd name="connsiteY74" fmla="*/ 38850 h 1470056"/>
              <a:gd name="connsiteX75" fmla="*/ 411871 w 727004"/>
              <a:gd name="connsiteY75" fmla="*/ 7853 h 1470056"/>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29214 w 727004"/>
              <a:gd name="connsiteY71" fmla="*/ 77510 h 1467388"/>
              <a:gd name="connsiteX72" fmla="*/ 365376 w 727004"/>
              <a:gd name="connsiteY72" fmla="*/ 56846 h 1467388"/>
              <a:gd name="connsiteX73" fmla="*/ 375709 w 727004"/>
              <a:gd name="connsiteY73" fmla="*/ 46514 h 1467388"/>
              <a:gd name="connsiteX74" fmla="*/ 391207 w 727004"/>
              <a:gd name="connsiteY74"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65376 w 727004"/>
              <a:gd name="connsiteY71" fmla="*/ 56846 h 1467388"/>
              <a:gd name="connsiteX72" fmla="*/ 375709 w 727004"/>
              <a:gd name="connsiteY72" fmla="*/ 46514 h 1467388"/>
              <a:gd name="connsiteX73" fmla="*/ 391207 w 727004"/>
              <a:gd name="connsiteY73"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18882 w 727004"/>
              <a:gd name="connsiteY69" fmla="*/ 93009 h 1467388"/>
              <a:gd name="connsiteX70" fmla="*/ 365376 w 727004"/>
              <a:gd name="connsiteY70" fmla="*/ 56846 h 1467388"/>
              <a:gd name="connsiteX71" fmla="*/ 375709 w 727004"/>
              <a:gd name="connsiteY71" fmla="*/ 46514 h 1467388"/>
              <a:gd name="connsiteX72" fmla="*/ 391207 w 727004"/>
              <a:gd name="connsiteY72"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75709 w 727004"/>
              <a:gd name="connsiteY70" fmla="*/ 46514 h 1467388"/>
              <a:gd name="connsiteX71" fmla="*/ 391207 w 727004"/>
              <a:gd name="connsiteY71"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91207 w 727004"/>
              <a:gd name="connsiteY70"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82719 w 727004"/>
              <a:gd name="connsiteY66" fmla="*/ 134337 h 1467388"/>
              <a:gd name="connsiteX67" fmla="*/ 318882 w 727004"/>
              <a:gd name="connsiteY67" fmla="*/ 93009 h 1467388"/>
              <a:gd name="connsiteX68" fmla="*/ 365376 w 727004"/>
              <a:gd name="connsiteY68" fmla="*/ 56846 h 1467388"/>
              <a:gd name="connsiteX69" fmla="*/ 391207 w 727004"/>
              <a:gd name="connsiteY69"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205227 w 727004"/>
              <a:gd name="connsiteY58" fmla="*/ 304819 h 1467388"/>
              <a:gd name="connsiteX59" fmla="*/ 210393 w 727004"/>
              <a:gd name="connsiteY59" fmla="*/ 284154 h 1467388"/>
              <a:gd name="connsiteX60" fmla="*/ 220726 w 727004"/>
              <a:gd name="connsiteY60" fmla="*/ 273822 h 1467388"/>
              <a:gd name="connsiteX61" fmla="*/ 231058 w 727004"/>
              <a:gd name="connsiteY61" fmla="*/ 258324 h 1467388"/>
              <a:gd name="connsiteX62" fmla="*/ 241390 w 727004"/>
              <a:gd name="connsiteY62" fmla="*/ 222161 h 1467388"/>
              <a:gd name="connsiteX63" fmla="*/ 251722 w 727004"/>
              <a:gd name="connsiteY63" fmla="*/ 191165 h 1467388"/>
              <a:gd name="connsiteX64" fmla="*/ 256888 w 727004"/>
              <a:gd name="connsiteY64" fmla="*/ 175666 h 1467388"/>
              <a:gd name="connsiteX65" fmla="*/ 282719 w 727004"/>
              <a:gd name="connsiteY65" fmla="*/ 134337 h 1467388"/>
              <a:gd name="connsiteX66" fmla="*/ 318882 w 727004"/>
              <a:gd name="connsiteY66" fmla="*/ 93009 h 1467388"/>
              <a:gd name="connsiteX67" fmla="*/ 365376 w 727004"/>
              <a:gd name="connsiteY67" fmla="*/ 56846 h 1467388"/>
              <a:gd name="connsiteX68" fmla="*/ 391207 w 727004"/>
              <a:gd name="connsiteY68" fmla="*/ 36182 h 1467388"/>
              <a:gd name="connsiteX0" fmla="*/ 391207 w 727004"/>
              <a:gd name="connsiteY0" fmla="*/ 18880 h 1450086"/>
              <a:gd name="connsiteX1" fmla="*/ 514190 w 727004"/>
              <a:gd name="connsiteY1" fmla="*/ 51 h 1450086"/>
              <a:gd name="connsiteX2" fmla="*/ 587519 w 727004"/>
              <a:gd name="connsiteY2" fmla="*/ 24046 h 1450086"/>
              <a:gd name="connsiteX3" fmla="*/ 603017 w 727004"/>
              <a:gd name="connsiteY3" fmla="*/ 39544 h 1450086"/>
              <a:gd name="connsiteX4" fmla="*/ 613349 w 727004"/>
              <a:gd name="connsiteY4" fmla="*/ 70541 h 1450086"/>
              <a:gd name="connsiteX5" fmla="*/ 618515 w 727004"/>
              <a:gd name="connsiteY5" fmla="*/ 86039 h 1450086"/>
              <a:gd name="connsiteX6" fmla="*/ 623682 w 727004"/>
              <a:gd name="connsiteY6" fmla="*/ 132534 h 1450086"/>
              <a:gd name="connsiteX7" fmla="*/ 628848 w 727004"/>
              <a:gd name="connsiteY7" fmla="*/ 168696 h 1450086"/>
              <a:gd name="connsiteX8" fmla="*/ 634014 w 727004"/>
              <a:gd name="connsiteY8" fmla="*/ 241022 h 1450086"/>
              <a:gd name="connsiteX9" fmla="*/ 639180 w 727004"/>
              <a:gd name="connsiteY9" fmla="*/ 261686 h 1450086"/>
              <a:gd name="connsiteX10" fmla="*/ 644346 w 727004"/>
              <a:gd name="connsiteY10" fmla="*/ 297849 h 1450086"/>
              <a:gd name="connsiteX11" fmla="*/ 654678 w 727004"/>
              <a:gd name="connsiteY11" fmla="*/ 328846 h 1450086"/>
              <a:gd name="connsiteX12" fmla="*/ 665010 w 727004"/>
              <a:gd name="connsiteY12" fmla="*/ 375341 h 1450086"/>
              <a:gd name="connsiteX13" fmla="*/ 636184 w 727004"/>
              <a:gd name="connsiteY13" fmla="*/ 408103 h 1450086"/>
              <a:gd name="connsiteX14" fmla="*/ 619168 w 727004"/>
              <a:gd name="connsiteY14" fmla="*/ 428615 h 1450086"/>
              <a:gd name="connsiteX15" fmla="*/ 627753 w 727004"/>
              <a:gd name="connsiteY15" fmla="*/ 490090 h 1450086"/>
              <a:gd name="connsiteX16" fmla="*/ 632784 w 727004"/>
              <a:gd name="connsiteY16" fmla="*/ 569751 h 1450086"/>
              <a:gd name="connsiteX17" fmla="*/ 690841 w 727004"/>
              <a:gd name="connsiteY17" fmla="*/ 690473 h 1450086"/>
              <a:gd name="connsiteX18" fmla="*/ 706339 w 727004"/>
              <a:gd name="connsiteY18" fmla="*/ 726635 h 1450086"/>
              <a:gd name="connsiteX19" fmla="*/ 711505 w 727004"/>
              <a:gd name="connsiteY19" fmla="*/ 742134 h 1450086"/>
              <a:gd name="connsiteX20" fmla="*/ 721837 w 727004"/>
              <a:gd name="connsiteY20" fmla="*/ 767964 h 1450086"/>
              <a:gd name="connsiteX21" fmla="*/ 727004 w 727004"/>
              <a:gd name="connsiteY21" fmla="*/ 788629 h 1450086"/>
              <a:gd name="connsiteX22" fmla="*/ 721837 w 727004"/>
              <a:gd name="connsiteY22" fmla="*/ 819625 h 1450086"/>
              <a:gd name="connsiteX23" fmla="*/ 703074 w 727004"/>
              <a:gd name="connsiteY23" fmla="*/ 848721 h 1450086"/>
              <a:gd name="connsiteX24" fmla="*/ 701173 w 727004"/>
              <a:gd name="connsiteY24" fmla="*/ 959110 h 1450086"/>
              <a:gd name="connsiteX25" fmla="*/ 675343 w 727004"/>
              <a:gd name="connsiteY25" fmla="*/ 1010771 h 1450086"/>
              <a:gd name="connsiteX26" fmla="*/ 629116 w 727004"/>
              <a:gd name="connsiteY26" fmla="*/ 1052100 h 1450086"/>
              <a:gd name="connsiteX27" fmla="*/ 591457 w 727004"/>
              <a:gd name="connsiteY27" fmla="*/ 1098595 h 1450086"/>
              <a:gd name="connsiteX28" fmla="*/ 567123 w 727004"/>
              <a:gd name="connsiteY28" fmla="*/ 1174857 h 1450086"/>
              <a:gd name="connsiteX29" fmla="*/ 556522 w 727004"/>
              <a:gd name="connsiteY29" fmla="*/ 1248412 h 1450086"/>
              <a:gd name="connsiteX30" fmla="*/ 535858 w 727004"/>
              <a:gd name="connsiteY30" fmla="*/ 1279408 h 1450086"/>
              <a:gd name="connsiteX31" fmla="*/ 525526 w 727004"/>
              <a:gd name="connsiteY31" fmla="*/ 1294907 h 1450086"/>
              <a:gd name="connsiteX32" fmla="*/ 510027 w 727004"/>
              <a:gd name="connsiteY32" fmla="*/ 1346568 h 1450086"/>
              <a:gd name="connsiteX33" fmla="*/ 504861 w 727004"/>
              <a:gd name="connsiteY33" fmla="*/ 1362066 h 1450086"/>
              <a:gd name="connsiteX34" fmla="*/ 494529 w 727004"/>
              <a:gd name="connsiteY34" fmla="*/ 1377564 h 1450086"/>
              <a:gd name="connsiteX35" fmla="*/ 484197 w 727004"/>
              <a:gd name="connsiteY35" fmla="*/ 1403395 h 1450086"/>
              <a:gd name="connsiteX36" fmla="*/ 468698 w 727004"/>
              <a:gd name="connsiteY36" fmla="*/ 1418893 h 1450086"/>
              <a:gd name="connsiteX37" fmla="*/ 458366 w 727004"/>
              <a:gd name="connsiteY37" fmla="*/ 1434391 h 1450086"/>
              <a:gd name="connsiteX38" fmla="*/ 277553 w 727004"/>
              <a:gd name="connsiteY38" fmla="*/ 1444724 h 1450086"/>
              <a:gd name="connsiteX39" fmla="*/ 65743 w 727004"/>
              <a:gd name="connsiteY39" fmla="*/ 1449890 h 1450086"/>
              <a:gd name="connsiteX40" fmla="*/ 41296 w 727004"/>
              <a:gd name="connsiteY40" fmla="*/ 1438194 h 1450086"/>
              <a:gd name="connsiteX41" fmla="*/ 2655 w 727004"/>
              <a:gd name="connsiteY41" fmla="*/ 1381098 h 1450086"/>
              <a:gd name="connsiteX42" fmla="*/ 505 w 727004"/>
              <a:gd name="connsiteY42" fmla="*/ 1244436 h 1450086"/>
              <a:gd name="connsiteX43" fmla="*/ 26315 w 727004"/>
              <a:gd name="connsiteY43" fmla="*/ 1170920 h 1450086"/>
              <a:gd name="connsiteX44" fmla="*/ 55410 w 727004"/>
              <a:gd name="connsiteY44" fmla="*/ 1067598 h 1450086"/>
              <a:gd name="connsiteX45" fmla="*/ 60576 w 727004"/>
              <a:gd name="connsiteY45" fmla="*/ 1041768 h 1450086"/>
              <a:gd name="connsiteX46" fmla="*/ 70909 w 727004"/>
              <a:gd name="connsiteY46" fmla="*/ 1010771 h 1450086"/>
              <a:gd name="connsiteX47" fmla="*/ 76075 w 727004"/>
              <a:gd name="connsiteY47" fmla="*/ 912615 h 1450086"/>
              <a:gd name="connsiteX48" fmla="*/ 86407 w 727004"/>
              <a:gd name="connsiteY48" fmla="*/ 897117 h 1450086"/>
              <a:gd name="connsiteX49" fmla="*/ 96739 w 727004"/>
              <a:gd name="connsiteY49" fmla="*/ 876452 h 1450086"/>
              <a:gd name="connsiteX50" fmla="*/ 117404 w 727004"/>
              <a:gd name="connsiteY50" fmla="*/ 850622 h 1450086"/>
              <a:gd name="connsiteX51" fmla="*/ 117404 w 727004"/>
              <a:gd name="connsiteY51" fmla="*/ 783463 h 1450086"/>
              <a:gd name="connsiteX52" fmla="*/ 127736 w 727004"/>
              <a:gd name="connsiteY52" fmla="*/ 674974 h 1450086"/>
              <a:gd name="connsiteX53" fmla="*/ 138068 w 727004"/>
              <a:gd name="connsiteY53" fmla="*/ 643978 h 1450086"/>
              <a:gd name="connsiteX54" fmla="*/ 148400 w 727004"/>
              <a:gd name="connsiteY54" fmla="*/ 628480 h 1450086"/>
              <a:gd name="connsiteX55" fmla="*/ 153566 w 727004"/>
              <a:gd name="connsiteY55" fmla="*/ 612981 h 1450086"/>
              <a:gd name="connsiteX56" fmla="*/ 163898 w 727004"/>
              <a:gd name="connsiteY56" fmla="*/ 550988 h 1450086"/>
              <a:gd name="connsiteX57" fmla="*/ 169065 w 727004"/>
              <a:gd name="connsiteY57" fmla="*/ 509659 h 1450086"/>
              <a:gd name="connsiteX58" fmla="*/ 205227 w 727004"/>
              <a:gd name="connsiteY58" fmla="*/ 287517 h 1450086"/>
              <a:gd name="connsiteX59" fmla="*/ 210393 w 727004"/>
              <a:gd name="connsiteY59" fmla="*/ 266852 h 1450086"/>
              <a:gd name="connsiteX60" fmla="*/ 220726 w 727004"/>
              <a:gd name="connsiteY60" fmla="*/ 256520 h 1450086"/>
              <a:gd name="connsiteX61" fmla="*/ 231058 w 727004"/>
              <a:gd name="connsiteY61" fmla="*/ 241022 h 1450086"/>
              <a:gd name="connsiteX62" fmla="*/ 241390 w 727004"/>
              <a:gd name="connsiteY62" fmla="*/ 204859 h 1450086"/>
              <a:gd name="connsiteX63" fmla="*/ 251722 w 727004"/>
              <a:gd name="connsiteY63" fmla="*/ 173863 h 1450086"/>
              <a:gd name="connsiteX64" fmla="*/ 256888 w 727004"/>
              <a:gd name="connsiteY64" fmla="*/ 158364 h 1450086"/>
              <a:gd name="connsiteX65" fmla="*/ 282719 w 727004"/>
              <a:gd name="connsiteY65" fmla="*/ 117035 h 1450086"/>
              <a:gd name="connsiteX66" fmla="*/ 318882 w 727004"/>
              <a:gd name="connsiteY66" fmla="*/ 75707 h 1450086"/>
              <a:gd name="connsiteX67" fmla="*/ 365376 w 727004"/>
              <a:gd name="connsiteY67" fmla="*/ 39544 h 1450086"/>
              <a:gd name="connsiteX68" fmla="*/ 391207 w 727004"/>
              <a:gd name="connsiteY68" fmla="*/ 18880 h 1450086"/>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65376 w 727004"/>
              <a:gd name="connsiteY67" fmla="*/ 40765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05881 w 727004"/>
              <a:gd name="connsiteY66" fmla="*/ 21993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305881 w 727004"/>
              <a:gd name="connsiteY65" fmla="*/ 219938 h 1451307"/>
              <a:gd name="connsiteX66" fmla="*/ 348041 w 727004"/>
              <a:gd name="connsiteY66" fmla="*/ 127438 h 1451307"/>
              <a:gd name="connsiteX67" fmla="*/ 408541 w 727004"/>
              <a:gd name="connsiteY6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305881 w 727004"/>
              <a:gd name="connsiteY64" fmla="*/ 219938 h 1451307"/>
              <a:gd name="connsiteX65" fmla="*/ 348041 w 727004"/>
              <a:gd name="connsiteY65" fmla="*/ 127438 h 1451307"/>
              <a:gd name="connsiteX66" fmla="*/ 408541 w 727004"/>
              <a:gd name="connsiteY6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305881 w 727004"/>
              <a:gd name="connsiteY63" fmla="*/ 219938 h 1451307"/>
              <a:gd name="connsiteX64" fmla="*/ 348041 w 727004"/>
              <a:gd name="connsiteY64" fmla="*/ 127438 h 1451307"/>
              <a:gd name="connsiteX65" fmla="*/ 408541 w 727004"/>
              <a:gd name="connsiteY6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305881 w 727004"/>
              <a:gd name="connsiteY62" fmla="*/ 219938 h 1451307"/>
              <a:gd name="connsiteX63" fmla="*/ 348041 w 727004"/>
              <a:gd name="connsiteY63" fmla="*/ 127438 h 1451307"/>
              <a:gd name="connsiteX64" fmla="*/ 408541 w 727004"/>
              <a:gd name="connsiteY6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305881 w 727004"/>
              <a:gd name="connsiteY61" fmla="*/ 219938 h 1451307"/>
              <a:gd name="connsiteX62" fmla="*/ 348041 w 727004"/>
              <a:gd name="connsiteY62" fmla="*/ 127438 h 1451307"/>
              <a:gd name="connsiteX63" fmla="*/ 408541 w 727004"/>
              <a:gd name="connsiteY63"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305881 w 727004"/>
              <a:gd name="connsiteY60" fmla="*/ 219938 h 1451307"/>
              <a:gd name="connsiteX61" fmla="*/ 348041 w 727004"/>
              <a:gd name="connsiteY61" fmla="*/ 127438 h 1451307"/>
              <a:gd name="connsiteX62" fmla="*/ 408541 w 727004"/>
              <a:gd name="connsiteY62"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305881 w 727004"/>
              <a:gd name="connsiteY59" fmla="*/ 219938 h 1451307"/>
              <a:gd name="connsiteX60" fmla="*/ 348041 w 727004"/>
              <a:gd name="connsiteY60" fmla="*/ 127438 h 1451307"/>
              <a:gd name="connsiteX61" fmla="*/ 408541 w 727004"/>
              <a:gd name="connsiteY61"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207234 w 727004"/>
              <a:gd name="connsiteY56" fmla="*/ 595546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207234 w 727004"/>
              <a:gd name="connsiteY55" fmla="*/ 595546 h 1451307"/>
              <a:gd name="connsiteX56" fmla="*/ 255738 w 727004"/>
              <a:gd name="connsiteY56" fmla="*/ 454542 h 1451307"/>
              <a:gd name="connsiteX57" fmla="*/ 305881 w 727004"/>
              <a:gd name="connsiteY57" fmla="*/ 219938 h 1451307"/>
              <a:gd name="connsiteX58" fmla="*/ 348041 w 727004"/>
              <a:gd name="connsiteY58" fmla="*/ 127438 h 1451307"/>
              <a:gd name="connsiteX59" fmla="*/ 408541 w 727004"/>
              <a:gd name="connsiteY59"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68404 w 727004"/>
              <a:gd name="connsiteY53" fmla="*/ 701536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68404 w 727004"/>
              <a:gd name="connsiteY52" fmla="*/ 701536 h 1451307"/>
              <a:gd name="connsiteX53" fmla="*/ 207234 w 727004"/>
              <a:gd name="connsiteY53" fmla="*/ 595546 h 1451307"/>
              <a:gd name="connsiteX54" fmla="*/ 255738 w 727004"/>
              <a:gd name="connsiteY54" fmla="*/ 454542 h 1451307"/>
              <a:gd name="connsiteX55" fmla="*/ 305881 w 727004"/>
              <a:gd name="connsiteY55" fmla="*/ 219938 h 1451307"/>
              <a:gd name="connsiteX56" fmla="*/ 348041 w 727004"/>
              <a:gd name="connsiteY56" fmla="*/ 127438 h 1451307"/>
              <a:gd name="connsiteX57" fmla="*/ 408541 w 727004"/>
              <a:gd name="connsiteY5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117404 w 727004"/>
              <a:gd name="connsiteY49" fmla="*/ 851843 h 1451307"/>
              <a:gd name="connsiteX50" fmla="*/ 117404 w 727004"/>
              <a:gd name="connsiteY50" fmla="*/ 784684 h 1451307"/>
              <a:gd name="connsiteX51" fmla="*/ 168404 w 727004"/>
              <a:gd name="connsiteY51" fmla="*/ 701536 h 1451307"/>
              <a:gd name="connsiteX52" fmla="*/ 207234 w 727004"/>
              <a:gd name="connsiteY52" fmla="*/ 595546 h 1451307"/>
              <a:gd name="connsiteX53" fmla="*/ 255738 w 727004"/>
              <a:gd name="connsiteY53" fmla="*/ 454542 h 1451307"/>
              <a:gd name="connsiteX54" fmla="*/ 305881 w 727004"/>
              <a:gd name="connsiteY54" fmla="*/ 219938 h 1451307"/>
              <a:gd name="connsiteX55" fmla="*/ 348041 w 727004"/>
              <a:gd name="connsiteY55" fmla="*/ 127438 h 1451307"/>
              <a:gd name="connsiteX56" fmla="*/ 408541 w 727004"/>
              <a:gd name="connsiteY5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86407 w 727004"/>
              <a:gd name="connsiteY47" fmla="*/ 898338 h 1451307"/>
              <a:gd name="connsiteX48" fmla="*/ 117404 w 727004"/>
              <a:gd name="connsiteY48" fmla="*/ 851843 h 1451307"/>
              <a:gd name="connsiteX49" fmla="*/ 117404 w 727004"/>
              <a:gd name="connsiteY49" fmla="*/ 784684 h 1451307"/>
              <a:gd name="connsiteX50" fmla="*/ 168404 w 727004"/>
              <a:gd name="connsiteY50" fmla="*/ 701536 h 1451307"/>
              <a:gd name="connsiteX51" fmla="*/ 207234 w 727004"/>
              <a:gd name="connsiteY51" fmla="*/ 595546 h 1451307"/>
              <a:gd name="connsiteX52" fmla="*/ 255738 w 727004"/>
              <a:gd name="connsiteY52" fmla="*/ 454542 h 1451307"/>
              <a:gd name="connsiteX53" fmla="*/ 305881 w 727004"/>
              <a:gd name="connsiteY53" fmla="*/ 219938 h 1451307"/>
              <a:gd name="connsiteX54" fmla="*/ 348041 w 727004"/>
              <a:gd name="connsiteY54" fmla="*/ 127438 h 1451307"/>
              <a:gd name="connsiteX55" fmla="*/ 408541 w 727004"/>
              <a:gd name="connsiteY5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117404 w 727004"/>
              <a:gd name="connsiteY47" fmla="*/ 851843 h 1451307"/>
              <a:gd name="connsiteX48" fmla="*/ 117404 w 727004"/>
              <a:gd name="connsiteY48" fmla="*/ 784684 h 1451307"/>
              <a:gd name="connsiteX49" fmla="*/ 168404 w 727004"/>
              <a:gd name="connsiteY49" fmla="*/ 701536 h 1451307"/>
              <a:gd name="connsiteX50" fmla="*/ 207234 w 727004"/>
              <a:gd name="connsiteY50" fmla="*/ 595546 h 1451307"/>
              <a:gd name="connsiteX51" fmla="*/ 255738 w 727004"/>
              <a:gd name="connsiteY51" fmla="*/ 454542 h 1451307"/>
              <a:gd name="connsiteX52" fmla="*/ 305881 w 727004"/>
              <a:gd name="connsiteY52" fmla="*/ 219938 h 1451307"/>
              <a:gd name="connsiteX53" fmla="*/ 348041 w 727004"/>
              <a:gd name="connsiteY53" fmla="*/ 127438 h 1451307"/>
              <a:gd name="connsiteX54" fmla="*/ 408541 w 727004"/>
              <a:gd name="connsiteY5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117404 w 727004"/>
              <a:gd name="connsiteY46" fmla="*/ 851843 h 1451307"/>
              <a:gd name="connsiteX47" fmla="*/ 117404 w 727004"/>
              <a:gd name="connsiteY47" fmla="*/ 784684 h 1451307"/>
              <a:gd name="connsiteX48" fmla="*/ 168404 w 727004"/>
              <a:gd name="connsiteY48" fmla="*/ 701536 h 1451307"/>
              <a:gd name="connsiteX49" fmla="*/ 207234 w 727004"/>
              <a:gd name="connsiteY49" fmla="*/ 595546 h 1451307"/>
              <a:gd name="connsiteX50" fmla="*/ 255738 w 727004"/>
              <a:gd name="connsiteY50" fmla="*/ 454542 h 1451307"/>
              <a:gd name="connsiteX51" fmla="*/ 305881 w 727004"/>
              <a:gd name="connsiteY51" fmla="*/ 219938 h 1451307"/>
              <a:gd name="connsiteX52" fmla="*/ 348041 w 727004"/>
              <a:gd name="connsiteY52" fmla="*/ 127438 h 1451307"/>
              <a:gd name="connsiteX53" fmla="*/ 408541 w 727004"/>
              <a:gd name="connsiteY53" fmla="*/ 67771 h 1451307"/>
              <a:gd name="connsiteX0" fmla="*/ 406130 w 724593"/>
              <a:gd name="connsiteY0" fmla="*/ 67771 h 1451307"/>
              <a:gd name="connsiteX1" fmla="*/ 511779 w 724593"/>
              <a:gd name="connsiteY1" fmla="*/ 1272 h 1451307"/>
              <a:gd name="connsiteX2" fmla="*/ 585108 w 724593"/>
              <a:gd name="connsiteY2" fmla="*/ 25267 h 1451307"/>
              <a:gd name="connsiteX3" fmla="*/ 600606 w 724593"/>
              <a:gd name="connsiteY3" fmla="*/ 40765 h 1451307"/>
              <a:gd name="connsiteX4" fmla="*/ 610938 w 724593"/>
              <a:gd name="connsiteY4" fmla="*/ 71762 h 1451307"/>
              <a:gd name="connsiteX5" fmla="*/ 616104 w 724593"/>
              <a:gd name="connsiteY5" fmla="*/ 87260 h 1451307"/>
              <a:gd name="connsiteX6" fmla="*/ 621271 w 724593"/>
              <a:gd name="connsiteY6" fmla="*/ 133755 h 1451307"/>
              <a:gd name="connsiteX7" fmla="*/ 626437 w 724593"/>
              <a:gd name="connsiteY7" fmla="*/ 169917 h 1451307"/>
              <a:gd name="connsiteX8" fmla="*/ 631603 w 724593"/>
              <a:gd name="connsiteY8" fmla="*/ 242243 h 1451307"/>
              <a:gd name="connsiteX9" fmla="*/ 636769 w 724593"/>
              <a:gd name="connsiteY9" fmla="*/ 262907 h 1451307"/>
              <a:gd name="connsiteX10" fmla="*/ 641935 w 724593"/>
              <a:gd name="connsiteY10" fmla="*/ 299070 h 1451307"/>
              <a:gd name="connsiteX11" fmla="*/ 652267 w 724593"/>
              <a:gd name="connsiteY11" fmla="*/ 330067 h 1451307"/>
              <a:gd name="connsiteX12" fmla="*/ 662599 w 724593"/>
              <a:gd name="connsiteY12" fmla="*/ 376562 h 1451307"/>
              <a:gd name="connsiteX13" fmla="*/ 633773 w 724593"/>
              <a:gd name="connsiteY13" fmla="*/ 409324 h 1451307"/>
              <a:gd name="connsiteX14" fmla="*/ 616757 w 724593"/>
              <a:gd name="connsiteY14" fmla="*/ 429836 h 1451307"/>
              <a:gd name="connsiteX15" fmla="*/ 625342 w 724593"/>
              <a:gd name="connsiteY15" fmla="*/ 491311 h 1451307"/>
              <a:gd name="connsiteX16" fmla="*/ 630373 w 724593"/>
              <a:gd name="connsiteY16" fmla="*/ 570972 h 1451307"/>
              <a:gd name="connsiteX17" fmla="*/ 688430 w 724593"/>
              <a:gd name="connsiteY17" fmla="*/ 691694 h 1451307"/>
              <a:gd name="connsiteX18" fmla="*/ 703928 w 724593"/>
              <a:gd name="connsiteY18" fmla="*/ 727856 h 1451307"/>
              <a:gd name="connsiteX19" fmla="*/ 709094 w 724593"/>
              <a:gd name="connsiteY19" fmla="*/ 743355 h 1451307"/>
              <a:gd name="connsiteX20" fmla="*/ 719426 w 724593"/>
              <a:gd name="connsiteY20" fmla="*/ 769185 h 1451307"/>
              <a:gd name="connsiteX21" fmla="*/ 724593 w 724593"/>
              <a:gd name="connsiteY21" fmla="*/ 789850 h 1451307"/>
              <a:gd name="connsiteX22" fmla="*/ 719426 w 724593"/>
              <a:gd name="connsiteY22" fmla="*/ 820846 h 1451307"/>
              <a:gd name="connsiteX23" fmla="*/ 700663 w 724593"/>
              <a:gd name="connsiteY23" fmla="*/ 849942 h 1451307"/>
              <a:gd name="connsiteX24" fmla="*/ 698762 w 724593"/>
              <a:gd name="connsiteY24" fmla="*/ 960331 h 1451307"/>
              <a:gd name="connsiteX25" fmla="*/ 672932 w 724593"/>
              <a:gd name="connsiteY25" fmla="*/ 1011992 h 1451307"/>
              <a:gd name="connsiteX26" fmla="*/ 626705 w 724593"/>
              <a:gd name="connsiteY26" fmla="*/ 1053321 h 1451307"/>
              <a:gd name="connsiteX27" fmla="*/ 589046 w 724593"/>
              <a:gd name="connsiteY27" fmla="*/ 1099816 h 1451307"/>
              <a:gd name="connsiteX28" fmla="*/ 564712 w 724593"/>
              <a:gd name="connsiteY28" fmla="*/ 1176078 h 1451307"/>
              <a:gd name="connsiteX29" fmla="*/ 554111 w 724593"/>
              <a:gd name="connsiteY29" fmla="*/ 1249633 h 1451307"/>
              <a:gd name="connsiteX30" fmla="*/ 533447 w 724593"/>
              <a:gd name="connsiteY30" fmla="*/ 1280629 h 1451307"/>
              <a:gd name="connsiteX31" fmla="*/ 523115 w 724593"/>
              <a:gd name="connsiteY31" fmla="*/ 1296128 h 1451307"/>
              <a:gd name="connsiteX32" fmla="*/ 507616 w 724593"/>
              <a:gd name="connsiteY32" fmla="*/ 1347789 h 1451307"/>
              <a:gd name="connsiteX33" fmla="*/ 502450 w 724593"/>
              <a:gd name="connsiteY33" fmla="*/ 1363287 h 1451307"/>
              <a:gd name="connsiteX34" fmla="*/ 492118 w 724593"/>
              <a:gd name="connsiteY34" fmla="*/ 1378785 h 1451307"/>
              <a:gd name="connsiteX35" fmla="*/ 481786 w 724593"/>
              <a:gd name="connsiteY35" fmla="*/ 1404616 h 1451307"/>
              <a:gd name="connsiteX36" fmla="*/ 466287 w 724593"/>
              <a:gd name="connsiteY36" fmla="*/ 1420114 h 1451307"/>
              <a:gd name="connsiteX37" fmla="*/ 455955 w 724593"/>
              <a:gd name="connsiteY37" fmla="*/ 1435612 h 1451307"/>
              <a:gd name="connsiteX38" fmla="*/ 275142 w 724593"/>
              <a:gd name="connsiteY38" fmla="*/ 1445945 h 1451307"/>
              <a:gd name="connsiteX39" fmla="*/ 63332 w 724593"/>
              <a:gd name="connsiteY39" fmla="*/ 1451111 h 1451307"/>
              <a:gd name="connsiteX40" fmla="*/ 38885 w 724593"/>
              <a:gd name="connsiteY40" fmla="*/ 1439415 h 1451307"/>
              <a:gd name="connsiteX41" fmla="*/ 244 w 724593"/>
              <a:gd name="connsiteY41" fmla="*/ 1382319 h 1451307"/>
              <a:gd name="connsiteX42" fmla="*/ 23904 w 724593"/>
              <a:gd name="connsiteY42" fmla="*/ 1172141 h 1451307"/>
              <a:gd name="connsiteX43" fmla="*/ 52999 w 724593"/>
              <a:gd name="connsiteY43" fmla="*/ 1068819 h 1451307"/>
              <a:gd name="connsiteX44" fmla="*/ 58165 w 724593"/>
              <a:gd name="connsiteY44" fmla="*/ 1042989 h 1451307"/>
              <a:gd name="connsiteX45" fmla="*/ 114993 w 724593"/>
              <a:gd name="connsiteY45" fmla="*/ 851843 h 1451307"/>
              <a:gd name="connsiteX46" fmla="*/ 114993 w 724593"/>
              <a:gd name="connsiteY46" fmla="*/ 784684 h 1451307"/>
              <a:gd name="connsiteX47" fmla="*/ 165993 w 724593"/>
              <a:gd name="connsiteY47" fmla="*/ 701536 h 1451307"/>
              <a:gd name="connsiteX48" fmla="*/ 204823 w 724593"/>
              <a:gd name="connsiteY48" fmla="*/ 595546 h 1451307"/>
              <a:gd name="connsiteX49" fmla="*/ 253327 w 724593"/>
              <a:gd name="connsiteY49" fmla="*/ 454542 h 1451307"/>
              <a:gd name="connsiteX50" fmla="*/ 303470 w 724593"/>
              <a:gd name="connsiteY50" fmla="*/ 219938 h 1451307"/>
              <a:gd name="connsiteX51" fmla="*/ 345630 w 724593"/>
              <a:gd name="connsiteY51" fmla="*/ 127438 h 1451307"/>
              <a:gd name="connsiteX52" fmla="*/ 406130 w 724593"/>
              <a:gd name="connsiteY52" fmla="*/ 67771 h 1451307"/>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34592 w 701020"/>
              <a:gd name="connsiteY43" fmla="*/ 1042989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43260 w 701020"/>
              <a:gd name="connsiteY43" fmla="*/ 977985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3208 w 701671"/>
              <a:gd name="connsiteY0" fmla="*/ 67771 h 1463306"/>
              <a:gd name="connsiteX1" fmla="*/ 488857 w 701671"/>
              <a:gd name="connsiteY1" fmla="*/ 1272 h 1463306"/>
              <a:gd name="connsiteX2" fmla="*/ 562186 w 701671"/>
              <a:gd name="connsiteY2" fmla="*/ 25267 h 1463306"/>
              <a:gd name="connsiteX3" fmla="*/ 577684 w 701671"/>
              <a:gd name="connsiteY3" fmla="*/ 40765 h 1463306"/>
              <a:gd name="connsiteX4" fmla="*/ 588016 w 701671"/>
              <a:gd name="connsiteY4" fmla="*/ 71762 h 1463306"/>
              <a:gd name="connsiteX5" fmla="*/ 593182 w 701671"/>
              <a:gd name="connsiteY5" fmla="*/ 87260 h 1463306"/>
              <a:gd name="connsiteX6" fmla="*/ 598349 w 701671"/>
              <a:gd name="connsiteY6" fmla="*/ 133755 h 1463306"/>
              <a:gd name="connsiteX7" fmla="*/ 603515 w 701671"/>
              <a:gd name="connsiteY7" fmla="*/ 169917 h 1463306"/>
              <a:gd name="connsiteX8" fmla="*/ 608681 w 701671"/>
              <a:gd name="connsiteY8" fmla="*/ 242243 h 1463306"/>
              <a:gd name="connsiteX9" fmla="*/ 613847 w 701671"/>
              <a:gd name="connsiteY9" fmla="*/ 262907 h 1463306"/>
              <a:gd name="connsiteX10" fmla="*/ 619013 w 701671"/>
              <a:gd name="connsiteY10" fmla="*/ 299070 h 1463306"/>
              <a:gd name="connsiteX11" fmla="*/ 629345 w 701671"/>
              <a:gd name="connsiteY11" fmla="*/ 330067 h 1463306"/>
              <a:gd name="connsiteX12" fmla="*/ 639677 w 701671"/>
              <a:gd name="connsiteY12" fmla="*/ 376562 h 1463306"/>
              <a:gd name="connsiteX13" fmla="*/ 610851 w 701671"/>
              <a:gd name="connsiteY13" fmla="*/ 409324 h 1463306"/>
              <a:gd name="connsiteX14" fmla="*/ 593835 w 701671"/>
              <a:gd name="connsiteY14" fmla="*/ 429836 h 1463306"/>
              <a:gd name="connsiteX15" fmla="*/ 602420 w 701671"/>
              <a:gd name="connsiteY15" fmla="*/ 491311 h 1463306"/>
              <a:gd name="connsiteX16" fmla="*/ 607451 w 701671"/>
              <a:gd name="connsiteY16" fmla="*/ 570972 h 1463306"/>
              <a:gd name="connsiteX17" fmla="*/ 665508 w 701671"/>
              <a:gd name="connsiteY17" fmla="*/ 691694 h 1463306"/>
              <a:gd name="connsiteX18" fmla="*/ 681006 w 701671"/>
              <a:gd name="connsiteY18" fmla="*/ 727856 h 1463306"/>
              <a:gd name="connsiteX19" fmla="*/ 686172 w 701671"/>
              <a:gd name="connsiteY19" fmla="*/ 743355 h 1463306"/>
              <a:gd name="connsiteX20" fmla="*/ 696504 w 701671"/>
              <a:gd name="connsiteY20" fmla="*/ 769185 h 1463306"/>
              <a:gd name="connsiteX21" fmla="*/ 701671 w 701671"/>
              <a:gd name="connsiteY21" fmla="*/ 789850 h 1463306"/>
              <a:gd name="connsiteX22" fmla="*/ 696504 w 701671"/>
              <a:gd name="connsiteY22" fmla="*/ 820846 h 1463306"/>
              <a:gd name="connsiteX23" fmla="*/ 677741 w 701671"/>
              <a:gd name="connsiteY23" fmla="*/ 849942 h 1463306"/>
              <a:gd name="connsiteX24" fmla="*/ 675840 w 701671"/>
              <a:gd name="connsiteY24" fmla="*/ 960331 h 1463306"/>
              <a:gd name="connsiteX25" fmla="*/ 650010 w 701671"/>
              <a:gd name="connsiteY25" fmla="*/ 1011992 h 1463306"/>
              <a:gd name="connsiteX26" fmla="*/ 603783 w 701671"/>
              <a:gd name="connsiteY26" fmla="*/ 1053321 h 1463306"/>
              <a:gd name="connsiteX27" fmla="*/ 566124 w 701671"/>
              <a:gd name="connsiteY27" fmla="*/ 1099816 h 1463306"/>
              <a:gd name="connsiteX28" fmla="*/ 541790 w 701671"/>
              <a:gd name="connsiteY28" fmla="*/ 1176078 h 1463306"/>
              <a:gd name="connsiteX29" fmla="*/ 531189 w 701671"/>
              <a:gd name="connsiteY29" fmla="*/ 1249633 h 1463306"/>
              <a:gd name="connsiteX30" fmla="*/ 510525 w 701671"/>
              <a:gd name="connsiteY30" fmla="*/ 1280629 h 1463306"/>
              <a:gd name="connsiteX31" fmla="*/ 500193 w 701671"/>
              <a:gd name="connsiteY31" fmla="*/ 1296128 h 1463306"/>
              <a:gd name="connsiteX32" fmla="*/ 484694 w 701671"/>
              <a:gd name="connsiteY32" fmla="*/ 1347789 h 1463306"/>
              <a:gd name="connsiteX33" fmla="*/ 479528 w 701671"/>
              <a:gd name="connsiteY33" fmla="*/ 1363287 h 1463306"/>
              <a:gd name="connsiteX34" fmla="*/ 469196 w 701671"/>
              <a:gd name="connsiteY34" fmla="*/ 1378785 h 1463306"/>
              <a:gd name="connsiteX35" fmla="*/ 458864 w 701671"/>
              <a:gd name="connsiteY35" fmla="*/ 1404616 h 1463306"/>
              <a:gd name="connsiteX36" fmla="*/ 443365 w 701671"/>
              <a:gd name="connsiteY36" fmla="*/ 1420114 h 1463306"/>
              <a:gd name="connsiteX37" fmla="*/ 433033 w 701671"/>
              <a:gd name="connsiteY37" fmla="*/ 1435612 h 1463306"/>
              <a:gd name="connsiteX38" fmla="*/ 252220 w 701671"/>
              <a:gd name="connsiteY38" fmla="*/ 1445945 h 1463306"/>
              <a:gd name="connsiteX39" fmla="*/ 40410 w 701671"/>
              <a:gd name="connsiteY39" fmla="*/ 1451111 h 1463306"/>
              <a:gd name="connsiteX40" fmla="*/ 15963 w 701671"/>
              <a:gd name="connsiteY40" fmla="*/ 1439415 h 1463306"/>
              <a:gd name="connsiteX41" fmla="*/ 982 w 701671"/>
              <a:gd name="connsiteY41" fmla="*/ 1172141 h 1463306"/>
              <a:gd name="connsiteX42" fmla="*/ 43911 w 701671"/>
              <a:gd name="connsiteY42" fmla="*/ 977985 h 1463306"/>
              <a:gd name="connsiteX43" fmla="*/ 92071 w 701671"/>
              <a:gd name="connsiteY43" fmla="*/ 851843 h 1463306"/>
              <a:gd name="connsiteX44" fmla="*/ 92071 w 701671"/>
              <a:gd name="connsiteY44" fmla="*/ 784684 h 1463306"/>
              <a:gd name="connsiteX45" fmla="*/ 143071 w 701671"/>
              <a:gd name="connsiteY45" fmla="*/ 701536 h 1463306"/>
              <a:gd name="connsiteX46" fmla="*/ 181901 w 701671"/>
              <a:gd name="connsiteY46" fmla="*/ 595546 h 1463306"/>
              <a:gd name="connsiteX47" fmla="*/ 230405 w 701671"/>
              <a:gd name="connsiteY47" fmla="*/ 454542 h 1463306"/>
              <a:gd name="connsiteX48" fmla="*/ 280548 w 701671"/>
              <a:gd name="connsiteY48" fmla="*/ 219938 h 1463306"/>
              <a:gd name="connsiteX49" fmla="*/ 322708 w 701671"/>
              <a:gd name="connsiteY49" fmla="*/ 127438 h 1463306"/>
              <a:gd name="connsiteX50" fmla="*/ 383208 w 701671"/>
              <a:gd name="connsiteY50" fmla="*/ 67771 h 1463306"/>
              <a:gd name="connsiteX0" fmla="*/ 367819 w 686282"/>
              <a:gd name="connsiteY0" fmla="*/ 67771 h 1463306"/>
              <a:gd name="connsiteX1" fmla="*/ 473468 w 686282"/>
              <a:gd name="connsiteY1" fmla="*/ 1272 h 1463306"/>
              <a:gd name="connsiteX2" fmla="*/ 546797 w 686282"/>
              <a:gd name="connsiteY2" fmla="*/ 25267 h 1463306"/>
              <a:gd name="connsiteX3" fmla="*/ 562295 w 686282"/>
              <a:gd name="connsiteY3" fmla="*/ 40765 h 1463306"/>
              <a:gd name="connsiteX4" fmla="*/ 572627 w 686282"/>
              <a:gd name="connsiteY4" fmla="*/ 71762 h 1463306"/>
              <a:gd name="connsiteX5" fmla="*/ 577793 w 686282"/>
              <a:gd name="connsiteY5" fmla="*/ 87260 h 1463306"/>
              <a:gd name="connsiteX6" fmla="*/ 582960 w 686282"/>
              <a:gd name="connsiteY6" fmla="*/ 133755 h 1463306"/>
              <a:gd name="connsiteX7" fmla="*/ 588126 w 686282"/>
              <a:gd name="connsiteY7" fmla="*/ 169917 h 1463306"/>
              <a:gd name="connsiteX8" fmla="*/ 593292 w 686282"/>
              <a:gd name="connsiteY8" fmla="*/ 242243 h 1463306"/>
              <a:gd name="connsiteX9" fmla="*/ 598458 w 686282"/>
              <a:gd name="connsiteY9" fmla="*/ 262907 h 1463306"/>
              <a:gd name="connsiteX10" fmla="*/ 603624 w 686282"/>
              <a:gd name="connsiteY10" fmla="*/ 299070 h 1463306"/>
              <a:gd name="connsiteX11" fmla="*/ 613956 w 686282"/>
              <a:gd name="connsiteY11" fmla="*/ 330067 h 1463306"/>
              <a:gd name="connsiteX12" fmla="*/ 624288 w 686282"/>
              <a:gd name="connsiteY12" fmla="*/ 376562 h 1463306"/>
              <a:gd name="connsiteX13" fmla="*/ 595462 w 686282"/>
              <a:gd name="connsiteY13" fmla="*/ 409324 h 1463306"/>
              <a:gd name="connsiteX14" fmla="*/ 578446 w 686282"/>
              <a:gd name="connsiteY14" fmla="*/ 429836 h 1463306"/>
              <a:gd name="connsiteX15" fmla="*/ 587031 w 686282"/>
              <a:gd name="connsiteY15" fmla="*/ 491311 h 1463306"/>
              <a:gd name="connsiteX16" fmla="*/ 592062 w 686282"/>
              <a:gd name="connsiteY16" fmla="*/ 570972 h 1463306"/>
              <a:gd name="connsiteX17" fmla="*/ 650119 w 686282"/>
              <a:gd name="connsiteY17" fmla="*/ 691694 h 1463306"/>
              <a:gd name="connsiteX18" fmla="*/ 665617 w 686282"/>
              <a:gd name="connsiteY18" fmla="*/ 727856 h 1463306"/>
              <a:gd name="connsiteX19" fmla="*/ 670783 w 686282"/>
              <a:gd name="connsiteY19" fmla="*/ 743355 h 1463306"/>
              <a:gd name="connsiteX20" fmla="*/ 681115 w 686282"/>
              <a:gd name="connsiteY20" fmla="*/ 769185 h 1463306"/>
              <a:gd name="connsiteX21" fmla="*/ 686282 w 686282"/>
              <a:gd name="connsiteY21" fmla="*/ 789850 h 1463306"/>
              <a:gd name="connsiteX22" fmla="*/ 681115 w 686282"/>
              <a:gd name="connsiteY22" fmla="*/ 820846 h 1463306"/>
              <a:gd name="connsiteX23" fmla="*/ 662352 w 686282"/>
              <a:gd name="connsiteY23" fmla="*/ 849942 h 1463306"/>
              <a:gd name="connsiteX24" fmla="*/ 660451 w 686282"/>
              <a:gd name="connsiteY24" fmla="*/ 960331 h 1463306"/>
              <a:gd name="connsiteX25" fmla="*/ 634621 w 686282"/>
              <a:gd name="connsiteY25" fmla="*/ 1011992 h 1463306"/>
              <a:gd name="connsiteX26" fmla="*/ 588394 w 686282"/>
              <a:gd name="connsiteY26" fmla="*/ 1053321 h 1463306"/>
              <a:gd name="connsiteX27" fmla="*/ 550735 w 686282"/>
              <a:gd name="connsiteY27" fmla="*/ 1099816 h 1463306"/>
              <a:gd name="connsiteX28" fmla="*/ 526401 w 686282"/>
              <a:gd name="connsiteY28" fmla="*/ 1176078 h 1463306"/>
              <a:gd name="connsiteX29" fmla="*/ 515800 w 686282"/>
              <a:gd name="connsiteY29" fmla="*/ 1249633 h 1463306"/>
              <a:gd name="connsiteX30" fmla="*/ 495136 w 686282"/>
              <a:gd name="connsiteY30" fmla="*/ 1280629 h 1463306"/>
              <a:gd name="connsiteX31" fmla="*/ 484804 w 686282"/>
              <a:gd name="connsiteY31" fmla="*/ 1296128 h 1463306"/>
              <a:gd name="connsiteX32" fmla="*/ 469305 w 686282"/>
              <a:gd name="connsiteY32" fmla="*/ 1347789 h 1463306"/>
              <a:gd name="connsiteX33" fmla="*/ 464139 w 686282"/>
              <a:gd name="connsiteY33" fmla="*/ 1363287 h 1463306"/>
              <a:gd name="connsiteX34" fmla="*/ 453807 w 686282"/>
              <a:gd name="connsiteY34" fmla="*/ 1378785 h 1463306"/>
              <a:gd name="connsiteX35" fmla="*/ 443475 w 686282"/>
              <a:gd name="connsiteY35" fmla="*/ 1404616 h 1463306"/>
              <a:gd name="connsiteX36" fmla="*/ 427976 w 686282"/>
              <a:gd name="connsiteY36" fmla="*/ 1420114 h 1463306"/>
              <a:gd name="connsiteX37" fmla="*/ 417644 w 686282"/>
              <a:gd name="connsiteY37" fmla="*/ 1435612 h 1463306"/>
              <a:gd name="connsiteX38" fmla="*/ 236831 w 686282"/>
              <a:gd name="connsiteY38" fmla="*/ 1445945 h 1463306"/>
              <a:gd name="connsiteX39" fmla="*/ 25021 w 686282"/>
              <a:gd name="connsiteY39" fmla="*/ 1451111 h 1463306"/>
              <a:gd name="connsiteX40" fmla="*/ 574 w 686282"/>
              <a:gd name="connsiteY40" fmla="*/ 1439415 h 1463306"/>
              <a:gd name="connsiteX41" fmla="*/ 50598 w 686282"/>
              <a:gd name="connsiteY41" fmla="*/ 1176475 h 1463306"/>
              <a:gd name="connsiteX42" fmla="*/ 28522 w 686282"/>
              <a:gd name="connsiteY42" fmla="*/ 977985 h 1463306"/>
              <a:gd name="connsiteX43" fmla="*/ 76682 w 686282"/>
              <a:gd name="connsiteY43" fmla="*/ 851843 h 1463306"/>
              <a:gd name="connsiteX44" fmla="*/ 76682 w 686282"/>
              <a:gd name="connsiteY44" fmla="*/ 784684 h 1463306"/>
              <a:gd name="connsiteX45" fmla="*/ 127682 w 686282"/>
              <a:gd name="connsiteY45" fmla="*/ 701536 h 1463306"/>
              <a:gd name="connsiteX46" fmla="*/ 166512 w 686282"/>
              <a:gd name="connsiteY46" fmla="*/ 595546 h 1463306"/>
              <a:gd name="connsiteX47" fmla="*/ 215016 w 686282"/>
              <a:gd name="connsiteY47" fmla="*/ 454542 h 1463306"/>
              <a:gd name="connsiteX48" fmla="*/ 265159 w 686282"/>
              <a:gd name="connsiteY48" fmla="*/ 219938 h 1463306"/>
              <a:gd name="connsiteX49" fmla="*/ 307319 w 686282"/>
              <a:gd name="connsiteY49" fmla="*/ 127438 h 1463306"/>
              <a:gd name="connsiteX50" fmla="*/ 367819 w 686282"/>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851843 h 1463306"/>
              <a:gd name="connsiteX44" fmla="*/ 76720 w 686320"/>
              <a:gd name="connsiteY44" fmla="*/ 784684 h 1463306"/>
              <a:gd name="connsiteX45" fmla="*/ 127720 w 686320"/>
              <a:gd name="connsiteY45" fmla="*/ 701536 h 1463306"/>
              <a:gd name="connsiteX46" fmla="*/ 166550 w 686320"/>
              <a:gd name="connsiteY46" fmla="*/ 595546 h 1463306"/>
              <a:gd name="connsiteX47" fmla="*/ 215054 w 686320"/>
              <a:gd name="connsiteY47" fmla="*/ 454542 h 1463306"/>
              <a:gd name="connsiteX48" fmla="*/ 265197 w 686320"/>
              <a:gd name="connsiteY48" fmla="*/ 219938 h 1463306"/>
              <a:gd name="connsiteX49" fmla="*/ 307357 w 686320"/>
              <a:gd name="connsiteY49" fmla="*/ 127438 h 1463306"/>
              <a:gd name="connsiteX50" fmla="*/ 367857 w 686320"/>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784684 h 1463306"/>
              <a:gd name="connsiteX44" fmla="*/ 127720 w 686320"/>
              <a:gd name="connsiteY44" fmla="*/ 701536 h 1463306"/>
              <a:gd name="connsiteX45" fmla="*/ 166550 w 686320"/>
              <a:gd name="connsiteY45" fmla="*/ 595546 h 1463306"/>
              <a:gd name="connsiteX46" fmla="*/ 215054 w 686320"/>
              <a:gd name="connsiteY46" fmla="*/ 454542 h 1463306"/>
              <a:gd name="connsiteX47" fmla="*/ 265197 w 686320"/>
              <a:gd name="connsiteY47" fmla="*/ 219938 h 1463306"/>
              <a:gd name="connsiteX48" fmla="*/ 307357 w 686320"/>
              <a:gd name="connsiteY48" fmla="*/ 127438 h 1463306"/>
              <a:gd name="connsiteX49" fmla="*/ 367857 w 686320"/>
              <a:gd name="connsiteY49" fmla="*/ 67771 h 1463306"/>
              <a:gd name="connsiteX0" fmla="*/ 352575 w 671038"/>
              <a:gd name="connsiteY0" fmla="*/ 67771 h 1470339"/>
              <a:gd name="connsiteX1" fmla="*/ 458224 w 671038"/>
              <a:gd name="connsiteY1" fmla="*/ 1272 h 1470339"/>
              <a:gd name="connsiteX2" fmla="*/ 531553 w 671038"/>
              <a:gd name="connsiteY2" fmla="*/ 25267 h 1470339"/>
              <a:gd name="connsiteX3" fmla="*/ 547051 w 671038"/>
              <a:gd name="connsiteY3" fmla="*/ 40765 h 1470339"/>
              <a:gd name="connsiteX4" fmla="*/ 557383 w 671038"/>
              <a:gd name="connsiteY4" fmla="*/ 71762 h 1470339"/>
              <a:gd name="connsiteX5" fmla="*/ 562549 w 671038"/>
              <a:gd name="connsiteY5" fmla="*/ 87260 h 1470339"/>
              <a:gd name="connsiteX6" fmla="*/ 567716 w 671038"/>
              <a:gd name="connsiteY6" fmla="*/ 133755 h 1470339"/>
              <a:gd name="connsiteX7" fmla="*/ 572882 w 671038"/>
              <a:gd name="connsiteY7" fmla="*/ 169917 h 1470339"/>
              <a:gd name="connsiteX8" fmla="*/ 578048 w 671038"/>
              <a:gd name="connsiteY8" fmla="*/ 242243 h 1470339"/>
              <a:gd name="connsiteX9" fmla="*/ 583214 w 671038"/>
              <a:gd name="connsiteY9" fmla="*/ 262907 h 1470339"/>
              <a:gd name="connsiteX10" fmla="*/ 588380 w 671038"/>
              <a:gd name="connsiteY10" fmla="*/ 299070 h 1470339"/>
              <a:gd name="connsiteX11" fmla="*/ 598712 w 671038"/>
              <a:gd name="connsiteY11" fmla="*/ 330067 h 1470339"/>
              <a:gd name="connsiteX12" fmla="*/ 609044 w 671038"/>
              <a:gd name="connsiteY12" fmla="*/ 376562 h 1470339"/>
              <a:gd name="connsiteX13" fmla="*/ 580218 w 671038"/>
              <a:gd name="connsiteY13" fmla="*/ 409324 h 1470339"/>
              <a:gd name="connsiteX14" fmla="*/ 563202 w 671038"/>
              <a:gd name="connsiteY14" fmla="*/ 429836 h 1470339"/>
              <a:gd name="connsiteX15" fmla="*/ 571787 w 671038"/>
              <a:gd name="connsiteY15" fmla="*/ 491311 h 1470339"/>
              <a:gd name="connsiteX16" fmla="*/ 576818 w 671038"/>
              <a:gd name="connsiteY16" fmla="*/ 570972 h 1470339"/>
              <a:gd name="connsiteX17" fmla="*/ 634875 w 671038"/>
              <a:gd name="connsiteY17" fmla="*/ 691694 h 1470339"/>
              <a:gd name="connsiteX18" fmla="*/ 650373 w 671038"/>
              <a:gd name="connsiteY18" fmla="*/ 727856 h 1470339"/>
              <a:gd name="connsiteX19" fmla="*/ 655539 w 671038"/>
              <a:gd name="connsiteY19" fmla="*/ 743355 h 1470339"/>
              <a:gd name="connsiteX20" fmla="*/ 665871 w 671038"/>
              <a:gd name="connsiteY20" fmla="*/ 769185 h 1470339"/>
              <a:gd name="connsiteX21" fmla="*/ 671038 w 671038"/>
              <a:gd name="connsiteY21" fmla="*/ 789850 h 1470339"/>
              <a:gd name="connsiteX22" fmla="*/ 665871 w 671038"/>
              <a:gd name="connsiteY22" fmla="*/ 820846 h 1470339"/>
              <a:gd name="connsiteX23" fmla="*/ 647108 w 671038"/>
              <a:gd name="connsiteY23" fmla="*/ 849942 h 1470339"/>
              <a:gd name="connsiteX24" fmla="*/ 645207 w 671038"/>
              <a:gd name="connsiteY24" fmla="*/ 960331 h 1470339"/>
              <a:gd name="connsiteX25" fmla="*/ 619377 w 671038"/>
              <a:gd name="connsiteY25" fmla="*/ 1011992 h 1470339"/>
              <a:gd name="connsiteX26" fmla="*/ 573150 w 671038"/>
              <a:gd name="connsiteY26" fmla="*/ 1053321 h 1470339"/>
              <a:gd name="connsiteX27" fmla="*/ 535491 w 671038"/>
              <a:gd name="connsiteY27" fmla="*/ 1099816 h 1470339"/>
              <a:gd name="connsiteX28" fmla="*/ 511157 w 671038"/>
              <a:gd name="connsiteY28" fmla="*/ 1176078 h 1470339"/>
              <a:gd name="connsiteX29" fmla="*/ 500556 w 671038"/>
              <a:gd name="connsiteY29" fmla="*/ 1249633 h 1470339"/>
              <a:gd name="connsiteX30" fmla="*/ 479892 w 671038"/>
              <a:gd name="connsiteY30" fmla="*/ 1280629 h 1470339"/>
              <a:gd name="connsiteX31" fmla="*/ 469560 w 671038"/>
              <a:gd name="connsiteY31" fmla="*/ 1296128 h 1470339"/>
              <a:gd name="connsiteX32" fmla="*/ 454061 w 671038"/>
              <a:gd name="connsiteY32" fmla="*/ 1347789 h 1470339"/>
              <a:gd name="connsiteX33" fmla="*/ 448895 w 671038"/>
              <a:gd name="connsiteY33" fmla="*/ 1363287 h 1470339"/>
              <a:gd name="connsiteX34" fmla="*/ 438563 w 671038"/>
              <a:gd name="connsiteY34" fmla="*/ 1378785 h 1470339"/>
              <a:gd name="connsiteX35" fmla="*/ 428231 w 671038"/>
              <a:gd name="connsiteY35" fmla="*/ 1404616 h 1470339"/>
              <a:gd name="connsiteX36" fmla="*/ 412732 w 671038"/>
              <a:gd name="connsiteY36" fmla="*/ 1420114 h 1470339"/>
              <a:gd name="connsiteX37" fmla="*/ 402400 w 671038"/>
              <a:gd name="connsiteY37" fmla="*/ 1435612 h 1470339"/>
              <a:gd name="connsiteX38" fmla="*/ 221587 w 671038"/>
              <a:gd name="connsiteY38" fmla="*/ 1445945 h 1470339"/>
              <a:gd name="connsiteX39" fmla="*/ 9777 w 671038"/>
              <a:gd name="connsiteY39" fmla="*/ 1451111 h 1470339"/>
              <a:gd name="connsiteX40" fmla="*/ 35354 w 671038"/>
              <a:gd name="connsiteY40" fmla="*/ 1176475 h 1470339"/>
              <a:gd name="connsiteX41" fmla="*/ 34947 w 671038"/>
              <a:gd name="connsiteY41" fmla="*/ 977985 h 1470339"/>
              <a:gd name="connsiteX42" fmla="*/ 61438 w 671038"/>
              <a:gd name="connsiteY42" fmla="*/ 784684 h 1470339"/>
              <a:gd name="connsiteX43" fmla="*/ 112438 w 671038"/>
              <a:gd name="connsiteY43" fmla="*/ 701536 h 1470339"/>
              <a:gd name="connsiteX44" fmla="*/ 151268 w 671038"/>
              <a:gd name="connsiteY44" fmla="*/ 595546 h 1470339"/>
              <a:gd name="connsiteX45" fmla="*/ 199772 w 671038"/>
              <a:gd name="connsiteY45" fmla="*/ 454542 h 1470339"/>
              <a:gd name="connsiteX46" fmla="*/ 249915 w 671038"/>
              <a:gd name="connsiteY46" fmla="*/ 219938 h 1470339"/>
              <a:gd name="connsiteX47" fmla="*/ 292075 w 671038"/>
              <a:gd name="connsiteY47" fmla="*/ 127438 h 1470339"/>
              <a:gd name="connsiteX48" fmla="*/ 352575 w 671038"/>
              <a:gd name="connsiteY48" fmla="*/ 67771 h 14703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671038" h="1470339">
                <a:moveTo>
                  <a:pt x="352575" y="67771"/>
                </a:moveTo>
                <a:cubicBezTo>
                  <a:pt x="380988" y="58300"/>
                  <a:pt x="428395" y="8356"/>
                  <a:pt x="458224" y="1272"/>
                </a:cubicBezTo>
                <a:cubicBezTo>
                  <a:pt x="488053" y="-5812"/>
                  <a:pt x="516749" y="18685"/>
                  <a:pt x="531553" y="25267"/>
                </a:cubicBezTo>
                <a:cubicBezTo>
                  <a:pt x="546358" y="31849"/>
                  <a:pt x="541885" y="35599"/>
                  <a:pt x="547051" y="40765"/>
                </a:cubicBezTo>
                <a:lnTo>
                  <a:pt x="557383" y="71762"/>
                </a:lnTo>
                <a:lnTo>
                  <a:pt x="562549" y="87260"/>
                </a:lnTo>
                <a:cubicBezTo>
                  <a:pt x="564271" y="102758"/>
                  <a:pt x="565782" y="118282"/>
                  <a:pt x="567716" y="133755"/>
                </a:cubicBezTo>
                <a:cubicBezTo>
                  <a:pt x="569226" y="145837"/>
                  <a:pt x="571728" y="157795"/>
                  <a:pt x="572882" y="169917"/>
                </a:cubicBezTo>
                <a:cubicBezTo>
                  <a:pt x="575174" y="193978"/>
                  <a:pt x="575379" y="218221"/>
                  <a:pt x="578048" y="242243"/>
                </a:cubicBezTo>
                <a:cubicBezTo>
                  <a:pt x="578832" y="249300"/>
                  <a:pt x="581944" y="255922"/>
                  <a:pt x="583214" y="262907"/>
                </a:cubicBezTo>
                <a:cubicBezTo>
                  <a:pt x="585392" y="274887"/>
                  <a:pt x="585642" y="287205"/>
                  <a:pt x="588380" y="299070"/>
                </a:cubicBezTo>
                <a:cubicBezTo>
                  <a:pt x="590829" y="309682"/>
                  <a:pt x="596921" y="319324"/>
                  <a:pt x="598712" y="330067"/>
                </a:cubicBezTo>
                <a:cubicBezTo>
                  <a:pt x="604773" y="366435"/>
                  <a:pt x="600566" y="351126"/>
                  <a:pt x="609044" y="376562"/>
                </a:cubicBezTo>
                <a:cubicBezTo>
                  <a:pt x="610766" y="388616"/>
                  <a:pt x="587858" y="400445"/>
                  <a:pt x="580218" y="409324"/>
                </a:cubicBezTo>
                <a:cubicBezTo>
                  <a:pt x="572578" y="418203"/>
                  <a:pt x="562908" y="420704"/>
                  <a:pt x="563202" y="429836"/>
                </a:cubicBezTo>
                <a:cubicBezTo>
                  <a:pt x="563496" y="438968"/>
                  <a:pt x="569518" y="467788"/>
                  <a:pt x="571787" y="491311"/>
                </a:cubicBezTo>
                <a:cubicBezTo>
                  <a:pt x="574056" y="514834"/>
                  <a:pt x="578540" y="533087"/>
                  <a:pt x="576818" y="570972"/>
                </a:cubicBezTo>
                <a:cubicBezTo>
                  <a:pt x="587333" y="604369"/>
                  <a:pt x="622616" y="665547"/>
                  <a:pt x="634875" y="691694"/>
                </a:cubicBezTo>
                <a:cubicBezTo>
                  <a:pt x="647134" y="717841"/>
                  <a:pt x="634644" y="704263"/>
                  <a:pt x="650373" y="727856"/>
                </a:cubicBezTo>
                <a:cubicBezTo>
                  <a:pt x="652095" y="733022"/>
                  <a:pt x="653627" y="738256"/>
                  <a:pt x="655539" y="743355"/>
                </a:cubicBezTo>
                <a:cubicBezTo>
                  <a:pt x="658795" y="752038"/>
                  <a:pt x="662938" y="760388"/>
                  <a:pt x="665871" y="769185"/>
                </a:cubicBezTo>
                <a:cubicBezTo>
                  <a:pt x="668116" y="775921"/>
                  <a:pt x="669316" y="782962"/>
                  <a:pt x="671038" y="789850"/>
                </a:cubicBezTo>
                <a:cubicBezTo>
                  <a:pt x="669316" y="800182"/>
                  <a:pt x="669859" y="810831"/>
                  <a:pt x="665871" y="820846"/>
                </a:cubicBezTo>
                <a:cubicBezTo>
                  <a:pt x="661883" y="830861"/>
                  <a:pt x="650552" y="826695"/>
                  <a:pt x="647108" y="849942"/>
                </a:cubicBezTo>
                <a:cubicBezTo>
                  <a:pt x="643664" y="873190"/>
                  <a:pt x="649829" y="933323"/>
                  <a:pt x="645207" y="960331"/>
                </a:cubicBezTo>
                <a:cubicBezTo>
                  <a:pt x="640585" y="987339"/>
                  <a:pt x="631386" y="996494"/>
                  <a:pt x="619377" y="1011992"/>
                </a:cubicBezTo>
                <a:cubicBezTo>
                  <a:pt x="607368" y="1027490"/>
                  <a:pt x="587131" y="1038684"/>
                  <a:pt x="573150" y="1053321"/>
                </a:cubicBezTo>
                <a:cubicBezTo>
                  <a:pt x="559169" y="1067958"/>
                  <a:pt x="545823" y="1079357"/>
                  <a:pt x="535491" y="1099816"/>
                </a:cubicBezTo>
                <a:cubicBezTo>
                  <a:pt x="525159" y="1120275"/>
                  <a:pt x="516979" y="1151109"/>
                  <a:pt x="511157" y="1176078"/>
                </a:cubicBezTo>
                <a:cubicBezTo>
                  <a:pt x="505335" y="1201047"/>
                  <a:pt x="505767" y="1232208"/>
                  <a:pt x="500556" y="1249633"/>
                </a:cubicBezTo>
                <a:lnTo>
                  <a:pt x="479892" y="1280629"/>
                </a:lnTo>
                <a:lnTo>
                  <a:pt x="469560" y="1296128"/>
                </a:lnTo>
                <a:cubicBezTo>
                  <a:pt x="461752" y="1327360"/>
                  <a:pt x="466640" y="1310053"/>
                  <a:pt x="454061" y="1347789"/>
                </a:cubicBezTo>
                <a:cubicBezTo>
                  <a:pt x="452339" y="1352955"/>
                  <a:pt x="451916" y="1358756"/>
                  <a:pt x="448895" y="1363287"/>
                </a:cubicBezTo>
                <a:cubicBezTo>
                  <a:pt x="445451" y="1368453"/>
                  <a:pt x="441340" y="1373232"/>
                  <a:pt x="438563" y="1378785"/>
                </a:cubicBezTo>
                <a:cubicBezTo>
                  <a:pt x="434416" y="1387080"/>
                  <a:pt x="433146" y="1396752"/>
                  <a:pt x="428231" y="1404616"/>
                </a:cubicBezTo>
                <a:cubicBezTo>
                  <a:pt x="424359" y="1410812"/>
                  <a:pt x="417409" y="1414501"/>
                  <a:pt x="412732" y="1420114"/>
                </a:cubicBezTo>
                <a:cubicBezTo>
                  <a:pt x="408757" y="1424884"/>
                  <a:pt x="434257" y="1431307"/>
                  <a:pt x="402400" y="1435612"/>
                </a:cubicBezTo>
                <a:cubicBezTo>
                  <a:pt x="370543" y="1439917"/>
                  <a:pt x="287024" y="1443362"/>
                  <a:pt x="221587" y="1445945"/>
                </a:cubicBezTo>
                <a:cubicBezTo>
                  <a:pt x="156150" y="1448528"/>
                  <a:pt x="40816" y="1496023"/>
                  <a:pt x="9777" y="1451111"/>
                </a:cubicBezTo>
                <a:cubicBezTo>
                  <a:pt x="-21262" y="1406199"/>
                  <a:pt x="31159" y="1255329"/>
                  <a:pt x="35354" y="1176475"/>
                </a:cubicBezTo>
                <a:cubicBezTo>
                  <a:pt x="39549" y="1097621"/>
                  <a:pt x="30600" y="1043284"/>
                  <a:pt x="34947" y="977985"/>
                </a:cubicBezTo>
                <a:cubicBezTo>
                  <a:pt x="39294" y="912687"/>
                  <a:pt x="48523" y="830759"/>
                  <a:pt x="61438" y="784684"/>
                </a:cubicBezTo>
                <a:cubicBezTo>
                  <a:pt x="74353" y="738609"/>
                  <a:pt x="97466" y="733059"/>
                  <a:pt x="112438" y="701536"/>
                </a:cubicBezTo>
                <a:cubicBezTo>
                  <a:pt x="127410" y="670013"/>
                  <a:pt x="138325" y="630876"/>
                  <a:pt x="151268" y="595546"/>
                </a:cubicBezTo>
                <a:cubicBezTo>
                  <a:pt x="169158" y="566353"/>
                  <a:pt x="183331" y="517143"/>
                  <a:pt x="199772" y="454542"/>
                </a:cubicBezTo>
                <a:cubicBezTo>
                  <a:pt x="216213" y="391941"/>
                  <a:pt x="234531" y="274455"/>
                  <a:pt x="249915" y="219938"/>
                </a:cubicBezTo>
                <a:cubicBezTo>
                  <a:pt x="265299" y="165421"/>
                  <a:pt x="274965" y="152799"/>
                  <a:pt x="292075" y="127438"/>
                </a:cubicBezTo>
                <a:cubicBezTo>
                  <a:pt x="309185" y="102077"/>
                  <a:pt x="324162" y="77242"/>
                  <a:pt x="352575" y="67771"/>
                </a:cubicBezTo>
                <a:close/>
              </a:path>
            </a:pathLst>
          </a:custGeom>
          <a:solidFill>
            <a:srgbClr val="000000">
              <a:alpha val="30196"/>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 name="Oval 7"/>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9" name="Oval 8"/>
          <p:cNvSpPr/>
          <p:nvPr/>
        </p:nvSpPr>
        <p:spPr bwMode="auto">
          <a:xfrm>
            <a:off x="4904302" y="2951377"/>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Oval 10"/>
          <p:cNvSpPr/>
          <p:nvPr/>
        </p:nvSpPr>
        <p:spPr bwMode="auto">
          <a:xfrm>
            <a:off x="7068238" y="38455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Oval 9"/>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31" name="Oval 30"/>
          <p:cNvSpPr/>
          <p:nvPr/>
        </p:nvSpPr>
        <p:spPr bwMode="auto">
          <a:xfrm>
            <a:off x="4904302" y="2950825"/>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3" name="SWP Eastside"/>
          <p:cNvGrpSpPr/>
          <p:nvPr/>
        </p:nvGrpSpPr>
        <p:grpSpPr>
          <a:xfrm>
            <a:off x="4627917" y="1378177"/>
            <a:ext cx="2608342" cy="2174169"/>
            <a:chOff x="4627917" y="1378177"/>
            <a:chExt cx="2608342" cy="2174169"/>
          </a:xfrm>
          <a:effectLst>
            <a:outerShdw dist="38100" dir="8100000" algn="tr" rotWithShape="0">
              <a:schemeClr val="tx1"/>
            </a:outerShdw>
          </a:effectLst>
        </p:grpSpPr>
        <p:sp>
          <p:nvSpPr>
            <p:cNvPr id="26" name="Freeform 25"/>
            <p:cNvSpPr/>
            <p:nvPr/>
          </p:nvSpPr>
          <p:spPr bwMode="auto">
            <a:xfrm>
              <a:off x="5829585" y="2196639"/>
              <a:ext cx="526274" cy="236823"/>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45968 w 1045968"/>
                <a:gd name="connsiteY0" fmla="*/ 0 h 207220"/>
                <a:gd name="connsiteX1" fmla="*/ 1032811 w 1045968"/>
                <a:gd name="connsiteY1" fmla="*/ 23025 h 207220"/>
                <a:gd name="connsiteX2" fmla="*/ 1006498 w 1045968"/>
                <a:gd name="connsiteY2" fmla="*/ 55917 h 207220"/>
                <a:gd name="connsiteX3" fmla="*/ 996630 w 1045968"/>
                <a:gd name="connsiteY3" fmla="*/ 59206 h 207220"/>
                <a:gd name="connsiteX4" fmla="*/ 973606 w 1045968"/>
                <a:gd name="connsiteY4" fmla="*/ 69074 h 207220"/>
                <a:gd name="connsiteX5" fmla="*/ 927557 w 1045968"/>
                <a:gd name="connsiteY5" fmla="*/ 78941 h 207220"/>
                <a:gd name="connsiteX6" fmla="*/ 920978 w 1045968"/>
                <a:gd name="connsiteY6" fmla="*/ 85520 h 207220"/>
                <a:gd name="connsiteX7" fmla="*/ 911111 w 1045968"/>
                <a:gd name="connsiteY7" fmla="*/ 92098 h 207220"/>
                <a:gd name="connsiteX8" fmla="*/ 907822 w 1045968"/>
                <a:gd name="connsiteY8" fmla="*/ 101966 h 207220"/>
                <a:gd name="connsiteX9" fmla="*/ 891375 w 1045968"/>
                <a:gd name="connsiteY9" fmla="*/ 115122 h 207220"/>
                <a:gd name="connsiteX10" fmla="*/ 874929 w 1045968"/>
                <a:gd name="connsiteY10" fmla="*/ 118412 h 207220"/>
                <a:gd name="connsiteX11" fmla="*/ 842037 w 1045968"/>
                <a:gd name="connsiteY11" fmla="*/ 124990 h 207220"/>
                <a:gd name="connsiteX12" fmla="*/ 779542 w 1045968"/>
                <a:gd name="connsiteY12" fmla="*/ 128279 h 207220"/>
                <a:gd name="connsiteX13" fmla="*/ 717047 w 1045968"/>
                <a:gd name="connsiteY13" fmla="*/ 131569 h 207220"/>
                <a:gd name="connsiteX14" fmla="*/ 697312 w 1045968"/>
                <a:gd name="connsiteY14" fmla="*/ 138147 h 207220"/>
                <a:gd name="connsiteX15" fmla="*/ 654552 w 1045968"/>
                <a:gd name="connsiteY15" fmla="*/ 131569 h 207220"/>
                <a:gd name="connsiteX16" fmla="*/ 598636 w 1045968"/>
                <a:gd name="connsiteY16" fmla="*/ 141436 h 207220"/>
                <a:gd name="connsiteX17" fmla="*/ 552587 w 1045968"/>
                <a:gd name="connsiteY17" fmla="*/ 148015 h 207220"/>
                <a:gd name="connsiteX18" fmla="*/ 529563 w 1045968"/>
                <a:gd name="connsiteY18" fmla="*/ 157882 h 207220"/>
                <a:gd name="connsiteX19" fmla="*/ 467068 w 1045968"/>
                <a:gd name="connsiteY19" fmla="*/ 167750 h 207220"/>
                <a:gd name="connsiteX20" fmla="*/ 404573 w 1045968"/>
                <a:gd name="connsiteY20" fmla="*/ 174328 h 207220"/>
                <a:gd name="connsiteX21" fmla="*/ 384837 w 1045968"/>
                <a:gd name="connsiteY21" fmla="*/ 177617 h 207220"/>
                <a:gd name="connsiteX22" fmla="*/ 371681 w 1045968"/>
                <a:gd name="connsiteY22" fmla="*/ 180907 h 207220"/>
                <a:gd name="connsiteX23" fmla="*/ 289451 w 1045968"/>
                <a:gd name="connsiteY23" fmla="*/ 180907 h 207220"/>
                <a:gd name="connsiteX24" fmla="*/ 131568 w 1045968"/>
                <a:gd name="connsiteY24" fmla="*/ 194063 h 207220"/>
                <a:gd name="connsiteX25" fmla="*/ 92098 w 1045968"/>
                <a:gd name="connsiteY25" fmla="*/ 197353 h 207220"/>
                <a:gd name="connsiteX26" fmla="*/ 65784 w 1045968"/>
                <a:gd name="connsiteY26" fmla="*/ 200642 h 207220"/>
                <a:gd name="connsiteX27" fmla="*/ 42760 w 1045968"/>
                <a:gd name="connsiteY27" fmla="*/ 203931 h 207220"/>
                <a:gd name="connsiteX28" fmla="*/ 0 w 1045968"/>
                <a:gd name="connsiteY28" fmla="*/ 207220 h 207220"/>
                <a:gd name="connsiteX0" fmla="*/ 1003208 w 1003208"/>
                <a:gd name="connsiteY0" fmla="*/ 0 h 203931"/>
                <a:gd name="connsiteX1" fmla="*/ 990051 w 1003208"/>
                <a:gd name="connsiteY1" fmla="*/ 23025 h 203931"/>
                <a:gd name="connsiteX2" fmla="*/ 963738 w 1003208"/>
                <a:gd name="connsiteY2" fmla="*/ 55917 h 203931"/>
                <a:gd name="connsiteX3" fmla="*/ 953870 w 1003208"/>
                <a:gd name="connsiteY3" fmla="*/ 59206 h 203931"/>
                <a:gd name="connsiteX4" fmla="*/ 930846 w 1003208"/>
                <a:gd name="connsiteY4" fmla="*/ 69074 h 203931"/>
                <a:gd name="connsiteX5" fmla="*/ 884797 w 1003208"/>
                <a:gd name="connsiteY5" fmla="*/ 78941 h 203931"/>
                <a:gd name="connsiteX6" fmla="*/ 878218 w 1003208"/>
                <a:gd name="connsiteY6" fmla="*/ 85520 h 203931"/>
                <a:gd name="connsiteX7" fmla="*/ 868351 w 1003208"/>
                <a:gd name="connsiteY7" fmla="*/ 92098 h 203931"/>
                <a:gd name="connsiteX8" fmla="*/ 865062 w 1003208"/>
                <a:gd name="connsiteY8" fmla="*/ 101966 h 203931"/>
                <a:gd name="connsiteX9" fmla="*/ 848615 w 1003208"/>
                <a:gd name="connsiteY9" fmla="*/ 115122 h 203931"/>
                <a:gd name="connsiteX10" fmla="*/ 832169 w 1003208"/>
                <a:gd name="connsiteY10" fmla="*/ 118412 h 203931"/>
                <a:gd name="connsiteX11" fmla="*/ 799277 w 1003208"/>
                <a:gd name="connsiteY11" fmla="*/ 124990 h 203931"/>
                <a:gd name="connsiteX12" fmla="*/ 736782 w 1003208"/>
                <a:gd name="connsiteY12" fmla="*/ 128279 h 203931"/>
                <a:gd name="connsiteX13" fmla="*/ 674287 w 1003208"/>
                <a:gd name="connsiteY13" fmla="*/ 131569 h 203931"/>
                <a:gd name="connsiteX14" fmla="*/ 654552 w 1003208"/>
                <a:gd name="connsiteY14" fmla="*/ 138147 h 203931"/>
                <a:gd name="connsiteX15" fmla="*/ 611792 w 1003208"/>
                <a:gd name="connsiteY15" fmla="*/ 131569 h 203931"/>
                <a:gd name="connsiteX16" fmla="*/ 555876 w 1003208"/>
                <a:gd name="connsiteY16" fmla="*/ 141436 h 203931"/>
                <a:gd name="connsiteX17" fmla="*/ 509827 w 1003208"/>
                <a:gd name="connsiteY17" fmla="*/ 148015 h 203931"/>
                <a:gd name="connsiteX18" fmla="*/ 486803 w 1003208"/>
                <a:gd name="connsiteY18" fmla="*/ 157882 h 203931"/>
                <a:gd name="connsiteX19" fmla="*/ 424308 w 1003208"/>
                <a:gd name="connsiteY19" fmla="*/ 167750 h 203931"/>
                <a:gd name="connsiteX20" fmla="*/ 361813 w 1003208"/>
                <a:gd name="connsiteY20" fmla="*/ 174328 h 203931"/>
                <a:gd name="connsiteX21" fmla="*/ 342077 w 1003208"/>
                <a:gd name="connsiteY21" fmla="*/ 177617 h 203931"/>
                <a:gd name="connsiteX22" fmla="*/ 328921 w 1003208"/>
                <a:gd name="connsiteY22" fmla="*/ 180907 h 203931"/>
                <a:gd name="connsiteX23" fmla="*/ 246691 w 1003208"/>
                <a:gd name="connsiteY23" fmla="*/ 180907 h 203931"/>
                <a:gd name="connsiteX24" fmla="*/ 88808 w 1003208"/>
                <a:gd name="connsiteY24" fmla="*/ 194063 h 203931"/>
                <a:gd name="connsiteX25" fmla="*/ 49338 w 1003208"/>
                <a:gd name="connsiteY25" fmla="*/ 197353 h 203931"/>
                <a:gd name="connsiteX26" fmla="*/ 23024 w 1003208"/>
                <a:gd name="connsiteY26" fmla="*/ 200642 h 203931"/>
                <a:gd name="connsiteX27" fmla="*/ 0 w 1003208"/>
                <a:gd name="connsiteY27" fmla="*/ 203931 h 203931"/>
                <a:gd name="connsiteX0" fmla="*/ 980184 w 980184"/>
                <a:gd name="connsiteY0" fmla="*/ 0 h 200642"/>
                <a:gd name="connsiteX1" fmla="*/ 967027 w 980184"/>
                <a:gd name="connsiteY1" fmla="*/ 23025 h 200642"/>
                <a:gd name="connsiteX2" fmla="*/ 940714 w 980184"/>
                <a:gd name="connsiteY2" fmla="*/ 55917 h 200642"/>
                <a:gd name="connsiteX3" fmla="*/ 930846 w 980184"/>
                <a:gd name="connsiteY3" fmla="*/ 59206 h 200642"/>
                <a:gd name="connsiteX4" fmla="*/ 907822 w 980184"/>
                <a:gd name="connsiteY4" fmla="*/ 69074 h 200642"/>
                <a:gd name="connsiteX5" fmla="*/ 861773 w 980184"/>
                <a:gd name="connsiteY5" fmla="*/ 78941 h 200642"/>
                <a:gd name="connsiteX6" fmla="*/ 855194 w 980184"/>
                <a:gd name="connsiteY6" fmla="*/ 85520 h 200642"/>
                <a:gd name="connsiteX7" fmla="*/ 845327 w 980184"/>
                <a:gd name="connsiteY7" fmla="*/ 92098 h 200642"/>
                <a:gd name="connsiteX8" fmla="*/ 842038 w 980184"/>
                <a:gd name="connsiteY8" fmla="*/ 101966 h 200642"/>
                <a:gd name="connsiteX9" fmla="*/ 825591 w 980184"/>
                <a:gd name="connsiteY9" fmla="*/ 115122 h 200642"/>
                <a:gd name="connsiteX10" fmla="*/ 809145 w 980184"/>
                <a:gd name="connsiteY10" fmla="*/ 118412 h 200642"/>
                <a:gd name="connsiteX11" fmla="*/ 776253 w 980184"/>
                <a:gd name="connsiteY11" fmla="*/ 124990 h 200642"/>
                <a:gd name="connsiteX12" fmla="*/ 713758 w 980184"/>
                <a:gd name="connsiteY12" fmla="*/ 128279 h 200642"/>
                <a:gd name="connsiteX13" fmla="*/ 651263 w 980184"/>
                <a:gd name="connsiteY13" fmla="*/ 131569 h 200642"/>
                <a:gd name="connsiteX14" fmla="*/ 631528 w 980184"/>
                <a:gd name="connsiteY14" fmla="*/ 138147 h 200642"/>
                <a:gd name="connsiteX15" fmla="*/ 588768 w 980184"/>
                <a:gd name="connsiteY15" fmla="*/ 131569 h 200642"/>
                <a:gd name="connsiteX16" fmla="*/ 532852 w 980184"/>
                <a:gd name="connsiteY16" fmla="*/ 141436 h 200642"/>
                <a:gd name="connsiteX17" fmla="*/ 486803 w 980184"/>
                <a:gd name="connsiteY17" fmla="*/ 148015 h 200642"/>
                <a:gd name="connsiteX18" fmla="*/ 463779 w 980184"/>
                <a:gd name="connsiteY18" fmla="*/ 157882 h 200642"/>
                <a:gd name="connsiteX19" fmla="*/ 401284 w 980184"/>
                <a:gd name="connsiteY19" fmla="*/ 167750 h 200642"/>
                <a:gd name="connsiteX20" fmla="*/ 338789 w 980184"/>
                <a:gd name="connsiteY20" fmla="*/ 174328 h 200642"/>
                <a:gd name="connsiteX21" fmla="*/ 319053 w 980184"/>
                <a:gd name="connsiteY21" fmla="*/ 177617 h 200642"/>
                <a:gd name="connsiteX22" fmla="*/ 305897 w 980184"/>
                <a:gd name="connsiteY22" fmla="*/ 180907 h 200642"/>
                <a:gd name="connsiteX23" fmla="*/ 223667 w 980184"/>
                <a:gd name="connsiteY23" fmla="*/ 180907 h 200642"/>
                <a:gd name="connsiteX24" fmla="*/ 65784 w 980184"/>
                <a:gd name="connsiteY24" fmla="*/ 194063 h 200642"/>
                <a:gd name="connsiteX25" fmla="*/ 26314 w 980184"/>
                <a:gd name="connsiteY25" fmla="*/ 197353 h 200642"/>
                <a:gd name="connsiteX26" fmla="*/ 0 w 980184"/>
                <a:gd name="connsiteY26" fmla="*/ 200642 h 200642"/>
                <a:gd name="connsiteX0" fmla="*/ 953870 w 953870"/>
                <a:gd name="connsiteY0" fmla="*/ 0 h 197353"/>
                <a:gd name="connsiteX1" fmla="*/ 940713 w 953870"/>
                <a:gd name="connsiteY1" fmla="*/ 23025 h 197353"/>
                <a:gd name="connsiteX2" fmla="*/ 914400 w 953870"/>
                <a:gd name="connsiteY2" fmla="*/ 55917 h 197353"/>
                <a:gd name="connsiteX3" fmla="*/ 904532 w 953870"/>
                <a:gd name="connsiteY3" fmla="*/ 59206 h 197353"/>
                <a:gd name="connsiteX4" fmla="*/ 881508 w 953870"/>
                <a:gd name="connsiteY4" fmla="*/ 69074 h 197353"/>
                <a:gd name="connsiteX5" fmla="*/ 835459 w 953870"/>
                <a:gd name="connsiteY5" fmla="*/ 78941 h 197353"/>
                <a:gd name="connsiteX6" fmla="*/ 828880 w 953870"/>
                <a:gd name="connsiteY6" fmla="*/ 85520 h 197353"/>
                <a:gd name="connsiteX7" fmla="*/ 819013 w 953870"/>
                <a:gd name="connsiteY7" fmla="*/ 92098 h 197353"/>
                <a:gd name="connsiteX8" fmla="*/ 815724 w 953870"/>
                <a:gd name="connsiteY8" fmla="*/ 101966 h 197353"/>
                <a:gd name="connsiteX9" fmla="*/ 799277 w 953870"/>
                <a:gd name="connsiteY9" fmla="*/ 115122 h 197353"/>
                <a:gd name="connsiteX10" fmla="*/ 782831 w 953870"/>
                <a:gd name="connsiteY10" fmla="*/ 118412 h 197353"/>
                <a:gd name="connsiteX11" fmla="*/ 749939 w 953870"/>
                <a:gd name="connsiteY11" fmla="*/ 124990 h 197353"/>
                <a:gd name="connsiteX12" fmla="*/ 687444 w 953870"/>
                <a:gd name="connsiteY12" fmla="*/ 128279 h 197353"/>
                <a:gd name="connsiteX13" fmla="*/ 624949 w 953870"/>
                <a:gd name="connsiteY13" fmla="*/ 131569 h 197353"/>
                <a:gd name="connsiteX14" fmla="*/ 605214 w 953870"/>
                <a:gd name="connsiteY14" fmla="*/ 138147 h 197353"/>
                <a:gd name="connsiteX15" fmla="*/ 562454 w 953870"/>
                <a:gd name="connsiteY15" fmla="*/ 131569 h 197353"/>
                <a:gd name="connsiteX16" fmla="*/ 506538 w 953870"/>
                <a:gd name="connsiteY16" fmla="*/ 141436 h 197353"/>
                <a:gd name="connsiteX17" fmla="*/ 460489 w 953870"/>
                <a:gd name="connsiteY17" fmla="*/ 148015 h 197353"/>
                <a:gd name="connsiteX18" fmla="*/ 437465 w 953870"/>
                <a:gd name="connsiteY18" fmla="*/ 157882 h 197353"/>
                <a:gd name="connsiteX19" fmla="*/ 374970 w 953870"/>
                <a:gd name="connsiteY19" fmla="*/ 167750 h 197353"/>
                <a:gd name="connsiteX20" fmla="*/ 312475 w 953870"/>
                <a:gd name="connsiteY20" fmla="*/ 174328 h 197353"/>
                <a:gd name="connsiteX21" fmla="*/ 292739 w 953870"/>
                <a:gd name="connsiteY21" fmla="*/ 177617 h 197353"/>
                <a:gd name="connsiteX22" fmla="*/ 279583 w 953870"/>
                <a:gd name="connsiteY22" fmla="*/ 180907 h 197353"/>
                <a:gd name="connsiteX23" fmla="*/ 197353 w 953870"/>
                <a:gd name="connsiteY23" fmla="*/ 180907 h 197353"/>
                <a:gd name="connsiteX24" fmla="*/ 39470 w 953870"/>
                <a:gd name="connsiteY24" fmla="*/ 194063 h 197353"/>
                <a:gd name="connsiteX25" fmla="*/ 0 w 953870"/>
                <a:gd name="connsiteY25" fmla="*/ 197353 h 197353"/>
                <a:gd name="connsiteX0" fmla="*/ 914400 w 914400"/>
                <a:gd name="connsiteY0" fmla="*/ 0 h 194063"/>
                <a:gd name="connsiteX1" fmla="*/ 901243 w 914400"/>
                <a:gd name="connsiteY1" fmla="*/ 23025 h 194063"/>
                <a:gd name="connsiteX2" fmla="*/ 874930 w 914400"/>
                <a:gd name="connsiteY2" fmla="*/ 55917 h 194063"/>
                <a:gd name="connsiteX3" fmla="*/ 865062 w 914400"/>
                <a:gd name="connsiteY3" fmla="*/ 59206 h 194063"/>
                <a:gd name="connsiteX4" fmla="*/ 842038 w 914400"/>
                <a:gd name="connsiteY4" fmla="*/ 69074 h 194063"/>
                <a:gd name="connsiteX5" fmla="*/ 795989 w 914400"/>
                <a:gd name="connsiteY5" fmla="*/ 78941 h 194063"/>
                <a:gd name="connsiteX6" fmla="*/ 789410 w 914400"/>
                <a:gd name="connsiteY6" fmla="*/ 85520 h 194063"/>
                <a:gd name="connsiteX7" fmla="*/ 779543 w 914400"/>
                <a:gd name="connsiteY7" fmla="*/ 92098 h 194063"/>
                <a:gd name="connsiteX8" fmla="*/ 776254 w 914400"/>
                <a:gd name="connsiteY8" fmla="*/ 101966 h 194063"/>
                <a:gd name="connsiteX9" fmla="*/ 759807 w 914400"/>
                <a:gd name="connsiteY9" fmla="*/ 115122 h 194063"/>
                <a:gd name="connsiteX10" fmla="*/ 743361 w 914400"/>
                <a:gd name="connsiteY10" fmla="*/ 118412 h 194063"/>
                <a:gd name="connsiteX11" fmla="*/ 710469 w 914400"/>
                <a:gd name="connsiteY11" fmla="*/ 124990 h 194063"/>
                <a:gd name="connsiteX12" fmla="*/ 647974 w 914400"/>
                <a:gd name="connsiteY12" fmla="*/ 128279 h 194063"/>
                <a:gd name="connsiteX13" fmla="*/ 585479 w 914400"/>
                <a:gd name="connsiteY13" fmla="*/ 131569 h 194063"/>
                <a:gd name="connsiteX14" fmla="*/ 565744 w 914400"/>
                <a:gd name="connsiteY14" fmla="*/ 138147 h 194063"/>
                <a:gd name="connsiteX15" fmla="*/ 522984 w 914400"/>
                <a:gd name="connsiteY15" fmla="*/ 131569 h 194063"/>
                <a:gd name="connsiteX16" fmla="*/ 467068 w 914400"/>
                <a:gd name="connsiteY16" fmla="*/ 141436 h 194063"/>
                <a:gd name="connsiteX17" fmla="*/ 421019 w 914400"/>
                <a:gd name="connsiteY17" fmla="*/ 148015 h 194063"/>
                <a:gd name="connsiteX18" fmla="*/ 397995 w 914400"/>
                <a:gd name="connsiteY18" fmla="*/ 157882 h 194063"/>
                <a:gd name="connsiteX19" fmla="*/ 335500 w 914400"/>
                <a:gd name="connsiteY19" fmla="*/ 167750 h 194063"/>
                <a:gd name="connsiteX20" fmla="*/ 273005 w 914400"/>
                <a:gd name="connsiteY20" fmla="*/ 174328 h 194063"/>
                <a:gd name="connsiteX21" fmla="*/ 253269 w 914400"/>
                <a:gd name="connsiteY21" fmla="*/ 177617 h 194063"/>
                <a:gd name="connsiteX22" fmla="*/ 240113 w 914400"/>
                <a:gd name="connsiteY22" fmla="*/ 180907 h 194063"/>
                <a:gd name="connsiteX23" fmla="*/ 157883 w 914400"/>
                <a:gd name="connsiteY23" fmla="*/ 180907 h 194063"/>
                <a:gd name="connsiteX24" fmla="*/ 0 w 914400"/>
                <a:gd name="connsiteY24" fmla="*/ 194063 h 194063"/>
                <a:gd name="connsiteX0" fmla="*/ 756517 w 756517"/>
                <a:gd name="connsiteY0" fmla="*/ 0 h 181022"/>
                <a:gd name="connsiteX1" fmla="*/ 743360 w 756517"/>
                <a:gd name="connsiteY1" fmla="*/ 23025 h 181022"/>
                <a:gd name="connsiteX2" fmla="*/ 717047 w 756517"/>
                <a:gd name="connsiteY2" fmla="*/ 55917 h 181022"/>
                <a:gd name="connsiteX3" fmla="*/ 707179 w 756517"/>
                <a:gd name="connsiteY3" fmla="*/ 59206 h 181022"/>
                <a:gd name="connsiteX4" fmla="*/ 684155 w 756517"/>
                <a:gd name="connsiteY4" fmla="*/ 69074 h 181022"/>
                <a:gd name="connsiteX5" fmla="*/ 638106 w 756517"/>
                <a:gd name="connsiteY5" fmla="*/ 78941 h 181022"/>
                <a:gd name="connsiteX6" fmla="*/ 631527 w 756517"/>
                <a:gd name="connsiteY6" fmla="*/ 85520 h 181022"/>
                <a:gd name="connsiteX7" fmla="*/ 621660 w 756517"/>
                <a:gd name="connsiteY7" fmla="*/ 92098 h 181022"/>
                <a:gd name="connsiteX8" fmla="*/ 618371 w 756517"/>
                <a:gd name="connsiteY8" fmla="*/ 101966 h 181022"/>
                <a:gd name="connsiteX9" fmla="*/ 601924 w 756517"/>
                <a:gd name="connsiteY9" fmla="*/ 115122 h 181022"/>
                <a:gd name="connsiteX10" fmla="*/ 585478 w 756517"/>
                <a:gd name="connsiteY10" fmla="*/ 118412 h 181022"/>
                <a:gd name="connsiteX11" fmla="*/ 552586 w 756517"/>
                <a:gd name="connsiteY11" fmla="*/ 124990 h 181022"/>
                <a:gd name="connsiteX12" fmla="*/ 490091 w 756517"/>
                <a:gd name="connsiteY12" fmla="*/ 128279 h 181022"/>
                <a:gd name="connsiteX13" fmla="*/ 427596 w 756517"/>
                <a:gd name="connsiteY13" fmla="*/ 131569 h 181022"/>
                <a:gd name="connsiteX14" fmla="*/ 407861 w 756517"/>
                <a:gd name="connsiteY14" fmla="*/ 138147 h 181022"/>
                <a:gd name="connsiteX15" fmla="*/ 365101 w 756517"/>
                <a:gd name="connsiteY15" fmla="*/ 131569 h 181022"/>
                <a:gd name="connsiteX16" fmla="*/ 309185 w 756517"/>
                <a:gd name="connsiteY16" fmla="*/ 141436 h 181022"/>
                <a:gd name="connsiteX17" fmla="*/ 263136 w 756517"/>
                <a:gd name="connsiteY17" fmla="*/ 148015 h 181022"/>
                <a:gd name="connsiteX18" fmla="*/ 240112 w 756517"/>
                <a:gd name="connsiteY18" fmla="*/ 157882 h 181022"/>
                <a:gd name="connsiteX19" fmla="*/ 177617 w 756517"/>
                <a:gd name="connsiteY19" fmla="*/ 167750 h 181022"/>
                <a:gd name="connsiteX20" fmla="*/ 115122 w 756517"/>
                <a:gd name="connsiteY20" fmla="*/ 174328 h 181022"/>
                <a:gd name="connsiteX21" fmla="*/ 95386 w 756517"/>
                <a:gd name="connsiteY21" fmla="*/ 177617 h 181022"/>
                <a:gd name="connsiteX22" fmla="*/ 82230 w 756517"/>
                <a:gd name="connsiteY22" fmla="*/ 180907 h 181022"/>
                <a:gd name="connsiteX23" fmla="*/ 0 w 756517"/>
                <a:gd name="connsiteY23" fmla="*/ 180907 h 181022"/>
                <a:gd name="connsiteX0" fmla="*/ 674287 w 674287"/>
                <a:gd name="connsiteY0" fmla="*/ 0 h 180907"/>
                <a:gd name="connsiteX1" fmla="*/ 661130 w 674287"/>
                <a:gd name="connsiteY1" fmla="*/ 23025 h 180907"/>
                <a:gd name="connsiteX2" fmla="*/ 634817 w 674287"/>
                <a:gd name="connsiteY2" fmla="*/ 55917 h 180907"/>
                <a:gd name="connsiteX3" fmla="*/ 624949 w 674287"/>
                <a:gd name="connsiteY3" fmla="*/ 59206 h 180907"/>
                <a:gd name="connsiteX4" fmla="*/ 601925 w 674287"/>
                <a:gd name="connsiteY4" fmla="*/ 69074 h 180907"/>
                <a:gd name="connsiteX5" fmla="*/ 555876 w 674287"/>
                <a:gd name="connsiteY5" fmla="*/ 78941 h 180907"/>
                <a:gd name="connsiteX6" fmla="*/ 549297 w 674287"/>
                <a:gd name="connsiteY6" fmla="*/ 85520 h 180907"/>
                <a:gd name="connsiteX7" fmla="*/ 539430 w 674287"/>
                <a:gd name="connsiteY7" fmla="*/ 92098 h 180907"/>
                <a:gd name="connsiteX8" fmla="*/ 536141 w 674287"/>
                <a:gd name="connsiteY8" fmla="*/ 101966 h 180907"/>
                <a:gd name="connsiteX9" fmla="*/ 519694 w 674287"/>
                <a:gd name="connsiteY9" fmla="*/ 115122 h 180907"/>
                <a:gd name="connsiteX10" fmla="*/ 503248 w 674287"/>
                <a:gd name="connsiteY10" fmla="*/ 118412 h 180907"/>
                <a:gd name="connsiteX11" fmla="*/ 470356 w 674287"/>
                <a:gd name="connsiteY11" fmla="*/ 124990 h 180907"/>
                <a:gd name="connsiteX12" fmla="*/ 407861 w 674287"/>
                <a:gd name="connsiteY12" fmla="*/ 128279 h 180907"/>
                <a:gd name="connsiteX13" fmla="*/ 345366 w 674287"/>
                <a:gd name="connsiteY13" fmla="*/ 131569 h 180907"/>
                <a:gd name="connsiteX14" fmla="*/ 325631 w 674287"/>
                <a:gd name="connsiteY14" fmla="*/ 138147 h 180907"/>
                <a:gd name="connsiteX15" fmla="*/ 282871 w 674287"/>
                <a:gd name="connsiteY15" fmla="*/ 131569 h 180907"/>
                <a:gd name="connsiteX16" fmla="*/ 226955 w 674287"/>
                <a:gd name="connsiteY16" fmla="*/ 141436 h 180907"/>
                <a:gd name="connsiteX17" fmla="*/ 180906 w 674287"/>
                <a:gd name="connsiteY17" fmla="*/ 148015 h 180907"/>
                <a:gd name="connsiteX18" fmla="*/ 157882 w 674287"/>
                <a:gd name="connsiteY18" fmla="*/ 157882 h 180907"/>
                <a:gd name="connsiteX19" fmla="*/ 95387 w 674287"/>
                <a:gd name="connsiteY19" fmla="*/ 167750 h 180907"/>
                <a:gd name="connsiteX20" fmla="*/ 32892 w 674287"/>
                <a:gd name="connsiteY20" fmla="*/ 174328 h 180907"/>
                <a:gd name="connsiteX21" fmla="*/ 13156 w 674287"/>
                <a:gd name="connsiteY21" fmla="*/ 177617 h 180907"/>
                <a:gd name="connsiteX22" fmla="*/ 0 w 674287"/>
                <a:gd name="connsiteY22" fmla="*/ 180907 h 180907"/>
                <a:gd name="connsiteX0" fmla="*/ 661131 w 661131"/>
                <a:gd name="connsiteY0" fmla="*/ 0 h 177617"/>
                <a:gd name="connsiteX1" fmla="*/ 647974 w 661131"/>
                <a:gd name="connsiteY1" fmla="*/ 23025 h 177617"/>
                <a:gd name="connsiteX2" fmla="*/ 621661 w 661131"/>
                <a:gd name="connsiteY2" fmla="*/ 55917 h 177617"/>
                <a:gd name="connsiteX3" fmla="*/ 611793 w 661131"/>
                <a:gd name="connsiteY3" fmla="*/ 59206 h 177617"/>
                <a:gd name="connsiteX4" fmla="*/ 588769 w 661131"/>
                <a:gd name="connsiteY4" fmla="*/ 69074 h 177617"/>
                <a:gd name="connsiteX5" fmla="*/ 542720 w 661131"/>
                <a:gd name="connsiteY5" fmla="*/ 78941 h 177617"/>
                <a:gd name="connsiteX6" fmla="*/ 536141 w 661131"/>
                <a:gd name="connsiteY6" fmla="*/ 85520 h 177617"/>
                <a:gd name="connsiteX7" fmla="*/ 526274 w 661131"/>
                <a:gd name="connsiteY7" fmla="*/ 92098 h 177617"/>
                <a:gd name="connsiteX8" fmla="*/ 522985 w 661131"/>
                <a:gd name="connsiteY8" fmla="*/ 101966 h 177617"/>
                <a:gd name="connsiteX9" fmla="*/ 506538 w 661131"/>
                <a:gd name="connsiteY9" fmla="*/ 115122 h 177617"/>
                <a:gd name="connsiteX10" fmla="*/ 490092 w 661131"/>
                <a:gd name="connsiteY10" fmla="*/ 118412 h 177617"/>
                <a:gd name="connsiteX11" fmla="*/ 457200 w 661131"/>
                <a:gd name="connsiteY11" fmla="*/ 124990 h 177617"/>
                <a:gd name="connsiteX12" fmla="*/ 394705 w 661131"/>
                <a:gd name="connsiteY12" fmla="*/ 128279 h 177617"/>
                <a:gd name="connsiteX13" fmla="*/ 332210 w 661131"/>
                <a:gd name="connsiteY13" fmla="*/ 131569 h 177617"/>
                <a:gd name="connsiteX14" fmla="*/ 312475 w 661131"/>
                <a:gd name="connsiteY14" fmla="*/ 138147 h 177617"/>
                <a:gd name="connsiteX15" fmla="*/ 269715 w 661131"/>
                <a:gd name="connsiteY15" fmla="*/ 131569 h 177617"/>
                <a:gd name="connsiteX16" fmla="*/ 213799 w 661131"/>
                <a:gd name="connsiteY16" fmla="*/ 141436 h 177617"/>
                <a:gd name="connsiteX17" fmla="*/ 167750 w 661131"/>
                <a:gd name="connsiteY17" fmla="*/ 148015 h 177617"/>
                <a:gd name="connsiteX18" fmla="*/ 144726 w 661131"/>
                <a:gd name="connsiteY18" fmla="*/ 157882 h 177617"/>
                <a:gd name="connsiteX19" fmla="*/ 82231 w 661131"/>
                <a:gd name="connsiteY19" fmla="*/ 167750 h 177617"/>
                <a:gd name="connsiteX20" fmla="*/ 19736 w 661131"/>
                <a:gd name="connsiteY20" fmla="*/ 174328 h 177617"/>
                <a:gd name="connsiteX21" fmla="*/ 0 w 661131"/>
                <a:gd name="connsiteY21" fmla="*/ 177617 h 177617"/>
                <a:gd name="connsiteX0" fmla="*/ 641395 w 641395"/>
                <a:gd name="connsiteY0" fmla="*/ 0 h 174328"/>
                <a:gd name="connsiteX1" fmla="*/ 628238 w 641395"/>
                <a:gd name="connsiteY1" fmla="*/ 23025 h 174328"/>
                <a:gd name="connsiteX2" fmla="*/ 601925 w 641395"/>
                <a:gd name="connsiteY2" fmla="*/ 55917 h 174328"/>
                <a:gd name="connsiteX3" fmla="*/ 592057 w 641395"/>
                <a:gd name="connsiteY3" fmla="*/ 59206 h 174328"/>
                <a:gd name="connsiteX4" fmla="*/ 569033 w 641395"/>
                <a:gd name="connsiteY4" fmla="*/ 69074 h 174328"/>
                <a:gd name="connsiteX5" fmla="*/ 522984 w 641395"/>
                <a:gd name="connsiteY5" fmla="*/ 78941 h 174328"/>
                <a:gd name="connsiteX6" fmla="*/ 516405 w 641395"/>
                <a:gd name="connsiteY6" fmla="*/ 85520 h 174328"/>
                <a:gd name="connsiteX7" fmla="*/ 506538 w 641395"/>
                <a:gd name="connsiteY7" fmla="*/ 92098 h 174328"/>
                <a:gd name="connsiteX8" fmla="*/ 503249 w 641395"/>
                <a:gd name="connsiteY8" fmla="*/ 101966 h 174328"/>
                <a:gd name="connsiteX9" fmla="*/ 486802 w 641395"/>
                <a:gd name="connsiteY9" fmla="*/ 115122 h 174328"/>
                <a:gd name="connsiteX10" fmla="*/ 470356 w 641395"/>
                <a:gd name="connsiteY10" fmla="*/ 118412 h 174328"/>
                <a:gd name="connsiteX11" fmla="*/ 437464 w 641395"/>
                <a:gd name="connsiteY11" fmla="*/ 124990 h 174328"/>
                <a:gd name="connsiteX12" fmla="*/ 374969 w 641395"/>
                <a:gd name="connsiteY12" fmla="*/ 128279 h 174328"/>
                <a:gd name="connsiteX13" fmla="*/ 312474 w 641395"/>
                <a:gd name="connsiteY13" fmla="*/ 131569 h 174328"/>
                <a:gd name="connsiteX14" fmla="*/ 292739 w 641395"/>
                <a:gd name="connsiteY14" fmla="*/ 138147 h 174328"/>
                <a:gd name="connsiteX15" fmla="*/ 249979 w 641395"/>
                <a:gd name="connsiteY15" fmla="*/ 131569 h 174328"/>
                <a:gd name="connsiteX16" fmla="*/ 194063 w 641395"/>
                <a:gd name="connsiteY16" fmla="*/ 141436 h 174328"/>
                <a:gd name="connsiteX17" fmla="*/ 148014 w 641395"/>
                <a:gd name="connsiteY17" fmla="*/ 148015 h 174328"/>
                <a:gd name="connsiteX18" fmla="*/ 124990 w 641395"/>
                <a:gd name="connsiteY18" fmla="*/ 157882 h 174328"/>
                <a:gd name="connsiteX19" fmla="*/ 62495 w 641395"/>
                <a:gd name="connsiteY19" fmla="*/ 167750 h 174328"/>
                <a:gd name="connsiteX20" fmla="*/ 0 w 641395"/>
                <a:gd name="connsiteY20" fmla="*/ 174328 h 174328"/>
                <a:gd name="connsiteX0" fmla="*/ 578900 w 578900"/>
                <a:gd name="connsiteY0" fmla="*/ 0 h 167750"/>
                <a:gd name="connsiteX1" fmla="*/ 565743 w 578900"/>
                <a:gd name="connsiteY1" fmla="*/ 23025 h 167750"/>
                <a:gd name="connsiteX2" fmla="*/ 539430 w 578900"/>
                <a:gd name="connsiteY2" fmla="*/ 55917 h 167750"/>
                <a:gd name="connsiteX3" fmla="*/ 529562 w 578900"/>
                <a:gd name="connsiteY3" fmla="*/ 59206 h 167750"/>
                <a:gd name="connsiteX4" fmla="*/ 506538 w 578900"/>
                <a:gd name="connsiteY4" fmla="*/ 69074 h 167750"/>
                <a:gd name="connsiteX5" fmla="*/ 460489 w 578900"/>
                <a:gd name="connsiteY5" fmla="*/ 78941 h 167750"/>
                <a:gd name="connsiteX6" fmla="*/ 453910 w 578900"/>
                <a:gd name="connsiteY6" fmla="*/ 85520 h 167750"/>
                <a:gd name="connsiteX7" fmla="*/ 444043 w 578900"/>
                <a:gd name="connsiteY7" fmla="*/ 92098 h 167750"/>
                <a:gd name="connsiteX8" fmla="*/ 440754 w 578900"/>
                <a:gd name="connsiteY8" fmla="*/ 101966 h 167750"/>
                <a:gd name="connsiteX9" fmla="*/ 424307 w 578900"/>
                <a:gd name="connsiteY9" fmla="*/ 115122 h 167750"/>
                <a:gd name="connsiteX10" fmla="*/ 407861 w 578900"/>
                <a:gd name="connsiteY10" fmla="*/ 118412 h 167750"/>
                <a:gd name="connsiteX11" fmla="*/ 374969 w 578900"/>
                <a:gd name="connsiteY11" fmla="*/ 124990 h 167750"/>
                <a:gd name="connsiteX12" fmla="*/ 312474 w 578900"/>
                <a:gd name="connsiteY12" fmla="*/ 128279 h 167750"/>
                <a:gd name="connsiteX13" fmla="*/ 249979 w 578900"/>
                <a:gd name="connsiteY13" fmla="*/ 131569 h 167750"/>
                <a:gd name="connsiteX14" fmla="*/ 230244 w 578900"/>
                <a:gd name="connsiteY14" fmla="*/ 138147 h 167750"/>
                <a:gd name="connsiteX15" fmla="*/ 187484 w 578900"/>
                <a:gd name="connsiteY15" fmla="*/ 131569 h 167750"/>
                <a:gd name="connsiteX16" fmla="*/ 131568 w 578900"/>
                <a:gd name="connsiteY16" fmla="*/ 141436 h 167750"/>
                <a:gd name="connsiteX17" fmla="*/ 85519 w 578900"/>
                <a:gd name="connsiteY17" fmla="*/ 148015 h 167750"/>
                <a:gd name="connsiteX18" fmla="*/ 62495 w 578900"/>
                <a:gd name="connsiteY18" fmla="*/ 157882 h 167750"/>
                <a:gd name="connsiteX19" fmla="*/ 0 w 578900"/>
                <a:gd name="connsiteY19" fmla="*/ 167750 h 167750"/>
                <a:gd name="connsiteX0" fmla="*/ 516405 w 516405"/>
                <a:gd name="connsiteY0" fmla="*/ 0 h 157882"/>
                <a:gd name="connsiteX1" fmla="*/ 503248 w 516405"/>
                <a:gd name="connsiteY1" fmla="*/ 23025 h 157882"/>
                <a:gd name="connsiteX2" fmla="*/ 476935 w 516405"/>
                <a:gd name="connsiteY2" fmla="*/ 55917 h 157882"/>
                <a:gd name="connsiteX3" fmla="*/ 467067 w 516405"/>
                <a:gd name="connsiteY3" fmla="*/ 59206 h 157882"/>
                <a:gd name="connsiteX4" fmla="*/ 444043 w 516405"/>
                <a:gd name="connsiteY4" fmla="*/ 69074 h 157882"/>
                <a:gd name="connsiteX5" fmla="*/ 397994 w 516405"/>
                <a:gd name="connsiteY5" fmla="*/ 78941 h 157882"/>
                <a:gd name="connsiteX6" fmla="*/ 391415 w 516405"/>
                <a:gd name="connsiteY6" fmla="*/ 85520 h 157882"/>
                <a:gd name="connsiteX7" fmla="*/ 381548 w 516405"/>
                <a:gd name="connsiteY7" fmla="*/ 92098 h 157882"/>
                <a:gd name="connsiteX8" fmla="*/ 378259 w 516405"/>
                <a:gd name="connsiteY8" fmla="*/ 101966 h 157882"/>
                <a:gd name="connsiteX9" fmla="*/ 361812 w 516405"/>
                <a:gd name="connsiteY9" fmla="*/ 115122 h 157882"/>
                <a:gd name="connsiteX10" fmla="*/ 345366 w 516405"/>
                <a:gd name="connsiteY10" fmla="*/ 118412 h 157882"/>
                <a:gd name="connsiteX11" fmla="*/ 312474 w 516405"/>
                <a:gd name="connsiteY11" fmla="*/ 124990 h 157882"/>
                <a:gd name="connsiteX12" fmla="*/ 249979 w 516405"/>
                <a:gd name="connsiteY12" fmla="*/ 128279 h 157882"/>
                <a:gd name="connsiteX13" fmla="*/ 187484 w 516405"/>
                <a:gd name="connsiteY13" fmla="*/ 131569 h 157882"/>
                <a:gd name="connsiteX14" fmla="*/ 167749 w 516405"/>
                <a:gd name="connsiteY14" fmla="*/ 138147 h 157882"/>
                <a:gd name="connsiteX15" fmla="*/ 124989 w 516405"/>
                <a:gd name="connsiteY15" fmla="*/ 131569 h 157882"/>
                <a:gd name="connsiteX16" fmla="*/ 69073 w 516405"/>
                <a:gd name="connsiteY16" fmla="*/ 141436 h 157882"/>
                <a:gd name="connsiteX17" fmla="*/ 23024 w 516405"/>
                <a:gd name="connsiteY17" fmla="*/ 148015 h 157882"/>
                <a:gd name="connsiteX18" fmla="*/ 0 w 516405"/>
                <a:gd name="connsiteY18" fmla="*/ 157882 h 157882"/>
                <a:gd name="connsiteX0" fmla="*/ 493381 w 493381"/>
                <a:gd name="connsiteY0" fmla="*/ 0 h 148015"/>
                <a:gd name="connsiteX1" fmla="*/ 480224 w 493381"/>
                <a:gd name="connsiteY1" fmla="*/ 23025 h 148015"/>
                <a:gd name="connsiteX2" fmla="*/ 453911 w 493381"/>
                <a:gd name="connsiteY2" fmla="*/ 55917 h 148015"/>
                <a:gd name="connsiteX3" fmla="*/ 444043 w 493381"/>
                <a:gd name="connsiteY3" fmla="*/ 59206 h 148015"/>
                <a:gd name="connsiteX4" fmla="*/ 421019 w 493381"/>
                <a:gd name="connsiteY4" fmla="*/ 69074 h 148015"/>
                <a:gd name="connsiteX5" fmla="*/ 374970 w 493381"/>
                <a:gd name="connsiteY5" fmla="*/ 78941 h 148015"/>
                <a:gd name="connsiteX6" fmla="*/ 368391 w 493381"/>
                <a:gd name="connsiteY6" fmla="*/ 85520 h 148015"/>
                <a:gd name="connsiteX7" fmla="*/ 358524 w 493381"/>
                <a:gd name="connsiteY7" fmla="*/ 92098 h 148015"/>
                <a:gd name="connsiteX8" fmla="*/ 355235 w 493381"/>
                <a:gd name="connsiteY8" fmla="*/ 101966 h 148015"/>
                <a:gd name="connsiteX9" fmla="*/ 338788 w 493381"/>
                <a:gd name="connsiteY9" fmla="*/ 115122 h 148015"/>
                <a:gd name="connsiteX10" fmla="*/ 322342 w 493381"/>
                <a:gd name="connsiteY10" fmla="*/ 118412 h 148015"/>
                <a:gd name="connsiteX11" fmla="*/ 289450 w 493381"/>
                <a:gd name="connsiteY11" fmla="*/ 124990 h 148015"/>
                <a:gd name="connsiteX12" fmla="*/ 226955 w 493381"/>
                <a:gd name="connsiteY12" fmla="*/ 128279 h 148015"/>
                <a:gd name="connsiteX13" fmla="*/ 164460 w 493381"/>
                <a:gd name="connsiteY13" fmla="*/ 131569 h 148015"/>
                <a:gd name="connsiteX14" fmla="*/ 144725 w 493381"/>
                <a:gd name="connsiteY14" fmla="*/ 138147 h 148015"/>
                <a:gd name="connsiteX15" fmla="*/ 101965 w 493381"/>
                <a:gd name="connsiteY15" fmla="*/ 131569 h 148015"/>
                <a:gd name="connsiteX16" fmla="*/ 46049 w 493381"/>
                <a:gd name="connsiteY16" fmla="*/ 141436 h 148015"/>
                <a:gd name="connsiteX17" fmla="*/ 0 w 493381"/>
                <a:gd name="connsiteY17" fmla="*/ 148015 h 148015"/>
                <a:gd name="connsiteX0" fmla="*/ 447332 w 447332"/>
                <a:gd name="connsiteY0" fmla="*/ 0 h 141436"/>
                <a:gd name="connsiteX1" fmla="*/ 434175 w 447332"/>
                <a:gd name="connsiteY1" fmla="*/ 23025 h 141436"/>
                <a:gd name="connsiteX2" fmla="*/ 407862 w 447332"/>
                <a:gd name="connsiteY2" fmla="*/ 55917 h 141436"/>
                <a:gd name="connsiteX3" fmla="*/ 397994 w 447332"/>
                <a:gd name="connsiteY3" fmla="*/ 59206 h 141436"/>
                <a:gd name="connsiteX4" fmla="*/ 374970 w 447332"/>
                <a:gd name="connsiteY4" fmla="*/ 69074 h 141436"/>
                <a:gd name="connsiteX5" fmla="*/ 328921 w 447332"/>
                <a:gd name="connsiteY5" fmla="*/ 78941 h 141436"/>
                <a:gd name="connsiteX6" fmla="*/ 322342 w 447332"/>
                <a:gd name="connsiteY6" fmla="*/ 85520 h 141436"/>
                <a:gd name="connsiteX7" fmla="*/ 312475 w 447332"/>
                <a:gd name="connsiteY7" fmla="*/ 92098 h 141436"/>
                <a:gd name="connsiteX8" fmla="*/ 309186 w 447332"/>
                <a:gd name="connsiteY8" fmla="*/ 101966 h 141436"/>
                <a:gd name="connsiteX9" fmla="*/ 292739 w 447332"/>
                <a:gd name="connsiteY9" fmla="*/ 115122 h 141436"/>
                <a:gd name="connsiteX10" fmla="*/ 276293 w 447332"/>
                <a:gd name="connsiteY10" fmla="*/ 118412 h 141436"/>
                <a:gd name="connsiteX11" fmla="*/ 243401 w 447332"/>
                <a:gd name="connsiteY11" fmla="*/ 124990 h 141436"/>
                <a:gd name="connsiteX12" fmla="*/ 180906 w 447332"/>
                <a:gd name="connsiteY12" fmla="*/ 128279 h 141436"/>
                <a:gd name="connsiteX13" fmla="*/ 118411 w 447332"/>
                <a:gd name="connsiteY13" fmla="*/ 131569 h 141436"/>
                <a:gd name="connsiteX14" fmla="*/ 98676 w 447332"/>
                <a:gd name="connsiteY14" fmla="*/ 138147 h 141436"/>
                <a:gd name="connsiteX15" fmla="*/ 55916 w 447332"/>
                <a:gd name="connsiteY15" fmla="*/ 131569 h 141436"/>
                <a:gd name="connsiteX16" fmla="*/ 0 w 447332"/>
                <a:gd name="connsiteY16" fmla="*/ 141436 h 141436"/>
                <a:gd name="connsiteX0" fmla="*/ 391416 w 391416"/>
                <a:gd name="connsiteY0" fmla="*/ 0 h 138147"/>
                <a:gd name="connsiteX1" fmla="*/ 378259 w 391416"/>
                <a:gd name="connsiteY1" fmla="*/ 23025 h 138147"/>
                <a:gd name="connsiteX2" fmla="*/ 351946 w 391416"/>
                <a:gd name="connsiteY2" fmla="*/ 55917 h 138147"/>
                <a:gd name="connsiteX3" fmla="*/ 342078 w 391416"/>
                <a:gd name="connsiteY3" fmla="*/ 59206 h 138147"/>
                <a:gd name="connsiteX4" fmla="*/ 319054 w 391416"/>
                <a:gd name="connsiteY4" fmla="*/ 69074 h 138147"/>
                <a:gd name="connsiteX5" fmla="*/ 273005 w 391416"/>
                <a:gd name="connsiteY5" fmla="*/ 78941 h 138147"/>
                <a:gd name="connsiteX6" fmla="*/ 266426 w 391416"/>
                <a:gd name="connsiteY6" fmla="*/ 85520 h 138147"/>
                <a:gd name="connsiteX7" fmla="*/ 256559 w 391416"/>
                <a:gd name="connsiteY7" fmla="*/ 92098 h 138147"/>
                <a:gd name="connsiteX8" fmla="*/ 253270 w 391416"/>
                <a:gd name="connsiteY8" fmla="*/ 101966 h 138147"/>
                <a:gd name="connsiteX9" fmla="*/ 236823 w 391416"/>
                <a:gd name="connsiteY9" fmla="*/ 115122 h 138147"/>
                <a:gd name="connsiteX10" fmla="*/ 220377 w 391416"/>
                <a:gd name="connsiteY10" fmla="*/ 118412 h 138147"/>
                <a:gd name="connsiteX11" fmla="*/ 187485 w 391416"/>
                <a:gd name="connsiteY11" fmla="*/ 124990 h 138147"/>
                <a:gd name="connsiteX12" fmla="*/ 124990 w 391416"/>
                <a:gd name="connsiteY12" fmla="*/ 128279 h 138147"/>
                <a:gd name="connsiteX13" fmla="*/ 62495 w 391416"/>
                <a:gd name="connsiteY13" fmla="*/ 131569 h 138147"/>
                <a:gd name="connsiteX14" fmla="*/ 42760 w 391416"/>
                <a:gd name="connsiteY14" fmla="*/ 138147 h 138147"/>
                <a:gd name="connsiteX15" fmla="*/ 0 w 391416"/>
                <a:gd name="connsiteY15" fmla="*/ 131569 h 138147"/>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77618 w 526274"/>
                <a:gd name="connsiteY14" fmla="*/ 138147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41437 w 526274"/>
                <a:gd name="connsiteY14" fmla="*/ 144725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207221 w 526274"/>
                <a:gd name="connsiteY13" fmla="*/ 131569 h 236823"/>
                <a:gd name="connsiteX14" fmla="*/ 141437 w 526274"/>
                <a:gd name="connsiteY14" fmla="*/ 144725 h 236823"/>
                <a:gd name="connsiteX15" fmla="*/ 0 w 526274"/>
                <a:gd name="connsiteY15" fmla="*/ 236823 h 2368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26274" h="236823">
                  <a:moveTo>
                    <a:pt x="526274" y="0"/>
                  </a:moveTo>
                  <a:cubicBezTo>
                    <a:pt x="512695" y="33950"/>
                    <a:pt x="526943" y="4589"/>
                    <a:pt x="513117" y="23025"/>
                  </a:cubicBezTo>
                  <a:cubicBezTo>
                    <a:pt x="509685" y="27600"/>
                    <a:pt x="495224" y="53111"/>
                    <a:pt x="486804" y="55917"/>
                  </a:cubicBezTo>
                  <a:lnTo>
                    <a:pt x="476936" y="59206"/>
                  </a:lnTo>
                  <a:cubicBezTo>
                    <a:pt x="461284" y="69641"/>
                    <a:pt x="473218" y="63282"/>
                    <a:pt x="453912" y="69074"/>
                  </a:cubicBezTo>
                  <a:cubicBezTo>
                    <a:pt x="420440" y="79116"/>
                    <a:pt x="447877" y="73939"/>
                    <a:pt x="407863" y="78941"/>
                  </a:cubicBezTo>
                  <a:cubicBezTo>
                    <a:pt x="405670" y="81134"/>
                    <a:pt x="403706" y="83583"/>
                    <a:pt x="401284" y="85520"/>
                  </a:cubicBezTo>
                  <a:cubicBezTo>
                    <a:pt x="398197" y="87989"/>
                    <a:pt x="393886" y="89011"/>
                    <a:pt x="391417" y="92098"/>
                  </a:cubicBezTo>
                  <a:cubicBezTo>
                    <a:pt x="389251" y="94806"/>
                    <a:pt x="389912" y="98993"/>
                    <a:pt x="388128" y="101966"/>
                  </a:cubicBezTo>
                  <a:cubicBezTo>
                    <a:pt x="385797" y="105850"/>
                    <a:pt x="375150" y="113821"/>
                    <a:pt x="371681" y="115122"/>
                  </a:cubicBezTo>
                  <a:cubicBezTo>
                    <a:pt x="366446" y="117085"/>
                    <a:pt x="360692" y="117199"/>
                    <a:pt x="355235" y="118412"/>
                  </a:cubicBezTo>
                  <a:cubicBezTo>
                    <a:pt x="325813" y="124951"/>
                    <a:pt x="360991" y="118549"/>
                    <a:pt x="322343" y="124990"/>
                  </a:cubicBezTo>
                  <a:cubicBezTo>
                    <a:pt x="289046" y="136090"/>
                    <a:pt x="309522" y="132101"/>
                    <a:pt x="259848" y="128279"/>
                  </a:cubicBezTo>
                  <a:cubicBezTo>
                    <a:pt x="239016" y="129376"/>
                    <a:pt x="226956" y="128828"/>
                    <a:pt x="207221" y="131569"/>
                  </a:cubicBezTo>
                  <a:cubicBezTo>
                    <a:pt x="187486" y="134310"/>
                    <a:pt x="175974" y="127183"/>
                    <a:pt x="141437" y="144725"/>
                  </a:cubicBezTo>
                  <a:cubicBezTo>
                    <a:pt x="106900" y="162267"/>
                    <a:pt x="16446" y="236275"/>
                    <a:pt x="0" y="23682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2" name="Freeform 21"/>
            <p:cNvSpPr/>
            <p:nvPr/>
          </p:nvSpPr>
          <p:spPr bwMode="auto">
            <a:xfrm>
              <a:off x="6358041" y="1930764"/>
              <a:ext cx="26314" cy="266427"/>
            </a:xfrm>
            <a:custGeom>
              <a:avLst/>
              <a:gdLst>
                <a:gd name="connsiteX0" fmla="*/ 39471 w 39471"/>
                <a:gd name="connsiteY0" fmla="*/ 0 h 279583"/>
                <a:gd name="connsiteX1" fmla="*/ 36182 w 39471"/>
                <a:gd name="connsiteY1" fmla="*/ 29603 h 279583"/>
                <a:gd name="connsiteX2" fmla="*/ 23025 w 39471"/>
                <a:gd name="connsiteY2" fmla="*/ 75652 h 279583"/>
                <a:gd name="connsiteX3" fmla="*/ 16446 w 39471"/>
                <a:gd name="connsiteY3" fmla="*/ 95388 h 279583"/>
                <a:gd name="connsiteX4" fmla="*/ 13157 w 39471"/>
                <a:gd name="connsiteY4" fmla="*/ 105255 h 279583"/>
                <a:gd name="connsiteX5" fmla="*/ 13157 w 39471"/>
                <a:gd name="connsiteY5" fmla="*/ 236823 h 279583"/>
                <a:gd name="connsiteX6" fmla="*/ 6579 w 39471"/>
                <a:gd name="connsiteY6" fmla="*/ 256559 h 279583"/>
                <a:gd name="connsiteX7" fmla="*/ 3290 w 39471"/>
                <a:gd name="connsiteY7" fmla="*/ 269716 h 279583"/>
                <a:gd name="connsiteX8" fmla="*/ 0 w 39471"/>
                <a:gd name="connsiteY8" fmla="*/ 279583 h 279583"/>
                <a:gd name="connsiteX0" fmla="*/ 36181 w 36181"/>
                <a:gd name="connsiteY0" fmla="*/ 0 h 269716"/>
                <a:gd name="connsiteX1" fmla="*/ 32892 w 36181"/>
                <a:gd name="connsiteY1" fmla="*/ 29603 h 269716"/>
                <a:gd name="connsiteX2" fmla="*/ 19735 w 36181"/>
                <a:gd name="connsiteY2" fmla="*/ 75652 h 269716"/>
                <a:gd name="connsiteX3" fmla="*/ 13156 w 36181"/>
                <a:gd name="connsiteY3" fmla="*/ 95388 h 269716"/>
                <a:gd name="connsiteX4" fmla="*/ 9867 w 36181"/>
                <a:gd name="connsiteY4" fmla="*/ 105255 h 269716"/>
                <a:gd name="connsiteX5" fmla="*/ 9867 w 36181"/>
                <a:gd name="connsiteY5" fmla="*/ 236823 h 269716"/>
                <a:gd name="connsiteX6" fmla="*/ 3289 w 36181"/>
                <a:gd name="connsiteY6" fmla="*/ 256559 h 269716"/>
                <a:gd name="connsiteX7" fmla="*/ 0 w 36181"/>
                <a:gd name="connsiteY7" fmla="*/ 269716 h 269716"/>
                <a:gd name="connsiteX0" fmla="*/ 32892 w 32892"/>
                <a:gd name="connsiteY0" fmla="*/ 0 h 256559"/>
                <a:gd name="connsiteX1" fmla="*/ 29603 w 32892"/>
                <a:gd name="connsiteY1" fmla="*/ 29603 h 256559"/>
                <a:gd name="connsiteX2" fmla="*/ 16446 w 32892"/>
                <a:gd name="connsiteY2" fmla="*/ 75652 h 256559"/>
                <a:gd name="connsiteX3" fmla="*/ 9867 w 32892"/>
                <a:gd name="connsiteY3" fmla="*/ 95388 h 256559"/>
                <a:gd name="connsiteX4" fmla="*/ 6578 w 32892"/>
                <a:gd name="connsiteY4" fmla="*/ 105255 h 256559"/>
                <a:gd name="connsiteX5" fmla="*/ 6578 w 32892"/>
                <a:gd name="connsiteY5" fmla="*/ 236823 h 256559"/>
                <a:gd name="connsiteX6" fmla="*/ 0 w 32892"/>
                <a:gd name="connsiteY6" fmla="*/ 256559 h 256559"/>
                <a:gd name="connsiteX0" fmla="*/ 26314 w 26314"/>
                <a:gd name="connsiteY0" fmla="*/ 0 h 266427"/>
                <a:gd name="connsiteX1" fmla="*/ 23025 w 26314"/>
                <a:gd name="connsiteY1" fmla="*/ 29603 h 266427"/>
                <a:gd name="connsiteX2" fmla="*/ 9868 w 26314"/>
                <a:gd name="connsiteY2" fmla="*/ 75652 h 266427"/>
                <a:gd name="connsiteX3" fmla="*/ 3289 w 26314"/>
                <a:gd name="connsiteY3" fmla="*/ 95388 h 266427"/>
                <a:gd name="connsiteX4" fmla="*/ 0 w 26314"/>
                <a:gd name="connsiteY4" fmla="*/ 105255 h 266427"/>
                <a:gd name="connsiteX5" fmla="*/ 0 w 26314"/>
                <a:gd name="connsiteY5" fmla="*/ 236823 h 266427"/>
                <a:gd name="connsiteX6" fmla="*/ 0 w 26314"/>
                <a:gd name="connsiteY6" fmla="*/ 266427 h 2664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314" h="266427">
                  <a:moveTo>
                    <a:pt x="26314" y="0"/>
                  </a:moveTo>
                  <a:cubicBezTo>
                    <a:pt x="25218" y="9868"/>
                    <a:pt x="24750" y="19826"/>
                    <a:pt x="23025" y="29603"/>
                  </a:cubicBezTo>
                  <a:cubicBezTo>
                    <a:pt x="19928" y="47152"/>
                    <a:pt x="15345" y="59221"/>
                    <a:pt x="9868" y="75652"/>
                  </a:cubicBezTo>
                  <a:lnTo>
                    <a:pt x="3289" y="95388"/>
                  </a:lnTo>
                  <a:lnTo>
                    <a:pt x="0" y="105255"/>
                  </a:lnTo>
                  <a:cubicBezTo>
                    <a:pt x="1513" y="146120"/>
                    <a:pt x="0" y="209961"/>
                    <a:pt x="0" y="236823"/>
                  </a:cubicBezTo>
                  <a:cubicBezTo>
                    <a:pt x="0" y="263685"/>
                    <a:pt x="1682" y="259700"/>
                    <a:pt x="0" y="266427"/>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3" name="Freeform 22"/>
            <p:cNvSpPr/>
            <p:nvPr/>
          </p:nvSpPr>
          <p:spPr bwMode="auto">
            <a:xfrm>
              <a:off x="5246285" y="2328764"/>
              <a:ext cx="743360" cy="72657"/>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98595 w 1098595"/>
                <a:gd name="connsiteY0" fmla="*/ 0 h 184490"/>
                <a:gd name="connsiteX1" fmla="*/ 1072282 w 1098595"/>
                <a:gd name="connsiteY1" fmla="*/ 32892 h 184490"/>
                <a:gd name="connsiteX2" fmla="*/ 1062414 w 1098595"/>
                <a:gd name="connsiteY2" fmla="*/ 36181 h 184490"/>
                <a:gd name="connsiteX3" fmla="*/ 1039390 w 1098595"/>
                <a:gd name="connsiteY3" fmla="*/ 46049 h 184490"/>
                <a:gd name="connsiteX4" fmla="*/ 993341 w 1098595"/>
                <a:gd name="connsiteY4" fmla="*/ 55916 h 184490"/>
                <a:gd name="connsiteX5" fmla="*/ 986762 w 1098595"/>
                <a:gd name="connsiteY5" fmla="*/ 62495 h 184490"/>
                <a:gd name="connsiteX6" fmla="*/ 976895 w 1098595"/>
                <a:gd name="connsiteY6" fmla="*/ 69073 h 184490"/>
                <a:gd name="connsiteX7" fmla="*/ 973606 w 1098595"/>
                <a:gd name="connsiteY7" fmla="*/ 78941 h 184490"/>
                <a:gd name="connsiteX8" fmla="*/ 957159 w 1098595"/>
                <a:gd name="connsiteY8" fmla="*/ 92097 h 184490"/>
                <a:gd name="connsiteX9" fmla="*/ 940713 w 1098595"/>
                <a:gd name="connsiteY9" fmla="*/ 95387 h 184490"/>
                <a:gd name="connsiteX10" fmla="*/ 907821 w 1098595"/>
                <a:gd name="connsiteY10" fmla="*/ 101965 h 184490"/>
                <a:gd name="connsiteX11" fmla="*/ 845326 w 1098595"/>
                <a:gd name="connsiteY11" fmla="*/ 105254 h 184490"/>
                <a:gd name="connsiteX12" fmla="*/ 782831 w 1098595"/>
                <a:gd name="connsiteY12" fmla="*/ 108544 h 184490"/>
                <a:gd name="connsiteX13" fmla="*/ 763096 w 1098595"/>
                <a:gd name="connsiteY13" fmla="*/ 115122 h 184490"/>
                <a:gd name="connsiteX14" fmla="*/ 720336 w 1098595"/>
                <a:gd name="connsiteY14" fmla="*/ 108544 h 184490"/>
                <a:gd name="connsiteX15" fmla="*/ 664420 w 1098595"/>
                <a:gd name="connsiteY15" fmla="*/ 118411 h 184490"/>
                <a:gd name="connsiteX16" fmla="*/ 618371 w 1098595"/>
                <a:gd name="connsiteY16" fmla="*/ 124990 h 184490"/>
                <a:gd name="connsiteX17" fmla="*/ 595347 w 1098595"/>
                <a:gd name="connsiteY17" fmla="*/ 134857 h 184490"/>
                <a:gd name="connsiteX18" fmla="*/ 532852 w 1098595"/>
                <a:gd name="connsiteY18" fmla="*/ 144725 h 184490"/>
                <a:gd name="connsiteX19" fmla="*/ 470357 w 1098595"/>
                <a:gd name="connsiteY19" fmla="*/ 151303 h 184490"/>
                <a:gd name="connsiteX20" fmla="*/ 450621 w 1098595"/>
                <a:gd name="connsiteY20" fmla="*/ 154592 h 184490"/>
                <a:gd name="connsiteX21" fmla="*/ 437465 w 1098595"/>
                <a:gd name="connsiteY21" fmla="*/ 157882 h 184490"/>
                <a:gd name="connsiteX22" fmla="*/ 355235 w 1098595"/>
                <a:gd name="connsiteY22" fmla="*/ 157882 h 184490"/>
                <a:gd name="connsiteX23" fmla="*/ 197352 w 1098595"/>
                <a:gd name="connsiteY23" fmla="*/ 171038 h 184490"/>
                <a:gd name="connsiteX24" fmla="*/ 157882 w 1098595"/>
                <a:gd name="connsiteY24" fmla="*/ 174328 h 184490"/>
                <a:gd name="connsiteX25" fmla="*/ 131568 w 1098595"/>
                <a:gd name="connsiteY25" fmla="*/ 177617 h 184490"/>
                <a:gd name="connsiteX26" fmla="*/ 108544 w 1098595"/>
                <a:gd name="connsiteY26" fmla="*/ 180906 h 184490"/>
                <a:gd name="connsiteX27" fmla="*/ 65784 w 1098595"/>
                <a:gd name="connsiteY27" fmla="*/ 184195 h 184490"/>
                <a:gd name="connsiteX28" fmla="*/ 0 w 1098595"/>
                <a:gd name="connsiteY28" fmla="*/ 184195 h 184490"/>
                <a:gd name="connsiteX0" fmla="*/ 1072282 w 1072282"/>
                <a:gd name="connsiteY0" fmla="*/ 0 h 151598"/>
                <a:gd name="connsiteX1" fmla="*/ 1062414 w 1072282"/>
                <a:gd name="connsiteY1" fmla="*/ 3289 h 151598"/>
                <a:gd name="connsiteX2" fmla="*/ 1039390 w 1072282"/>
                <a:gd name="connsiteY2" fmla="*/ 13157 h 151598"/>
                <a:gd name="connsiteX3" fmla="*/ 993341 w 1072282"/>
                <a:gd name="connsiteY3" fmla="*/ 23024 h 151598"/>
                <a:gd name="connsiteX4" fmla="*/ 986762 w 1072282"/>
                <a:gd name="connsiteY4" fmla="*/ 29603 h 151598"/>
                <a:gd name="connsiteX5" fmla="*/ 976895 w 1072282"/>
                <a:gd name="connsiteY5" fmla="*/ 36181 h 151598"/>
                <a:gd name="connsiteX6" fmla="*/ 973606 w 1072282"/>
                <a:gd name="connsiteY6" fmla="*/ 46049 h 151598"/>
                <a:gd name="connsiteX7" fmla="*/ 957159 w 1072282"/>
                <a:gd name="connsiteY7" fmla="*/ 59205 h 151598"/>
                <a:gd name="connsiteX8" fmla="*/ 940713 w 1072282"/>
                <a:gd name="connsiteY8" fmla="*/ 62495 h 151598"/>
                <a:gd name="connsiteX9" fmla="*/ 907821 w 1072282"/>
                <a:gd name="connsiteY9" fmla="*/ 69073 h 151598"/>
                <a:gd name="connsiteX10" fmla="*/ 845326 w 1072282"/>
                <a:gd name="connsiteY10" fmla="*/ 72362 h 151598"/>
                <a:gd name="connsiteX11" fmla="*/ 782831 w 1072282"/>
                <a:gd name="connsiteY11" fmla="*/ 75652 h 151598"/>
                <a:gd name="connsiteX12" fmla="*/ 763096 w 1072282"/>
                <a:gd name="connsiteY12" fmla="*/ 82230 h 151598"/>
                <a:gd name="connsiteX13" fmla="*/ 720336 w 1072282"/>
                <a:gd name="connsiteY13" fmla="*/ 75652 h 151598"/>
                <a:gd name="connsiteX14" fmla="*/ 664420 w 1072282"/>
                <a:gd name="connsiteY14" fmla="*/ 85519 h 151598"/>
                <a:gd name="connsiteX15" fmla="*/ 618371 w 1072282"/>
                <a:gd name="connsiteY15" fmla="*/ 92098 h 151598"/>
                <a:gd name="connsiteX16" fmla="*/ 595347 w 1072282"/>
                <a:gd name="connsiteY16" fmla="*/ 101965 h 151598"/>
                <a:gd name="connsiteX17" fmla="*/ 532852 w 1072282"/>
                <a:gd name="connsiteY17" fmla="*/ 111833 h 151598"/>
                <a:gd name="connsiteX18" fmla="*/ 470357 w 1072282"/>
                <a:gd name="connsiteY18" fmla="*/ 118411 h 151598"/>
                <a:gd name="connsiteX19" fmla="*/ 450621 w 1072282"/>
                <a:gd name="connsiteY19" fmla="*/ 121700 h 151598"/>
                <a:gd name="connsiteX20" fmla="*/ 437465 w 1072282"/>
                <a:gd name="connsiteY20" fmla="*/ 124990 h 151598"/>
                <a:gd name="connsiteX21" fmla="*/ 355235 w 1072282"/>
                <a:gd name="connsiteY21" fmla="*/ 124990 h 151598"/>
                <a:gd name="connsiteX22" fmla="*/ 197352 w 1072282"/>
                <a:gd name="connsiteY22" fmla="*/ 138146 h 151598"/>
                <a:gd name="connsiteX23" fmla="*/ 157882 w 1072282"/>
                <a:gd name="connsiteY23" fmla="*/ 141436 h 151598"/>
                <a:gd name="connsiteX24" fmla="*/ 131568 w 1072282"/>
                <a:gd name="connsiteY24" fmla="*/ 144725 h 151598"/>
                <a:gd name="connsiteX25" fmla="*/ 108544 w 1072282"/>
                <a:gd name="connsiteY25" fmla="*/ 148014 h 151598"/>
                <a:gd name="connsiteX26" fmla="*/ 65784 w 1072282"/>
                <a:gd name="connsiteY26" fmla="*/ 151303 h 151598"/>
                <a:gd name="connsiteX27" fmla="*/ 0 w 1072282"/>
                <a:gd name="connsiteY27" fmla="*/ 151303 h 151598"/>
                <a:gd name="connsiteX0" fmla="*/ 1062414 w 1062414"/>
                <a:gd name="connsiteY0" fmla="*/ 0 h 148309"/>
                <a:gd name="connsiteX1" fmla="*/ 1039390 w 1062414"/>
                <a:gd name="connsiteY1" fmla="*/ 9868 h 148309"/>
                <a:gd name="connsiteX2" fmla="*/ 993341 w 1062414"/>
                <a:gd name="connsiteY2" fmla="*/ 19735 h 148309"/>
                <a:gd name="connsiteX3" fmla="*/ 986762 w 1062414"/>
                <a:gd name="connsiteY3" fmla="*/ 26314 h 148309"/>
                <a:gd name="connsiteX4" fmla="*/ 976895 w 1062414"/>
                <a:gd name="connsiteY4" fmla="*/ 32892 h 148309"/>
                <a:gd name="connsiteX5" fmla="*/ 973606 w 1062414"/>
                <a:gd name="connsiteY5" fmla="*/ 42760 h 148309"/>
                <a:gd name="connsiteX6" fmla="*/ 957159 w 1062414"/>
                <a:gd name="connsiteY6" fmla="*/ 55916 h 148309"/>
                <a:gd name="connsiteX7" fmla="*/ 940713 w 1062414"/>
                <a:gd name="connsiteY7" fmla="*/ 59206 h 148309"/>
                <a:gd name="connsiteX8" fmla="*/ 907821 w 1062414"/>
                <a:gd name="connsiteY8" fmla="*/ 65784 h 148309"/>
                <a:gd name="connsiteX9" fmla="*/ 845326 w 1062414"/>
                <a:gd name="connsiteY9" fmla="*/ 69073 h 148309"/>
                <a:gd name="connsiteX10" fmla="*/ 782831 w 1062414"/>
                <a:gd name="connsiteY10" fmla="*/ 72363 h 148309"/>
                <a:gd name="connsiteX11" fmla="*/ 763096 w 1062414"/>
                <a:gd name="connsiteY11" fmla="*/ 78941 h 148309"/>
                <a:gd name="connsiteX12" fmla="*/ 720336 w 1062414"/>
                <a:gd name="connsiteY12" fmla="*/ 72363 h 148309"/>
                <a:gd name="connsiteX13" fmla="*/ 664420 w 1062414"/>
                <a:gd name="connsiteY13" fmla="*/ 82230 h 148309"/>
                <a:gd name="connsiteX14" fmla="*/ 618371 w 1062414"/>
                <a:gd name="connsiteY14" fmla="*/ 88809 h 148309"/>
                <a:gd name="connsiteX15" fmla="*/ 595347 w 1062414"/>
                <a:gd name="connsiteY15" fmla="*/ 98676 h 148309"/>
                <a:gd name="connsiteX16" fmla="*/ 532852 w 1062414"/>
                <a:gd name="connsiteY16" fmla="*/ 108544 h 148309"/>
                <a:gd name="connsiteX17" fmla="*/ 470357 w 1062414"/>
                <a:gd name="connsiteY17" fmla="*/ 115122 h 148309"/>
                <a:gd name="connsiteX18" fmla="*/ 450621 w 1062414"/>
                <a:gd name="connsiteY18" fmla="*/ 118411 h 148309"/>
                <a:gd name="connsiteX19" fmla="*/ 437465 w 1062414"/>
                <a:gd name="connsiteY19" fmla="*/ 121701 h 148309"/>
                <a:gd name="connsiteX20" fmla="*/ 355235 w 1062414"/>
                <a:gd name="connsiteY20" fmla="*/ 121701 h 148309"/>
                <a:gd name="connsiteX21" fmla="*/ 197352 w 1062414"/>
                <a:gd name="connsiteY21" fmla="*/ 134857 h 148309"/>
                <a:gd name="connsiteX22" fmla="*/ 157882 w 1062414"/>
                <a:gd name="connsiteY22" fmla="*/ 138147 h 148309"/>
                <a:gd name="connsiteX23" fmla="*/ 131568 w 1062414"/>
                <a:gd name="connsiteY23" fmla="*/ 141436 h 148309"/>
                <a:gd name="connsiteX24" fmla="*/ 108544 w 1062414"/>
                <a:gd name="connsiteY24" fmla="*/ 144725 h 148309"/>
                <a:gd name="connsiteX25" fmla="*/ 65784 w 1062414"/>
                <a:gd name="connsiteY25" fmla="*/ 148014 h 148309"/>
                <a:gd name="connsiteX26" fmla="*/ 0 w 1062414"/>
                <a:gd name="connsiteY26" fmla="*/ 148014 h 148309"/>
                <a:gd name="connsiteX0" fmla="*/ 1039390 w 1039390"/>
                <a:gd name="connsiteY0" fmla="*/ 0 h 138441"/>
                <a:gd name="connsiteX1" fmla="*/ 993341 w 1039390"/>
                <a:gd name="connsiteY1" fmla="*/ 9867 h 138441"/>
                <a:gd name="connsiteX2" fmla="*/ 986762 w 1039390"/>
                <a:gd name="connsiteY2" fmla="*/ 16446 h 138441"/>
                <a:gd name="connsiteX3" fmla="*/ 976895 w 1039390"/>
                <a:gd name="connsiteY3" fmla="*/ 23024 h 138441"/>
                <a:gd name="connsiteX4" fmla="*/ 973606 w 1039390"/>
                <a:gd name="connsiteY4" fmla="*/ 32892 h 138441"/>
                <a:gd name="connsiteX5" fmla="*/ 957159 w 1039390"/>
                <a:gd name="connsiteY5" fmla="*/ 46048 h 138441"/>
                <a:gd name="connsiteX6" fmla="*/ 940713 w 1039390"/>
                <a:gd name="connsiteY6" fmla="*/ 49338 h 138441"/>
                <a:gd name="connsiteX7" fmla="*/ 907821 w 1039390"/>
                <a:gd name="connsiteY7" fmla="*/ 55916 h 138441"/>
                <a:gd name="connsiteX8" fmla="*/ 845326 w 1039390"/>
                <a:gd name="connsiteY8" fmla="*/ 59205 h 138441"/>
                <a:gd name="connsiteX9" fmla="*/ 782831 w 1039390"/>
                <a:gd name="connsiteY9" fmla="*/ 62495 h 138441"/>
                <a:gd name="connsiteX10" fmla="*/ 763096 w 1039390"/>
                <a:gd name="connsiteY10" fmla="*/ 69073 h 138441"/>
                <a:gd name="connsiteX11" fmla="*/ 720336 w 1039390"/>
                <a:gd name="connsiteY11" fmla="*/ 62495 h 138441"/>
                <a:gd name="connsiteX12" fmla="*/ 664420 w 1039390"/>
                <a:gd name="connsiteY12" fmla="*/ 72362 h 138441"/>
                <a:gd name="connsiteX13" fmla="*/ 618371 w 1039390"/>
                <a:gd name="connsiteY13" fmla="*/ 78941 h 138441"/>
                <a:gd name="connsiteX14" fmla="*/ 595347 w 1039390"/>
                <a:gd name="connsiteY14" fmla="*/ 88808 h 138441"/>
                <a:gd name="connsiteX15" fmla="*/ 532852 w 1039390"/>
                <a:gd name="connsiteY15" fmla="*/ 98676 h 138441"/>
                <a:gd name="connsiteX16" fmla="*/ 470357 w 1039390"/>
                <a:gd name="connsiteY16" fmla="*/ 105254 h 138441"/>
                <a:gd name="connsiteX17" fmla="*/ 450621 w 1039390"/>
                <a:gd name="connsiteY17" fmla="*/ 108543 h 138441"/>
                <a:gd name="connsiteX18" fmla="*/ 437465 w 1039390"/>
                <a:gd name="connsiteY18" fmla="*/ 111833 h 138441"/>
                <a:gd name="connsiteX19" fmla="*/ 355235 w 1039390"/>
                <a:gd name="connsiteY19" fmla="*/ 111833 h 138441"/>
                <a:gd name="connsiteX20" fmla="*/ 197352 w 1039390"/>
                <a:gd name="connsiteY20" fmla="*/ 124989 h 138441"/>
                <a:gd name="connsiteX21" fmla="*/ 157882 w 1039390"/>
                <a:gd name="connsiteY21" fmla="*/ 128279 h 138441"/>
                <a:gd name="connsiteX22" fmla="*/ 131568 w 1039390"/>
                <a:gd name="connsiteY22" fmla="*/ 131568 h 138441"/>
                <a:gd name="connsiteX23" fmla="*/ 108544 w 1039390"/>
                <a:gd name="connsiteY23" fmla="*/ 134857 h 138441"/>
                <a:gd name="connsiteX24" fmla="*/ 65784 w 1039390"/>
                <a:gd name="connsiteY24" fmla="*/ 138146 h 138441"/>
                <a:gd name="connsiteX25" fmla="*/ 0 w 1039390"/>
                <a:gd name="connsiteY25" fmla="*/ 138146 h 138441"/>
                <a:gd name="connsiteX0" fmla="*/ 993341 w 993341"/>
                <a:gd name="connsiteY0" fmla="*/ 0 h 128574"/>
                <a:gd name="connsiteX1" fmla="*/ 986762 w 993341"/>
                <a:gd name="connsiteY1" fmla="*/ 6579 h 128574"/>
                <a:gd name="connsiteX2" fmla="*/ 976895 w 993341"/>
                <a:gd name="connsiteY2" fmla="*/ 13157 h 128574"/>
                <a:gd name="connsiteX3" fmla="*/ 973606 w 993341"/>
                <a:gd name="connsiteY3" fmla="*/ 23025 h 128574"/>
                <a:gd name="connsiteX4" fmla="*/ 957159 w 993341"/>
                <a:gd name="connsiteY4" fmla="*/ 36181 h 128574"/>
                <a:gd name="connsiteX5" fmla="*/ 940713 w 993341"/>
                <a:gd name="connsiteY5" fmla="*/ 39471 h 128574"/>
                <a:gd name="connsiteX6" fmla="*/ 907821 w 993341"/>
                <a:gd name="connsiteY6" fmla="*/ 46049 h 128574"/>
                <a:gd name="connsiteX7" fmla="*/ 845326 w 993341"/>
                <a:gd name="connsiteY7" fmla="*/ 49338 h 128574"/>
                <a:gd name="connsiteX8" fmla="*/ 782831 w 993341"/>
                <a:gd name="connsiteY8" fmla="*/ 52628 h 128574"/>
                <a:gd name="connsiteX9" fmla="*/ 763096 w 993341"/>
                <a:gd name="connsiteY9" fmla="*/ 59206 h 128574"/>
                <a:gd name="connsiteX10" fmla="*/ 720336 w 993341"/>
                <a:gd name="connsiteY10" fmla="*/ 52628 h 128574"/>
                <a:gd name="connsiteX11" fmla="*/ 664420 w 993341"/>
                <a:gd name="connsiteY11" fmla="*/ 62495 h 128574"/>
                <a:gd name="connsiteX12" fmla="*/ 618371 w 993341"/>
                <a:gd name="connsiteY12" fmla="*/ 69074 h 128574"/>
                <a:gd name="connsiteX13" fmla="*/ 595347 w 993341"/>
                <a:gd name="connsiteY13" fmla="*/ 78941 h 128574"/>
                <a:gd name="connsiteX14" fmla="*/ 532852 w 993341"/>
                <a:gd name="connsiteY14" fmla="*/ 88809 h 128574"/>
                <a:gd name="connsiteX15" fmla="*/ 470357 w 993341"/>
                <a:gd name="connsiteY15" fmla="*/ 95387 h 128574"/>
                <a:gd name="connsiteX16" fmla="*/ 450621 w 993341"/>
                <a:gd name="connsiteY16" fmla="*/ 98676 h 128574"/>
                <a:gd name="connsiteX17" fmla="*/ 437465 w 993341"/>
                <a:gd name="connsiteY17" fmla="*/ 101966 h 128574"/>
                <a:gd name="connsiteX18" fmla="*/ 355235 w 993341"/>
                <a:gd name="connsiteY18" fmla="*/ 101966 h 128574"/>
                <a:gd name="connsiteX19" fmla="*/ 197352 w 993341"/>
                <a:gd name="connsiteY19" fmla="*/ 115122 h 128574"/>
                <a:gd name="connsiteX20" fmla="*/ 157882 w 993341"/>
                <a:gd name="connsiteY20" fmla="*/ 118412 h 128574"/>
                <a:gd name="connsiteX21" fmla="*/ 131568 w 993341"/>
                <a:gd name="connsiteY21" fmla="*/ 121701 h 128574"/>
                <a:gd name="connsiteX22" fmla="*/ 108544 w 993341"/>
                <a:gd name="connsiteY22" fmla="*/ 124990 h 128574"/>
                <a:gd name="connsiteX23" fmla="*/ 65784 w 993341"/>
                <a:gd name="connsiteY23" fmla="*/ 128279 h 128574"/>
                <a:gd name="connsiteX24" fmla="*/ 0 w 993341"/>
                <a:gd name="connsiteY24" fmla="*/ 128279 h 128574"/>
                <a:gd name="connsiteX0" fmla="*/ 993341 w 993341"/>
                <a:gd name="connsiteY0" fmla="*/ 0 h 128574"/>
                <a:gd name="connsiteX1" fmla="*/ 986762 w 993341"/>
                <a:gd name="connsiteY1" fmla="*/ 6579 h 128574"/>
                <a:gd name="connsiteX2" fmla="*/ 973606 w 993341"/>
                <a:gd name="connsiteY2" fmla="*/ 23025 h 128574"/>
                <a:gd name="connsiteX3" fmla="*/ 957159 w 993341"/>
                <a:gd name="connsiteY3" fmla="*/ 36181 h 128574"/>
                <a:gd name="connsiteX4" fmla="*/ 940713 w 993341"/>
                <a:gd name="connsiteY4" fmla="*/ 39471 h 128574"/>
                <a:gd name="connsiteX5" fmla="*/ 907821 w 993341"/>
                <a:gd name="connsiteY5" fmla="*/ 46049 h 128574"/>
                <a:gd name="connsiteX6" fmla="*/ 845326 w 993341"/>
                <a:gd name="connsiteY6" fmla="*/ 49338 h 128574"/>
                <a:gd name="connsiteX7" fmla="*/ 782831 w 993341"/>
                <a:gd name="connsiteY7" fmla="*/ 52628 h 128574"/>
                <a:gd name="connsiteX8" fmla="*/ 763096 w 993341"/>
                <a:gd name="connsiteY8" fmla="*/ 59206 h 128574"/>
                <a:gd name="connsiteX9" fmla="*/ 720336 w 993341"/>
                <a:gd name="connsiteY9" fmla="*/ 52628 h 128574"/>
                <a:gd name="connsiteX10" fmla="*/ 664420 w 993341"/>
                <a:gd name="connsiteY10" fmla="*/ 62495 h 128574"/>
                <a:gd name="connsiteX11" fmla="*/ 618371 w 993341"/>
                <a:gd name="connsiteY11" fmla="*/ 69074 h 128574"/>
                <a:gd name="connsiteX12" fmla="*/ 595347 w 993341"/>
                <a:gd name="connsiteY12" fmla="*/ 78941 h 128574"/>
                <a:gd name="connsiteX13" fmla="*/ 532852 w 993341"/>
                <a:gd name="connsiteY13" fmla="*/ 88809 h 128574"/>
                <a:gd name="connsiteX14" fmla="*/ 470357 w 993341"/>
                <a:gd name="connsiteY14" fmla="*/ 95387 h 128574"/>
                <a:gd name="connsiteX15" fmla="*/ 450621 w 993341"/>
                <a:gd name="connsiteY15" fmla="*/ 98676 h 128574"/>
                <a:gd name="connsiteX16" fmla="*/ 437465 w 993341"/>
                <a:gd name="connsiteY16" fmla="*/ 101966 h 128574"/>
                <a:gd name="connsiteX17" fmla="*/ 355235 w 993341"/>
                <a:gd name="connsiteY17" fmla="*/ 101966 h 128574"/>
                <a:gd name="connsiteX18" fmla="*/ 197352 w 993341"/>
                <a:gd name="connsiteY18" fmla="*/ 115122 h 128574"/>
                <a:gd name="connsiteX19" fmla="*/ 157882 w 993341"/>
                <a:gd name="connsiteY19" fmla="*/ 118412 h 128574"/>
                <a:gd name="connsiteX20" fmla="*/ 131568 w 993341"/>
                <a:gd name="connsiteY20" fmla="*/ 121701 h 128574"/>
                <a:gd name="connsiteX21" fmla="*/ 108544 w 993341"/>
                <a:gd name="connsiteY21" fmla="*/ 124990 h 128574"/>
                <a:gd name="connsiteX22" fmla="*/ 65784 w 993341"/>
                <a:gd name="connsiteY22" fmla="*/ 128279 h 128574"/>
                <a:gd name="connsiteX23" fmla="*/ 0 w 993341"/>
                <a:gd name="connsiteY23" fmla="*/ 128279 h 128574"/>
                <a:gd name="connsiteX0" fmla="*/ 993341 w 993341"/>
                <a:gd name="connsiteY0" fmla="*/ 0 h 128574"/>
                <a:gd name="connsiteX1" fmla="*/ 986762 w 993341"/>
                <a:gd name="connsiteY1" fmla="*/ 6579 h 128574"/>
                <a:gd name="connsiteX2" fmla="*/ 957159 w 993341"/>
                <a:gd name="connsiteY2" fmla="*/ 36181 h 128574"/>
                <a:gd name="connsiteX3" fmla="*/ 940713 w 993341"/>
                <a:gd name="connsiteY3" fmla="*/ 39471 h 128574"/>
                <a:gd name="connsiteX4" fmla="*/ 907821 w 993341"/>
                <a:gd name="connsiteY4" fmla="*/ 46049 h 128574"/>
                <a:gd name="connsiteX5" fmla="*/ 845326 w 993341"/>
                <a:gd name="connsiteY5" fmla="*/ 49338 h 128574"/>
                <a:gd name="connsiteX6" fmla="*/ 782831 w 993341"/>
                <a:gd name="connsiteY6" fmla="*/ 52628 h 128574"/>
                <a:gd name="connsiteX7" fmla="*/ 763096 w 993341"/>
                <a:gd name="connsiteY7" fmla="*/ 59206 h 128574"/>
                <a:gd name="connsiteX8" fmla="*/ 720336 w 993341"/>
                <a:gd name="connsiteY8" fmla="*/ 52628 h 128574"/>
                <a:gd name="connsiteX9" fmla="*/ 664420 w 993341"/>
                <a:gd name="connsiteY9" fmla="*/ 62495 h 128574"/>
                <a:gd name="connsiteX10" fmla="*/ 618371 w 993341"/>
                <a:gd name="connsiteY10" fmla="*/ 69074 h 128574"/>
                <a:gd name="connsiteX11" fmla="*/ 595347 w 993341"/>
                <a:gd name="connsiteY11" fmla="*/ 78941 h 128574"/>
                <a:gd name="connsiteX12" fmla="*/ 532852 w 993341"/>
                <a:gd name="connsiteY12" fmla="*/ 88809 h 128574"/>
                <a:gd name="connsiteX13" fmla="*/ 470357 w 993341"/>
                <a:gd name="connsiteY13" fmla="*/ 95387 h 128574"/>
                <a:gd name="connsiteX14" fmla="*/ 450621 w 993341"/>
                <a:gd name="connsiteY14" fmla="*/ 98676 h 128574"/>
                <a:gd name="connsiteX15" fmla="*/ 437465 w 993341"/>
                <a:gd name="connsiteY15" fmla="*/ 101966 h 128574"/>
                <a:gd name="connsiteX16" fmla="*/ 355235 w 993341"/>
                <a:gd name="connsiteY16" fmla="*/ 101966 h 128574"/>
                <a:gd name="connsiteX17" fmla="*/ 197352 w 993341"/>
                <a:gd name="connsiteY17" fmla="*/ 115122 h 128574"/>
                <a:gd name="connsiteX18" fmla="*/ 157882 w 993341"/>
                <a:gd name="connsiteY18" fmla="*/ 118412 h 128574"/>
                <a:gd name="connsiteX19" fmla="*/ 131568 w 993341"/>
                <a:gd name="connsiteY19" fmla="*/ 121701 h 128574"/>
                <a:gd name="connsiteX20" fmla="*/ 108544 w 993341"/>
                <a:gd name="connsiteY20" fmla="*/ 124990 h 128574"/>
                <a:gd name="connsiteX21" fmla="*/ 65784 w 993341"/>
                <a:gd name="connsiteY21" fmla="*/ 128279 h 128574"/>
                <a:gd name="connsiteX22" fmla="*/ 0 w 993341"/>
                <a:gd name="connsiteY22" fmla="*/ 128279 h 128574"/>
                <a:gd name="connsiteX0" fmla="*/ 993341 w 993341"/>
                <a:gd name="connsiteY0" fmla="*/ 0 h 128574"/>
                <a:gd name="connsiteX1" fmla="*/ 957159 w 993341"/>
                <a:gd name="connsiteY1" fmla="*/ 36181 h 128574"/>
                <a:gd name="connsiteX2" fmla="*/ 940713 w 993341"/>
                <a:gd name="connsiteY2" fmla="*/ 39471 h 128574"/>
                <a:gd name="connsiteX3" fmla="*/ 907821 w 993341"/>
                <a:gd name="connsiteY3" fmla="*/ 46049 h 128574"/>
                <a:gd name="connsiteX4" fmla="*/ 845326 w 993341"/>
                <a:gd name="connsiteY4" fmla="*/ 49338 h 128574"/>
                <a:gd name="connsiteX5" fmla="*/ 782831 w 993341"/>
                <a:gd name="connsiteY5" fmla="*/ 52628 h 128574"/>
                <a:gd name="connsiteX6" fmla="*/ 763096 w 993341"/>
                <a:gd name="connsiteY6" fmla="*/ 59206 h 128574"/>
                <a:gd name="connsiteX7" fmla="*/ 720336 w 993341"/>
                <a:gd name="connsiteY7" fmla="*/ 52628 h 128574"/>
                <a:gd name="connsiteX8" fmla="*/ 664420 w 993341"/>
                <a:gd name="connsiteY8" fmla="*/ 62495 h 128574"/>
                <a:gd name="connsiteX9" fmla="*/ 618371 w 993341"/>
                <a:gd name="connsiteY9" fmla="*/ 69074 h 128574"/>
                <a:gd name="connsiteX10" fmla="*/ 595347 w 993341"/>
                <a:gd name="connsiteY10" fmla="*/ 78941 h 128574"/>
                <a:gd name="connsiteX11" fmla="*/ 532852 w 993341"/>
                <a:gd name="connsiteY11" fmla="*/ 88809 h 128574"/>
                <a:gd name="connsiteX12" fmla="*/ 470357 w 993341"/>
                <a:gd name="connsiteY12" fmla="*/ 95387 h 128574"/>
                <a:gd name="connsiteX13" fmla="*/ 450621 w 993341"/>
                <a:gd name="connsiteY13" fmla="*/ 98676 h 128574"/>
                <a:gd name="connsiteX14" fmla="*/ 437465 w 993341"/>
                <a:gd name="connsiteY14" fmla="*/ 101966 h 128574"/>
                <a:gd name="connsiteX15" fmla="*/ 355235 w 993341"/>
                <a:gd name="connsiteY15" fmla="*/ 101966 h 128574"/>
                <a:gd name="connsiteX16" fmla="*/ 197352 w 993341"/>
                <a:gd name="connsiteY16" fmla="*/ 115122 h 128574"/>
                <a:gd name="connsiteX17" fmla="*/ 157882 w 993341"/>
                <a:gd name="connsiteY17" fmla="*/ 118412 h 128574"/>
                <a:gd name="connsiteX18" fmla="*/ 131568 w 993341"/>
                <a:gd name="connsiteY18" fmla="*/ 121701 h 128574"/>
                <a:gd name="connsiteX19" fmla="*/ 108544 w 993341"/>
                <a:gd name="connsiteY19" fmla="*/ 124990 h 128574"/>
                <a:gd name="connsiteX20" fmla="*/ 65784 w 993341"/>
                <a:gd name="connsiteY20" fmla="*/ 128279 h 128574"/>
                <a:gd name="connsiteX21" fmla="*/ 0 w 993341"/>
                <a:gd name="connsiteY21" fmla="*/ 128279 h 128574"/>
                <a:gd name="connsiteX0" fmla="*/ 957159 w 957159"/>
                <a:gd name="connsiteY0" fmla="*/ 0 h 92393"/>
                <a:gd name="connsiteX1" fmla="*/ 940713 w 957159"/>
                <a:gd name="connsiteY1" fmla="*/ 3290 h 92393"/>
                <a:gd name="connsiteX2" fmla="*/ 907821 w 957159"/>
                <a:gd name="connsiteY2" fmla="*/ 9868 h 92393"/>
                <a:gd name="connsiteX3" fmla="*/ 845326 w 957159"/>
                <a:gd name="connsiteY3" fmla="*/ 13157 h 92393"/>
                <a:gd name="connsiteX4" fmla="*/ 782831 w 957159"/>
                <a:gd name="connsiteY4" fmla="*/ 16447 h 92393"/>
                <a:gd name="connsiteX5" fmla="*/ 763096 w 957159"/>
                <a:gd name="connsiteY5" fmla="*/ 23025 h 92393"/>
                <a:gd name="connsiteX6" fmla="*/ 720336 w 957159"/>
                <a:gd name="connsiteY6" fmla="*/ 16447 h 92393"/>
                <a:gd name="connsiteX7" fmla="*/ 664420 w 957159"/>
                <a:gd name="connsiteY7" fmla="*/ 26314 h 92393"/>
                <a:gd name="connsiteX8" fmla="*/ 618371 w 957159"/>
                <a:gd name="connsiteY8" fmla="*/ 32893 h 92393"/>
                <a:gd name="connsiteX9" fmla="*/ 595347 w 957159"/>
                <a:gd name="connsiteY9" fmla="*/ 42760 h 92393"/>
                <a:gd name="connsiteX10" fmla="*/ 532852 w 957159"/>
                <a:gd name="connsiteY10" fmla="*/ 52628 h 92393"/>
                <a:gd name="connsiteX11" fmla="*/ 470357 w 957159"/>
                <a:gd name="connsiteY11" fmla="*/ 59206 h 92393"/>
                <a:gd name="connsiteX12" fmla="*/ 450621 w 957159"/>
                <a:gd name="connsiteY12" fmla="*/ 62495 h 92393"/>
                <a:gd name="connsiteX13" fmla="*/ 437465 w 957159"/>
                <a:gd name="connsiteY13" fmla="*/ 65785 h 92393"/>
                <a:gd name="connsiteX14" fmla="*/ 355235 w 957159"/>
                <a:gd name="connsiteY14" fmla="*/ 65785 h 92393"/>
                <a:gd name="connsiteX15" fmla="*/ 197352 w 957159"/>
                <a:gd name="connsiteY15" fmla="*/ 78941 h 92393"/>
                <a:gd name="connsiteX16" fmla="*/ 157882 w 957159"/>
                <a:gd name="connsiteY16" fmla="*/ 82231 h 92393"/>
                <a:gd name="connsiteX17" fmla="*/ 131568 w 957159"/>
                <a:gd name="connsiteY17" fmla="*/ 85520 h 92393"/>
                <a:gd name="connsiteX18" fmla="*/ 108544 w 957159"/>
                <a:gd name="connsiteY18" fmla="*/ 88809 h 92393"/>
                <a:gd name="connsiteX19" fmla="*/ 65784 w 957159"/>
                <a:gd name="connsiteY19" fmla="*/ 92098 h 92393"/>
                <a:gd name="connsiteX20" fmla="*/ 0 w 957159"/>
                <a:gd name="connsiteY20" fmla="*/ 92098 h 92393"/>
                <a:gd name="connsiteX0" fmla="*/ 940713 w 940713"/>
                <a:gd name="connsiteY0" fmla="*/ 0 h 89103"/>
                <a:gd name="connsiteX1" fmla="*/ 907821 w 940713"/>
                <a:gd name="connsiteY1" fmla="*/ 6578 h 89103"/>
                <a:gd name="connsiteX2" fmla="*/ 845326 w 940713"/>
                <a:gd name="connsiteY2" fmla="*/ 9867 h 89103"/>
                <a:gd name="connsiteX3" fmla="*/ 782831 w 940713"/>
                <a:gd name="connsiteY3" fmla="*/ 13157 h 89103"/>
                <a:gd name="connsiteX4" fmla="*/ 763096 w 940713"/>
                <a:gd name="connsiteY4" fmla="*/ 19735 h 89103"/>
                <a:gd name="connsiteX5" fmla="*/ 720336 w 940713"/>
                <a:gd name="connsiteY5" fmla="*/ 13157 h 89103"/>
                <a:gd name="connsiteX6" fmla="*/ 664420 w 940713"/>
                <a:gd name="connsiteY6" fmla="*/ 23024 h 89103"/>
                <a:gd name="connsiteX7" fmla="*/ 618371 w 940713"/>
                <a:gd name="connsiteY7" fmla="*/ 29603 h 89103"/>
                <a:gd name="connsiteX8" fmla="*/ 595347 w 940713"/>
                <a:gd name="connsiteY8" fmla="*/ 39470 h 89103"/>
                <a:gd name="connsiteX9" fmla="*/ 532852 w 940713"/>
                <a:gd name="connsiteY9" fmla="*/ 49338 h 89103"/>
                <a:gd name="connsiteX10" fmla="*/ 470357 w 940713"/>
                <a:gd name="connsiteY10" fmla="*/ 55916 h 89103"/>
                <a:gd name="connsiteX11" fmla="*/ 450621 w 940713"/>
                <a:gd name="connsiteY11" fmla="*/ 59205 h 89103"/>
                <a:gd name="connsiteX12" fmla="*/ 437465 w 940713"/>
                <a:gd name="connsiteY12" fmla="*/ 62495 h 89103"/>
                <a:gd name="connsiteX13" fmla="*/ 355235 w 940713"/>
                <a:gd name="connsiteY13" fmla="*/ 62495 h 89103"/>
                <a:gd name="connsiteX14" fmla="*/ 197352 w 940713"/>
                <a:gd name="connsiteY14" fmla="*/ 75651 h 89103"/>
                <a:gd name="connsiteX15" fmla="*/ 157882 w 940713"/>
                <a:gd name="connsiteY15" fmla="*/ 78941 h 89103"/>
                <a:gd name="connsiteX16" fmla="*/ 131568 w 940713"/>
                <a:gd name="connsiteY16" fmla="*/ 82230 h 89103"/>
                <a:gd name="connsiteX17" fmla="*/ 108544 w 940713"/>
                <a:gd name="connsiteY17" fmla="*/ 85519 h 89103"/>
                <a:gd name="connsiteX18" fmla="*/ 65784 w 940713"/>
                <a:gd name="connsiteY18" fmla="*/ 88808 h 89103"/>
                <a:gd name="connsiteX19" fmla="*/ 0 w 940713"/>
                <a:gd name="connsiteY19" fmla="*/ 88808 h 89103"/>
                <a:gd name="connsiteX0" fmla="*/ 907821 w 907821"/>
                <a:gd name="connsiteY0" fmla="*/ 0 h 82525"/>
                <a:gd name="connsiteX1" fmla="*/ 845326 w 907821"/>
                <a:gd name="connsiteY1" fmla="*/ 3289 h 82525"/>
                <a:gd name="connsiteX2" fmla="*/ 782831 w 907821"/>
                <a:gd name="connsiteY2" fmla="*/ 6579 h 82525"/>
                <a:gd name="connsiteX3" fmla="*/ 763096 w 907821"/>
                <a:gd name="connsiteY3" fmla="*/ 13157 h 82525"/>
                <a:gd name="connsiteX4" fmla="*/ 720336 w 907821"/>
                <a:gd name="connsiteY4" fmla="*/ 6579 h 82525"/>
                <a:gd name="connsiteX5" fmla="*/ 664420 w 907821"/>
                <a:gd name="connsiteY5" fmla="*/ 16446 h 82525"/>
                <a:gd name="connsiteX6" fmla="*/ 618371 w 907821"/>
                <a:gd name="connsiteY6" fmla="*/ 23025 h 82525"/>
                <a:gd name="connsiteX7" fmla="*/ 595347 w 907821"/>
                <a:gd name="connsiteY7" fmla="*/ 32892 h 82525"/>
                <a:gd name="connsiteX8" fmla="*/ 532852 w 907821"/>
                <a:gd name="connsiteY8" fmla="*/ 42760 h 82525"/>
                <a:gd name="connsiteX9" fmla="*/ 470357 w 907821"/>
                <a:gd name="connsiteY9" fmla="*/ 49338 h 82525"/>
                <a:gd name="connsiteX10" fmla="*/ 450621 w 907821"/>
                <a:gd name="connsiteY10" fmla="*/ 52627 h 82525"/>
                <a:gd name="connsiteX11" fmla="*/ 437465 w 907821"/>
                <a:gd name="connsiteY11" fmla="*/ 55917 h 82525"/>
                <a:gd name="connsiteX12" fmla="*/ 355235 w 907821"/>
                <a:gd name="connsiteY12" fmla="*/ 55917 h 82525"/>
                <a:gd name="connsiteX13" fmla="*/ 197352 w 907821"/>
                <a:gd name="connsiteY13" fmla="*/ 69073 h 82525"/>
                <a:gd name="connsiteX14" fmla="*/ 157882 w 907821"/>
                <a:gd name="connsiteY14" fmla="*/ 72363 h 82525"/>
                <a:gd name="connsiteX15" fmla="*/ 131568 w 907821"/>
                <a:gd name="connsiteY15" fmla="*/ 75652 h 82525"/>
                <a:gd name="connsiteX16" fmla="*/ 108544 w 907821"/>
                <a:gd name="connsiteY16" fmla="*/ 78941 h 82525"/>
                <a:gd name="connsiteX17" fmla="*/ 65784 w 907821"/>
                <a:gd name="connsiteY17" fmla="*/ 82230 h 82525"/>
                <a:gd name="connsiteX18" fmla="*/ 0 w 907821"/>
                <a:gd name="connsiteY18" fmla="*/ 82230 h 82525"/>
                <a:gd name="connsiteX0" fmla="*/ 845326 w 845326"/>
                <a:gd name="connsiteY0" fmla="*/ 0 h 79236"/>
                <a:gd name="connsiteX1" fmla="*/ 782831 w 845326"/>
                <a:gd name="connsiteY1" fmla="*/ 3290 h 79236"/>
                <a:gd name="connsiteX2" fmla="*/ 763096 w 845326"/>
                <a:gd name="connsiteY2" fmla="*/ 9868 h 79236"/>
                <a:gd name="connsiteX3" fmla="*/ 720336 w 845326"/>
                <a:gd name="connsiteY3" fmla="*/ 3290 h 79236"/>
                <a:gd name="connsiteX4" fmla="*/ 664420 w 845326"/>
                <a:gd name="connsiteY4" fmla="*/ 13157 h 79236"/>
                <a:gd name="connsiteX5" fmla="*/ 618371 w 845326"/>
                <a:gd name="connsiteY5" fmla="*/ 19736 h 79236"/>
                <a:gd name="connsiteX6" fmla="*/ 595347 w 845326"/>
                <a:gd name="connsiteY6" fmla="*/ 29603 h 79236"/>
                <a:gd name="connsiteX7" fmla="*/ 532852 w 845326"/>
                <a:gd name="connsiteY7" fmla="*/ 39471 h 79236"/>
                <a:gd name="connsiteX8" fmla="*/ 470357 w 845326"/>
                <a:gd name="connsiteY8" fmla="*/ 46049 h 79236"/>
                <a:gd name="connsiteX9" fmla="*/ 450621 w 845326"/>
                <a:gd name="connsiteY9" fmla="*/ 49338 h 79236"/>
                <a:gd name="connsiteX10" fmla="*/ 437465 w 845326"/>
                <a:gd name="connsiteY10" fmla="*/ 52628 h 79236"/>
                <a:gd name="connsiteX11" fmla="*/ 355235 w 845326"/>
                <a:gd name="connsiteY11" fmla="*/ 52628 h 79236"/>
                <a:gd name="connsiteX12" fmla="*/ 197352 w 845326"/>
                <a:gd name="connsiteY12" fmla="*/ 65784 h 79236"/>
                <a:gd name="connsiteX13" fmla="*/ 157882 w 845326"/>
                <a:gd name="connsiteY13" fmla="*/ 69074 h 79236"/>
                <a:gd name="connsiteX14" fmla="*/ 131568 w 845326"/>
                <a:gd name="connsiteY14" fmla="*/ 72363 h 79236"/>
                <a:gd name="connsiteX15" fmla="*/ 108544 w 845326"/>
                <a:gd name="connsiteY15" fmla="*/ 75652 h 79236"/>
                <a:gd name="connsiteX16" fmla="*/ 65784 w 845326"/>
                <a:gd name="connsiteY16" fmla="*/ 78941 h 79236"/>
                <a:gd name="connsiteX17" fmla="*/ 0 w 845326"/>
                <a:gd name="connsiteY17" fmla="*/ 78941 h 79236"/>
                <a:gd name="connsiteX0" fmla="*/ 782831 w 782831"/>
                <a:gd name="connsiteY0" fmla="*/ 31 h 75977"/>
                <a:gd name="connsiteX1" fmla="*/ 763096 w 782831"/>
                <a:gd name="connsiteY1" fmla="*/ 6609 h 75977"/>
                <a:gd name="connsiteX2" fmla="*/ 720336 w 782831"/>
                <a:gd name="connsiteY2" fmla="*/ 31 h 75977"/>
                <a:gd name="connsiteX3" fmla="*/ 664420 w 782831"/>
                <a:gd name="connsiteY3" fmla="*/ 9898 h 75977"/>
                <a:gd name="connsiteX4" fmla="*/ 618371 w 782831"/>
                <a:gd name="connsiteY4" fmla="*/ 16477 h 75977"/>
                <a:gd name="connsiteX5" fmla="*/ 595347 w 782831"/>
                <a:gd name="connsiteY5" fmla="*/ 26344 h 75977"/>
                <a:gd name="connsiteX6" fmla="*/ 532852 w 782831"/>
                <a:gd name="connsiteY6" fmla="*/ 36212 h 75977"/>
                <a:gd name="connsiteX7" fmla="*/ 470357 w 782831"/>
                <a:gd name="connsiteY7" fmla="*/ 42790 h 75977"/>
                <a:gd name="connsiteX8" fmla="*/ 450621 w 782831"/>
                <a:gd name="connsiteY8" fmla="*/ 46079 h 75977"/>
                <a:gd name="connsiteX9" fmla="*/ 437465 w 782831"/>
                <a:gd name="connsiteY9" fmla="*/ 49369 h 75977"/>
                <a:gd name="connsiteX10" fmla="*/ 355235 w 782831"/>
                <a:gd name="connsiteY10" fmla="*/ 49369 h 75977"/>
                <a:gd name="connsiteX11" fmla="*/ 197352 w 782831"/>
                <a:gd name="connsiteY11" fmla="*/ 62525 h 75977"/>
                <a:gd name="connsiteX12" fmla="*/ 157882 w 782831"/>
                <a:gd name="connsiteY12" fmla="*/ 65815 h 75977"/>
                <a:gd name="connsiteX13" fmla="*/ 131568 w 782831"/>
                <a:gd name="connsiteY13" fmla="*/ 69104 h 75977"/>
                <a:gd name="connsiteX14" fmla="*/ 108544 w 782831"/>
                <a:gd name="connsiteY14" fmla="*/ 72393 h 75977"/>
                <a:gd name="connsiteX15" fmla="*/ 65784 w 782831"/>
                <a:gd name="connsiteY15" fmla="*/ 75682 h 75977"/>
                <a:gd name="connsiteX16" fmla="*/ 0 w 782831"/>
                <a:gd name="connsiteY16" fmla="*/ 75682 h 75977"/>
                <a:gd name="connsiteX0" fmla="*/ 763096 w 763096"/>
                <a:gd name="connsiteY0" fmla="*/ 6609 h 75977"/>
                <a:gd name="connsiteX1" fmla="*/ 720336 w 763096"/>
                <a:gd name="connsiteY1" fmla="*/ 31 h 75977"/>
                <a:gd name="connsiteX2" fmla="*/ 664420 w 763096"/>
                <a:gd name="connsiteY2" fmla="*/ 9898 h 75977"/>
                <a:gd name="connsiteX3" fmla="*/ 618371 w 763096"/>
                <a:gd name="connsiteY3" fmla="*/ 16477 h 75977"/>
                <a:gd name="connsiteX4" fmla="*/ 595347 w 763096"/>
                <a:gd name="connsiteY4" fmla="*/ 26344 h 75977"/>
                <a:gd name="connsiteX5" fmla="*/ 532852 w 763096"/>
                <a:gd name="connsiteY5" fmla="*/ 36212 h 75977"/>
                <a:gd name="connsiteX6" fmla="*/ 470357 w 763096"/>
                <a:gd name="connsiteY6" fmla="*/ 42790 h 75977"/>
                <a:gd name="connsiteX7" fmla="*/ 450621 w 763096"/>
                <a:gd name="connsiteY7" fmla="*/ 46079 h 75977"/>
                <a:gd name="connsiteX8" fmla="*/ 437465 w 763096"/>
                <a:gd name="connsiteY8" fmla="*/ 49369 h 75977"/>
                <a:gd name="connsiteX9" fmla="*/ 355235 w 763096"/>
                <a:gd name="connsiteY9" fmla="*/ 49369 h 75977"/>
                <a:gd name="connsiteX10" fmla="*/ 197352 w 763096"/>
                <a:gd name="connsiteY10" fmla="*/ 62525 h 75977"/>
                <a:gd name="connsiteX11" fmla="*/ 157882 w 763096"/>
                <a:gd name="connsiteY11" fmla="*/ 65815 h 75977"/>
                <a:gd name="connsiteX12" fmla="*/ 131568 w 763096"/>
                <a:gd name="connsiteY12" fmla="*/ 69104 h 75977"/>
                <a:gd name="connsiteX13" fmla="*/ 108544 w 763096"/>
                <a:gd name="connsiteY13" fmla="*/ 72393 h 75977"/>
                <a:gd name="connsiteX14" fmla="*/ 65784 w 763096"/>
                <a:gd name="connsiteY14" fmla="*/ 75682 h 75977"/>
                <a:gd name="connsiteX15" fmla="*/ 0 w 763096"/>
                <a:gd name="connsiteY15" fmla="*/ 75682 h 75977"/>
                <a:gd name="connsiteX0" fmla="*/ 720336 w 720336"/>
                <a:gd name="connsiteY0" fmla="*/ 0 h 75946"/>
                <a:gd name="connsiteX1" fmla="*/ 664420 w 720336"/>
                <a:gd name="connsiteY1" fmla="*/ 9867 h 75946"/>
                <a:gd name="connsiteX2" fmla="*/ 618371 w 720336"/>
                <a:gd name="connsiteY2" fmla="*/ 16446 h 75946"/>
                <a:gd name="connsiteX3" fmla="*/ 595347 w 720336"/>
                <a:gd name="connsiteY3" fmla="*/ 26313 h 75946"/>
                <a:gd name="connsiteX4" fmla="*/ 532852 w 720336"/>
                <a:gd name="connsiteY4" fmla="*/ 36181 h 75946"/>
                <a:gd name="connsiteX5" fmla="*/ 470357 w 720336"/>
                <a:gd name="connsiteY5" fmla="*/ 42759 h 75946"/>
                <a:gd name="connsiteX6" fmla="*/ 450621 w 720336"/>
                <a:gd name="connsiteY6" fmla="*/ 46048 h 75946"/>
                <a:gd name="connsiteX7" fmla="*/ 437465 w 720336"/>
                <a:gd name="connsiteY7" fmla="*/ 49338 h 75946"/>
                <a:gd name="connsiteX8" fmla="*/ 355235 w 720336"/>
                <a:gd name="connsiteY8" fmla="*/ 49338 h 75946"/>
                <a:gd name="connsiteX9" fmla="*/ 197352 w 720336"/>
                <a:gd name="connsiteY9" fmla="*/ 62494 h 75946"/>
                <a:gd name="connsiteX10" fmla="*/ 157882 w 720336"/>
                <a:gd name="connsiteY10" fmla="*/ 65784 h 75946"/>
                <a:gd name="connsiteX11" fmla="*/ 131568 w 720336"/>
                <a:gd name="connsiteY11" fmla="*/ 69073 h 75946"/>
                <a:gd name="connsiteX12" fmla="*/ 108544 w 720336"/>
                <a:gd name="connsiteY12" fmla="*/ 72362 h 75946"/>
                <a:gd name="connsiteX13" fmla="*/ 65784 w 720336"/>
                <a:gd name="connsiteY13" fmla="*/ 75651 h 75946"/>
                <a:gd name="connsiteX14" fmla="*/ 0 w 720336"/>
                <a:gd name="connsiteY14" fmla="*/ 75651 h 75946"/>
                <a:gd name="connsiteX0" fmla="*/ 743360 w 743360"/>
                <a:gd name="connsiteY0" fmla="*/ 0 h 72657"/>
                <a:gd name="connsiteX1" fmla="*/ 664420 w 743360"/>
                <a:gd name="connsiteY1" fmla="*/ 6578 h 72657"/>
                <a:gd name="connsiteX2" fmla="*/ 618371 w 743360"/>
                <a:gd name="connsiteY2" fmla="*/ 13157 h 72657"/>
                <a:gd name="connsiteX3" fmla="*/ 595347 w 743360"/>
                <a:gd name="connsiteY3" fmla="*/ 23024 h 72657"/>
                <a:gd name="connsiteX4" fmla="*/ 532852 w 743360"/>
                <a:gd name="connsiteY4" fmla="*/ 32892 h 72657"/>
                <a:gd name="connsiteX5" fmla="*/ 470357 w 743360"/>
                <a:gd name="connsiteY5" fmla="*/ 39470 h 72657"/>
                <a:gd name="connsiteX6" fmla="*/ 450621 w 743360"/>
                <a:gd name="connsiteY6" fmla="*/ 42759 h 72657"/>
                <a:gd name="connsiteX7" fmla="*/ 437465 w 743360"/>
                <a:gd name="connsiteY7" fmla="*/ 46049 h 72657"/>
                <a:gd name="connsiteX8" fmla="*/ 355235 w 743360"/>
                <a:gd name="connsiteY8" fmla="*/ 46049 h 72657"/>
                <a:gd name="connsiteX9" fmla="*/ 197352 w 743360"/>
                <a:gd name="connsiteY9" fmla="*/ 59205 h 72657"/>
                <a:gd name="connsiteX10" fmla="*/ 157882 w 743360"/>
                <a:gd name="connsiteY10" fmla="*/ 62495 h 72657"/>
                <a:gd name="connsiteX11" fmla="*/ 131568 w 743360"/>
                <a:gd name="connsiteY11" fmla="*/ 65784 h 72657"/>
                <a:gd name="connsiteX12" fmla="*/ 108544 w 743360"/>
                <a:gd name="connsiteY12" fmla="*/ 69073 h 72657"/>
                <a:gd name="connsiteX13" fmla="*/ 65784 w 743360"/>
                <a:gd name="connsiteY13" fmla="*/ 72362 h 72657"/>
                <a:gd name="connsiteX14" fmla="*/ 0 w 743360"/>
                <a:gd name="connsiteY14" fmla="*/ 72362 h 72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43360" h="72657">
                  <a:moveTo>
                    <a:pt x="743360" y="0"/>
                  </a:moveTo>
                  <a:cubicBezTo>
                    <a:pt x="726914" y="548"/>
                    <a:pt x="685252" y="4385"/>
                    <a:pt x="664420" y="6578"/>
                  </a:cubicBezTo>
                  <a:cubicBezTo>
                    <a:pt x="643589" y="8771"/>
                    <a:pt x="622757" y="12060"/>
                    <a:pt x="618371" y="13157"/>
                  </a:cubicBezTo>
                  <a:cubicBezTo>
                    <a:pt x="602715" y="23594"/>
                    <a:pt x="614656" y="17231"/>
                    <a:pt x="595347" y="23024"/>
                  </a:cubicBezTo>
                  <a:cubicBezTo>
                    <a:pt x="554702" y="35218"/>
                    <a:pt x="597671" y="26816"/>
                    <a:pt x="532852" y="32892"/>
                  </a:cubicBezTo>
                  <a:cubicBezTo>
                    <a:pt x="511997" y="34847"/>
                    <a:pt x="491019" y="36027"/>
                    <a:pt x="470357" y="39470"/>
                  </a:cubicBezTo>
                  <a:cubicBezTo>
                    <a:pt x="463778" y="40566"/>
                    <a:pt x="457161" y="41451"/>
                    <a:pt x="450621" y="42759"/>
                  </a:cubicBezTo>
                  <a:cubicBezTo>
                    <a:pt x="446188" y="43646"/>
                    <a:pt x="453363" y="45501"/>
                    <a:pt x="437465" y="46049"/>
                  </a:cubicBezTo>
                  <a:cubicBezTo>
                    <a:pt x="421567" y="46597"/>
                    <a:pt x="370585" y="44953"/>
                    <a:pt x="355235" y="46049"/>
                  </a:cubicBezTo>
                  <a:lnTo>
                    <a:pt x="197352" y="59205"/>
                  </a:lnTo>
                  <a:lnTo>
                    <a:pt x="157882" y="62495"/>
                  </a:lnTo>
                  <a:cubicBezTo>
                    <a:pt x="149086" y="63375"/>
                    <a:pt x="140330" y="64616"/>
                    <a:pt x="131568" y="65784"/>
                  </a:cubicBezTo>
                  <a:cubicBezTo>
                    <a:pt x="123883" y="66809"/>
                    <a:pt x="116258" y="68302"/>
                    <a:pt x="108544" y="69073"/>
                  </a:cubicBezTo>
                  <a:cubicBezTo>
                    <a:pt x="94320" y="70495"/>
                    <a:pt x="80073" y="71929"/>
                    <a:pt x="65784" y="72362"/>
                  </a:cubicBezTo>
                  <a:cubicBezTo>
                    <a:pt x="43866" y="73026"/>
                    <a:pt x="21928" y="72362"/>
                    <a:pt x="0" y="7236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4" name="Freeform 1023"/>
            <p:cNvSpPr/>
            <p:nvPr/>
          </p:nvSpPr>
          <p:spPr bwMode="auto">
            <a:xfrm>
              <a:off x="6344379" y="2230082"/>
              <a:ext cx="414944" cy="904533"/>
            </a:xfrm>
            <a:custGeom>
              <a:avLst/>
              <a:gdLst>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72517 w 434330"/>
                <a:gd name="connsiteY18" fmla="*/ 608504 h 940714"/>
                <a:gd name="connsiteX19" fmla="*/ 95542 w 434330"/>
                <a:gd name="connsiteY19" fmla="*/ 621661 h 940714"/>
                <a:gd name="connsiteX20" fmla="*/ 131723 w 434330"/>
                <a:gd name="connsiteY20" fmla="*/ 651264 h 940714"/>
                <a:gd name="connsiteX21" fmla="*/ 141590 w 434330"/>
                <a:gd name="connsiteY21" fmla="*/ 654553 h 940714"/>
                <a:gd name="connsiteX22" fmla="*/ 161326 w 434330"/>
                <a:gd name="connsiteY22" fmla="*/ 670999 h 940714"/>
                <a:gd name="connsiteX23" fmla="*/ 167904 w 434330"/>
                <a:gd name="connsiteY23" fmla="*/ 680867 h 940714"/>
                <a:gd name="connsiteX24" fmla="*/ 174483 w 434330"/>
                <a:gd name="connsiteY24" fmla="*/ 687445 h 940714"/>
                <a:gd name="connsiteX25" fmla="*/ 184350 w 434330"/>
                <a:gd name="connsiteY25" fmla="*/ 694023 h 940714"/>
                <a:gd name="connsiteX26" fmla="*/ 190929 w 434330"/>
                <a:gd name="connsiteY26" fmla="*/ 700602 h 940714"/>
                <a:gd name="connsiteX27" fmla="*/ 200796 w 434330"/>
                <a:gd name="connsiteY27" fmla="*/ 707180 h 940714"/>
                <a:gd name="connsiteX28" fmla="*/ 207375 w 434330"/>
                <a:gd name="connsiteY28" fmla="*/ 713759 h 940714"/>
                <a:gd name="connsiteX29" fmla="*/ 217242 w 434330"/>
                <a:gd name="connsiteY29" fmla="*/ 720337 h 940714"/>
                <a:gd name="connsiteX30" fmla="*/ 236977 w 434330"/>
                <a:gd name="connsiteY30" fmla="*/ 736783 h 940714"/>
                <a:gd name="connsiteX31" fmla="*/ 246845 w 434330"/>
                <a:gd name="connsiteY31" fmla="*/ 740072 h 940714"/>
                <a:gd name="connsiteX32" fmla="*/ 276448 w 434330"/>
                <a:gd name="connsiteY32" fmla="*/ 759808 h 940714"/>
                <a:gd name="connsiteX33" fmla="*/ 286316 w 434330"/>
                <a:gd name="connsiteY33" fmla="*/ 763097 h 940714"/>
                <a:gd name="connsiteX34" fmla="*/ 302762 w 434330"/>
                <a:gd name="connsiteY34" fmla="*/ 776254 h 940714"/>
                <a:gd name="connsiteX35" fmla="*/ 312629 w 434330"/>
                <a:gd name="connsiteY35" fmla="*/ 782832 h 940714"/>
                <a:gd name="connsiteX36" fmla="*/ 319208 w 434330"/>
                <a:gd name="connsiteY36" fmla="*/ 789411 h 940714"/>
                <a:gd name="connsiteX37" fmla="*/ 332365 w 434330"/>
                <a:gd name="connsiteY37" fmla="*/ 799278 h 940714"/>
                <a:gd name="connsiteX38" fmla="*/ 338943 w 434330"/>
                <a:gd name="connsiteY38" fmla="*/ 805857 h 940714"/>
                <a:gd name="connsiteX39" fmla="*/ 365257 w 434330"/>
                <a:gd name="connsiteY39" fmla="*/ 825592 h 940714"/>
                <a:gd name="connsiteX40" fmla="*/ 375124 w 434330"/>
                <a:gd name="connsiteY40" fmla="*/ 845327 h 940714"/>
                <a:gd name="connsiteX41" fmla="*/ 394859 w 434330"/>
                <a:gd name="connsiteY41" fmla="*/ 878219 h 940714"/>
                <a:gd name="connsiteX42" fmla="*/ 401438 w 434330"/>
                <a:gd name="connsiteY42" fmla="*/ 884798 h 940714"/>
                <a:gd name="connsiteX43" fmla="*/ 414595 w 434330"/>
                <a:gd name="connsiteY43" fmla="*/ 904533 h 940714"/>
                <a:gd name="connsiteX44" fmla="*/ 421173 w 434330"/>
                <a:gd name="connsiteY44" fmla="*/ 914400 h 940714"/>
                <a:gd name="connsiteX45" fmla="*/ 431041 w 434330"/>
                <a:gd name="connsiteY45" fmla="*/ 930846 h 940714"/>
                <a:gd name="connsiteX46" fmla="*/ 434330 w 434330"/>
                <a:gd name="connsiteY46"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1326 w 434330"/>
                <a:gd name="connsiteY21" fmla="*/ 670999 h 940714"/>
                <a:gd name="connsiteX22" fmla="*/ 167904 w 434330"/>
                <a:gd name="connsiteY22" fmla="*/ 680867 h 940714"/>
                <a:gd name="connsiteX23" fmla="*/ 174483 w 434330"/>
                <a:gd name="connsiteY23" fmla="*/ 687445 h 940714"/>
                <a:gd name="connsiteX24" fmla="*/ 184350 w 434330"/>
                <a:gd name="connsiteY24" fmla="*/ 694023 h 940714"/>
                <a:gd name="connsiteX25" fmla="*/ 190929 w 434330"/>
                <a:gd name="connsiteY25" fmla="*/ 700602 h 940714"/>
                <a:gd name="connsiteX26" fmla="*/ 200796 w 434330"/>
                <a:gd name="connsiteY26" fmla="*/ 707180 h 940714"/>
                <a:gd name="connsiteX27" fmla="*/ 207375 w 434330"/>
                <a:gd name="connsiteY27" fmla="*/ 713759 h 940714"/>
                <a:gd name="connsiteX28" fmla="*/ 217242 w 434330"/>
                <a:gd name="connsiteY28" fmla="*/ 720337 h 940714"/>
                <a:gd name="connsiteX29" fmla="*/ 236977 w 434330"/>
                <a:gd name="connsiteY29" fmla="*/ 736783 h 940714"/>
                <a:gd name="connsiteX30" fmla="*/ 246845 w 434330"/>
                <a:gd name="connsiteY30" fmla="*/ 740072 h 940714"/>
                <a:gd name="connsiteX31" fmla="*/ 276448 w 434330"/>
                <a:gd name="connsiteY31" fmla="*/ 759808 h 940714"/>
                <a:gd name="connsiteX32" fmla="*/ 286316 w 434330"/>
                <a:gd name="connsiteY32" fmla="*/ 763097 h 940714"/>
                <a:gd name="connsiteX33" fmla="*/ 302762 w 434330"/>
                <a:gd name="connsiteY33" fmla="*/ 776254 h 940714"/>
                <a:gd name="connsiteX34" fmla="*/ 312629 w 434330"/>
                <a:gd name="connsiteY34" fmla="*/ 782832 h 940714"/>
                <a:gd name="connsiteX35" fmla="*/ 319208 w 434330"/>
                <a:gd name="connsiteY35" fmla="*/ 789411 h 940714"/>
                <a:gd name="connsiteX36" fmla="*/ 332365 w 434330"/>
                <a:gd name="connsiteY36" fmla="*/ 799278 h 940714"/>
                <a:gd name="connsiteX37" fmla="*/ 338943 w 434330"/>
                <a:gd name="connsiteY37" fmla="*/ 805857 h 940714"/>
                <a:gd name="connsiteX38" fmla="*/ 365257 w 434330"/>
                <a:gd name="connsiteY38" fmla="*/ 825592 h 940714"/>
                <a:gd name="connsiteX39" fmla="*/ 375124 w 434330"/>
                <a:gd name="connsiteY39" fmla="*/ 845327 h 940714"/>
                <a:gd name="connsiteX40" fmla="*/ 394859 w 434330"/>
                <a:gd name="connsiteY40" fmla="*/ 878219 h 940714"/>
                <a:gd name="connsiteX41" fmla="*/ 401438 w 434330"/>
                <a:gd name="connsiteY41" fmla="*/ 884798 h 940714"/>
                <a:gd name="connsiteX42" fmla="*/ 414595 w 434330"/>
                <a:gd name="connsiteY42" fmla="*/ 904533 h 940714"/>
                <a:gd name="connsiteX43" fmla="*/ 421173 w 434330"/>
                <a:gd name="connsiteY43" fmla="*/ 914400 h 940714"/>
                <a:gd name="connsiteX44" fmla="*/ 431041 w 434330"/>
                <a:gd name="connsiteY44" fmla="*/ 930846 h 940714"/>
                <a:gd name="connsiteX45" fmla="*/ 434330 w 434330"/>
                <a:gd name="connsiteY45"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84350 w 434330"/>
                <a:gd name="connsiteY23" fmla="*/ 694023 h 940714"/>
                <a:gd name="connsiteX24" fmla="*/ 190929 w 434330"/>
                <a:gd name="connsiteY24" fmla="*/ 700602 h 940714"/>
                <a:gd name="connsiteX25" fmla="*/ 200796 w 434330"/>
                <a:gd name="connsiteY25" fmla="*/ 707180 h 940714"/>
                <a:gd name="connsiteX26" fmla="*/ 207375 w 434330"/>
                <a:gd name="connsiteY26" fmla="*/ 713759 h 940714"/>
                <a:gd name="connsiteX27" fmla="*/ 217242 w 434330"/>
                <a:gd name="connsiteY27" fmla="*/ 720337 h 940714"/>
                <a:gd name="connsiteX28" fmla="*/ 236977 w 434330"/>
                <a:gd name="connsiteY28" fmla="*/ 736783 h 940714"/>
                <a:gd name="connsiteX29" fmla="*/ 246845 w 434330"/>
                <a:gd name="connsiteY29" fmla="*/ 740072 h 940714"/>
                <a:gd name="connsiteX30" fmla="*/ 276448 w 434330"/>
                <a:gd name="connsiteY30" fmla="*/ 759808 h 940714"/>
                <a:gd name="connsiteX31" fmla="*/ 286316 w 434330"/>
                <a:gd name="connsiteY31" fmla="*/ 763097 h 940714"/>
                <a:gd name="connsiteX32" fmla="*/ 302762 w 434330"/>
                <a:gd name="connsiteY32" fmla="*/ 776254 h 940714"/>
                <a:gd name="connsiteX33" fmla="*/ 312629 w 434330"/>
                <a:gd name="connsiteY33" fmla="*/ 782832 h 940714"/>
                <a:gd name="connsiteX34" fmla="*/ 319208 w 434330"/>
                <a:gd name="connsiteY34" fmla="*/ 789411 h 940714"/>
                <a:gd name="connsiteX35" fmla="*/ 332365 w 434330"/>
                <a:gd name="connsiteY35" fmla="*/ 799278 h 940714"/>
                <a:gd name="connsiteX36" fmla="*/ 338943 w 434330"/>
                <a:gd name="connsiteY36" fmla="*/ 805857 h 940714"/>
                <a:gd name="connsiteX37" fmla="*/ 365257 w 434330"/>
                <a:gd name="connsiteY37" fmla="*/ 825592 h 940714"/>
                <a:gd name="connsiteX38" fmla="*/ 375124 w 434330"/>
                <a:gd name="connsiteY38" fmla="*/ 845327 h 940714"/>
                <a:gd name="connsiteX39" fmla="*/ 394859 w 434330"/>
                <a:gd name="connsiteY39" fmla="*/ 878219 h 940714"/>
                <a:gd name="connsiteX40" fmla="*/ 401438 w 434330"/>
                <a:gd name="connsiteY40" fmla="*/ 884798 h 940714"/>
                <a:gd name="connsiteX41" fmla="*/ 414595 w 434330"/>
                <a:gd name="connsiteY41" fmla="*/ 904533 h 940714"/>
                <a:gd name="connsiteX42" fmla="*/ 421173 w 434330"/>
                <a:gd name="connsiteY42" fmla="*/ 914400 h 940714"/>
                <a:gd name="connsiteX43" fmla="*/ 431041 w 434330"/>
                <a:gd name="connsiteY43" fmla="*/ 930846 h 940714"/>
                <a:gd name="connsiteX44" fmla="*/ 434330 w 434330"/>
                <a:gd name="connsiteY44"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07375 w 434330"/>
                <a:gd name="connsiteY25" fmla="*/ 713759 h 940714"/>
                <a:gd name="connsiteX26" fmla="*/ 217242 w 434330"/>
                <a:gd name="connsiteY26" fmla="*/ 720337 h 940714"/>
                <a:gd name="connsiteX27" fmla="*/ 236977 w 434330"/>
                <a:gd name="connsiteY27" fmla="*/ 736783 h 940714"/>
                <a:gd name="connsiteX28" fmla="*/ 246845 w 434330"/>
                <a:gd name="connsiteY28" fmla="*/ 740072 h 940714"/>
                <a:gd name="connsiteX29" fmla="*/ 276448 w 434330"/>
                <a:gd name="connsiteY29" fmla="*/ 759808 h 940714"/>
                <a:gd name="connsiteX30" fmla="*/ 286316 w 434330"/>
                <a:gd name="connsiteY30" fmla="*/ 763097 h 940714"/>
                <a:gd name="connsiteX31" fmla="*/ 302762 w 434330"/>
                <a:gd name="connsiteY31" fmla="*/ 776254 h 940714"/>
                <a:gd name="connsiteX32" fmla="*/ 312629 w 434330"/>
                <a:gd name="connsiteY32" fmla="*/ 782832 h 940714"/>
                <a:gd name="connsiteX33" fmla="*/ 319208 w 434330"/>
                <a:gd name="connsiteY33" fmla="*/ 789411 h 940714"/>
                <a:gd name="connsiteX34" fmla="*/ 332365 w 434330"/>
                <a:gd name="connsiteY34" fmla="*/ 799278 h 940714"/>
                <a:gd name="connsiteX35" fmla="*/ 338943 w 434330"/>
                <a:gd name="connsiteY35" fmla="*/ 805857 h 940714"/>
                <a:gd name="connsiteX36" fmla="*/ 365257 w 434330"/>
                <a:gd name="connsiteY36" fmla="*/ 825592 h 940714"/>
                <a:gd name="connsiteX37" fmla="*/ 375124 w 434330"/>
                <a:gd name="connsiteY37" fmla="*/ 845327 h 940714"/>
                <a:gd name="connsiteX38" fmla="*/ 394859 w 434330"/>
                <a:gd name="connsiteY38" fmla="*/ 878219 h 940714"/>
                <a:gd name="connsiteX39" fmla="*/ 401438 w 434330"/>
                <a:gd name="connsiteY39" fmla="*/ 884798 h 940714"/>
                <a:gd name="connsiteX40" fmla="*/ 414595 w 434330"/>
                <a:gd name="connsiteY40" fmla="*/ 904533 h 940714"/>
                <a:gd name="connsiteX41" fmla="*/ 421173 w 434330"/>
                <a:gd name="connsiteY41" fmla="*/ 914400 h 940714"/>
                <a:gd name="connsiteX42" fmla="*/ 431041 w 434330"/>
                <a:gd name="connsiteY42" fmla="*/ 930846 h 940714"/>
                <a:gd name="connsiteX43" fmla="*/ 434330 w 434330"/>
                <a:gd name="connsiteY43"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17242 w 434330"/>
                <a:gd name="connsiteY25" fmla="*/ 720337 h 940714"/>
                <a:gd name="connsiteX26" fmla="*/ 236977 w 434330"/>
                <a:gd name="connsiteY26" fmla="*/ 736783 h 940714"/>
                <a:gd name="connsiteX27" fmla="*/ 246845 w 434330"/>
                <a:gd name="connsiteY27" fmla="*/ 740072 h 940714"/>
                <a:gd name="connsiteX28" fmla="*/ 276448 w 434330"/>
                <a:gd name="connsiteY28" fmla="*/ 759808 h 940714"/>
                <a:gd name="connsiteX29" fmla="*/ 286316 w 434330"/>
                <a:gd name="connsiteY29" fmla="*/ 763097 h 940714"/>
                <a:gd name="connsiteX30" fmla="*/ 302762 w 434330"/>
                <a:gd name="connsiteY30" fmla="*/ 776254 h 940714"/>
                <a:gd name="connsiteX31" fmla="*/ 312629 w 434330"/>
                <a:gd name="connsiteY31" fmla="*/ 782832 h 940714"/>
                <a:gd name="connsiteX32" fmla="*/ 319208 w 434330"/>
                <a:gd name="connsiteY32" fmla="*/ 789411 h 940714"/>
                <a:gd name="connsiteX33" fmla="*/ 332365 w 434330"/>
                <a:gd name="connsiteY33" fmla="*/ 799278 h 940714"/>
                <a:gd name="connsiteX34" fmla="*/ 338943 w 434330"/>
                <a:gd name="connsiteY34" fmla="*/ 805857 h 940714"/>
                <a:gd name="connsiteX35" fmla="*/ 365257 w 434330"/>
                <a:gd name="connsiteY35" fmla="*/ 825592 h 940714"/>
                <a:gd name="connsiteX36" fmla="*/ 375124 w 434330"/>
                <a:gd name="connsiteY36" fmla="*/ 845327 h 940714"/>
                <a:gd name="connsiteX37" fmla="*/ 394859 w 434330"/>
                <a:gd name="connsiteY37" fmla="*/ 878219 h 940714"/>
                <a:gd name="connsiteX38" fmla="*/ 401438 w 434330"/>
                <a:gd name="connsiteY38" fmla="*/ 884798 h 940714"/>
                <a:gd name="connsiteX39" fmla="*/ 414595 w 434330"/>
                <a:gd name="connsiteY39" fmla="*/ 904533 h 940714"/>
                <a:gd name="connsiteX40" fmla="*/ 421173 w 434330"/>
                <a:gd name="connsiteY40" fmla="*/ 914400 h 940714"/>
                <a:gd name="connsiteX41" fmla="*/ 431041 w 434330"/>
                <a:gd name="connsiteY41" fmla="*/ 930846 h 940714"/>
                <a:gd name="connsiteX42" fmla="*/ 434330 w 434330"/>
                <a:gd name="connsiteY42"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17242 w 434330"/>
                <a:gd name="connsiteY24" fmla="*/ 720337 h 940714"/>
                <a:gd name="connsiteX25" fmla="*/ 236977 w 434330"/>
                <a:gd name="connsiteY25" fmla="*/ 736783 h 940714"/>
                <a:gd name="connsiteX26" fmla="*/ 246845 w 434330"/>
                <a:gd name="connsiteY26" fmla="*/ 740072 h 940714"/>
                <a:gd name="connsiteX27" fmla="*/ 276448 w 434330"/>
                <a:gd name="connsiteY27" fmla="*/ 759808 h 940714"/>
                <a:gd name="connsiteX28" fmla="*/ 286316 w 434330"/>
                <a:gd name="connsiteY28" fmla="*/ 763097 h 940714"/>
                <a:gd name="connsiteX29" fmla="*/ 302762 w 434330"/>
                <a:gd name="connsiteY29" fmla="*/ 776254 h 940714"/>
                <a:gd name="connsiteX30" fmla="*/ 312629 w 434330"/>
                <a:gd name="connsiteY30" fmla="*/ 782832 h 940714"/>
                <a:gd name="connsiteX31" fmla="*/ 319208 w 434330"/>
                <a:gd name="connsiteY31" fmla="*/ 789411 h 940714"/>
                <a:gd name="connsiteX32" fmla="*/ 332365 w 434330"/>
                <a:gd name="connsiteY32" fmla="*/ 799278 h 940714"/>
                <a:gd name="connsiteX33" fmla="*/ 338943 w 434330"/>
                <a:gd name="connsiteY33" fmla="*/ 805857 h 940714"/>
                <a:gd name="connsiteX34" fmla="*/ 365257 w 434330"/>
                <a:gd name="connsiteY34" fmla="*/ 825592 h 940714"/>
                <a:gd name="connsiteX35" fmla="*/ 375124 w 434330"/>
                <a:gd name="connsiteY35" fmla="*/ 845327 h 940714"/>
                <a:gd name="connsiteX36" fmla="*/ 394859 w 434330"/>
                <a:gd name="connsiteY36" fmla="*/ 878219 h 940714"/>
                <a:gd name="connsiteX37" fmla="*/ 401438 w 434330"/>
                <a:gd name="connsiteY37" fmla="*/ 884798 h 940714"/>
                <a:gd name="connsiteX38" fmla="*/ 414595 w 434330"/>
                <a:gd name="connsiteY38" fmla="*/ 904533 h 940714"/>
                <a:gd name="connsiteX39" fmla="*/ 421173 w 434330"/>
                <a:gd name="connsiteY39" fmla="*/ 914400 h 940714"/>
                <a:gd name="connsiteX40" fmla="*/ 431041 w 434330"/>
                <a:gd name="connsiteY40" fmla="*/ 930846 h 940714"/>
                <a:gd name="connsiteX41" fmla="*/ 434330 w 434330"/>
                <a:gd name="connsiteY41"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02762 w 434330"/>
                <a:gd name="connsiteY28" fmla="*/ 776254 h 940714"/>
                <a:gd name="connsiteX29" fmla="*/ 312629 w 434330"/>
                <a:gd name="connsiteY29" fmla="*/ 782832 h 940714"/>
                <a:gd name="connsiteX30" fmla="*/ 319208 w 434330"/>
                <a:gd name="connsiteY30" fmla="*/ 789411 h 940714"/>
                <a:gd name="connsiteX31" fmla="*/ 332365 w 434330"/>
                <a:gd name="connsiteY31" fmla="*/ 799278 h 940714"/>
                <a:gd name="connsiteX32" fmla="*/ 338943 w 434330"/>
                <a:gd name="connsiteY32" fmla="*/ 805857 h 940714"/>
                <a:gd name="connsiteX33" fmla="*/ 365257 w 434330"/>
                <a:gd name="connsiteY33" fmla="*/ 825592 h 940714"/>
                <a:gd name="connsiteX34" fmla="*/ 375124 w 434330"/>
                <a:gd name="connsiteY34" fmla="*/ 845327 h 940714"/>
                <a:gd name="connsiteX35" fmla="*/ 394859 w 434330"/>
                <a:gd name="connsiteY35" fmla="*/ 878219 h 940714"/>
                <a:gd name="connsiteX36" fmla="*/ 401438 w 434330"/>
                <a:gd name="connsiteY36" fmla="*/ 884798 h 940714"/>
                <a:gd name="connsiteX37" fmla="*/ 414595 w 434330"/>
                <a:gd name="connsiteY37" fmla="*/ 904533 h 940714"/>
                <a:gd name="connsiteX38" fmla="*/ 421173 w 434330"/>
                <a:gd name="connsiteY38" fmla="*/ 914400 h 940714"/>
                <a:gd name="connsiteX39" fmla="*/ 431041 w 434330"/>
                <a:gd name="connsiteY39" fmla="*/ 930846 h 940714"/>
                <a:gd name="connsiteX40" fmla="*/ 434330 w 434330"/>
                <a:gd name="connsiteY40"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2365 w 434330"/>
                <a:gd name="connsiteY30" fmla="*/ 799278 h 940714"/>
                <a:gd name="connsiteX31" fmla="*/ 338943 w 434330"/>
                <a:gd name="connsiteY31" fmla="*/ 805857 h 940714"/>
                <a:gd name="connsiteX32" fmla="*/ 365257 w 434330"/>
                <a:gd name="connsiteY32" fmla="*/ 825592 h 940714"/>
                <a:gd name="connsiteX33" fmla="*/ 375124 w 434330"/>
                <a:gd name="connsiteY33" fmla="*/ 845327 h 940714"/>
                <a:gd name="connsiteX34" fmla="*/ 394859 w 434330"/>
                <a:gd name="connsiteY34" fmla="*/ 878219 h 940714"/>
                <a:gd name="connsiteX35" fmla="*/ 401438 w 434330"/>
                <a:gd name="connsiteY35" fmla="*/ 884798 h 940714"/>
                <a:gd name="connsiteX36" fmla="*/ 414595 w 434330"/>
                <a:gd name="connsiteY36" fmla="*/ 904533 h 940714"/>
                <a:gd name="connsiteX37" fmla="*/ 421173 w 434330"/>
                <a:gd name="connsiteY37" fmla="*/ 914400 h 940714"/>
                <a:gd name="connsiteX38" fmla="*/ 431041 w 434330"/>
                <a:gd name="connsiteY38" fmla="*/ 930846 h 940714"/>
                <a:gd name="connsiteX39" fmla="*/ 434330 w 434330"/>
                <a:gd name="connsiteY39"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8943 w 434330"/>
                <a:gd name="connsiteY30" fmla="*/ 805857 h 940714"/>
                <a:gd name="connsiteX31" fmla="*/ 365257 w 434330"/>
                <a:gd name="connsiteY31" fmla="*/ 825592 h 940714"/>
                <a:gd name="connsiteX32" fmla="*/ 375124 w 434330"/>
                <a:gd name="connsiteY32" fmla="*/ 845327 h 940714"/>
                <a:gd name="connsiteX33" fmla="*/ 394859 w 434330"/>
                <a:gd name="connsiteY33" fmla="*/ 878219 h 940714"/>
                <a:gd name="connsiteX34" fmla="*/ 401438 w 434330"/>
                <a:gd name="connsiteY34" fmla="*/ 884798 h 940714"/>
                <a:gd name="connsiteX35" fmla="*/ 414595 w 434330"/>
                <a:gd name="connsiteY35" fmla="*/ 904533 h 940714"/>
                <a:gd name="connsiteX36" fmla="*/ 421173 w 434330"/>
                <a:gd name="connsiteY36" fmla="*/ 914400 h 940714"/>
                <a:gd name="connsiteX37" fmla="*/ 431041 w 434330"/>
                <a:gd name="connsiteY37" fmla="*/ 930846 h 940714"/>
                <a:gd name="connsiteX38" fmla="*/ 434330 w 434330"/>
                <a:gd name="connsiteY38"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38943 w 434330"/>
                <a:gd name="connsiteY29" fmla="*/ 805857 h 940714"/>
                <a:gd name="connsiteX30" fmla="*/ 365257 w 434330"/>
                <a:gd name="connsiteY30" fmla="*/ 825592 h 940714"/>
                <a:gd name="connsiteX31" fmla="*/ 375124 w 434330"/>
                <a:gd name="connsiteY31" fmla="*/ 845327 h 940714"/>
                <a:gd name="connsiteX32" fmla="*/ 394859 w 434330"/>
                <a:gd name="connsiteY32" fmla="*/ 878219 h 940714"/>
                <a:gd name="connsiteX33" fmla="*/ 401438 w 434330"/>
                <a:gd name="connsiteY33" fmla="*/ 884798 h 940714"/>
                <a:gd name="connsiteX34" fmla="*/ 414595 w 434330"/>
                <a:gd name="connsiteY34" fmla="*/ 904533 h 940714"/>
                <a:gd name="connsiteX35" fmla="*/ 421173 w 434330"/>
                <a:gd name="connsiteY35" fmla="*/ 914400 h 940714"/>
                <a:gd name="connsiteX36" fmla="*/ 431041 w 434330"/>
                <a:gd name="connsiteY36" fmla="*/ 930846 h 940714"/>
                <a:gd name="connsiteX37" fmla="*/ 434330 w 434330"/>
                <a:gd name="connsiteY37" fmla="*/ 940714 h 940714"/>
                <a:gd name="connsiteX0" fmla="*/ 6733 w 431041"/>
                <a:gd name="connsiteY0" fmla="*/ 0 h 930846"/>
                <a:gd name="connsiteX1" fmla="*/ 154 w 431041"/>
                <a:gd name="connsiteY1" fmla="*/ 85520 h 930846"/>
                <a:gd name="connsiteX2" fmla="*/ 3444 w 431041"/>
                <a:gd name="connsiteY2" fmla="*/ 184196 h 930846"/>
                <a:gd name="connsiteX3" fmla="*/ 16600 w 431041"/>
                <a:gd name="connsiteY3" fmla="*/ 203931 h 930846"/>
                <a:gd name="connsiteX4" fmla="*/ 23179 w 431041"/>
                <a:gd name="connsiteY4" fmla="*/ 213799 h 930846"/>
                <a:gd name="connsiteX5" fmla="*/ 33047 w 431041"/>
                <a:gd name="connsiteY5" fmla="*/ 246691 h 930846"/>
                <a:gd name="connsiteX6" fmla="*/ 36336 w 431041"/>
                <a:gd name="connsiteY6" fmla="*/ 256559 h 930846"/>
                <a:gd name="connsiteX7" fmla="*/ 46203 w 431041"/>
                <a:gd name="connsiteY7" fmla="*/ 279583 h 930846"/>
                <a:gd name="connsiteX8" fmla="*/ 72517 w 431041"/>
                <a:gd name="connsiteY8" fmla="*/ 299318 h 930846"/>
                <a:gd name="connsiteX9" fmla="*/ 82385 w 431041"/>
                <a:gd name="connsiteY9" fmla="*/ 302608 h 930846"/>
                <a:gd name="connsiteX10" fmla="*/ 92252 w 431041"/>
                <a:gd name="connsiteY10" fmla="*/ 309186 h 930846"/>
                <a:gd name="connsiteX11" fmla="*/ 92252 w 431041"/>
                <a:gd name="connsiteY11" fmla="*/ 480225 h 930846"/>
                <a:gd name="connsiteX12" fmla="*/ 85674 w 431041"/>
                <a:gd name="connsiteY12" fmla="*/ 499960 h 930846"/>
                <a:gd name="connsiteX13" fmla="*/ 82385 w 431041"/>
                <a:gd name="connsiteY13" fmla="*/ 513117 h 930846"/>
                <a:gd name="connsiteX14" fmla="*/ 72517 w 431041"/>
                <a:gd name="connsiteY14" fmla="*/ 542720 h 930846"/>
                <a:gd name="connsiteX15" fmla="*/ 65939 w 431041"/>
                <a:gd name="connsiteY15" fmla="*/ 562455 h 930846"/>
                <a:gd name="connsiteX16" fmla="*/ 62649 w 431041"/>
                <a:gd name="connsiteY16" fmla="*/ 572323 h 930846"/>
                <a:gd name="connsiteX17" fmla="*/ 65939 w 431041"/>
                <a:gd name="connsiteY17" fmla="*/ 598636 h 930846"/>
                <a:gd name="connsiteX18" fmla="*/ 95542 w 431041"/>
                <a:gd name="connsiteY18" fmla="*/ 621661 h 930846"/>
                <a:gd name="connsiteX19" fmla="*/ 131723 w 431041"/>
                <a:gd name="connsiteY19" fmla="*/ 651264 h 930846"/>
                <a:gd name="connsiteX20" fmla="*/ 167904 w 431041"/>
                <a:gd name="connsiteY20" fmla="*/ 680867 h 930846"/>
                <a:gd name="connsiteX21" fmla="*/ 174483 w 431041"/>
                <a:gd name="connsiteY21" fmla="*/ 687445 h 930846"/>
                <a:gd name="connsiteX22" fmla="*/ 190929 w 431041"/>
                <a:gd name="connsiteY22" fmla="*/ 700602 h 930846"/>
                <a:gd name="connsiteX23" fmla="*/ 217242 w 431041"/>
                <a:gd name="connsiteY23" fmla="*/ 720337 h 930846"/>
                <a:gd name="connsiteX24" fmla="*/ 236977 w 431041"/>
                <a:gd name="connsiteY24" fmla="*/ 736783 h 930846"/>
                <a:gd name="connsiteX25" fmla="*/ 246845 w 431041"/>
                <a:gd name="connsiteY25" fmla="*/ 740072 h 930846"/>
                <a:gd name="connsiteX26" fmla="*/ 276448 w 431041"/>
                <a:gd name="connsiteY26" fmla="*/ 759808 h 930846"/>
                <a:gd name="connsiteX27" fmla="*/ 286316 w 431041"/>
                <a:gd name="connsiteY27" fmla="*/ 763097 h 930846"/>
                <a:gd name="connsiteX28" fmla="*/ 312629 w 431041"/>
                <a:gd name="connsiteY28" fmla="*/ 782832 h 930846"/>
                <a:gd name="connsiteX29" fmla="*/ 338943 w 431041"/>
                <a:gd name="connsiteY29" fmla="*/ 805857 h 930846"/>
                <a:gd name="connsiteX30" fmla="*/ 365257 w 431041"/>
                <a:gd name="connsiteY30" fmla="*/ 825592 h 930846"/>
                <a:gd name="connsiteX31" fmla="*/ 375124 w 431041"/>
                <a:gd name="connsiteY31" fmla="*/ 845327 h 930846"/>
                <a:gd name="connsiteX32" fmla="*/ 394859 w 431041"/>
                <a:gd name="connsiteY32" fmla="*/ 878219 h 930846"/>
                <a:gd name="connsiteX33" fmla="*/ 401438 w 431041"/>
                <a:gd name="connsiteY33" fmla="*/ 884798 h 930846"/>
                <a:gd name="connsiteX34" fmla="*/ 414595 w 431041"/>
                <a:gd name="connsiteY34" fmla="*/ 904533 h 930846"/>
                <a:gd name="connsiteX35" fmla="*/ 421173 w 431041"/>
                <a:gd name="connsiteY35" fmla="*/ 914400 h 930846"/>
                <a:gd name="connsiteX36" fmla="*/ 431041 w 431041"/>
                <a:gd name="connsiteY36" fmla="*/ 930846 h 930846"/>
                <a:gd name="connsiteX0" fmla="*/ 6733 w 421173"/>
                <a:gd name="connsiteY0" fmla="*/ 0 h 914400"/>
                <a:gd name="connsiteX1" fmla="*/ 154 w 421173"/>
                <a:gd name="connsiteY1" fmla="*/ 85520 h 914400"/>
                <a:gd name="connsiteX2" fmla="*/ 3444 w 421173"/>
                <a:gd name="connsiteY2" fmla="*/ 184196 h 914400"/>
                <a:gd name="connsiteX3" fmla="*/ 16600 w 421173"/>
                <a:gd name="connsiteY3" fmla="*/ 203931 h 914400"/>
                <a:gd name="connsiteX4" fmla="*/ 23179 w 421173"/>
                <a:gd name="connsiteY4" fmla="*/ 213799 h 914400"/>
                <a:gd name="connsiteX5" fmla="*/ 33047 w 421173"/>
                <a:gd name="connsiteY5" fmla="*/ 246691 h 914400"/>
                <a:gd name="connsiteX6" fmla="*/ 36336 w 421173"/>
                <a:gd name="connsiteY6" fmla="*/ 256559 h 914400"/>
                <a:gd name="connsiteX7" fmla="*/ 46203 w 421173"/>
                <a:gd name="connsiteY7" fmla="*/ 279583 h 914400"/>
                <a:gd name="connsiteX8" fmla="*/ 72517 w 421173"/>
                <a:gd name="connsiteY8" fmla="*/ 299318 h 914400"/>
                <a:gd name="connsiteX9" fmla="*/ 82385 w 421173"/>
                <a:gd name="connsiteY9" fmla="*/ 302608 h 914400"/>
                <a:gd name="connsiteX10" fmla="*/ 92252 w 421173"/>
                <a:gd name="connsiteY10" fmla="*/ 309186 h 914400"/>
                <a:gd name="connsiteX11" fmla="*/ 92252 w 421173"/>
                <a:gd name="connsiteY11" fmla="*/ 480225 h 914400"/>
                <a:gd name="connsiteX12" fmla="*/ 85674 w 421173"/>
                <a:gd name="connsiteY12" fmla="*/ 499960 h 914400"/>
                <a:gd name="connsiteX13" fmla="*/ 82385 w 421173"/>
                <a:gd name="connsiteY13" fmla="*/ 513117 h 914400"/>
                <a:gd name="connsiteX14" fmla="*/ 72517 w 421173"/>
                <a:gd name="connsiteY14" fmla="*/ 542720 h 914400"/>
                <a:gd name="connsiteX15" fmla="*/ 65939 w 421173"/>
                <a:gd name="connsiteY15" fmla="*/ 562455 h 914400"/>
                <a:gd name="connsiteX16" fmla="*/ 62649 w 421173"/>
                <a:gd name="connsiteY16" fmla="*/ 572323 h 914400"/>
                <a:gd name="connsiteX17" fmla="*/ 65939 w 421173"/>
                <a:gd name="connsiteY17" fmla="*/ 598636 h 914400"/>
                <a:gd name="connsiteX18" fmla="*/ 95542 w 421173"/>
                <a:gd name="connsiteY18" fmla="*/ 621661 h 914400"/>
                <a:gd name="connsiteX19" fmla="*/ 131723 w 421173"/>
                <a:gd name="connsiteY19" fmla="*/ 651264 h 914400"/>
                <a:gd name="connsiteX20" fmla="*/ 167904 w 421173"/>
                <a:gd name="connsiteY20" fmla="*/ 680867 h 914400"/>
                <a:gd name="connsiteX21" fmla="*/ 174483 w 421173"/>
                <a:gd name="connsiteY21" fmla="*/ 687445 h 914400"/>
                <a:gd name="connsiteX22" fmla="*/ 190929 w 421173"/>
                <a:gd name="connsiteY22" fmla="*/ 700602 h 914400"/>
                <a:gd name="connsiteX23" fmla="*/ 217242 w 421173"/>
                <a:gd name="connsiteY23" fmla="*/ 720337 h 914400"/>
                <a:gd name="connsiteX24" fmla="*/ 236977 w 421173"/>
                <a:gd name="connsiteY24" fmla="*/ 736783 h 914400"/>
                <a:gd name="connsiteX25" fmla="*/ 246845 w 421173"/>
                <a:gd name="connsiteY25" fmla="*/ 740072 h 914400"/>
                <a:gd name="connsiteX26" fmla="*/ 276448 w 421173"/>
                <a:gd name="connsiteY26" fmla="*/ 759808 h 914400"/>
                <a:gd name="connsiteX27" fmla="*/ 286316 w 421173"/>
                <a:gd name="connsiteY27" fmla="*/ 763097 h 914400"/>
                <a:gd name="connsiteX28" fmla="*/ 312629 w 421173"/>
                <a:gd name="connsiteY28" fmla="*/ 782832 h 914400"/>
                <a:gd name="connsiteX29" fmla="*/ 338943 w 421173"/>
                <a:gd name="connsiteY29" fmla="*/ 805857 h 914400"/>
                <a:gd name="connsiteX30" fmla="*/ 365257 w 421173"/>
                <a:gd name="connsiteY30" fmla="*/ 825592 h 914400"/>
                <a:gd name="connsiteX31" fmla="*/ 375124 w 421173"/>
                <a:gd name="connsiteY31" fmla="*/ 845327 h 914400"/>
                <a:gd name="connsiteX32" fmla="*/ 394859 w 421173"/>
                <a:gd name="connsiteY32" fmla="*/ 878219 h 914400"/>
                <a:gd name="connsiteX33" fmla="*/ 401438 w 421173"/>
                <a:gd name="connsiteY33" fmla="*/ 884798 h 914400"/>
                <a:gd name="connsiteX34" fmla="*/ 414595 w 421173"/>
                <a:gd name="connsiteY34" fmla="*/ 904533 h 914400"/>
                <a:gd name="connsiteX35" fmla="*/ 421173 w 421173"/>
                <a:gd name="connsiteY35" fmla="*/ 914400 h 914400"/>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2649 w 414595"/>
                <a:gd name="connsiteY16" fmla="*/ 572323 h 904533"/>
                <a:gd name="connsiteX17" fmla="*/ 65939 w 414595"/>
                <a:gd name="connsiteY17" fmla="*/ 598636 h 904533"/>
                <a:gd name="connsiteX18" fmla="*/ 95542 w 414595"/>
                <a:gd name="connsiteY18" fmla="*/ 621661 h 904533"/>
                <a:gd name="connsiteX19" fmla="*/ 131723 w 414595"/>
                <a:gd name="connsiteY19" fmla="*/ 651264 h 904533"/>
                <a:gd name="connsiteX20" fmla="*/ 167904 w 414595"/>
                <a:gd name="connsiteY20" fmla="*/ 680867 h 904533"/>
                <a:gd name="connsiteX21" fmla="*/ 174483 w 414595"/>
                <a:gd name="connsiteY21" fmla="*/ 687445 h 904533"/>
                <a:gd name="connsiteX22" fmla="*/ 190929 w 414595"/>
                <a:gd name="connsiteY22" fmla="*/ 700602 h 904533"/>
                <a:gd name="connsiteX23" fmla="*/ 217242 w 414595"/>
                <a:gd name="connsiteY23" fmla="*/ 720337 h 904533"/>
                <a:gd name="connsiteX24" fmla="*/ 236977 w 414595"/>
                <a:gd name="connsiteY24" fmla="*/ 736783 h 904533"/>
                <a:gd name="connsiteX25" fmla="*/ 246845 w 414595"/>
                <a:gd name="connsiteY25" fmla="*/ 740072 h 904533"/>
                <a:gd name="connsiteX26" fmla="*/ 276448 w 414595"/>
                <a:gd name="connsiteY26" fmla="*/ 759808 h 904533"/>
                <a:gd name="connsiteX27" fmla="*/ 286316 w 414595"/>
                <a:gd name="connsiteY27" fmla="*/ 763097 h 904533"/>
                <a:gd name="connsiteX28" fmla="*/ 312629 w 414595"/>
                <a:gd name="connsiteY28" fmla="*/ 782832 h 904533"/>
                <a:gd name="connsiteX29" fmla="*/ 338943 w 414595"/>
                <a:gd name="connsiteY29" fmla="*/ 805857 h 904533"/>
                <a:gd name="connsiteX30" fmla="*/ 365257 w 414595"/>
                <a:gd name="connsiteY30" fmla="*/ 825592 h 904533"/>
                <a:gd name="connsiteX31" fmla="*/ 375124 w 414595"/>
                <a:gd name="connsiteY31" fmla="*/ 845327 h 904533"/>
                <a:gd name="connsiteX32" fmla="*/ 394859 w 414595"/>
                <a:gd name="connsiteY32" fmla="*/ 878219 h 904533"/>
                <a:gd name="connsiteX33" fmla="*/ 401438 w 414595"/>
                <a:gd name="connsiteY33" fmla="*/ 884798 h 904533"/>
                <a:gd name="connsiteX34" fmla="*/ 414595 w 414595"/>
                <a:gd name="connsiteY34"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5939 w 414595"/>
                <a:gd name="connsiteY16" fmla="*/ 598636 h 904533"/>
                <a:gd name="connsiteX17" fmla="*/ 95542 w 414595"/>
                <a:gd name="connsiteY17" fmla="*/ 621661 h 904533"/>
                <a:gd name="connsiteX18" fmla="*/ 131723 w 414595"/>
                <a:gd name="connsiteY18" fmla="*/ 651264 h 904533"/>
                <a:gd name="connsiteX19" fmla="*/ 167904 w 414595"/>
                <a:gd name="connsiteY19" fmla="*/ 680867 h 904533"/>
                <a:gd name="connsiteX20" fmla="*/ 174483 w 414595"/>
                <a:gd name="connsiteY20" fmla="*/ 687445 h 904533"/>
                <a:gd name="connsiteX21" fmla="*/ 190929 w 414595"/>
                <a:gd name="connsiteY21" fmla="*/ 700602 h 904533"/>
                <a:gd name="connsiteX22" fmla="*/ 217242 w 414595"/>
                <a:gd name="connsiteY22" fmla="*/ 720337 h 904533"/>
                <a:gd name="connsiteX23" fmla="*/ 236977 w 414595"/>
                <a:gd name="connsiteY23" fmla="*/ 736783 h 904533"/>
                <a:gd name="connsiteX24" fmla="*/ 246845 w 414595"/>
                <a:gd name="connsiteY24" fmla="*/ 740072 h 904533"/>
                <a:gd name="connsiteX25" fmla="*/ 276448 w 414595"/>
                <a:gd name="connsiteY25" fmla="*/ 759808 h 904533"/>
                <a:gd name="connsiteX26" fmla="*/ 286316 w 414595"/>
                <a:gd name="connsiteY26" fmla="*/ 763097 h 904533"/>
                <a:gd name="connsiteX27" fmla="*/ 312629 w 414595"/>
                <a:gd name="connsiteY27" fmla="*/ 782832 h 904533"/>
                <a:gd name="connsiteX28" fmla="*/ 338943 w 414595"/>
                <a:gd name="connsiteY28" fmla="*/ 805857 h 904533"/>
                <a:gd name="connsiteX29" fmla="*/ 365257 w 414595"/>
                <a:gd name="connsiteY29" fmla="*/ 825592 h 904533"/>
                <a:gd name="connsiteX30" fmla="*/ 375124 w 414595"/>
                <a:gd name="connsiteY30" fmla="*/ 845327 h 904533"/>
                <a:gd name="connsiteX31" fmla="*/ 394859 w 414595"/>
                <a:gd name="connsiteY31" fmla="*/ 878219 h 904533"/>
                <a:gd name="connsiteX32" fmla="*/ 401438 w 414595"/>
                <a:gd name="connsiteY32" fmla="*/ 884798 h 904533"/>
                <a:gd name="connsiteX33" fmla="*/ 414595 w 414595"/>
                <a:gd name="connsiteY33"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95542 w 414595"/>
                <a:gd name="connsiteY16" fmla="*/ 621661 h 904533"/>
                <a:gd name="connsiteX17" fmla="*/ 131723 w 414595"/>
                <a:gd name="connsiteY17" fmla="*/ 651264 h 904533"/>
                <a:gd name="connsiteX18" fmla="*/ 167904 w 414595"/>
                <a:gd name="connsiteY18" fmla="*/ 680867 h 904533"/>
                <a:gd name="connsiteX19" fmla="*/ 174483 w 414595"/>
                <a:gd name="connsiteY19" fmla="*/ 687445 h 904533"/>
                <a:gd name="connsiteX20" fmla="*/ 190929 w 414595"/>
                <a:gd name="connsiteY20" fmla="*/ 700602 h 904533"/>
                <a:gd name="connsiteX21" fmla="*/ 217242 w 414595"/>
                <a:gd name="connsiteY21" fmla="*/ 720337 h 904533"/>
                <a:gd name="connsiteX22" fmla="*/ 236977 w 414595"/>
                <a:gd name="connsiteY22" fmla="*/ 736783 h 904533"/>
                <a:gd name="connsiteX23" fmla="*/ 246845 w 414595"/>
                <a:gd name="connsiteY23" fmla="*/ 740072 h 904533"/>
                <a:gd name="connsiteX24" fmla="*/ 276448 w 414595"/>
                <a:gd name="connsiteY24" fmla="*/ 759808 h 904533"/>
                <a:gd name="connsiteX25" fmla="*/ 286316 w 414595"/>
                <a:gd name="connsiteY25" fmla="*/ 763097 h 904533"/>
                <a:gd name="connsiteX26" fmla="*/ 312629 w 414595"/>
                <a:gd name="connsiteY26" fmla="*/ 782832 h 904533"/>
                <a:gd name="connsiteX27" fmla="*/ 338943 w 414595"/>
                <a:gd name="connsiteY27" fmla="*/ 805857 h 904533"/>
                <a:gd name="connsiteX28" fmla="*/ 365257 w 414595"/>
                <a:gd name="connsiteY28" fmla="*/ 825592 h 904533"/>
                <a:gd name="connsiteX29" fmla="*/ 375124 w 414595"/>
                <a:gd name="connsiteY29" fmla="*/ 845327 h 904533"/>
                <a:gd name="connsiteX30" fmla="*/ 394859 w 414595"/>
                <a:gd name="connsiteY30" fmla="*/ 878219 h 904533"/>
                <a:gd name="connsiteX31" fmla="*/ 401438 w 414595"/>
                <a:gd name="connsiteY31" fmla="*/ 884798 h 904533"/>
                <a:gd name="connsiteX32" fmla="*/ 414595 w 414595"/>
                <a:gd name="connsiteY32"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46552 w 414944"/>
                <a:gd name="connsiteY6" fmla="*/ 279583 h 904533"/>
                <a:gd name="connsiteX7" fmla="*/ 72866 w 414944"/>
                <a:gd name="connsiteY7" fmla="*/ 299318 h 904533"/>
                <a:gd name="connsiteX8" fmla="*/ 82734 w 414944"/>
                <a:gd name="connsiteY8" fmla="*/ 302608 h 904533"/>
                <a:gd name="connsiteX9" fmla="*/ 92601 w 414944"/>
                <a:gd name="connsiteY9" fmla="*/ 309186 h 904533"/>
                <a:gd name="connsiteX10" fmla="*/ 92601 w 414944"/>
                <a:gd name="connsiteY10" fmla="*/ 480225 h 904533"/>
                <a:gd name="connsiteX11" fmla="*/ 86023 w 414944"/>
                <a:gd name="connsiteY11" fmla="*/ 499960 h 904533"/>
                <a:gd name="connsiteX12" fmla="*/ 82734 w 414944"/>
                <a:gd name="connsiteY12" fmla="*/ 513117 h 904533"/>
                <a:gd name="connsiteX13" fmla="*/ 72866 w 414944"/>
                <a:gd name="connsiteY13" fmla="*/ 542720 h 904533"/>
                <a:gd name="connsiteX14" fmla="*/ 66288 w 414944"/>
                <a:gd name="connsiteY14" fmla="*/ 562455 h 904533"/>
                <a:gd name="connsiteX15" fmla="*/ 95891 w 414944"/>
                <a:gd name="connsiteY15" fmla="*/ 621661 h 904533"/>
                <a:gd name="connsiteX16" fmla="*/ 132072 w 414944"/>
                <a:gd name="connsiteY16" fmla="*/ 651264 h 904533"/>
                <a:gd name="connsiteX17" fmla="*/ 168253 w 414944"/>
                <a:gd name="connsiteY17" fmla="*/ 680867 h 904533"/>
                <a:gd name="connsiteX18" fmla="*/ 174832 w 414944"/>
                <a:gd name="connsiteY18" fmla="*/ 687445 h 904533"/>
                <a:gd name="connsiteX19" fmla="*/ 191278 w 414944"/>
                <a:gd name="connsiteY19" fmla="*/ 700602 h 904533"/>
                <a:gd name="connsiteX20" fmla="*/ 217591 w 414944"/>
                <a:gd name="connsiteY20" fmla="*/ 720337 h 904533"/>
                <a:gd name="connsiteX21" fmla="*/ 237326 w 414944"/>
                <a:gd name="connsiteY21" fmla="*/ 736783 h 904533"/>
                <a:gd name="connsiteX22" fmla="*/ 247194 w 414944"/>
                <a:gd name="connsiteY22" fmla="*/ 740072 h 904533"/>
                <a:gd name="connsiteX23" fmla="*/ 276797 w 414944"/>
                <a:gd name="connsiteY23" fmla="*/ 759808 h 904533"/>
                <a:gd name="connsiteX24" fmla="*/ 286665 w 414944"/>
                <a:gd name="connsiteY24" fmla="*/ 763097 h 904533"/>
                <a:gd name="connsiteX25" fmla="*/ 312978 w 414944"/>
                <a:gd name="connsiteY25" fmla="*/ 782832 h 904533"/>
                <a:gd name="connsiteX26" fmla="*/ 339292 w 414944"/>
                <a:gd name="connsiteY26" fmla="*/ 805857 h 904533"/>
                <a:gd name="connsiteX27" fmla="*/ 365606 w 414944"/>
                <a:gd name="connsiteY27" fmla="*/ 825592 h 904533"/>
                <a:gd name="connsiteX28" fmla="*/ 375473 w 414944"/>
                <a:gd name="connsiteY28" fmla="*/ 845327 h 904533"/>
                <a:gd name="connsiteX29" fmla="*/ 395208 w 414944"/>
                <a:gd name="connsiteY29" fmla="*/ 878219 h 904533"/>
                <a:gd name="connsiteX30" fmla="*/ 401787 w 414944"/>
                <a:gd name="connsiteY30" fmla="*/ 884798 h 904533"/>
                <a:gd name="connsiteX31" fmla="*/ 414944 w 414944"/>
                <a:gd name="connsiteY31"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82734 w 414944"/>
                <a:gd name="connsiteY7" fmla="*/ 302608 h 904533"/>
                <a:gd name="connsiteX8" fmla="*/ 92601 w 414944"/>
                <a:gd name="connsiteY8" fmla="*/ 309186 h 904533"/>
                <a:gd name="connsiteX9" fmla="*/ 92601 w 414944"/>
                <a:gd name="connsiteY9" fmla="*/ 480225 h 904533"/>
                <a:gd name="connsiteX10" fmla="*/ 86023 w 414944"/>
                <a:gd name="connsiteY10" fmla="*/ 499960 h 904533"/>
                <a:gd name="connsiteX11" fmla="*/ 82734 w 414944"/>
                <a:gd name="connsiteY11" fmla="*/ 513117 h 904533"/>
                <a:gd name="connsiteX12" fmla="*/ 72866 w 414944"/>
                <a:gd name="connsiteY12" fmla="*/ 542720 h 904533"/>
                <a:gd name="connsiteX13" fmla="*/ 66288 w 414944"/>
                <a:gd name="connsiteY13" fmla="*/ 562455 h 904533"/>
                <a:gd name="connsiteX14" fmla="*/ 95891 w 414944"/>
                <a:gd name="connsiteY14" fmla="*/ 621661 h 904533"/>
                <a:gd name="connsiteX15" fmla="*/ 132072 w 414944"/>
                <a:gd name="connsiteY15" fmla="*/ 651264 h 904533"/>
                <a:gd name="connsiteX16" fmla="*/ 168253 w 414944"/>
                <a:gd name="connsiteY16" fmla="*/ 680867 h 904533"/>
                <a:gd name="connsiteX17" fmla="*/ 174832 w 414944"/>
                <a:gd name="connsiteY17" fmla="*/ 687445 h 904533"/>
                <a:gd name="connsiteX18" fmla="*/ 191278 w 414944"/>
                <a:gd name="connsiteY18" fmla="*/ 700602 h 904533"/>
                <a:gd name="connsiteX19" fmla="*/ 217591 w 414944"/>
                <a:gd name="connsiteY19" fmla="*/ 720337 h 904533"/>
                <a:gd name="connsiteX20" fmla="*/ 237326 w 414944"/>
                <a:gd name="connsiteY20" fmla="*/ 736783 h 904533"/>
                <a:gd name="connsiteX21" fmla="*/ 247194 w 414944"/>
                <a:gd name="connsiteY21" fmla="*/ 740072 h 904533"/>
                <a:gd name="connsiteX22" fmla="*/ 276797 w 414944"/>
                <a:gd name="connsiteY22" fmla="*/ 759808 h 904533"/>
                <a:gd name="connsiteX23" fmla="*/ 286665 w 414944"/>
                <a:gd name="connsiteY23" fmla="*/ 763097 h 904533"/>
                <a:gd name="connsiteX24" fmla="*/ 312978 w 414944"/>
                <a:gd name="connsiteY24" fmla="*/ 782832 h 904533"/>
                <a:gd name="connsiteX25" fmla="*/ 339292 w 414944"/>
                <a:gd name="connsiteY25" fmla="*/ 805857 h 904533"/>
                <a:gd name="connsiteX26" fmla="*/ 365606 w 414944"/>
                <a:gd name="connsiteY26" fmla="*/ 825592 h 904533"/>
                <a:gd name="connsiteX27" fmla="*/ 375473 w 414944"/>
                <a:gd name="connsiteY27" fmla="*/ 845327 h 904533"/>
                <a:gd name="connsiteX28" fmla="*/ 395208 w 414944"/>
                <a:gd name="connsiteY28" fmla="*/ 878219 h 904533"/>
                <a:gd name="connsiteX29" fmla="*/ 401787 w 414944"/>
                <a:gd name="connsiteY29" fmla="*/ 884798 h 904533"/>
                <a:gd name="connsiteX30" fmla="*/ 414944 w 414944"/>
                <a:gd name="connsiteY30"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92601 w 414944"/>
                <a:gd name="connsiteY7" fmla="*/ 309186 h 904533"/>
                <a:gd name="connsiteX8" fmla="*/ 92601 w 414944"/>
                <a:gd name="connsiteY8" fmla="*/ 480225 h 904533"/>
                <a:gd name="connsiteX9" fmla="*/ 86023 w 414944"/>
                <a:gd name="connsiteY9" fmla="*/ 499960 h 904533"/>
                <a:gd name="connsiteX10" fmla="*/ 82734 w 414944"/>
                <a:gd name="connsiteY10" fmla="*/ 513117 h 904533"/>
                <a:gd name="connsiteX11" fmla="*/ 72866 w 414944"/>
                <a:gd name="connsiteY11" fmla="*/ 542720 h 904533"/>
                <a:gd name="connsiteX12" fmla="*/ 66288 w 414944"/>
                <a:gd name="connsiteY12" fmla="*/ 562455 h 904533"/>
                <a:gd name="connsiteX13" fmla="*/ 95891 w 414944"/>
                <a:gd name="connsiteY13" fmla="*/ 621661 h 904533"/>
                <a:gd name="connsiteX14" fmla="*/ 132072 w 414944"/>
                <a:gd name="connsiteY14" fmla="*/ 651264 h 904533"/>
                <a:gd name="connsiteX15" fmla="*/ 168253 w 414944"/>
                <a:gd name="connsiteY15" fmla="*/ 680867 h 904533"/>
                <a:gd name="connsiteX16" fmla="*/ 174832 w 414944"/>
                <a:gd name="connsiteY16" fmla="*/ 687445 h 904533"/>
                <a:gd name="connsiteX17" fmla="*/ 191278 w 414944"/>
                <a:gd name="connsiteY17" fmla="*/ 700602 h 904533"/>
                <a:gd name="connsiteX18" fmla="*/ 217591 w 414944"/>
                <a:gd name="connsiteY18" fmla="*/ 720337 h 904533"/>
                <a:gd name="connsiteX19" fmla="*/ 237326 w 414944"/>
                <a:gd name="connsiteY19" fmla="*/ 736783 h 904533"/>
                <a:gd name="connsiteX20" fmla="*/ 247194 w 414944"/>
                <a:gd name="connsiteY20" fmla="*/ 740072 h 904533"/>
                <a:gd name="connsiteX21" fmla="*/ 276797 w 414944"/>
                <a:gd name="connsiteY21" fmla="*/ 759808 h 904533"/>
                <a:gd name="connsiteX22" fmla="*/ 286665 w 414944"/>
                <a:gd name="connsiteY22" fmla="*/ 763097 h 904533"/>
                <a:gd name="connsiteX23" fmla="*/ 312978 w 414944"/>
                <a:gd name="connsiteY23" fmla="*/ 782832 h 904533"/>
                <a:gd name="connsiteX24" fmla="*/ 339292 w 414944"/>
                <a:gd name="connsiteY24" fmla="*/ 805857 h 904533"/>
                <a:gd name="connsiteX25" fmla="*/ 365606 w 414944"/>
                <a:gd name="connsiteY25" fmla="*/ 825592 h 904533"/>
                <a:gd name="connsiteX26" fmla="*/ 375473 w 414944"/>
                <a:gd name="connsiteY26" fmla="*/ 845327 h 904533"/>
                <a:gd name="connsiteX27" fmla="*/ 395208 w 414944"/>
                <a:gd name="connsiteY27" fmla="*/ 878219 h 904533"/>
                <a:gd name="connsiteX28" fmla="*/ 401787 w 414944"/>
                <a:gd name="connsiteY28" fmla="*/ 884798 h 904533"/>
                <a:gd name="connsiteX29" fmla="*/ 414944 w 414944"/>
                <a:gd name="connsiteY29" fmla="*/ 904533 h 904533"/>
                <a:gd name="connsiteX0" fmla="*/ 7082 w 414944"/>
                <a:gd name="connsiteY0" fmla="*/ 0 h 904533"/>
                <a:gd name="connsiteX1" fmla="*/ 503 w 414944"/>
                <a:gd name="connsiteY1" fmla="*/ 85520 h 904533"/>
                <a:gd name="connsiteX2" fmla="*/ 16949 w 414944"/>
                <a:gd name="connsiteY2" fmla="*/ 203931 h 904533"/>
                <a:gd name="connsiteX3" fmla="*/ 33396 w 414944"/>
                <a:gd name="connsiteY3" fmla="*/ 246691 h 904533"/>
                <a:gd name="connsiteX4" fmla="*/ 36685 w 414944"/>
                <a:gd name="connsiteY4" fmla="*/ 256559 h 904533"/>
                <a:gd name="connsiteX5" fmla="*/ 72866 w 414944"/>
                <a:gd name="connsiteY5" fmla="*/ 299318 h 904533"/>
                <a:gd name="connsiteX6" fmla="*/ 92601 w 414944"/>
                <a:gd name="connsiteY6" fmla="*/ 309186 h 904533"/>
                <a:gd name="connsiteX7" fmla="*/ 92601 w 414944"/>
                <a:gd name="connsiteY7" fmla="*/ 480225 h 904533"/>
                <a:gd name="connsiteX8" fmla="*/ 86023 w 414944"/>
                <a:gd name="connsiteY8" fmla="*/ 499960 h 904533"/>
                <a:gd name="connsiteX9" fmla="*/ 82734 w 414944"/>
                <a:gd name="connsiteY9" fmla="*/ 513117 h 904533"/>
                <a:gd name="connsiteX10" fmla="*/ 72866 w 414944"/>
                <a:gd name="connsiteY10" fmla="*/ 542720 h 904533"/>
                <a:gd name="connsiteX11" fmla="*/ 66288 w 414944"/>
                <a:gd name="connsiteY11" fmla="*/ 562455 h 904533"/>
                <a:gd name="connsiteX12" fmla="*/ 95891 w 414944"/>
                <a:gd name="connsiteY12" fmla="*/ 621661 h 904533"/>
                <a:gd name="connsiteX13" fmla="*/ 132072 w 414944"/>
                <a:gd name="connsiteY13" fmla="*/ 651264 h 904533"/>
                <a:gd name="connsiteX14" fmla="*/ 168253 w 414944"/>
                <a:gd name="connsiteY14" fmla="*/ 680867 h 904533"/>
                <a:gd name="connsiteX15" fmla="*/ 174832 w 414944"/>
                <a:gd name="connsiteY15" fmla="*/ 687445 h 904533"/>
                <a:gd name="connsiteX16" fmla="*/ 191278 w 414944"/>
                <a:gd name="connsiteY16" fmla="*/ 700602 h 904533"/>
                <a:gd name="connsiteX17" fmla="*/ 217591 w 414944"/>
                <a:gd name="connsiteY17" fmla="*/ 720337 h 904533"/>
                <a:gd name="connsiteX18" fmla="*/ 237326 w 414944"/>
                <a:gd name="connsiteY18" fmla="*/ 736783 h 904533"/>
                <a:gd name="connsiteX19" fmla="*/ 247194 w 414944"/>
                <a:gd name="connsiteY19" fmla="*/ 740072 h 904533"/>
                <a:gd name="connsiteX20" fmla="*/ 276797 w 414944"/>
                <a:gd name="connsiteY20" fmla="*/ 759808 h 904533"/>
                <a:gd name="connsiteX21" fmla="*/ 286665 w 414944"/>
                <a:gd name="connsiteY21" fmla="*/ 763097 h 904533"/>
                <a:gd name="connsiteX22" fmla="*/ 312978 w 414944"/>
                <a:gd name="connsiteY22" fmla="*/ 782832 h 904533"/>
                <a:gd name="connsiteX23" fmla="*/ 339292 w 414944"/>
                <a:gd name="connsiteY23" fmla="*/ 805857 h 904533"/>
                <a:gd name="connsiteX24" fmla="*/ 365606 w 414944"/>
                <a:gd name="connsiteY24" fmla="*/ 825592 h 904533"/>
                <a:gd name="connsiteX25" fmla="*/ 375473 w 414944"/>
                <a:gd name="connsiteY25" fmla="*/ 845327 h 904533"/>
                <a:gd name="connsiteX26" fmla="*/ 395208 w 414944"/>
                <a:gd name="connsiteY26" fmla="*/ 878219 h 904533"/>
                <a:gd name="connsiteX27" fmla="*/ 401787 w 414944"/>
                <a:gd name="connsiteY27" fmla="*/ 884798 h 904533"/>
                <a:gd name="connsiteX28" fmla="*/ 414944 w 414944"/>
                <a:gd name="connsiteY28" fmla="*/ 904533 h 9045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14944" h="904533">
                  <a:moveTo>
                    <a:pt x="7082" y="0"/>
                  </a:moveTo>
                  <a:cubicBezTo>
                    <a:pt x="1285" y="34788"/>
                    <a:pt x="-1141" y="51532"/>
                    <a:pt x="503" y="85520"/>
                  </a:cubicBezTo>
                  <a:cubicBezTo>
                    <a:pt x="2147" y="119508"/>
                    <a:pt x="11467" y="177069"/>
                    <a:pt x="16949" y="203931"/>
                  </a:cubicBezTo>
                  <a:cubicBezTo>
                    <a:pt x="22431" y="230793"/>
                    <a:pt x="30107" y="237920"/>
                    <a:pt x="33396" y="246691"/>
                  </a:cubicBezTo>
                  <a:cubicBezTo>
                    <a:pt x="36685" y="255462"/>
                    <a:pt x="30107" y="247788"/>
                    <a:pt x="36685" y="256559"/>
                  </a:cubicBezTo>
                  <a:cubicBezTo>
                    <a:pt x="43263" y="265330"/>
                    <a:pt x="63547" y="290547"/>
                    <a:pt x="72866" y="299318"/>
                  </a:cubicBezTo>
                  <a:cubicBezTo>
                    <a:pt x="82185" y="308089"/>
                    <a:pt x="89312" y="279035"/>
                    <a:pt x="92601" y="309186"/>
                  </a:cubicBezTo>
                  <a:cubicBezTo>
                    <a:pt x="112575" y="369096"/>
                    <a:pt x="100791" y="330073"/>
                    <a:pt x="92601" y="480225"/>
                  </a:cubicBezTo>
                  <a:cubicBezTo>
                    <a:pt x="92223" y="487149"/>
                    <a:pt x="87705" y="493233"/>
                    <a:pt x="86023" y="499960"/>
                  </a:cubicBezTo>
                  <a:cubicBezTo>
                    <a:pt x="84927" y="504346"/>
                    <a:pt x="84033" y="508787"/>
                    <a:pt x="82734" y="513117"/>
                  </a:cubicBezTo>
                  <a:cubicBezTo>
                    <a:pt x="79745" y="523080"/>
                    <a:pt x="76155" y="532852"/>
                    <a:pt x="72866" y="542720"/>
                  </a:cubicBezTo>
                  <a:lnTo>
                    <a:pt x="66288" y="562455"/>
                  </a:lnTo>
                  <a:lnTo>
                    <a:pt x="95891" y="621661"/>
                  </a:lnTo>
                  <a:cubicBezTo>
                    <a:pt x="117928" y="643698"/>
                    <a:pt x="120012" y="641396"/>
                    <a:pt x="132072" y="651264"/>
                  </a:cubicBezTo>
                  <a:lnTo>
                    <a:pt x="168253" y="680867"/>
                  </a:lnTo>
                  <a:cubicBezTo>
                    <a:pt x="175380" y="686897"/>
                    <a:pt x="170995" y="684156"/>
                    <a:pt x="174832" y="687445"/>
                  </a:cubicBezTo>
                  <a:cubicBezTo>
                    <a:pt x="178670" y="690734"/>
                    <a:pt x="184152" y="695120"/>
                    <a:pt x="191278" y="700602"/>
                  </a:cubicBezTo>
                  <a:cubicBezTo>
                    <a:pt x="198404" y="706084"/>
                    <a:pt x="209916" y="714307"/>
                    <a:pt x="217591" y="720337"/>
                  </a:cubicBezTo>
                  <a:cubicBezTo>
                    <a:pt x="225266" y="726367"/>
                    <a:pt x="217739" y="725591"/>
                    <a:pt x="237326" y="736783"/>
                  </a:cubicBezTo>
                  <a:cubicBezTo>
                    <a:pt x="240336" y="738503"/>
                    <a:pt x="243905" y="738976"/>
                    <a:pt x="247194" y="740072"/>
                  </a:cubicBezTo>
                  <a:lnTo>
                    <a:pt x="276797" y="759808"/>
                  </a:lnTo>
                  <a:cubicBezTo>
                    <a:pt x="279682" y="761731"/>
                    <a:pt x="283376" y="762001"/>
                    <a:pt x="286665" y="763097"/>
                  </a:cubicBezTo>
                  <a:cubicBezTo>
                    <a:pt x="292695" y="766934"/>
                    <a:pt x="304207" y="775705"/>
                    <a:pt x="312978" y="782832"/>
                  </a:cubicBezTo>
                  <a:cubicBezTo>
                    <a:pt x="321749" y="789959"/>
                    <a:pt x="330521" y="798730"/>
                    <a:pt x="339292" y="805857"/>
                  </a:cubicBezTo>
                  <a:cubicBezTo>
                    <a:pt x="348063" y="812984"/>
                    <a:pt x="350517" y="810503"/>
                    <a:pt x="365606" y="825592"/>
                  </a:cubicBezTo>
                  <a:cubicBezTo>
                    <a:pt x="371635" y="843680"/>
                    <a:pt x="365273" y="827476"/>
                    <a:pt x="375473" y="845327"/>
                  </a:cubicBezTo>
                  <a:cubicBezTo>
                    <a:pt x="382392" y="857436"/>
                    <a:pt x="384485" y="867496"/>
                    <a:pt x="395208" y="878219"/>
                  </a:cubicBezTo>
                  <a:cubicBezTo>
                    <a:pt x="397401" y="880412"/>
                    <a:pt x="399926" y="882317"/>
                    <a:pt x="401787" y="884798"/>
                  </a:cubicBezTo>
                  <a:cubicBezTo>
                    <a:pt x="406531" y="891123"/>
                    <a:pt x="410558" y="897955"/>
                    <a:pt x="414944" y="904533"/>
                  </a:cubicBezTo>
                </a:path>
              </a:pathLst>
            </a:custGeom>
            <a:noFill/>
            <a:ln w="76200">
              <a:solidFill>
                <a:srgbClr val="0033CC"/>
              </a:solidFill>
              <a:headEnd type="none" w="med" len="med"/>
              <a:tailEnd type="triangle" w="sm" len="sm"/>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1" name="Freeform 20"/>
            <p:cNvSpPr/>
            <p:nvPr/>
          </p:nvSpPr>
          <p:spPr bwMode="auto">
            <a:xfrm>
              <a:off x="4627917" y="1378177"/>
              <a:ext cx="1789406" cy="565745"/>
            </a:xfrm>
            <a:custGeom>
              <a:avLst/>
              <a:gdLst>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67669 w 1766352"/>
                <a:gd name="connsiteY43" fmla="*/ 115123 h 575612"/>
                <a:gd name="connsiteX44" fmla="*/ 1197272 w 1766352"/>
                <a:gd name="connsiteY44" fmla="*/ 101966 h 575612"/>
                <a:gd name="connsiteX45" fmla="*/ 1207140 w 1766352"/>
                <a:gd name="connsiteY45" fmla="*/ 98676 h 575612"/>
                <a:gd name="connsiteX46" fmla="*/ 1256478 w 1766352"/>
                <a:gd name="connsiteY46" fmla="*/ 101966 h 575612"/>
                <a:gd name="connsiteX47" fmla="*/ 1269634 w 1766352"/>
                <a:gd name="connsiteY47" fmla="*/ 105255 h 575612"/>
                <a:gd name="connsiteX48" fmla="*/ 1286081 w 1766352"/>
                <a:gd name="connsiteY48" fmla="*/ 108544 h 575612"/>
                <a:gd name="connsiteX49" fmla="*/ 1312394 w 1766352"/>
                <a:gd name="connsiteY49" fmla="*/ 115123 h 575612"/>
                <a:gd name="connsiteX50" fmla="*/ 1417649 w 1766352"/>
                <a:gd name="connsiteY50" fmla="*/ 124990 h 575612"/>
                <a:gd name="connsiteX51" fmla="*/ 1427517 w 1766352"/>
                <a:gd name="connsiteY51" fmla="*/ 131569 h 575612"/>
                <a:gd name="connsiteX52" fmla="*/ 1437384 w 1766352"/>
                <a:gd name="connsiteY52" fmla="*/ 134858 h 575612"/>
                <a:gd name="connsiteX53" fmla="*/ 1443963 w 1766352"/>
                <a:gd name="connsiteY53" fmla="*/ 144725 h 575612"/>
                <a:gd name="connsiteX54" fmla="*/ 1453830 w 1766352"/>
                <a:gd name="connsiteY54" fmla="*/ 148015 h 575612"/>
                <a:gd name="connsiteX55" fmla="*/ 1483433 w 1766352"/>
                <a:gd name="connsiteY55" fmla="*/ 157882 h 575612"/>
                <a:gd name="connsiteX56" fmla="*/ 1503168 w 1766352"/>
                <a:gd name="connsiteY56" fmla="*/ 164461 h 575612"/>
                <a:gd name="connsiteX57" fmla="*/ 1516325 w 1766352"/>
                <a:gd name="connsiteY57" fmla="*/ 167750 h 575612"/>
                <a:gd name="connsiteX58" fmla="*/ 1539350 w 1766352"/>
                <a:gd name="connsiteY58" fmla="*/ 180907 h 575612"/>
                <a:gd name="connsiteX59" fmla="*/ 1559085 w 1766352"/>
                <a:gd name="connsiteY59" fmla="*/ 187485 h 575612"/>
                <a:gd name="connsiteX60" fmla="*/ 1568952 w 1766352"/>
                <a:gd name="connsiteY60" fmla="*/ 190774 h 575612"/>
                <a:gd name="connsiteX61" fmla="*/ 1582109 w 1766352"/>
                <a:gd name="connsiteY61" fmla="*/ 207220 h 575612"/>
                <a:gd name="connsiteX62" fmla="*/ 1591977 w 1766352"/>
                <a:gd name="connsiteY62" fmla="*/ 226956 h 575612"/>
                <a:gd name="connsiteX63" fmla="*/ 1595266 w 1766352"/>
                <a:gd name="connsiteY63" fmla="*/ 253269 h 575612"/>
                <a:gd name="connsiteX64" fmla="*/ 1621580 w 1766352"/>
                <a:gd name="connsiteY64" fmla="*/ 273005 h 575612"/>
                <a:gd name="connsiteX65" fmla="*/ 1628158 w 1766352"/>
                <a:gd name="connsiteY65" fmla="*/ 282872 h 575612"/>
                <a:gd name="connsiteX66" fmla="*/ 1644604 w 1766352"/>
                <a:gd name="connsiteY66" fmla="*/ 292740 h 575612"/>
                <a:gd name="connsiteX67" fmla="*/ 1657761 w 1766352"/>
                <a:gd name="connsiteY67" fmla="*/ 312475 h 575612"/>
                <a:gd name="connsiteX68" fmla="*/ 1680786 w 1766352"/>
                <a:gd name="connsiteY68" fmla="*/ 328921 h 575612"/>
                <a:gd name="connsiteX69" fmla="*/ 1690653 w 1766352"/>
                <a:gd name="connsiteY69" fmla="*/ 335499 h 575612"/>
                <a:gd name="connsiteX70" fmla="*/ 1700521 w 1766352"/>
                <a:gd name="connsiteY70" fmla="*/ 345367 h 575612"/>
                <a:gd name="connsiteX71" fmla="*/ 1713678 w 1766352"/>
                <a:gd name="connsiteY71" fmla="*/ 355235 h 575612"/>
                <a:gd name="connsiteX72" fmla="*/ 1723545 w 1766352"/>
                <a:gd name="connsiteY72" fmla="*/ 368392 h 575612"/>
                <a:gd name="connsiteX73" fmla="*/ 1730124 w 1766352"/>
                <a:gd name="connsiteY73" fmla="*/ 374970 h 575612"/>
                <a:gd name="connsiteX74" fmla="*/ 1736702 w 1766352"/>
                <a:gd name="connsiteY74" fmla="*/ 394705 h 575612"/>
                <a:gd name="connsiteX75" fmla="*/ 1743281 w 1766352"/>
                <a:gd name="connsiteY75" fmla="*/ 401284 h 575612"/>
                <a:gd name="connsiteX76" fmla="*/ 1749859 w 1766352"/>
                <a:gd name="connsiteY76" fmla="*/ 411151 h 575612"/>
                <a:gd name="connsiteX77" fmla="*/ 1753148 w 1766352"/>
                <a:gd name="connsiteY77" fmla="*/ 421019 h 575612"/>
                <a:gd name="connsiteX78" fmla="*/ 1756437 w 1766352"/>
                <a:gd name="connsiteY78" fmla="*/ 450622 h 575612"/>
                <a:gd name="connsiteX79" fmla="*/ 1763016 w 1766352"/>
                <a:gd name="connsiteY79" fmla="*/ 460489 h 575612"/>
                <a:gd name="connsiteX80" fmla="*/ 1766305 w 1766352"/>
                <a:gd name="connsiteY80" fmla="*/ 470357 h 575612"/>
                <a:gd name="connsiteX81" fmla="*/ 1753148 w 1766352"/>
                <a:gd name="connsiteY81" fmla="*/ 493382 h 575612"/>
                <a:gd name="connsiteX82" fmla="*/ 1746570 w 1766352"/>
                <a:gd name="connsiteY82" fmla="*/ 522984 h 575612"/>
                <a:gd name="connsiteX83" fmla="*/ 1739991 w 1766352"/>
                <a:gd name="connsiteY83" fmla="*/ 532852 h 575612"/>
                <a:gd name="connsiteX84" fmla="*/ 1736702 w 1766352"/>
                <a:gd name="connsiteY84" fmla="*/ 542720 h 575612"/>
                <a:gd name="connsiteX85" fmla="*/ 1739991 w 1766352"/>
                <a:gd name="connsiteY85"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97272 w 1766352"/>
                <a:gd name="connsiteY43" fmla="*/ 101966 h 575612"/>
                <a:gd name="connsiteX44" fmla="*/ 1207140 w 1766352"/>
                <a:gd name="connsiteY44" fmla="*/ 98676 h 575612"/>
                <a:gd name="connsiteX45" fmla="*/ 1256478 w 1766352"/>
                <a:gd name="connsiteY45" fmla="*/ 101966 h 575612"/>
                <a:gd name="connsiteX46" fmla="*/ 1269634 w 1766352"/>
                <a:gd name="connsiteY46" fmla="*/ 105255 h 575612"/>
                <a:gd name="connsiteX47" fmla="*/ 1286081 w 1766352"/>
                <a:gd name="connsiteY47" fmla="*/ 108544 h 575612"/>
                <a:gd name="connsiteX48" fmla="*/ 1312394 w 1766352"/>
                <a:gd name="connsiteY48" fmla="*/ 115123 h 575612"/>
                <a:gd name="connsiteX49" fmla="*/ 1417649 w 1766352"/>
                <a:gd name="connsiteY49" fmla="*/ 124990 h 575612"/>
                <a:gd name="connsiteX50" fmla="*/ 1427517 w 1766352"/>
                <a:gd name="connsiteY50" fmla="*/ 131569 h 575612"/>
                <a:gd name="connsiteX51" fmla="*/ 1437384 w 1766352"/>
                <a:gd name="connsiteY51" fmla="*/ 134858 h 575612"/>
                <a:gd name="connsiteX52" fmla="*/ 1443963 w 1766352"/>
                <a:gd name="connsiteY52" fmla="*/ 144725 h 575612"/>
                <a:gd name="connsiteX53" fmla="*/ 1453830 w 1766352"/>
                <a:gd name="connsiteY53" fmla="*/ 148015 h 575612"/>
                <a:gd name="connsiteX54" fmla="*/ 1483433 w 1766352"/>
                <a:gd name="connsiteY54" fmla="*/ 157882 h 575612"/>
                <a:gd name="connsiteX55" fmla="*/ 1503168 w 1766352"/>
                <a:gd name="connsiteY55" fmla="*/ 164461 h 575612"/>
                <a:gd name="connsiteX56" fmla="*/ 1516325 w 1766352"/>
                <a:gd name="connsiteY56" fmla="*/ 167750 h 575612"/>
                <a:gd name="connsiteX57" fmla="*/ 1539350 w 1766352"/>
                <a:gd name="connsiteY57" fmla="*/ 180907 h 575612"/>
                <a:gd name="connsiteX58" fmla="*/ 1559085 w 1766352"/>
                <a:gd name="connsiteY58" fmla="*/ 187485 h 575612"/>
                <a:gd name="connsiteX59" fmla="*/ 1568952 w 1766352"/>
                <a:gd name="connsiteY59" fmla="*/ 190774 h 575612"/>
                <a:gd name="connsiteX60" fmla="*/ 1582109 w 1766352"/>
                <a:gd name="connsiteY60" fmla="*/ 207220 h 575612"/>
                <a:gd name="connsiteX61" fmla="*/ 1591977 w 1766352"/>
                <a:gd name="connsiteY61" fmla="*/ 226956 h 575612"/>
                <a:gd name="connsiteX62" fmla="*/ 1595266 w 1766352"/>
                <a:gd name="connsiteY62" fmla="*/ 253269 h 575612"/>
                <a:gd name="connsiteX63" fmla="*/ 1621580 w 1766352"/>
                <a:gd name="connsiteY63" fmla="*/ 273005 h 575612"/>
                <a:gd name="connsiteX64" fmla="*/ 1628158 w 1766352"/>
                <a:gd name="connsiteY64" fmla="*/ 282872 h 575612"/>
                <a:gd name="connsiteX65" fmla="*/ 1644604 w 1766352"/>
                <a:gd name="connsiteY65" fmla="*/ 292740 h 575612"/>
                <a:gd name="connsiteX66" fmla="*/ 1657761 w 1766352"/>
                <a:gd name="connsiteY66" fmla="*/ 312475 h 575612"/>
                <a:gd name="connsiteX67" fmla="*/ 1680786 w 1766352"/>
                <a:gd name="connsiteY67" fmla="*/ 328921 h 575612"/>
                <a:gd name="connsiteX68" fmla="*/ 1690653 w 1766352"/>
                <a:gd name="connsiteY68" fmla="*/ 335499 h 575612"/>
                <a:gd name="connsiteX69" fmla="*/ 1700521 w 1766352"/>
                <a:gd name="connsiteY69" fmla="*/ 345367 h 575612"/>
                <a:gd name="connsiteX70" fmla="*/ 1713678 w 1766352"/>
                <a:gd name="connsiteY70" fmla="*/ 355235 h 575612"/>
                <a:gd name="connsiteX71" fmla="*/ 1723545 w 1766352"/>
                <a:gd name="connsiteY71" fmla="*/ 368392 h 575612"/>
                <a:gd name="connsiteX72" fmla="*/ 1730124 w 1766352"/>
                <a:gd name="connsiteY72" fmla="*/ 374970 h 575612"/>
                <a:gd name="connsiteX73" fmla="*/ 1736702 w 1766352"/>
                <a:gd name="connsiteY73" fmla="*/ 394705 h 575612"/>
                <a:gd name="connsiteX74" fmla="*/ 1743281 w 1766352"/>
                <a:gd name="connsiteY74" fmla="*/ 401284 h 575612"/>
                <a:gd name="connsiteX75" fmla="*/ 1749859 w 1766352"/>
                <a:gd name="connsiteY75" fmla="*/ 411151 h 575612"/>
                <a:gd name="connsiteX76" fmla="*/ 1753148 w 1766352"/>
                <a:gd name="connsiteY76" fmla="*/ 421019 h 575612"/>
                <a:gd name="connsiteX77" fmla="*/ 1756437 w 1766352"/>
                <a:gd name="connsiteY77" fmla="*/ 450622 h 575612"/>
                <a:gd name="connsiteX78" fmla="*/ 1763016 w 1766352"/>
                <a:gd name="connsiteY78" fmla="*/ 460489 h 575612"/>
                <a:gd name="connsiteX79" fmla="*/ 1766305 w 1766352"/>
                <a:gd name="connsiteY79" fmla="*/ 470357 h 575612"/>
                <a:gd name="connsiteX80" fmla="*/ 1753148 w 1766352"/>
                <a:gd name="connsiteY80" fmla="*/ 493382 h 575612"/>
                <a:gd name="connsiteX81" fmla="*/ 1746570 w 1766352"/>
                <a:gd name="connsiteY81" fmla="*/ 522984 h 575612"/>
                <a:gd name="connsiteX82" fmla="*/ 1739991 w 1766352"/>
                <a:gd name="connsiteY82" fmla="*/ 532852 h 575612"/>
                <a:gd name="connsiteX83" fmla="*/ 1736702 w 1766352"/>
                <a:gd name="connsiteY83" fmla="*/ 542720 h 575612"/>
                <a:gd name="connsiteX84" fmla="*/ 1739991 w 1766352"/>
                <a:gd name="connsiteY84"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97272 w 1766352"/>
                <a:gd name="connsiteY42" fmla="*/ 101966 h 575612"/>
                <a:gd name="connsiteX43" fmla="*/ 1207140 w 1766352"/>
                <a:gd name="connsiteY43" fmla="*/ 98676 h 575612"/>
                <a:gd name="connsiteX44" fmla="*/ 1256478 w 1766352"/>
                <a:gd name="connsiteY44" fmla="*/ 101966 h 575612"/>
                <a:gd name="connsiteX45" fmla="*/ 1269634 w 1766352"/>
                <a:gd name="connsiteY45" fmla="*/ 105255 h 575612"/>
                <a:gd name="connsiteX46" fmla="*/ 1286081 w 1766352"/>
                <a:gd name="connsiteY46" fmla="*/ 108544 h 575612"/>
                <a:gd name="connsiteX47" fmla="*/ 1312394 w 1766352"/>
                <a:gd name="connsiteY47" fmla="*/ 115123 h 575612"/>
                <a:gd name="connsiteX48" fmla="*/ 1417649 w 1766352"/>
                <a:gd name="connsiteY48" fmla="*/ 124990 h 575612"/>
                <a:gd name="connsiteX49" fmla="*/ 1427517 w 1766352"/>
                <a:gd name="connsiteY49" fmla="*/ 131569 h 575612"/>
                <a:gd name="connsiteX50" fmla="*/ 1437384 w 1766352"/>
                <a:gd name="connsiteY50" fmla="*/ 134858 h 575612"/>
                <a:gd name="connsiteX51" fmla="*/ 1443963 w 1766352"/>
                <a:gd name="connsiteY51" fmla="*/ 144725 h 575612"/>
                <a:gd name="connsiteX52" fmla="*/ 1453830 w 1766352"/>
                <a:gd name="connsiteY52" fmla="*/ 148015 h 575612"/>
                <a:gd name="connsiteX53" fmla="*/ 1483433 w 1766352"/>
                <a:gd name="connsiteY53" fmla="*/ 157882 h 575612"/>
                <a:gd name="connsiteX54" fmla="*/ 1503168 w 1766352"/>
                <a:gd name="connsiteY54" fmla="*/ 164461 h 575612"/>
                <a:gd name="connsiteX55" fmla="*/ 1516325 w 1766352"/>
                <a:gd name="connsiteY55" fmla="*/ 167750 h 575612"/>
                <a:gd name="connsiteX56" fmla="*/ 1539350 w 1766352"/>
                <a:gd name="connsiteY56" fmla="*/ 180907 h 575612"/>
                <a:gd name="connsiteX57" fmla="*/ 1559085 w 1766352"/>
                <a:gd name="connsiteY57" fmla="*/ 187485 h 575612"/>
                <a:gd name="connsiteX58" fmla="*/ 1568952 w 1766352"/>
                <a:gd name="connsiteY58" fmla="*/ 190774 h 575612"/>
                <a:gd name="connsiteX59" fmla="*/ 1582109 w 1766352"/>
                <a:gd name="connsiteY59" fmla="*/ 207220 h 575612"/>
                <a:gd name="connsiteX60" fmla="*/ 1591977 w 1766352"/>
                <a:gd name="connsiteY60" fmla="*/ 226956 h 575612"/>
                <a:gd name="connsiteX61" fmla="*/ 1595266 w 1766352"/>
                <a:gd name="connsiteY61" fmla="*/ 253269 h 575612"/>
                <a:gd name="connsiteX62" fmla="*/ 1621580 w 1766352"/>
                <a:gd name="connsiteY62" fmla="*/ 273005 h 575612"/>
                <a:gd name="connsiteX63" fmla="*/ 1628158 w 1766352"/>
                <a:gd name="connsiteY63" fmla="*/ 282872 h 575612"/>
                <a:gd name="connsiteX64" fmla="*/ 1644604 w 1766352"/>
                <a:gd name="connsiteY64" fmla="*/ 292740 h 575612"/>
                <a:gd name="connsiteX65" fmla="*/ 1657761 w 1766352"/>
                <a:gd name="connsiteY65" fmla="*/ 312475 h 575612"/>
                <a:gd name="connsiteX66" fmla="*/ 1680786 w 1766352"/>
                <a:gd name="connsiteY66" fmla="*/ 328921 h 575612"/>
                <a:gd name="connsiteX67" fmla="*/ 1690653 w 1766352"/>
                <a:gd name="connsiteY67" fmla="*/ 335499 h 575612"/>
                <a:gd name="connsiteX68" fmla="*/ 1700521 w 1766352"/>
                <a:gd name="connsiteY68" fmla="*/ 345367 h 575612"/>
                <a:gd name="connsiteX69" fmla="*/ 1713678 w 1766352"/>
                <a:gd name="connsiteY69" fmla="*/ 355235 h 575612"/>
                <a:gd name="connsiteX70" fmla="*/ 1723545 w 1766352"/>
                <a:gd name="connsiteY70" fmla="*/ 368392 h 575612"/>
                <a:gd name="connsiteX71" fmla="*/ 1730124 w 1766352"/>
                <a:gd name="connsiteY71" fmla="*/ 374970 h 575612"/>
                <a:gd name="connsiteX72" fmla="*/ 1736702 w 1766352"/>
                <a:gd name="connsiteY72" fmla="*/ 394705 h 575612"/>
                <a:gd name="connsiteX73" fmla="*/ 1743281 w 1766352"/>
                <a:gd name="connsiteY73" fmla="*/ 401284 h 575612"/>
                <a:gd name="connsiteX74" fmla="*/ 1749859 w 1766352"/>
                <a:gd name="connsiteY74" fmla="*/ 411151 h 575612"/>
                <a:gd name="connsiteX75" fmla="*/ 1753148 w 1766352"/>
                <a:gd name="connsiteY75" fmla="*/ 421019 h 575612"/>
                <a:gd name="connsiteX76" fmla="*/ 1756437 w 1766352"/>
                <a:gd name="connsiteY76" fmla="*/ 450622 h 575612"/>
                <a:gd name="connsiteX77" fmla="*/ 1763016 w 1766352"/>
                <a:gd name="connsiteY77" fmla="*/ 460489 h 575612"/>
                <a:gd name="connsiteX78" fmla="*/ 1766305 w 1766352"/>
                <a:gd name="connsiteY78" fmla="*/ 470357 h 575612"/>
                <a:gd name="connsiteX79" fmla="*/ 1753148 w 1766352"/>
                <a:gd name="connsiteY79" fmla="*/ 493382 h 575612"/>
                <a:gd name="connsiteX80" fmla="*/ 1746570 w 1766352"/>
                <a:gd name="connsiteY80" fmla="*/ 522984 h 575612"/>
                <a:gd name="connsiteX81" fmla="*/ 1739991 w 1766352"/>
                <a:gd name="connsiteY81" fmla="*/ 532852 h 575612"/>
                <a:gd name="connsiteX82" fmla="*/ 1736702 w 1766352"/>
                <a:gd name="connsiteY82" fmla="*/ 542720 h 575612"/>
                <a:gd name="connsiteX83" fmla="*/ 1739991 w 1766352"/>
                <a:gd name="connsiteY83"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6702 w 1766352"/>
                <a:gd name="connsiteY81" fmla="*/ 542720 h 575612"/>
                <a:gd name="connsiteX82" fmla="*/ 1739991 w 1766352"/>
                <a:gd name="connsiteY82"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9991 w 1766352"/>
                <a:gd name="connsiteY81" fmla="*/ 575612 h 575612"/>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39991 w 1766352"/>
                <a:gd name="connsiteY80" fmla="*/ 532852 h 565745"/>
                <a:gd name="connsiteX81" fmla="*/ 1759726 w 1766352"/>
                <a:gd name="connsiteY81"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59726 w 1766352"/>
                <a:gd name="connsiteY80"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59726 w 1766352"/>
                <a:gd name="connsiteY79" fmla="*/ 565745 h 565745"/>
                <a:gd name="connsiteX0" fmla="*/ 0 w 1782827"/>
                <a:gd name="connsiteY0" fmla="*/ 0 h 565745"/>
                <a:gd name="connsiteX1" fmla="*/ 13157 w 1782827"/>
                <a:gd name="connsiteY1" fmla="*/ 42760 h 565745"/>
                <a:gd name="connsiteX2" fmla="*/ 23024 w 1782827"/>
                <a:gd name="connsiteY2" fmla="*/ 52628 h 565745"/>
                <a:gd name="connsiteX3" fmla="*/ 42760 w 1782827"/>
                <a:gd name="connsiteY3" fmla="*/ 59206 h 565745"/>
                <a:gd name="connsiteX4" fmla="*/ 52627 w 1782827"/>
                <a:gd name="connsiteY4" fmla="*/ 65784 h 565745"/>
                <a:gd name="connsiteX5" fmla="*/ 69073 w 1782827"/>
                <a:gd name="connsiteY5" fmla="*/ 72363 h 565745"/>
                <a:gd name="connsiteX6" fmla="*/ 88809 w 1782827"/>
                <a:gd name="connsiteY6" fmla="*/ 78941 h 565745"/>
                <a:gd name="connsiteX7" fmla="*/ 108544 w 1782827"/>
                <a:gd name="connsiteY7" fmla="*/ 85520 h 565745"/>
                <a:gd name="connsiteX8" fmla="*/ 118411 w 1782827"/>
                <a:gd name="connsiteY8" fmla="*/ 92098 h 565745"/>
                <a:gd name="connsiteX9" fmla="*/ 128279 w 1782827"/>
                <a:gd name="connsiteY9" fmla="*/ 95387 h 565745"/>
                <a:gd name="connsiteX10" fmla="*/ 148014 w 1782827"/>
                <a:gd name="connsiteY10" fmla="*/ 108544 h 565745"/>
                <a:gd name="connsiteX11" fmla="*/ 167750 w 1782827"/>
                <a:gd name="connsiteY11" fmla="*/ 115123 h 565745"/>
                <a:gd name="connsiteX12" fmla="*/ 220377 w 1782827"/>
                <a:gd name="connsiteY12" fmla="*/ 121701 h 565745"/>
                <a:gd name="connsiteX13" fmla="*/ 292740 w 1782827"/>
                <a:gd name="connsiteY13" fmla="*/ 115123 h 565745"/>
                <a:gd name="connsiteX14" fmla="*/ 312475 w 1782827"/>
                <a:gd name="connsiteY14" fmla="*/ 108544 h 565745"/>
                <a:gd name="connsiteX15" fmla="*/ 322342 w 1782827"/>
                <a:gd name="connsiteY15" fmla="*/ 105255 h 565745"/>
                <a:gd name="connsiteX16" fmla="*/ 335499 w 1782827"/>
                <a:gd name="connsiteY16" fmla="*/ 101966 h 565745"/>
                <a:gd name="connsiteX17" fmla="*/ 368391 w 1782827"/>
                <a:gd name="connsiteY17" fmla="*/ 92098 h 565745"/>
                <a:gd name="connsiteX18" fmla="*/ 401283 w 1782827"/>
                <a:gd name="connsiteY18" fmla="*/ 82230 h 565745"/>
                <a:gd name="connsiteX19" fmla="*/ 427597 w 1782827"/>
                <a:gd name="connsiteY19" fmla="*/ 75652 h 565745"/>
                <a:gd name="connsiteX20" fmla="*/ 467068 w 1782827"/>
                <a:gd name="connsiteY20" fmla="*/ 78941 h 565745"/>
                <a:gd name="connsiteX21" fmla="*/ 486803 w 1782827"/>
                <a:gd name="connsiteY21" fmla="*/ 85520 h 565745"/>
                <a:gd name="connsiteX22" fmla="*/ 496670 w 1782827"/>
                <a:gd name="connsiteY22" fmla="*/ 88809 h 565745"/>
                <a:gd name="connsiteX23" fmla="*/ 565744 w 1782827"/>
                <a:gd name="connsiteY23" fmla="*/ 82230 h 565745"/>
                <a:gd name="connsiteX24" fmla="*/ 585479 w 1782827"/>
                <a:gd name="connsiteY24" fmla="*/ 75652 h 565745"/>
                <a:gd name="connsiteX25" fmla="*/ 611793 w 1782827"/>
                <a:gd name="connsiteY25" fmla="*/ 72363 h 565745"/>
                <a:gd name="connsiteX26" fmla="*/ 657842 w 1782827"/>
                <a:gd name="connsiteY26" fmla="*/ 69074 h 565745"/>
                <a:gd name="connsiteX27" fmla="*/ 703891 w 1782827"/>
                <a:gd name="connsiteY27" fmla="*/ 72363 h 565745"/>
                <a:gd name="connsiteX28" fmla="*/ 723626 w 1782827"/>
                <a:gd name="connsiteY28" fmla="*/ 78941 h 565745"/>
                <a:gd name="connsiteX29" fmla="*/ 743361 w 1782827"/>
                <a:gd name="connsiteY29" fmla="*/ 82230 h 565745"/>
                <a:gd name="connsiteX30" fmla="*/ 786121 w 1782827"/>
                <a:gd name="connsiteY30" fmla="*/ 78941 h 565745"/>
                <a:gd name="connsiteX31" fmla="*/ 795988 w 1782827"/>
                <a:gd name="connsiteY31" fmla="*/ 75652 h 565745"/>
                <a:gd name="connsiteX32" fmla="*/ 815724 w 1782827"/>
                <a:gd name="connsiteY32" fmla="*/ 72363 h 565745"/>
                <a:gd name="connsiteX33" fmla="*/ 832170 w 1782827"/>
                <a:gd name="connsiteY33" fmla="*/ 65784 h 565745"/>
                <a:gd name="connsiteX34" fmla="*/ 871640 w 1782827"/>
                <a:gd name="connsiteY34" fmla="*/ 62495 h 565745"/>
                <a:gd name="connsiteX35" fmla="*/ 884797 w 1782827"/>
                <a:gd name="connsiteY35" fmla="*/ 59206 h 565745"/>
                <a:gd name="connsiteX36" fmla="*/ 970317 w 1782827"/>
                <a:gd name="connsiteY36" fmla="*/ 65784 h 565745"/>
                <a:gd name="connsiteX37" fmla="*/ 993341 w 1782827"/>
                <a:gd name="connsiteY37" fmla="*/ 72363 h 565745"/>
                <a:gd name="connsiteX38" fmla="*/ 1026233 w 1782827"/>
                <a:gd name="connsiteY38" fmla="*/ 78941 h 565745"/>
                <a:gd name="connsiteX39" fmla="*/ 1036101 w 1782827"/>
                <a:gd name="connsiteY39" fmla="*/ 82230 h 565745"/>
                <a:gd name="connsiteX40" fmla="*/ 1059125 w 1782827"/>
                <a:gd name="connsiteY40" fmla="*/ 88809 h 565745"/>
                <a:gd name="connsiteX41" fmla="*/ 1197272 w 1782827"/>
                <a:gd name="connsiteY41" fmla="*/ 101966 h 565745"/>
                <a:gd name="connsiteX42" fmla="*/ 1207140 w 1782827"/>
                <a:gd name="connsiteY42" fmla="*/ 98676 h 565745"/>
                <a:gd name="connsiteX43" fmla="*/ 1256478 w 1782827"/>
                <a:gd name="connsiteY43" fmla="*/ 101966 h 565745"/>
                <a:gd name="connsiteX44" fmla="*/ 1269634 w 1782827"/>
                <a:gd name="connsiteY44" fmla="*/ 105255 h 565745"/>
                <a:gd name="connsiteX45" fmla="*/ 1286081 w 1782827"/>
                <a:gd name="connsiteY45" fmla="*/ 108544 h 565745"/>
                <a:gd name="connsiteX46" fmla="*/ 1312394 w 1782827"/>
                <a:gd name="connsiteY46" fmla="*/ 115123 h 565745"/>
                <a:gd name="connsiteX47" fmla="*/ 1417649 w 1782827"/>
                <a:gd name="connsiteY47" fmla="*/ 124990 h 565745"/>
                <a:gd name="connsiteX48" fmla="*/ 1427517 w 1782827"/>
                <a:gd name="connsiteY48" fmla="*/ 131569 h 565745"/>
                <a:gd name="connsiteX49" fmla="*/ 1437384 w 1782827"/>
                <a:gd name="connsiteY49" fmla="*/ 134858 h 565745"/>
                <a:gd name="connsiteX50" fmla="*/ 1443963 w 1782827"/>
                <a:gd name="connsiteY50" fmla="*/ 144725 h 565745"/>
                <a:gd name="connsiteX51" fmla="*/ 1453830 w 1782827"/>
                <a:gd name="connsiteY51" fmla="*/ 148015 h 565745"/>
                <a:gd name="connsiteX52" fmla="*/ 1483433 w 1782827"/>
                <a:gd name="connsiteY52" fmla="*/ 157882 h 565745"/>
                <a:gd name="connsiteX53" fmla="*/ 1503168 w 1782827"/>
                <a:gd name="connsiteY53" fmla="*/ 164461 h 565745"/>
                <a:gd name="connsiteX54" fmla="*/ 1516325 w 1782827"/>
                <a:gd name="connsiteY54" fmla="*/ 167750 h 565745"/>
                <a:gd name="connsiteX55" fmla="*/ 1539350 w 1782827"/>
                <a:gd name="connsiteY55" fmla="*/ 180907 h 565745"/>
                <a:gd name="connsiteX56" fmla="*/ 1559085 w 1782827"/>
                <a:gd name="connsiteY56" fmla="*/ 187485 h 565745"/>
                <a:gd name="connsiteX57" fmla="*/ 1568952 w 1782827"/>
                <a:gd name="connsiteY57" fmla="*/ 190774 h 565745"/>
                <a:gd name="connsiteX58" fmla="*/ 1582109 w 1782827"/>
                <a:gd name="connsiteY58" fmla="*/ 207220 h 565745"/>
                <a:gd name="connsiteX59" fmla="*/ 1591977 w 1782827"/>
                <a:gd name="connsiteY59" fmla="*/ 226956 h 565745"/>
                <a:gd name="connsiteX60" fmla="*/ 1595266 w 1782827"/>
                <a:gd name="connsiteY60" fmla="*/ 253269 h 565745"/>
                <a:gd name="connsiteX61" fmla="*/ 1621580 w 1782827"/>
                <a:gd name="connsiteY61" fmla="*/ 273005 h 565745"/>
                <a:gd name="connsiteX62" fmla="*/ 1628158 w 1782827"/>
                <a:gd name="connsiteY62" fmla="*/ 282872 h 565745"/>
                <a:gd name="connsiteX63" fmla="*/ 1644604 w 1782827"/>
                <a:gd name="connsiteY63" fmla="*/ 292740 h 565745"/>
                <a:gd name="connsiteX64" fmla="*/ 1657761 w 1782827"/>
                <a:gd name="connsiteY64" fmla="*/ 312475 h 565745"/>
                <a:gd name="connsiteX65" fmla="*/ 1680786 w 1782827"/>
                <a:gd name="connsiteY65" fmla="*/ 328921 h 565745"/>
                <a:gd name="connsiteX66" fmla="*/ 1690653 w 1782827"/>
                <a:gd name="connsiteY66" fmla="*/ 335499 h 565745"/>
                <a:gd name="connsiteX67" fmla="*/ 1700521 w 1782827"/>
                <a:gd name="connsiteY67" fmla="*/ 345367 h 565745"/>
                <a:gd name="connsiteX68" fmla="*/ 1713678 w 1782827"/>
                <a:gd name="connsiteY68" fmla="*/ 355235 h 565745"/>
                <a:gd name="connsiteX69" fmla="*/ 1723545 w 1782827"/>
                <a:gd name="connsiteY69" fmla="*/ 368392 h 565745"/>
                <a:gd name="connsiteX70" fmla="*/ 1730124 w 1782827"/>
                <a:gd name="connsiteY70" fmla="*/ 374970 h 565745"/>
                <a:gd name="connsiteX71" fmla="*/ 1736702 w 1782827"/>
                <a:gd name="connsiteY71" fmla="*/ 394705 h 565745"/>
                <a:gd name="connsiteX72" fmla="*/ 1743281 w 1782827"/>
                <a:gd name="connsiteY72" fmla="*/ 401284 h 565745"/>
                <a:gd name="connsiteX73" fmla="*/ 1749859 w 1782827"/>
                <a:gd name="connsiteY73" fmla="*/ 411151 h 565745"/>
                <a:gd name="connsiteX74" fmla="*/ 1782750 w 1782827"/>
                <a:gd name="connsiteY74" fmla="*/ 427598 h 565745"/>
                <a:gd name="connsiteX75" fmla="*/ 1756437 w 1782827"/>
                <a:gd name="connsiteY75" fmla="*/ 450622 h 565745"/>
                <a:gd name="connsiteX76" fmla="*/ 1763016 w 1782827"/>
                <a:gd name="connsiteY76" fmla="*/ 460489 h 565745"/>
                <a:gd name="connsiteX77" fmla="*/ 1766305 w 1782827"/>
                <a:gd name="connsiteY77" fmla="*/ 470357 h 565745"/>
                <a:gd name="connsiteX78" fmla="*/ 1753148 w 1782827"/>
                <a:gd name="connsiteY78" fmla="*/ 493382 h 565745"/>
                <a:gd name="connsiteX79" fmla="*/ 1759726 w 1782827"/>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66305 w 1802969"/>
                <a:gd name="connsiteY77" fmla="*/ 470357 h 565745"/>
                <a:gd name="connsiteX78" fmla="*/ 1753148 w 1802969"/>
                <a:gd name="connsiteY78" fmla="*/ 493382 h 565745"/>
                <a:gd name="connsiteX79" fmla="*/ 1759726 w 1802969"/>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53148 w 1802969"/>
                <a:gd name="connsiteY77" fmla="*/ 493382 h 565745"/>
                <a:gd name="connsiteX78" fmla="*/ 1759726 w 1802969"/>
                <a:gd name="connsiteY78" fmla="*/ 565745 h 565745"/>
                <a:gd name="connsiteX0" fmla="*/ 0 w 1803415"/>
                <a:gd name="connsiteY0" fmla="*/ 0 h 565745"/>
                <a:gd name="connsiteX1" fmla="*/ 13157 w 1803415"/>
                <a:gd name="connsiteY1" fmla="*/ 42760 h 565745"/>
                <a:gd name="connsiteX2" fmla="*/ 23024 w 1803415"/>
                <a:gd name="connsiteY2" fmla="*/ 52628 h 565745"/>
                <a:gd name="connsiteX3" fmla="*/ 42760 w 1803415"/>
                <a:gd name="connsiteY3" fmla="*/ 59206 h 565745"/>
                <a:gd name="connsiteX4" fmla="*/ 52627 w 1803415"/>
                <a:gd name="connsiteY4" fmla="*/ 65784 h 565745"/>
                <a:gd name="connsiteX5" fmla="*/ 69073 w 1803415"/>
                <a:gd name="connsiteY5" fmla="*/ 72363 h 565745"/>
                <a:gd name="connsiteX6" fmla="*/ 88809 w 1803415"/>
                <a:gd name="connsiteY6" fmla="*/ 78941 h 565745"/>
                <a:gd name="connsiteX7" fmla="*/ 108544 w 1803415"/>
                <a:gd name="connsiteY7" fmla="*/ 85520 h 565745"/>
                <a:gd name="connsiteX8" fmla="*/ 118411 w 1803415"/>
                <a:gd name="connsiteY8" fmla="*/ 92098 h 565745"/>
                <a:gd name="connsiteX9" fmla="*/ 128279 w 1803415"/>
                <a:gd name="connsiteY9" fmla="*/ 95387 h 565745"/>
                <a:gd name="connsiteX10" fmla="*/ 148014 w 1803415"/>
                <a:gd name="connsiteY10" fmla="*/ 108544 h 565745"/>
                <a:gd name="connsiteX11" fmla="*/ 167750 w 1803415"/>
                <a:gd name="connsiteY11" fmla="*/ 115123 h 565745"/>
                <a:gd name="connsiteX12" fmla="*/ 220377 w 1803415"/>
                <a:gd name="connsiteY12" fmla="*/ 121701 h 565745"/>
                <a:gd name="connsiteX13" fmla="*/ 292740 w 1803415"/>
                <a:gd name="connsiteY13" fmla="*/ 115123 h 565745"/>
                <a:gd name="connsiteX14" fmla="*/ 312475 w 1803415"/>
                <a:gd name="connsiteY14" fmla="*/ 108544 h 565745"/>
                <a:gd name="connsiteX15" fmla="*/ 322342 w 1803415"/>
                <a:gd name="connsiteY15" fmla="*/ 105255 h 565745"/>
                <a:gd name="connsiteX16" fmla="*/ 335499 w 1803415"/>
                <a:gd name="connsiteY16" fmla="*/ 101966 h 565745"/>
                <a:gd name="connsiteX17" fmla="*/ 368391 w 1803415"/>
                <a:gd name="connsiteY17" fmla="*/ 92098 h 565745"/>
                <a:gd name="connsiteX18" fmla="*/ 401283 w 1803415"/>
                <a:gd name="connsiteY18" fmla="*/ 82230 h 565745"/>
                <a:gd name="connsiteX19" fmla="*/ 427597 w 1803415"/>
                <a:gd name="connsiteY19" fmla="*/ 75652 h 565745"/>
                <a:gd name="connsiteX20" fmla="*/ 467068 w 1803415"/>
                <a:gd name="connsiteY20" fmla="*/ 78941 h 565745"/>
                <a:gd name="connsiteX21" fmla="*/ 486803 w 1803415"/>
                <a:gd name="connsiteY21" fmla="*/ 85520 h 565745"/>
                <a:gd name="connsiteX22" fmla="*/ 496670 w 1803415"/>
                <a:gd name="connsiteY22" fmla="*/ 88809 h 565745"/>
                <a:gd name="connsiteX23" fmla="*/ 565744 w 1803415"/>
                <a:gd name="connsiteY23" fmla="*/ 82230 h 565745"/>
                <a:gd name="connsiteX24" fmla="*/ 585479 w 1803415"/>
                <a:gd name="connsiteY24" fmla="*/ 75652 h 565745"/>
                <a:gd name="connsiteX25" fmla="*/ 611793 w 1803415"/>
                <a:gd name="connsiteY25" fmla="*/ 72363 h 565745"/>
                <a:gd name="connsiteX26" fmla="*/ 657842 w 1803415"/>
                <a:gd name="connsiteY26" fmla="*/ 69074 h 565745"/>
                <a:gd name="connsiteX27" fmla="*/ 703891 w 1803415"/>
                <a:gd name="connsiteY27" fmla="*/ 72363 h 565745"/>
                <a:gd name="connsiteX28" fmla="*/ 723626 w 1803415"/>
                <a:gd name="connsiteY28" fmla="*/ 78941 h 565745"/>
                <a:gd name="connsiteX29" fmla="*/ 743361 w 1803415"/>
                <a:gd name="connsiteY29" fmla="*/ 82230 h 565745"/>
                <a:gd name="connsiteX30" fmla="*/ 786121 w 1803415"/>
                <a:gd name="connsiteY30" fmla="*/ 78941 h 565745"/>
                <a:gd name="connsiteX31" fmla="*/ 795988 w 1803415"/>
                <a:gd name="connsiteY31" fmla="*/ 75652 h 565745"/>
                <a:gd name="connsiteX32" fmla="*/ 815724 w 1803415"/>
                <a:gd name="connsiteY32" fmla="*/ 72363 h 565745"/>
                <a:gd name="connsiteX33" fmla="*/ 832170 w 1803415"/>
                <a:gd name="connsiteY33" fmla="*/ 65784 h 565745"/>
                <a:gd name="connsiteX34" fmla="*/ 871640 w 1803415"/>
                <a:gd name="connsiteY34" fmla="*/ 62495 h 565745"/>
                <a:gd name="connsiteX35" fmla="*/ 884797 w 1803415"/>
                <a:gd name="connsiteY35" fmla="*/ 59206 h 565745"/>
                <a:gd name="connsiteX36" fmla="*/ 970317 w 1803415"/>
                <a:gd name="connsiteY36" fmla="*/ 65784 h 565745"/>
                <a:gd name="connsiteX37" fmla="*/ 993341 w 1803415"/>
                <a:gd name="connsiteY37" fmla="*/ 72363 h 565745"/>
                <a:gd name="connsiteX38" fmla="*/ 1026233 w 1803415"/>
                <a:gd name="connsiteY38" fmla="*/ 78941 h 565745"/>
                <a:gd name="connsiteX39" fmla="*/ 1036101 w 1803415"/>
                <a:gd name="connsiteY39" fmla="*/ 82230 h 565745"/>
                <a:gd name="connsiteX40" fmla="*/ 1059125 w 1803415"/>
                <a:gd name="connsiteY40" fmla="*/ 88809 h 565745"/>
                <a:gd name="connsiteX41" fmla="*/ 1197272 w 1803415"/>
                <a:gd name="connsiteY41" fmla="*/ 101966 h 565745"/>
                <a:gd name="connsiteX42" fmla="*/ 1207140 w 1803415"/>
                <a:gd name="connsiteY42" fmla="*/ 98676 h 565745"/>
                <a:gd name="connsiteX43" fmla="*/ 1256478 w 1803415"/>
                <a:gd name="connsiteY43" fmla="*/ 101966 h 565745"/>
                <a:gd name="connsiteX44" fmla="*/ 1269634 w 1803415"/>
                <a:gd name="connsiteY44" fmla="*/ 105255 h 565745"/>
                <a:gd name="connsiteX45" fmla="*/ 1286081 w 1803415"/>
                <a:gd name="connsiteY45" fmla="*/ 108544 h 565745"/>
                <a:gd name="connsiteX46" fmla="*/ 1312394 w 1803415"/>
                <a:gd name="connsiteY46" fmla="*/ 115123 h 565745"/>
                <a:gd name="connsiteX47" fmla="*/ 1417649 w 1803415"/>
                <a:gd name="connsiteY47" fmla="*/ 124990 h 565745"/>
                <a:gd name="connsiteX48" fmla="*/ 1427517 w 1803415"/>
                <a:gd name="connsiteY48" fmla="*/ 131569 h 565745"/>
                <a:gd name="connsiteX49" fmla="*/ 1437384 w 1803415"/>
                <a:gd name="connsiteY49" fmla="*/ 134858 h 565745"/>
                <a:gd name="connsiteX50" fmla="*/ 1443963 w 1803415"/>
                <a:gd name="connsiteY50" fmla="*/ 144725 h 565745"/>
                <a:gd name="connsiteX51" fmla="*/ 1453830 w 1803415"/>
                <a:gd name="connsiteY51" fmla="*/ 148015 h 565745"/>
                <a:gd name="connsiteX52" fmla="*/ 1483433 w 1803415"/>
                <a:gd name="connsiteY52" fmla="*/ 157882 h 565745"/>
                <a:gd name="connsiteX53" fmla="*/ 1503168 w 1803415"/>
                <a:gd name="connsiteY53" fmla="*/ 164461 h 565745"/>
                <a:gd name="connsiteX54" fmla="*/ 1516325 w 1803415"/>
                <a:gd name="connsiteY54" fmla="*/ 167750 h 565745"/>
                <a:gd name="connsiteX55" fmla="*/ 1539350 w 1803415"/>
                <a:gd name="connsiteY55" fmla="*/ 180907 h 565745"/>
                <a:gd name="connsiteX56" fmla="*/ 1559085 w 1803415"/>
                <a:gd name="connsiteY56" fmla="*/ 187485 h 565745"/>
                <a:gd name="connsiteX57" fmla="*/ 1568952 w 1803415"/>
                <a:gd name="connsiteY57" fmla="*/ 190774 h 565745"/>
                <a:gd name="connsiteX58" fmla="*/ 1582109 w 1803415"/>
                <a:gd name="connsiteY58" fmla="*/ 207220 h 565745"/>
                <a:gd name="connsiteX59" fmla="*/ 1591977 w 1803415"/>
                <a:gd name="connsiteY59" fmla="*/ 226956 h 565745"/>
                <a:gd name="connsiteX60" fmla="*/ 1595266 w 1803415"/>
                <a:gd name="connsiteY60" fmla="*/ 253269 h 565745"/>
                <a:gd name="connsiteX61" fmla="*/ 1621580 w 1803415"/>
                <a:gd name="connsiteY61" fmla="*/ 273005 h 565745"/>
                <a:gd name="connsiteX62" fmla="*/ 1628158 w 1803415"/>
                <a:gd name="connsiteY62" fmla="*/ 282872 h 565745"/>
                <a:gd name="connsiteX63" fmla="*/ 1644604 w 1803415"/>
                <a:gd name="connsiteY63" fmla="*/ 292740 h 565745"/>
                <a:gd name="connsiteX64" fmla="*/ 1657761 w 1803415"/>
                <a:gd name="connsiteY64" fmla="*/ 312475 h 565745"/>
                <a:gd name="connsiteX65" fmla="*/ 1680786 w 1803415"/>
                <a:gd name="connsiteY65" fmla="*/ 328921 h 565745"/>
                <a:gd name="connsiteX66" fmla="*/ 1690653 w 1803415"/>
                <a:gd name="connsiteY66" fmla="*/ 335499 h 565745"/>
                <a:gd name="connsiteX67" fmla="*/ 1700521 w 1803415"/>
                <a:gd name="connsiteY67" fmla="*/ 345367 h 565745"/>
                <a:gd name="connsiteX68" fmla="*/ 1713678 w 1803415"/>
                <a:gd name="connsiteY68" fmla="*/ 355235 h 565745"/>
                <a:gd name="connsiteX69" fmla="*/ 1723545 w 1803415"/>
                <a:gd name="connsiteY69" fmla="*/ 368392 h 565745"/>
                <a:gd name="connsiteX70" fmla="*/ 1730124 w 1803415"/>
                <a:gd name="connsiteY70" fmla="*/ 374970 h 565745"/>
                <a:gd name="connsiteX71" fmla="*/ 1736702 w 1803415"/>
                <a:gd name="connsiteY71" fmla="*/ 394705 h 565745"/>
                <a:gd name="connsiteX72" fmla="*/ 1743281 w 1803415"/>
                <a:gd name="connsiteY72" fmla="*/ 401284 h 565745"/>
                <a:gd name="connsiteX73" fmla="*/ 1749859 w 1803415"/>
                <a:gd name="connsiteY73" fmla="*/ 411151 h 565745"/>
                <a:gd name="connsiteX74" fmla="*/ 1782750 w 1803415"/>
                <a:gd name="connsiteY74" fmla="*/ 427598 h 565745"/>
                <a:gd name="connsiteX75" fmla="*/ 1802486 w 1803415"/>
                <a:gd name="connsiteY75" fmla="*/ 463778 h 565745"/>
                <a:gd name="connsiteX76" fmla="*/ 1753148 w 1803415"/>
                <a:gd name="connsiteY76" fmla="*/ 493382 h 565745"/>
                <a:gd name="connsiteX77" fmla="*/ 1759726 w 1803415"/>
                <a:gd name="connsiteY77" fmla="*/ 565745 h 565745"/>
                <a:gd name="connsiteX0" fmla="*/ 0 w 1803108"/>
                <a:gd name="connsiteY0" fmla="*/ 0 h 565745"/>
                <a:gd name="connsiteX1" fmla="*/ 13157 w 1803108"/>
                <a:gd name="connsiteY1" fmla="*/ 42760 h 565745"/>
                <a:gd name="connsiteX2" fmla="*/ 23024 w 1803108"/>
                <a:gd name="connsiteY2" fmla="*/ 52628 h 565745"/>
                <a:gd name="connsiteX3" fmla="*/ 42760 w 1803108"/>
                <a:gd name="connsiteY3" fmla="*/ 59206 h 565745"/>
                <a:gd name="connsiteX4" fmla="*/ 52627 w 1803108"/>
                <a:gd name="connsiteY4" fmla="*/ 65784 h 565745"/>
                <a:gd name="connsiteX5" fmla="*/ 69073 w 1803108"/>
                <a:gd name="connsiteY5" fmla="*/ 72363 h 565745"/>
                <a:gd name="connsiteX6" fmla="*/ 88809 w 1803108"/>
                <a:gd name="connsiteY6" fmla="*/ 78941 h 565745"/>
                <a:gd name="connsiteX7" fmla="*/ 108544 w 1803108"/>
                <a:gd name="connsiteY7" fmla="*/ 85520 h 565745"/>
                <a:gd name="connsiteX8" fmla="*/ 118411 w 1803108"/>
                <a:gd name="connsiteY8" fmla="*/ 92098 h 565745"/>
                <a:gd name="connsiteX9" fmla="*/ 128279 w 1803108"/>
                <a:gd name="connsiteY9" fmla="*/ 95387 h 565745"/>
                <a:gd name="connsiteX10" fmla="*/ 148014 w 1803108"/>
                <a:gd name="connsiteY10" fmla="*/ 108544 h 565745"/>
                <a:gd name="connsiteX11" fmla="*/ 167750 w 1803108"/>
                <a:gd name="connsiteY11" fmla="*/ 115123 h 565745"/>
                <a:gd name="connsiteX12" fmla="*/ 220377 w 1803108"/>
                <a:gd name="connsiteY12" fmla="*/ 121701 h 565745"/>
                <a:gd name="connsiteX13" fmla="*/ 292740 w 1803108"/>
                <a:gd name="connsiteY13" fmla="*/ 115123 h 565745"/>
                <a:gd name="connsiteX14" fmla="*/ 312475 w 1803108"/>
                <a:gd name="connsiteY14" fmla="*/ 108544 h 565745"/>
                <a:gd name="connsiteX15" fmla="*/ 322342 w 1803108"/>
                <a:gd name="connsiteY15" fmla="*/ 105255 h 565745"/>
                <a:gd name="connsiteX16" fmla="*/ 335499 w 1803108"/>
                <a:gd name="connsiteY16" fmla="*/ 101966 h 565745"/>
                <a:gd name="connsiteX17" fmla="*/ 368391 w 1803108"/>
                <a:gd name="connsiteY17" fmla="*/ 92098 h 565745"/>
                <a:gd name="connsiteX18" fmla="*/ 401283 w 1803108"/>
                <a:gd name="connsiteY18" fmla="*/ 82230 h 565745"/>
                <a:gd name="connsiteX19" fmla="*/ 427597 w 1803108"/>
                <a:gd name="connsiteY19" fmla="*/ 75652 h 565745"/>
                <a:gd name="connsiteX20" fmla="*/ 467068 w 1803108"/>
                <a:gd name="connsiteY20" fmla="*/ 78941 h 565745"/>
                <a:gd name="connsiteX21" fmla="*/ 486803 w 1803108"/>
                <a:gd name="connsiteY21" fmla="*/ 85520 h 565745"/>
                <a:gd name="connsiteX22" fmla="*/ 496670 w 1803108"/>
                <a:gd name="connsiteY22" fmla="*/ 88809 h 565745"/>
                <a:gd name="connsiteX23" fmla="*/ 565744 w 1803108"/>
                <a:gd name="connsiteY23" fmla="*/ 82230 h 565745"/>
                <a:gd name="connsiteX24" fmla="*/ 585479 w 1803108"/>
                <a:gd name="connsiteY24" fmla="*/ 75652 h 565745"/>
                <a:gd name="connsiteX25" fmla="*/ 611793 w 1803108"/>
                <a:gd name="connsiteY25" fmla="*/ 72363 h 565745"/>
                <a:gd name="connsiteX26" fmla="*/ 657842 w 1803108"/>
                <a:gd name="connsiteY26" fmla="*/ 69074 h 565745"/>
                <a:gd name="connsiteX27" fmla="*/ 703891 w 1803108"/>
                <a:gd name="connsiteY27" fmla="*/ 72363 h 565745"/>
                <a:gd name="connsiteX28" fmla="*/ 723626 w 1803108"/>
                <a:gd name="connsiteY28" fmla="*/ 78941 h 565745"/>
                <a:gd name="connsiteX29" fmla="*/ 743361 w 1803108"/>
                <a:gd name="connsiteY29" fmla="*/ 82230 h 565745"/>
                <a:gd name="connsiteX30" fmla="*/ 786121 w 1803108"/>
                <a:gd name="connsiteY30" fmla="*/ 78941 h 565745"/>
                <a:gd name="connsiteX31" fmla="*/ 795988 w 1803108"/>
                <a:gd name="connsiteY31" fmla="*/ 75652 h 565745"/>
                <a:gd name="connsiteX32" fmla="*/ 815724 w 1803108"/>
                <a:gd name="connsiteY32" fmla="*/ 72363 h 565745"/>
                <a:gd name="connsiteX33" fmla="*/ 832170 w 1803108"/>
                <a:gd name="connsiteY33" fmla="*/ 65784 h 565745"/>
                <a:gd name="connsiteX34" fmla="*/ 871640 w 1803108"/>
                <a:gd name="connsiteY34" fmla="*/ 62495 h 565745"/>
                <a:gd name="connsiteX35" fmla="*/ 884797 w 1803108"/>
                <a:gd name="connsiteY35" fmla="*/ 59206 h 565745"/>
                <a:gd name="connsiteX36" fmla="*/ 970317 w 1803108"/>
                <a:gd name="connsiteY36" fmla="*/ 65784 h 565745"/>
                <a:gd name="connsiteX37" fmla="*/ 993341 w 1803108"/>
                <a:gd name="connsiteY37" fmla="*/ 72363 h 565745"/>
                <a:gd name="connsiteX38" fmla="*/ 1026233 w 1803108"/>
                <a:gd name="connsiteY38" fmla="*/ 78941 h 565745"/>
                <a:gd name="connsiteX39" fmla="*/ 1036101 w 1803108"/>
                <a:gd name="connsiteY39" fmla="*/ 82230 h 565745"/>
                <a:gd name="connsiteX40" fmla="*/ 1059125 w 1803108"/>
                <a:gd name="connsiteY40" fmla="*/ 88809 h 565745"/>
                <a:gd name="connsiteX41" fmla="*/ 1197272 w 1803108"/>
                <a:gd name="connsiteY41" fmla="*/ 101966 h 565745"/>
                <a:gd name="connsiteX42" fmla="*/ 1207140 w 1803108"/>
                <a:gd name="connsiteY42" fmla="*/ 98676 h 565745"/>
                <a:gd name="connsiteX43" fmla="*/ 1256478 w 1803108"/>
                <a:gd name="connsiteY43" fmla="*/ 101966 h 565745"/>
                <a:gd name="connsiteX44" fmla="*/ 1269634 w 1803108"/>
                <a:gd name="connsiteY44" fmla="*/ 105255 h 565745"/>
                <a:gd name="connsiteX45" fmla="*/ 1286081 w 1803108"/>
                <a:gd name="connsiteY45" fmla="*/ 108544 h 565745"/>
                <a:gd name="connsiteX46" fmla="*/ 1312394 w 1803108"/>
                <a:gd name="connsiteY46" fmla="*/ 115123 h 565745"/>
                <a:gd name="connsiteX47" fmla="*/ 1417649 w 1803108"/>
                <a:gd name="connsiteY47" fmla="*/ 124990 h 565745"/>
                <a:gd name="connsiteX48" fmla="*/ 1427517 w 1803108"/>
                <a:gd name="connsiteY48" fmla="*/ 131569 h 565745"/>
                <a:gd name="connsiteX49" fmla="*/ 1437384 w 1803108"/>
                <a:gd name="connsiteY49" fmla="*/ 134858 h 565745"/>
                <a:gd name="connsiteX50" fmla="*/ 1443963 w 1803108"/>
                <a:gd name="connsiteY50" fmla="*/ 144725 h 565745"/>
                <a:gd name="connsiteX51" fmla="*/ 1453830 w 1803108"/>
                <a:gd name="connsiteY51" fmla="*/ 148015 h 565745"/>
                <a:gd name="connsiteX52" fmla="*/ 1483433 w 1803108"/>
                <a:gd name="connsiteY52" fmla="*/ 157882 h 565745"/>
                <a:gd name="connsiteX53" fmla="*/ 1503168 w 1803108"/>
                <a:gd name="connsiteY53" fmla="*/ 164461 h 565745"/>
                <a:gd name="connsiteX54" fmla="*/ 1516325 w 1803108"/>
                <a:gd name="connsiteY54" fmla="*/ 167750 h 565745"/>
                <a:gd name="connsiteX55" fmla="*/ 1539350 w 1803108"/>
                <a:gd name="connsiteY55" fmla="*/ 180907 h 565745"/>
                <a:gd name="connsiteX56" fmla="*/ 1559085 w 1803108"/>
                <a:gd name="connsiteY56" fmla="*/ 187485 h 565745"/>
                <a:gd name="connsiteX57" fmla="*/ 1568952 w 1803108"/>
                <a:gd name="connsiteY57" fmla="*/ 190774 h 565745"/>
                <a:gd name="connsiteX58" fmla="*/ 1582109 w 1803108"/>
                <a:gd name="connsiteY58" fmla="*/ 207220 h 565745"/>
                <a:gd name="connsiteX59" fmla="*/ 1591977 w 1803108"/>
                <a:gd name="connsiteY59" fmla="*/ 226956 h 565745"/>
                <a:gd name="connsiteX60" fmla="*/ 1595266 w 1803108"/>
                <a:gd name="connsiteY60" fmla="*/ 253269 h 565745"/>
                <a:gd name="connsiteX61" fmla="*/ 1621580 w 1803108"/>
                <a:gd name="connsiteY61" fmla="*/ 273005 h 565745"/>
                <a:gd name="connsiteX62" fmla="*/ 1628158 w 1803108"/>
                <a:gd name="connsiteY62" fmla="*/ 282872 h 565745"/>
                <a:gd name="connsiteX63" fmla="*/ 1644604 w 1803108"/>
                <a:gd name="connsiteY63" fmla="*/ 292740 h 565745"/>
                <a:gd name="connsiteX64" fmla="*/ 1657761 w 1803108"/>
                <a:gd name="connsiteY64" fmla="*/ 312475 h 565745"/>
                <a:gd name="connsiteX65" fmla="*/ 1680786 w 1803108"/>
                <a:gd name="connsiteY65" fmla="*/ 328921 h 565745"/>
                <a:gd name="connsiteX66" fmla="*/ 1690653 w 1803108"/>
                <a:gd name="connsiteY66" fmla="*/ 335499 h 565745"/>
                <a:gd name="connsiteX67" fmla="*/ 1700521 w 1803108"/>
                <a:gd name="connsiteY67" fmla="*/ 345367 h 565745"/>
                <a:gd name="connsiteX68" fmla="*/ 1713678 w 1803108"/>
                <a:gd name="connsiteY68" fmla="*/ 355235 h 565745"/>
                <a:gd name="connsiteX69" fmla="*/ 1723545 w 1803108"/>
                <a:gd name="connsiteY69" fmla="*/ 368392 h 565745"/>
                <a:gd name="connsiteX70" fmla="*/ 1730124 w 1803108"/>
                <a:gd name="connsiteY70" fmla="*/ 374970 h 565745"/>
                <a:gd name="connsiteX71" fmla="*/ 1736702 w 1803108"/>
                <a:gd name="connsiteY71" fmla="*/ 394705 h 565745"/>
                <a:gd name="connsiteX72" fmla="*/ 1743281 w 1803108"/>
                <a:gd name="connsiteY72" fmla="*/ 401284 h 565745"/>
                <a:gd name="connsiteX73" fmla="*/ 1749859 w 1803108"/>
                <a:gd name="connsiteY73" fmla="*/ 411151 h 565745"/>
                <a:gd name="connsiteX74" fmla="*/ 1782750 w 1803108"/>
                <a:gd name="connsiteY74" fmla="*/ 427598 h 565745"/>
                <a:gd name="connsiteX75" fmla="*/ 1802486 w 1803108"/>
                <a:gd name="connsiteY75" fmla="*/ 463778 h 565745"/>
                <a:gd name="connsiteX76" fmla="*/ 1759726 w 1803108"/>
                <a:gd name="connsiteY76" fmla="*/ 526274 h 565745"/>
                <a:gd name="connsiteX77" fmla="*/ 1759726 w 1803108"/>
                <a:gd name="connsiteY77" fmla="*/ 565745 h 565745"/>
                <a:gd name="connsiteX0" fmla="*/ 0 w 1803580"/>
                <a:gd name="connsiteY0" fmla="*/ 0 h 565745"/>
                <a:gd name="connsiteX1" fmla="*/ 13157 w 1803580"/>
                <a:gd name="connsiteY1" fmla="*/ 42760 h 565745"/>
                <a:gd name="connsiteX2" fmla="*/ 23024 w 1803580"/>
                <a:gd name="connsiteY2" fmla="*/ 52628 h 565745"/>
                <a:gd name="connsiteX3" fmla="*/ 42760 w 1803580"/>
                <a:gd name="connsiteY3" fmla="*/ 59206 h 565745"/>
                <a:gd name="connsiteX4" fmla="*/ 52627 w 1803580"/>
                <a:gd name="connsiteY4" fmla="*/ 65784 h 565745"/>
                <a:gd name="connsiteX5" fmla="*/ 69073 w 1803580"/>
                <a:gd name="connsiteY5" fmla="*/ 72363 h 565745"/>
                <a:gd name="connsiteX6" fmla="*/ 88809 w 1803580"/>
                <a:gd name="connsiteY6" fmla="*/ 78941 h 565745"/>
                <a:gd name="connsiteX7" fmla="*/ 108544 w 1803580"/>
                <a:gd name="connsiteY7" fmla="*/ 85520 h 565745"/>
                <a:gd name="connsiteX8" fmla="*/ 118411 w 1803580"/>
                <a:gd name="connsiteY8" fmla="*/ 92098 h 565745"/>
                <a:gd name="connsiteX9" fmla="*/ 128279 w 1803580"/>
                <a:gd name="connsiteY9" fmla="*/ 95387 h 565745"/>
                <a:gd name="connsiteX10" fmla="*/ 148014 w 1803580"/>
                <a:gd name="connsiteY10" fmla="*/ 108544 h 565745"/>
                <a:gd name="connsiteX11" fmla="*/ 167750 w 1803580"/>
                <a:gd name="connsiteY11" fmla="*/ 115123 h 565745"/>
                <a:gd name="connsiteX12" fmla="*/ 220377 w 1803580"/>
                <a:gd name="connsiteY12" fmla="*/ 121701 h 565745"/>
                <a:gd name="connsiteX13" fmla="*/ 292740 w 1803580"/>
                <a:gd name="connsiteY13" fmla="*/ 115123 h 565745"/>
                <a:gd name="connsiteX14" fmla="*/ 312475 w 1803580"/>
                <a:gd name="connsiteY14" fmla="*/ 108544 h 565745"/>
                <a:gd name="connsiteX15" fmla="*/ 322342 w 1803580"/>
                <a:gd name="connsiteY15" fmla="*/ 105255 h 565745"/>
                <a:gd name="connsiteX16" fmla="*/ 335499 w 1803580"/>
                <a:gd name="connsiteY16" fmla="*/ 101966 h 565745"/>
                <a:gd name="connsiteX17" fmla="*/ 368391 w 1803580"/>
                <a:gd name="connsiteY17" fmla="*/ 92098 h 565745"/>
                <a:gd name="connsiteX18" fmla="*/ 401283 w 1803580"/>
                <a:gd name="connsiteY18" fmla="*/ 82230 h 565745"/>
                <a:gd name="connsiteX19" fmla="*/ 427597 w 1803580"/>
                <a:gd name="connsiteY19" fmla="*/ 75652 h 565745"/>
                <a:gd name="connsiteX20" fmla="*/ 467068 w 1803580"/>
                <a:gd name="connsiteY20" fmla="*/ 78941 h 565745"/>
                <a:gd name="connsiteX21" fmla="*/ 486803 w 1803580"/>
                <a:gd name="connsiteY21" fmla="*/ 85520 h 565745"/>
                <a:gd name="connsiteX22" fmla="*/ 496670 w 1803580"/>
                <a:gd name="connsiteY22" fmla="*/ 88809 h 565745"/>
                <a:gd name="connsiteX23" fmla="*/ 565744 w 1803580"/>
                <a:gd name="connsiteY23" fmla="*/ 82230 h 565745"/>
                <a:gd name="connsiteX24" fmla="*/ 585479 w 1803580"/>
                <a:gd name="connsiteY24" fmla="*/ 75652 h 565745"/>
                <a:gd name="connsiteX25" fmla="*/ 611793 w 1803580"/>
                <a:gd name="connsiteY25" fmla="*/ 72363 h 565745"/>
                <a:gd name="connsiteX26" fmla="*/ 657842 w 1803580"/>
                <a:gd name="connsiteY26" fmla="*/ 69074 h 565745"/>
                <a:gd name="connsiteX27" fmla="*/ 703891 w 1803580"/>
                <a:gd name="connsiteY27" fmla="*/ 72363 h 565745"/>
                <a:gd name="connsiteX28" fmla="*/ 723626 w 1803580"/>
                <a:gd name="connsiteY28" fmla="*/ 78941 h 565745"/>
                <a:gd name="connsiteX29" fmla="*/ 743361 w 1803580"/>
                <a:gd name="connsiteY29" fmla="*/ 82230 h 565745"/>
                <a:gd name="connsiteX30" fmla="*/ 786121 w 1803580"/>
                <a:gd name="connsiteY30" fmla="*/ 78941 h 565745"/>
                <a:gd name="connsiteX31" fmla="*/ 795988 w 1803580"/>
                <a:gd name="connsiteY31" fmla="*/ 75652 h 565745"/>
                <a:gd name="connsiteX32" fmla="*/ 815724 w 1803580"/>
                <a:gd name="connsiteY32" fmla="*/ 72363 h 565745"/>
                <a:gd name="connsiteX33" fmla="*/ 832170 w 1803580"/>
                <a:gd name="connsiteY33" fmla="*/ 65784 h 565745"/>
                <a:gd name="connsiteX34" fmla="*/ 871640 w 1803580"/>
                <a:gd name="connsiteY34" fmla="*/ 62495 h 565745"/>
                <a:gd name="connsiteX35" fmla="*/ 884797 w 1803580"/>
                <a:gd name="connsiteY35" fmla="*/ 59206 h 565745"/>
                <a:gd name="connsiteX36" fmla="*/ 970317 w 1803580"/>
                <a:gd name="connsiteY36" fmla="*/ 65784 h 565745"/>
                <a:gd name="connsiteX37" fmla="*/ 993341 w 1803580"/>
                <a:gd name="connsiteY37" fmla="*/ 72363 h 565745"/>
                <a:gd name="connsiteX38" fmla="*/ 1026233 w 1803580"/>
                <a:gd name="connsiteY38" fmla="*/ 78941 h 565745"/>
                <a:gd name="connsiteX39" fmla="*/ 1036101 w 1803580"/>
                <a:gd name="connsiteY39" fmla="*/ 82230 h 565745"/>
                <a:gd name="connsiteX40" fmla="*/ 1059125 w 1803580"/>
                <a:gd name="connsiteY40" fmla="*/ 88809 h 565745"/>
                <a:gd name="connsiteX41" fmla="*/ 1197272 w 1803580"/>
                <a:gd name="connsiteY41" fmla="*/ 101966 h 565745"/>
                <a:gd name="connsiteX42" fmla="*/ 1207140 w 1803580"/>
                <a:gd name="connsiteY42" fmla="*/ 98676 h 565745"/>
                <a:gd name="connsiteX43" fmla="*/ 1256478 w 1803580"/>
                <a:gd name="connsiteY43" fmla="*/ 101966 h 565745"/>
                <a:gd name="connsiteX44" fmla="*/ 1269634 w 1803580"/>
                <a:gd name="connsiteY44" fmla="*/ 105255 h 565745"/>
                <a:gd name="connsiteX45" fmla="*/ 1286081 w 1803580"/>
                <a:gd name="connsiteY45" fmla="*/ 108544 h 565745"/>
                <a:gd name="connsiteX46" fmla="*/ 1312394 w 1803580"/>
                <a:gd name="connsiteY46" fmla="*/ 115123 h 565745"/>
                <a:gd name="connsiteX47" fmla="*/ 1417649 w 1803580"/>
                <a:gd name="connsiteY47" fmla="*/ 124990 h 565745"/>
                <a:gd name="connsiteX48" fmla="*/ 1427517 w 1803580"/>
                <a:gd name="connsiteY48" fmla="*/ 131569 h 565745"/>
                <a:gd name="connsiteX49" fmla="*/ 1437384 w 1803580"/>
                <a:gd name="connsiteY49" fmla="*/ 134858 h 565745"/>
                <a:gd name="connsiteX50" fmla="*/ 1443963 w 1803580"/>
                <a:gd name="connsiteY50" fmla="*/ 144725 h 565745"/>
                <a:gd name="connsiteX51" fmla="*/ 1453830 w 1803580"/>
                <a:gd name="connsiteY51" fmla="*/ 148015 h 565745"/>
                <a:gd name="connsiteX52" fmla="*/ 1483433 w 1803580"/>
                <a:gd name="connsiteY52" fmla="*/ 157882 h 565745"/>
                <a:gd name="connsiteX53" fmla="*/ 1503168 w 1803580"/>
                <a:gd name="connsiteY53" fmla="*/ 164461 h 565745"/>
                <a:gd name="connsiteX54" fmla="*/ 1516325 w 1803580"/>
                <a:gd name="connsiteY54" fmla="*/ 167750 h 565745"/>
                <a:gd name="connsiteX55" fmla="*/ 1539350 w 1803580"/>
                <a:gd name="connsiteY55" fmla="*/ 180907 h 565745"/>
                <a:gd name="connsiteX56" fmla="*/ 1559085 w 1803580"/>
                <a:gd name="connsiteY56" fmla="*/ 187485 h 565745"/>
                <a:gd name="connsiteX57" fmla="*/ 1568952 w 1803580"/>
                <a:gd name="connsiteY57" fmla="*/ 190774 h 565745"/>
                <a:gd name="connsiteX58" fmla="*/ 1582109 w 1803580"/>
                <a:gd name="connsiteY58" fmla="*/ 207220 h 565745"/>
                <a:gd name="connsiteX59" fmla="*/ 1591977 w 1803580"/>
                <a:gd name="connsiteY59" fmla="*/ 226956 h 565745"/>
                <a:gd name="connsiteX60" fmla="*/ 1595266 w 1803580"/>
                <a:gd name="connsiteY60" fmla="*/ 253269 h 565745"/>
                <a:gd name="connsiteX61" fmla="*/ 1621580 w 1803580"/>
                <a:gd name="connsiteY61" fmla="*/ 273005 h 565745"/>
                <a:gd name="connsiteX62" fmla="*/ 1628158 w 1803580"/>
                <a:gd name="connsiteY62" fmla="*/ 282872 h 565745"/>
                <a:gd name="connsiteX63" fmla="*/ 1644604 w 1803580"/>
                <a:gd name="connsiteY63" fmla="*/ 292740 h 565745"/>
                <a:gd name="connsiteX64" fmla="*/ 1657761 w 1803580"/>
                <a:gd name="connsiteY64" fmla="*/ 312475 h 565745"/>
                <a:gd name="connsiteX65" fmla="*/ 1680786 w 1803580"/>
                <a:gd name="connsiteY65" fmla="*/ 328921 h 565745"/>
                <a:gd name="connsiteX66" fmla="*/ 1690653 w 1803580"/>
                <a:gd name="connsiteY66" fmla="*/ 335499 h 565745"/>
                <a:gd name="connsiteX67" fmla="*/ 1700521 w 1803580"/>
                <a:gd name="connsiteY67" fmla="*/ 345367 h 565745"/>
                <a:gd name="connsiteX68" fmla="*/ 1713678 w 1803580"/>
                <a:gd name="connsiteY68" fmla="*/ 355235 h 565745"/>
                <a:gd name="connsiteX69" fmla="*/ 1723545 w 1803580"/>
                <a:gd name="connsiteY69" fmla="*/ 368392 h 565745"/>
                <a:gd name="connsiteX70" fmla="*/ 1730124 w 1803580"/>
                <a:gd name="connsiteY70" fmla="*/ 374970 h 565745"/>
                <a:gd name="connsiteX71" fmla="*/ 1736702 w 1803580"/>
                <a:gd name="connsiteY71" fmla="*/ 394705 h 565745"/>
                <a:gd name="connsiteX72" fmla="*/ 1743281 w 1803580"/>
                <a:gd name="connsiteY72" fmla="*/ 401284 h 565745"/>
                <a:gd name="connsiteX73" fmla="*/ 1749859 w 1803580"/>
                <a:gd name="connsiteY73" fmla="*/ 411151 h 565745"/>
                <a:gd name="connsiteX74" fmla="*/ 1782750 w 1803580"/>
                <a:gd name="connsiteY74" fmla="*/ 427598 h 565745"/>
                <a:gd name="connsiteX75" fmla="*/ 1802486 w 1803580"/>
                <a:gd name="connsiteY75" fmla="*/ 463778 h 565745"/>
                <a:gd name="connsiteX76" fmla="*/ 1749858 w 1803580"/>
                <a:gd name="connsiteY76" fmla="*/ 519695 h 565745"/>
                <a:gd name="connsiteX77" fmla="*/ 1759726 w 1803580"/>
                <a:gd name="connsiteY77" fmla="*/ 565745 h 565745"/>
                <a:gd name="connsiteX0" fmla="*/ 0 w 1791572"/>
                <a:gd name="connsiteY0" fmla="*/ 0 h 565745"/>
                <a:gd name="connsiteX1" fmla="*/ 13157 w 1791572"/>
                <a:gd name="connsiteY1" fmla="*/ 42760 h 565745"/>
                <a:gd name="connsiteX2" fmla="*/ 23024 w 1791572"/>
                <a:gd name="connsiteY2" fmla="*/ 52628 h 565745"/>
                <a:gd name="connsiteX3" fmla="*/ 42760 w 1791572"/>
                <a:gd name="connsiteY3" fmla="*/ 59206 h 565745"/>
                <a:gd name="connsiteX4" fmla="*/ 52627 w 1791572"/>
                <a:gd name="connsiteY4" fmla="*/ 65784 h 565745"/>
                <a:gd name="connsiteX5" fmla="*/ 69073 w 1791572"/>
                <a:gd name="connsiteY5" fmla="*/ 72363 h 565745"/>
                <a:gd name="connsiteX6" fmla="*/ 88809 w 1791572"/>
                <a:gd name="connsiteY6" fmla="*/ 78941 h 565745"/>
                <a:gd name="connsiteX7" fmla="*/ 108544 w 1791572"/>
                <a:gd name="connsiteY7" fmla="*/ 85520 h 565745"/>
                <a:gd name="connsiteX8" fmla="*/ 118411 w 1791572"/>
                <a:gd name="connsiteY8" fmla="*/ 92098 h 565745"/>
                <a:gd name="connsiteX9" fmla="*/ 128279 w 1791572"/>
                <a:gd name="connsiteY9" fmla="*/ 95387 h 565745"/>
                <a:gd name="connsiteX10" fmla="*/ 148014 w 1791572"/>
                <a:gd name="connsiteY10" fmla="*/ 108544 h 565745"/>
                <a:gd name="connsiteX11" fmla="*/ 167750 w 1791572"/>
                <a:gd name="connsiteY11" fmla="*/ 115123 h 565745"/>
                <a:gd name="connsiteX12" fmla="*/ 220377 w 1791572"/>
                <a:gd name="connsiteY12" fmla="*/ 121701 h 565745"/>
                <a:gd name="connsiteX13" fmla="*/ 292740 w 1791572"/>
                <a:gd name="connsiteY13" fmla="*/ 115123 h 565745"/>
                <a:gd name="connsiteX14" fmla="*/ 312475 w 1791572"/>
                <a:gd name="connsiteY14" fmla="*/ 108544 h 565745"/>
                <a:gd name="connsiteX15" fmla="*/ 322342 w 1791572"/>
                <a:gd name="connsiteY15" fmla="*/ 105255 h 565745"/>
                <a:gd name="connsiteX16" fmla="*/ 335499 w 1791572"/>
                <a:gd name="connsiteY16" fmla="*/ 101966 h 565745"/>
                <a:gd name="connsiteX17" fmla="*/ 368391 w 1791572"/>
                <a:gd name="connsiteY17" fmla="*/ 92098 h 565745"/>
                <a:gd name="connsiteX18" fmla="*/ 401283 w 1791572"/>
                <a:gd name="connsiteY18" fmla="*/ 82230 h 565745"/>
                <a:gd name="connsiteX19" fmla="*/ 427597 w 1791572"/>
                <a:gd name="connsiteY19" fmla="*/ 75652 h 565745"/>
                <a:gd name="connsiteX20" fmla="*/ 467068 w 1791572"/>
                <a:gd name="connsiteY20" fmla="*/ 78941 h 565745"/>
                <a:gd name="connsiteX21" fmla="*/ 486803 w 1791572"/>
                <a:gd name="connsiteY21" fmla="*/ 85520 h 565745"/>
                <a:gd name="connsiteX22" fmla="*/ 496670 w 1791572"/>
                <a:gd name="connsiteY22" fmla="*/ 88809 h 565745"/>
                <a:gd name="connsiteX23" fmla="*/ 565744 w 1791572"/>
                <a:gd name="connsiteY23" fmla="*/ 82230 h 565745"/>
                <a:gd name="connsiteX24" fmla="*/ 585479 w 1791572"/>
                <a:gd name="connsiteY24" fmla="*/ 75652 h 565745"/>
                <a:gd name="connsiteX25" fmla="*/ 611793 w 1791572"/>
                <a:gd name="connsiteY25" fmla="*/ 72363 h 565745"/>
                <a:gd name="connsiteX26" fmla="*/ 657842 w 1791572"/>
                <a:gd name="connsiteY26" fmla="*/ 69074 h 565745"/>
                <a:gd name="connsiteX27" fmla="*/ 703891 w 1791572"/>
                <a:gd name="connsiteY27" fmla="*/ 72363 h 565745"/>
                <a:gd name="connsiteX28" fmla="*/ 723626 w 1791572"/>
                <a:gd name="connsiteY28" fmla="*/ 78941 h 565745"/>
                <a:gd name="connsiteX29" fmla="*/ 743361 w 1791572"/>
                <a:gd name="connsiteY29" fmla="*/ 82230 h 565745"/>
                <a:gd name="connsiteX30" fmla="*/ 786121 w 1791572"/>
                <a:gd name="connsiteY30" fmla="*/ 78941 h 565745"/>
                <a:gd name="connsiteX31" fmla="*/ 795988 w 1791572"/>
                <a:gd name="connsiteY31" fmla="*/ 75652 h 565745"/>
                <a:gd name="connsiteX32" fmla="*/ 815724 w 1791572"/>
                <a:gd name="connsiteY32" fmla="*/ 72363 h 565745"/>
                <a:gd name="connsiteX33" fmla="*/ 832170 w 1791572"/>
                <a:gd name="connsiteY33" fmla="*/ 65784 h 565745"/>
                <a:gd name="connsiteX34" fmla="*/ 871640 w 1791572"/>
                <a:gd name="connsiteY34" fmla="*/ 62495 h 565745"/>
                <a:gd name="connsiteX35" fmla="*/ 884797 w 1791572"/>
                <a:gd name="connsiteY35" fmla="*/ 59206 h 565745"/>
                <a:gd name="connsiteX36" fmla="*/ 970317 w 1791572"/>
                <a:gd name="connsiteY36" fmla="*/ 65784 h 565745"/>
                <a:gd name="connsiteX37" fmla="*/ 993341 w 1791572"/>
                <a:gd name="connsiteY37" fmla="*/ 72363 h 565745"/>
                <a:gd name="connsiteX38" fmla="*/ 1026233 w 1791572"/>
                <a:gd name="connsiteY38" fmla="*/ 78941 h 565745"/>
                <a:gd name="connsiteX39" fmla="*/ 1036101 w 1791572"/>
                <a:gd name="connsiteY39" fmla="*/ 82230 h 565745"/>
                <a:gd name="connsiteX40" fmla="*/ 1059125 w 1791572"/>
                <a:gd name="connsiteY40" fmla="*/ 88809 h 565745"/>
                <a:gd name="connsiteX41" fmla="*/ 1197272 w 1791572"/>
                <a:gd name="connsiteY41" fmla="*/ 101966 h 565745"/>
                <a:gd name="connsiteX42" fmla="*/ 1207140 w 1791572"/>
                <a:gd name="connsiteY42" fmla="*/ 98676 h 565745"/>
                <a:gd name="connsiteX43" fmla="*/ 1256478 w 1791572"/>
                <a:gd name="connsiteY43" fmla="*/ 101966 h 565745"/>
                <a:gd name="connsiteX44" fmla="*/ 1269634 w 1791572"/>
                <a:gd name="connsiteY44" fmla="*/ 105255 h 565745"/>
                <a:gd name="connsiteX45" fmla="*/ 1286081 w 1791572"/>
                <a:gd name="connsiteY45" fmla="*/ 108544 h 565745"/>
                <a:gd name="connsiteX46" fmla="*/ 1312394 w 1791572"/>
                <a:gd name="connsiteY46" fmla="*/ 115123 h 565745"/>
                <a:gd name="connsiteX47" fmla="*/ 1417649 w 1791572"/>
                <a:gd name="connsiteY47" fmla="*/ 124990 h 565745"/>
                <a:gd name="connsiteX48" fmla="*/ 1427517 w 1791572"/>
                <a:gd name="connsiteY48" fmla="*/ 131569 h 565745"/>
                <a:gd name="connsiteX49" fmla="*/ 1437384 w 1791572"/>
                <a:gd name="connsiteY49" fmla="*/ 134858 h 565745"/>
                <a:gd name="connsiteX50" fmla="*/ 1443963 w 1791572"/>
                <a:gd name="connsiteY50" fmla="*/ 144725 h 565745"/>
                <a:gd name="connsiteX51" fmla="*/ 1453830 w 1791572"/>
                <a:gd name="connsiteY51" fmla="*/ 148015 h 565745"/>
                <a:gd name="connsiteX52" fmla="*/ 1483433 w 1791572"/>
                <a:gd name="connsiteY52" fmla="*/ 157882 h 565745"/>
                <a:gd name="connsiteX53" fmla="*/ 1503168 w 1791572"/>
                <a:gd name="connsiteY53" fmla="*/ 164461 h 565745"/>
                <a:gd name="connsiteX54" fmla="*/ 1516325 w 1791572"/>
                <a:gd name="connsiteY54" fmla="*/ 167750 h 565745"/>
                <a:gd name="connsiteX55" fmla="*/ 1539350 w 1791572"/>
                <a:gd name="connsiteY55" fmla="*/ 180907 h 565745"/>
                <a:gd name="connsiteX56" fmla="*/ 1559085 w 1791572"/>
                <a:gd name="connsiteY56" fmla="*/ 187485 h 565745"/>
                <a:gd name="connsiteX57" fmla="*/ 1568952 w 1791572"/>
                <a:gd name="connsiteY57" fmla="*/ 190774 h 565745"/>
                <a:gd name="connsiteX58" fmla="*/ 1582109 w 1791572"/>
                <a:gd name="connsiteY58" fmla="*/ 207220 h 565745"/>
                <a:gd name="connsiteX59" fmla="*/ 1591977 w 1791572"/>
                <a:gd name="connsiteY59" fmla="*/ 226956 h 565745"/>
                <a:gd name="connsiteX60" fmla="*/ 1595266 w 1791572"/>
                <a:gd name="connsiteY60" fmla="*/ 253269 h 565745"/>
                <a:gd name="connsiteX61" fmla="*/ 1621580 w 1791572"/>
                <a:gd name="connsiteY61" fmla="*/ 273005 h 565745"/>
                <a:gd name="connsiteX62" fmla="*/ 1628158 w 1791572"/>
                <a:gd name="connsiteY62" fmla="*/ 282872 h 565745"/>
                <a:gd name="connsiteX63" fmla="*/ 1644604 w 1791572"/>
                <a:gd name="connsiteY63" fmla="*/ 292740 h 565745"/>
                <a:gd name="connsiteX64" fmla="*/ 1657761 w 1791572"/>
                <a:gd name="connsiteY64" fmla="*/ 312475 h 565745"/>
                <a:gd name="connsiteX65" fmla="*/ 1680786 w 1791572"/>
                <a:gd name="connsiteY65" fmla="*/ 328921 h 565745"/>
                <a:gd name="connsiteX66" fmla="*/ 1690653 w 1791572"/>
                <a:gd name="connsiteY66" fmla="*/ 335499 h 565745"/>
                <a:gd name="connsiteX67" fmla="*/ 1700521 w 1791572"/>
                <a:gd name="connsiteY67" fmla="*/ 345367 h 565745"/>
                <a:gd name="connsiteX68" fmla="*/ 1713678 w 1791572"/>
                <a:gd name="connsiteY68" fmla="*/ 355235 h 565745"/>
                <a:gd name="connsiteX69" fmla="*/ 1723545 w 1791572"/>
                <a:gd name="connsiteY69" fmla="*/ 368392 h 565745"/>
                <a:gd name="connsiteX70" fmla="*/ 1730124 w 1791572"/>
                <a:gd name="connsiteY70" fmla="*/ 374970 h 565745"/>
                <a:gd name="connsiteX71" fmla="*/ 1736702 w 1791572"/>
                <a:gd name="connsiteY71" fmla="*/ 394705 h 565745"/>
                <a:gd name="connsiteX72" fmla="*/ 1743281 w 1791572"/>
                <a:gd name="connsiteY72" fmla="*/ 401284 h 565745"/>
                <a:gd name="connsiteX73" fmla="*/ 1749859 w 1791572"/>
                <a:gd name="connsiteY73" fmla="*/ 411151 h 565745"/>
                <a:gd name="connsiteX74" fmla="*/ 1782750 w 1791572"/>
                <a:gd name="connsiteY74" fmla="*/ 427598 h 565745"/>
                <a:gd name="connsiteX75" fmla="*/ 1789329 w 1791572"/>
                <a:gd name="connsiteY75" fmla="*/ 473646 h 565745"/>
                <a:gd name="connsiteX76" fmla="*/ 1749858 w 1791572"/>
                <a:gd name="connsiteY76" fmla="*/ 519695 h 565745"/>
                <a:gd name="connsiteX77" fmla="*/ 1759726 w 1791572"/>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68952 w 1792294"/>
                <a:gd name="connsiteY57" fmla="*/ 190774 h 565745"/>
                <a:gd name="connsiteX58" fmla="*/ 1582109 w 1792294"/>
                <a:gd name="connsiteY58" fmla="*/ 207220 h 565745"/>
                <a:gd name="connsiteX59" fmla="*/ 1591977 w 1792294"/>
                <a:gd name="connsiteY59" fmla="*/ 226956 h 565745"/>
                <a:gd name="connsiteX60" fmla="*/ 1595266 w 1792294"/>
                <a:gd name="connsiteY60" fmla="*/ 253269 h 565745"/>
                <a:gd name="connsiteX61" fmla="*/ 1621580 w 1792294"/>
                <a:gd name="connsiteY61" fmla="*/ 273005 h 565745"/>
                <a:gd name="connsiteX62" fmla="*/ 1628158 w 1792294"/>
                <a:gd name="connsiteY62" fmla="*/ 282872 h 565745"/>
                <a:gd name="connsiteX63" fmla="*/ 1644604 w 1792294"/>
                <a:gd name="connsiteY63" fmla="*/ 292740 h 565745"/>
                <a:gd name="connsiteX64" fmla="*/ 1657761 w 1792294"/>
                <a:gd name="connsiteY64" fmla="*/ 312475 h 565745"/>
                <a:gd name="connsiteX65" fmla="*/ 1680786 w 1792294"/>
                <a:gd name="connsiteY65" fmla="*/ 328921 h 565745"/>
                <a:gd name="connsiteX66" fmla="*/ 1690653 w 1792294"/>
                <a:gd name="connsiteY66" fmla="*/ 335499 h 565745"/>
                <a:gd name="connsiteX67" fmla="*/ 1700521 w 1792294"/>
                <a:gd name="connsiteY67" fmla="*/ 345367 h 565745"/>
                <a:gd name="connsiteX68" fmla="*/ 1713678 w 1792294"/>
                <a:gd name="connsiteY68" fmla="*/ 355235 h 565745"/>
                <a:gd name="connsiteX69" fmla="*/ 1723545 w 1792294"/>
                <a:gd name="connsiteY69" fmla="*/ 368392 h 565745"/>
                <a:gd name="connsiteX70" fmla="*/ 1730124 w 1792294"/>
                <a:gd name="connsiteY70" fmla="*/ 374970 h 565745"/>
                <a:gd name="connsiteX71" fmla="*/ 1736702 w 1792294"/>
                <a:gd name="connsiteY71" fmla="*/ 394705 h 565745"/>
                <a:gd name="connsiteX72" fmla="*/ 1743281 w 1792294"/>
                <a:gd name="connsiteY72" fmla="*/ 401284 h 565745"/>
                <a:gd name="connsiteX73" fmla="*/ 1749859 w 1792294"/>
                <a:gd name="connsiteY73" fmla="*/ 411151 h 565745"/>
                <a:gd name="connsiteX74" fmla="*/ 1782750 w 1792294"/>
                <a:gd name="connsiteY74" fmla="*/ 427598 h 565745"/>
                <a:gd name="connsiteX75" fmla="*/ 1789329 w 1792294"/>
                <a:gd name="connsiteY75" fmla="*/ 473646 h 565745"/>
                <a:gd name="connsiteX76" fmla="*/ 1739990 w 1792294"/>
                <a:gd name="connsiteY76" fmla="*/ 519695 h 565745"/>
                <a:gd name="connsiteX77" fmla="*/ 1759726 w 1792294"/>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82109 w 1792294"/>
                <a:gd name="connsiteY57" fmla="*/ 207220 h 565745"/>
                <a:gd name="connsiteX58" fmla="*/ 1591977 w 1792294"/>
                <a:gd name="connsiteY58" fmla="*/ 226956 h 565745"/>
                <a:gd name="connsiteX59" fmla="*/ 1595266 w 1792294"/>
                <a:gd name="connsiteY59" fmla="*/ 253269 h 565745"/>
                <a:gd name="connsiteX60" fmla="*/ 1621580 w 1792294"/>
                <a:gd name="connsiteY60" fmla="*/ 273005 h 565745"/>
                <a:gd name="connsiteX61" fmla="*/ 1628158 w 1792294"/>
                <a:gd name="connsiteY61" fmla="*/ 282872 h 565745"/>
                <a:gd name="connsiteX62" fmla="*/ 1644604 w 1792294"/>
                <a:gd name="connsiteY62" fmla="*/ 292740 h 565745"/>
                <a:gd name="connsiteX63" fmla="*/ 1657761 w 1792294"/>
                <a:gd name="connsiteY63" fmla="*/ 312475 h 565745"/>
                <a:gd name="connsiteX64" fmla="*/ 1680786 w 1792294"/>
                <a:gd name="connsiteY64" fmla="*/ 328921 h 565745"/>
                <a:gd name="connsiteX65" fmla="*/ 1690653 w 1792294"/>
                <a:gd name="connsiteY65" fmla="*/ 335499 h 565745"/>
                <a:gd name="connsiteX66" fmla="*/ 1700521 w 1792294"/>
                <a:gd name="connsiteY66" fmla="*/ 345367 h 565745"/>
                <a:gd name="connsiteX67" fmla="*/ 1713678 w 1792294"/>
                <a:gd name="connsiteY67" fmla="*/ 355235 h 565745"/>
                <a:gd name="connsiteX68" fmla="*/ 1723545 w 1792294"/>
                <a:gd name="connsiteY68" fmla="*/ 368392 h 565745"/>
                <a:gd name="connsiteX69" fmla="*/ 1730124 w 1792294"/>
                <a:gd name="connsiteY69" fmla="*/ 374970 h 565745"/>
                <a:gd name="connsiteX70" fmla="*/ 1736702 w 1792294"/>
                <a:gd name="connsiteY70" fmla="*/ 394705 h 565745"/>
                <a:gd name="connsiteX71" fmla="*/ 1743281 w 1792294"/>
                <a:gd name="connsiteY71" fmla="*/ 401284 h 565745"/>
                <a:gd name="connsiteX72" fmla="*/ 1749859 w 1792294"/>
                <a:gd name="connsiteY72" fmla="*/ 411151 h 565745"/>
                <a:gd name="connsiteX73" fmla="*/ 1782750 w 1792294"/>
                <a:gd name="connsiteY73" fmla="*/ 427598 h 565745"/>
                <a:gd name="connsiteX74" fmla="*/ 1789329 w 1792294"/>
                <a:gd name="connsiteY74" fmla="*/ 473646 h 565745"/>
                <a:gd name="connsiteX75" fmla="*/ 1739990 w 1792294"/>
                <a:gd name="connsiteY75" fmla="*/ 519695 h 565745"/>
                <a:gd name="connsiteX76" fmla="*/ 1759726 w 1792294"/>
                <a:gd name="connsiteY76"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82109 w 1792294"/>
                <a:gd name="connsiteY56" fmla="*/ 207220 h 565745"/>
                <a:gd name="connsiteX57" fmla="*/ 1591977 w 1792294"/>
                <a:gd name="connsiteY57" fmla="*/ 226956 h 565745"/>
                <a:gd name="connsiteX58" fmla="*/ 1595266 w 1792294"/>
                <a:gd name="connsiteY58" fmla="*/ 253269 h 565745"/>
                <a:gd name="connsiteX59" fmla="*/ 1621580 w 1792294"/>
                <a:gd name="connsiteY59" fmla="*/ 273005 h 565745"/>
                <a:gd name="connsiteX60" fmla="*/ 1628158 w 1792294"/>
                <a:gd name="connsiteY60" fmla="*/ 282872 h 565745"/>
                <a:gd name="connsiteX61" fmla="*/ 1644604 w 1792294"/>
                <a:gd name="connsiteY61" fmla="*/ 292740 h 565745"/>
                <a:gd name="connsiteX62" fmla="*/ 1657761 w 1792294"/>
                <a:gd name="connsiteY62" fmla="*/ 312475 h 565745"/>
                <a:gd name="connsiteX63" fmla="*/ 1680786 w 1792294"/>
                <a:gd name="connsiteY63" fmla="*/ 328921 h 565745"/>
                <a:gd name="connsiteX64" fmla="*/ 1690653 w 1792294"/>
                <a:gd name="connsiteY64" fmla="*/ 335499 h 565745"/>
                <a:gd name="connsiteX65" fmla="*/ 1700521 w 1792294"/>
                <a:gd name="connsiteY65" fmla="*/ 345367 h 565745"/>
                <a:gd name="connsiteX66" fmla="*/ 1713678 w 1792294"/>
                <a:gd name="connsiteY66" fmla="*/ 355235 h 565745"/>
                <a:gd name="connsiteX67" fmla="*/ 1723545 w 1792294"/>
                <a:gd name="connsiteY67" fmla="*/ 368392 h 565745"/>
                <a:gd name="connsiteX68" fmla="*/ 1730124 w 1792294"/>
                <a:gd name="connsiteY68" fmla="*/ 374970 h 565745"/>
                <a:gd name="connsiteX69" fmla="*/ 1736702 w 1792294"/>
                <a:gd name="connsiteY69" fmla="*/ 394705 h 565745"/>
                <a:gd name="connsiteX70" fmla="*/ 1743281 w 1792294"/>
                <a:gd name="connsiteY70" fmla="*/ 401284 h 565745"/>
                <a:gd name="connsiteX71" fmla="*/ 1749859 w 1792294"/>
                <a:gd name="connsiteY71" fmla="*/ 411151 h 565745"/>
                <a:gd name="connsiteX72" fmla="*/ 1782750 w 1792294"/>
                <a:gd name="connsiteY72" fmla="*/ 427598 h 565745"/>
                <a:gd name="connsiteX73" fmla="*/ 1789329 w 1792294"/>
                <a:gd name="connsiteY73" fmla="*/ 473646 h 565745"/>
                <a:gd name="connsiteX74" fmla="*/ 1739990 w 1792294"/>
                <a:gd name="connsiteY74" fmla="*/ 519695 h 565745"/>
                <a:gd name="connsiteX75" fmla="*/ 1759726 w 1792294"/>
                <a:gd name="connsiteY75"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503168 w 1792294"/>
                <a:gd name="connsiteY52" fmla="*/ 164461 h 565745"/>
                <a:gd name="connsiteX53" fmla="*/ 1516325 w 1792294"/>
                <a:gd name="connsiteY53" fmla="*/ 167750 h 565745"/>
                <a:gd name="connsiteX54" fmla="*/ 1539350 w 1792294"/>
                <a:gd name="connsiteY54" fmla="*/ 180907 h 565745"/>
                <a:gd name="connsiteX55" fmla="*/ 1582109 w 1792294"/>
                <a:gd name="connsiteY55" fmla="*/ 207220 h 565745"/>
                <a:gd name="connsiteX56" fmla="*/ 1591977 w 1792294"/>
                <a:gd name="connsiteY56" fmla="*/ 226956 h 565745"/>
                <a:gd name="connsiteX57" fmla="*/ 1595266 w 1792294"/>
                <a:gd name="connsiteY57" fmla="*/ 253269 h 565745"/>
                <a:gd name="connsiteX58" fmla="*/ 1621580 w 1792294"/>
                <a:gd name="connsiteY58" fmla="*/ 273005 h 565745"/>
                <a:gd name="connsiteX59" fmla="*/ 1628158 w 1792294"/>
                <a:gd name="connsiteY59" fmla="*/ 282872 h 565745"/>
                <a:gd name="connsiteX60" fmla="*/ 1644604 w 1792294"/>
                <a:gd name="connsiteY60" fmla="*/ 292740 h 565745"/>
                <a:gd name="connsiteX61" fmla="*/ 1657761 w 1792294"/>
                <a:gd name="connsiteY61" fmla="*/ 312475 h 565745"/>
                <a:gd name="connsiteX62" fmla="*/ 1680786 w 1792294"/>
                <a:gd name="connsiteY62" fmla="*/ 328921 h 565745"/>
                <a:gd name="connsiteX63" fmla="*/ 1690653 w 1792294"/>
                <a:gd name="connsiteY63" fmla="*/ 335499 h 565745"/>
                <a:gd name="connsiteX64" fmla="*/ 1700521 w 1792294"/>
                <a:gd name="connsiteY64" fmla="*/ 345367 h 565745"/>
                <a:gd name="connsiteX65" fmla="*/ 1713678 w 1792294"/>
                <a:gd name="connsiteY65" fmla="*/ 355235 h 565745"/>
                <a:gd name="connsiteX66" fmla="*/ 1723545 w 1792294"/>
                <a:gd name="connsiteY66" fmla="*/ 368392 h 565745"/>
                <a:gd name="connsiteX67" fmla="*/ 1730124 w 1792294"/>
                <a:gd name="connsiteY67" fmla="*/ 374970 h 565745"/>
                <a:gd name="connsiteX68" fmla="*/ 1736702 w 1792294"/>
                <a:gd name="connsiteY68" fmla="*/ 394705 h 565745"/>
                <a:gd name="connsiteX69" fmla="*/ 1743281 w 1792294"/>
                <a:gd name="connsiteY69" fmla="*/ 401284 h 565745"/>
                <a:gd name="connsiteX70" fmla="*/ 1749859 w 1792294"/>
                <a:gd name="connsiteY70" fmla="*/ 411151 h 565745"/>
                <a:gd name="connsiteX71" fmla="*/ 1782750 w 1792294"/>
                <a:gd name="connsiteY71" fmla="*/ 427598 h 565745"/>
                <a:gd name="connsiteX72" fmla="*/ 1789329 w 1792294"/>
                <a:gd name="connsiteY72" fmla="*/ 473646 h 565745"/>
                <a:gd name="connsiteX73" fmla="*/ 1739990 w 1792294"/>
                <a:gd name="connsiteY73" fmla="*/ 519695 h 565745"/>
                <a:gd name="connsiteX74" fmla="*/ 1759726 w 1792294"/>
                <a:gd name="connsiteY74" fmla="*/ 565745 h 565745"/>
                <a:gd name="connsiteX0" fmla="*/ 0 w 1789387"/>
                <a:gd name="connsiteY0" fmla="*/ 0 h 565745"/>
                <a:gd name="connsiteX1" fmla="*/ 13157 w 1789387"/>
                <a:gd name="connsiteY1" fmla="*/ 42760 h 565745"/>
                <a:gd name="connsiteX2" fmla="*/ 23024 w 1789387"/>
                <a:gd name="connsiteY2" fmla="*/ 52628 h 565745"/>
                <a:gd name="connsiteX3" fmla="*/ 42760 w 1789387"/>
                <a:gd name="connsiteY3" fmla="*/ 59206 h 565745"/>
                <a:gd name="connsiteX4" fmla="*/ 52627 w 1789387"/>
                <a:gd name="connsiteY4" fmla="*/ 65784 h 565745"/>
                <a:gd name="connsiteX5" fmla="*/ 69073 w 1789387"/>
                <a:gd name="connsiteY5" fmla="*/ 72363 h 565745"/>
                <a:gd name="connsiteX6" fmla="*/ 88809 w 1789387"/>
                <a:gd name="connsiteY6" fmla="*/ 78941 h 565745"/>
                <a:gd name="connsiteX7" fmla="*/ 108544 w 1789387"/>
                <a:gd name="connsiteY7" fmla="*/ 85520 h 565745"/>
                <a:gd name="connsiteX8" fmla="*/ 118411 w 1789387"/>
                <a:gd name="connsiteY8" fmla="*/ 92098 h 565745"/>
                <a:gd name="connsiteX9" fmla="*/ 128279 w 1789387"/>
                <a:gd name="connsiteY9" fmla="*/ 95387 h 565745"/>
                <a:gd name="connsiteX10" fmla="*/ 148014 w 1789387"/>
                <a:gd name="connsiteY10" fmla="*/ 108544 h 565745"/>
                <a:gd name="connsiteX11" fmla="*/ 167750 w 1789387"/>
                <a:gd name="connsiteY11" fmla="*/ 115123 h 565745"/>
                <a:gd name="connsiteX12" fmla="*/ 220377 w 1789387"/>
                <a:gd name="connsiteY12" fmla="*/ 121701 h 565745"/>
                <a:gd name="connsiteX13" fmla="*/ 292740 w 1789387"/>
                <a:gd name="connsiteY13" fmla="*/ 115123 h 565745"/>
                <a:gd name="connsiteX14" fmla="*/ 312475 w 1789387"/>
                <a:gd name="connsiteY14" fmla="*/ 108544 h 565745"/>
                <a:gd name="connsiteX15" fmla="*/ 322342 w 1789387"/>
                <a:gd name="connsiteY15" fmla="*/ 105255 h 565745"/>
                <a:gd name="connsiteX16" fmla="*/ 335499 w 1789387"/>
                <a:gd name="connsiteY16" fmla="*/ 101966 h 565745"/>
                <a:gd name="connsiteX17" fmla="*/ 368391 w 1789387"/>
                <a:gd name="connsiteY17" fmla="*/ 92098 h 565745"/>
                <a:gd name="connsiteX18" fmla="*/ 401283 w 1789387"/>
                <a:gd name="connsiteY18" fmla="*/ 82230 h 565745"/>
                <a:gd name="connsiteX19" fmla="*/ 427597 w 1789387"/>
                <a:gd name="connsiteY19" fmla="*/ 75652 h 565745"/>
                <a:gd name="connsiteX20" fmla="*/ 467068 w 1789387"/>
                <a:gd name="connsiteY20" fmla="*/ 78941 h 565745"/>
                <a:gd name="connsiteX21" fmla="*/ 486803 w 1789387"/>
                <a:gd name="connsiteY21" fmla="*/ 85520 h 565745"/>
                <a:gd name="connsiteX22" fmla="*/ 496670 w 1789387"/>
                <a:gd name="connsiteY22" fmla="*/ 88809 h 565745"/>
                <a:gd name="connsiteX23" fmla="*/ 565744 w 1789387"/>
                <a:gd name="connsiteY23" fmla="*/ 82230 h 565745"/>
                <a:gd name="connsiteX24" fmla="*/ 585479 w 1789387"/>
                <a:gd name="connsiteY24" fmla="*/ 75652 h 565745"/>
                <a:gd name="connsiteX25" fmla="*/ 611793 w 1789387"/>
                <a:gd name="connsiteY25" fmla="*/ 72363 h 565745"/>
                <a:gd name="connsiteX26" fmla="*/ 657842 w 1789387"/>
                <a:gd name="connsiteY26" fmla="*/ 69074 h 565745"/>
                <a:gd name="connsiteX27" fmla="*/ 703891 w 1789387"/>
                <a:gd name="connsiteY27" fmla="*/ 72363 h 565745"/>
                <a:gd name="connsiteX28" fmla="*/ 723626 w 1789387"/>
                <a:gd name="connsiteY28" fmla="*/ 78941 h 565745"/>
                <a:gd name="connsiteX29" fmla="*/ 743361 w 1789387"/>
                <a:gd name="connsiteY29" fmla="*/ 82230 h 565745"/>
                <a:gd name="connsiteX30" fmla="*/ 786121 w 1789387"/>
                <a:gd name="connsiteY30" fmla="*/ 78941 h 565745"/>
                <a:gd name="connsiteX31" fmla="*/ 795988 w 1789387"/>
                <a:gd name="connsiteY31" fmla="*/ 75652 h 565745"/>
                <a:gd name="connsiteX32" fmla="*/ 815724 w 1789387"/>
                <a:gd name="connsiteY32" fmla="*/ 72363 h 565745"/>
                <a:gd name="connsiteX33" fmla="*/ 832170 w 1789387"/>
                <a:gd name="connsiteY33" fmla="*/ 65784 h 565745"/>
                <a:gd name="connsiteX34" fmla="*/ 871640 w 1789387"/>
                <a:gd name="connsiteY34" fmla="*/ 62495 h 565745"/>
                <a:gd name="connsiteX35" fmla="*/ 884797 w 1789387"/>
                <a:gd name="connsiteY35" fmla="*/ 59206 h 565745"/>
                <a:gd name="connsiteX36" fmla="*/ 970317 w 1789387"/>
                <a:gd name="connsiteY36" fmla="*/ 65784 h 565745"/>
                <a:gd name="connsiteX37" fmla="*/ 993341 w 1789387"/>
                <a:gd name="connsiteY37" fmla="*/ 72363 h 565745"/>
                <a:gd name="connsiteX38" fmla="*/ 1026233 w 1789387"/>
                <a:gd name="connsiteY38" fmla="*/ 78941 h 565745"/>
                <a:gd name="connsiteX39" fmla="*/ 1036101 w 1789387"/>
                <a:gd name="connsiteY39" fmla="*/ 82230 h 565745"/>
                <a:gd name="connsiteX40" fmla="*/ 1059125 w 1789387"/>
                <a:gd name="connsiteY40" fmla="*/ 88809 h 565745"/>
                <a:gd name="connsiteX41" fmla="*/ 1197272 w 1789387"/>
                <a:gd name="connsiteY41" fmla="*/ 101966 h 565745"/>
                <a:gd name="connsiteX42" fmla="*/ 1207140 w 1789387"/>
                <a:gd name="connsiteY42" fmla="*/ 98676 h 565745"/>
                <a:gd name="connsiteX43" fmla="*/ 1256478 w 1789387"/>
                <a:gd name="connsiteY43" fmla="*/ 101966 h 565745"/>
                <a:gd name="connsiteX44" fmla="*/ 1269634 w 1789387"/>
                <a:gd name="connsiteY44" fmla="*/ 105255 h 565745"/>
                <a:gd name="connsiteX45" fmla="*/ 1286081 w 1789387"/>
                <a:gd name="connsiteY45" fmla="*/ 108544 h 565745"/>
                <a:gd name="connsiteX46" fmla="*/ 1312394 w 1789387"/>
                <a:gd name="connsiteY46" fmla="*/ 115123 h 565745"/>
                <a:gd name="connsiteX47" fmla="*/ 1417649 w 1789387"/>
                <a:gd name="connsiteY47" fmla="*/ 124990 h 565745"/>
                <a:gd name="connsiteX48" fmla="*/ 1427517 w 1789387"/>
                <a:gd name="connsiteY48" fmla="*/ 131569 h 565745"/>
                <a:gd name="connsiteX49" fmla="*/ 1437384 w 1789387"/>
                <a:gd name="connsiteY49" fmla="*/ 134858 h 565745"/>
                <a:gd name="connsiteX50" fmla="*/ 1443963 w 1789387"/>
                <a:gd name="connsiteY50" fmla="*/ 144725 h 565745"/>
                <a:gd name="connsiteX51" fmla="*/ 1453830 w 1789387"/>
                <a:gd name="connsiteY51" fmla="*/ 148015 h 565745"/>
                <a:gd name="connsiteX52" fmla="*/ 1503168 w 1789387"/>
                <a:gd name="connsiteY52" fmla="*/ 164461 h 565745"/>
                <a:gd name="connsiteX53" fmla="*/ 1516325 w 1789387"/>
                <a:gd name="connsiteY53" fmla="*/ 167750 h 565745"/>
                <a:gd name="connsiteX54" fmla="*/ 1539350 w 1789387"/>
                <a:gd name="connsiteY54" fmla="*/ 180907 h 565745"/>
                <a:gd name="connsiteX55" fmla="*/ 1582109 w 1789387"/>
                <a:gd name="connsiteY55" fmla="*/ 207220 h 565745"/>
                <a:gd name="connsiteX56" fmla="*/ 1591977 w 1789387"/>
                <a:gd name="connsiteY56" fmla="*/ 226956 h 565745"/>
                <a:gd name="connsiteX57" fmla="*/ 1595266 w 1789387"/>
                <a:gd name="connsiteY57" fmla="*/ 253269 h 565745"/>
                <a:gd name="connsiteX58" fmla="*/ 1621580 w 1789387"/>
                <a:gd name="connsiteY58" fmla="*/ 273005 h 565745"/>
                <a:gd name="connsiteX59" fmla="*/ 1628158 w 1789387"/>
                <a:gd name="connsiteY59" fmla="*/ 282872 h 565745"/>
                <a:gd name="connsiteX60" fmla="*/ 1644604 w 1789387"/>
                <a:gd name="connsiteY60" fmla="*/ 292740 h 565745"/>
                <a:gd name="connsiteX61" fmla="*/ 1657761 w 1789387"/>
                <a:gd name="connsiteY61" fmla="*/ 312475 h 565745"/>
                <a:gd name="connsiteX62" fmla="*/ 1680786 w 1789387"/>
                <a:gd name="connsiteY62" fmla="*/ 328921 h 565745"/>
                <a:gd name="connsiteX63" fmla="*/ 1690653 w 1789387"/>
                <a:gd name="connsiteY63" fmla="*/ 335499 h 565745"/>
                <a:gd name="connsiteX64" fmla="*/ 1700521 w 1789387"/>
                <a:gd name="connsiteY64" fmla="*/ 345367 h 565745"/>
                <a:gd name="connsiteX65" fmla="*/ 1713678 w 1789387"/>
                <a:gd name="connsiteY65" fmla="*/ 355235 h 565745"/>
                <a:gd name="connsiteX66" fmla="*/ 1723545 w 1789387"/>
                <a:gd name="connsiteY66" fmla="*/ 368392 h 565745"/>
                <a:gd name="connsiteX67" fmla="*/ 1730124 w 1789387"/>
                <a:gd name="connsiteY67" fmla="*/ 374970 h 565745"/>
                <a:gd name="connsiteX68" fmla="*/ 1736702 w 1789387"/>
                <a:gd name="connsiteY68" fmla="*/ 394705 h 565745"/>
                <a:gd name="connsiteX69" fmla="*/ 1743281 w 1789387"/>
                <a:gd name="connsiteY69" fmla="*/ 401284 h 565745"/>
                <a:gd name="connsiteX70" fmla="*/ 1749859 w 1789387"/>
                <a:gd name="connsiteY70" fmla="*/ 411151 h 565745"/>
                <a:gd name="connsiteX71" fmla="*/ 1789329 w 1789387"/>
                <a:gd name="connsiteY71" fmla="*/ 473646 h 565745"/>
                <a:gd name="connsiteX72" fmla="*/ 1739990 w 1789387"/>
                <a:gd name="connsiteY72" fmla="*/ 519695 h 565745"/>
                <a:gd name="connsiteX73" fmla="*/ 1759726 w 1789387"/>
                <a:gd name="connsiteY7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36702 w 1789406"/>
                <a:gd name="connsiteY68" fmla="*/ 394705 h 565745"/>
                <a:gd name="connsiteX69" fmla="*/ 1743281 w 1789406"/>
                <a:gd name="connsiteY69" fmla="*/ 401284 h 565745"/>
                <a:gd name="connsiteX70" fmla="*/ 1749859 w 1789406"/>
                <a:gd name="connsiteY70" fmla="*/ 411151 h 565745"/>
                <a:gd name="connsiteX71" fmla="*/ 1789329 w 1789406"/>
                <a:gd name="connsiteY71" fmla="*/ 473646 h 565745"/>
                <a:gd name="connsiteX72" fmla="*/ 1759726 w 1789406"/>
                <a:gd name="connsiteY7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43281 w 1789406"/>
                <a:gd name="connsiteY68" fmla="*/ 401284 h 565745"/>
                <a:gd name="connsiteX69" fmla="*/ 1749859 w 1789406"/>
                <a:gd name="connsiteY69" fmla="*/ 411151 h 565745"/>
                <a:gd name="connsiteX70" fmla="*/ 1789329 w 1789406"/>
                <a:gd name="connsiteY70" fmla="*/ 473646 h 565745"/>
                <a:gd name="connsiteX71" fmla="*/ 1759726 w 1789406"/>
                <a:gd name="connsiteY7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13678 w 1789406"/>
                <a:gd name="connsiteY64" fmla="*/ 355235 h 565745"/>
                <a:gd name="connsiteX65" fmla="*/ 1723545 w 1789406"/>
                <a:gd name="connsiteY65" fmla="*/ 368392 h 565745"/>
                <a:gd name="connsiteX66" fmla="*/ 1730124 w 1789406"/>
                <a:gd name="connsiteY66" fmla="*/ 374970 h 565745"/>
                <a:gd name="connsiteX67" fmla="*/ 1743281 w 1789406"/>
                <a:gd name="connsiteY67" fmla="*/ 401284 h 565745"/>
                <a:gd name="connsiteX68" fmla="*/ 1749859 w 1789406"/>
                <a:gd name="connsiteY68" fmla="*/ 411151 h 565745"/>
                <a:gd name="connsiteX69" fmla="*/ 1789329 w 1789406"/>
                <a:gd name="connsiteY69" fmla="*/ 473646 h 565745"/>
                <a:gd name="connsiteX70" fmla="*/ 1759726 w 1789406"/>
                <a:gd name="connsiteY7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80786 w 1789406"/>
                <a:gd name="connsiteY61" fmla="*/ 328921 h 565745"/>
                <a:gd name="connsiteX62" fmla="*/ 1690653 w 1789406"/>
                <a:gd name="connsiteY62" fmla="*/ 335499 h 565745"/>
                <a:gd name="connsiteX63" fmla="*/ 1713678 w 1789406"/>
                <a:gd name="connsiteY63" fmla="*/ 355235 h 565745"/>
                <a:gd name="connsiteX64" fmla="*/ 1723545 w 1789406"/>
                <a:gd name="connsiteY64" fmla="*/ 368392 h 565745"/>
                <a:gd name="connsiteX65" fmla="*/ 1730124 w 1789406"/>
                <a:gd name="connsiteY65" fmla="*/ 374970 h 565745"/>
                <a:gd name="connsiteX66" fmla="*/ 1743281 w 1789406"/>
                <a:gd name="connsiteY66" fmla="*/ 401284 h 565745"/>
                <a:gd name="connsiteX67" fmla="*/ 1749859 w 1789406"/>
                <a:gd name="connsiteY67" fmla="*/ 411151 h 565745"/>
                <a:gd name="connsiteX68" fmla="*/ 1789329 w 1789406"/>
                <a:gd name="connsiteY68" fmla="*/ 473646 h 565745"/>
                <a:gd name="connsiteX69" fmla="*/ 1759726 w 1789406"/>
                <a:gd name="connsiteY6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8158 w 1789406"/>
                <a:gd name="connsiteY58" fmla="*/ 282872 h 565745"/>
                <a:gd name="connsiteX59" fmla="*/ 1644604 w 1789406"/>
                <a:gd name="connsiteY59" fmla="*/ 292740 h 565745"/>
                <a:gd name="connsiteX60" fmla="*/ 1680786 w 1789406"/>
                <a:gd name="connsiteY60" fmla="*/ 328921 h 565745"/>
                <a:gd name="connsiteX61" fmla="*/ 1690653 w 1789406"/>
                <a:gd name="connsiteY61" fmla="*/ 335499 h 565745"/>
                <a:gd name="connsiteX62" fmla="*/ 1713678 w 1789406"/>
                <a:gd name="connsiteY62" fmla="*/ 355235 h 565745"/>
                <a:gd name="connsiteX63" fmla="*/ 1723545 w 1789406"/>
                <a:gd name="connsiteY63" fmla="*/ 368392 h 565745"/>
                <a:gd name="connsiteX64" fmla="*/ 1730124 w 1789406"/>
                <a:gd name="connsiteY64" fmla="*/ 374970 h 565745"/>
                <a:gd name="connsiteX65" fmla="*/ 1743281 w 1789406"/>
                <a:gd name="connsiteY65" fmla="*/ 401284 h 565745"/>
                <a:gd name="connsiteX66" fmla="*/ 1749859 w 1789406"/>
                <a:gd name="connsiteY66" fmla="*/ 411151 h 565745"/>
                <a:gd name="connsiteX67" fmla="*/ 1789329 w 1789406"/>
                <a:gd name="connsiteY67" fmla="*/ 473646 h 565745"/>
                <a:gd name="connsiteX68" fmla="*/ 1759726 w 1789406"/>
                <a:gd name="connsiteY6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690653 w 1789406"/>
                <a:gd name="connsiteY60" fmla="*/ 335499 h 565745"/>
                <a:gd name="connsiteX61" fmla="*/ 1713678 w 1789406"/>
                <a:gd name="connsiteY61" fmla="*/ 355235 h 565745"/>
                <a:gd name="connsiteX62" fmla="*/ 1723545 w 1789406"/>
                <a:gd name="connsiteY62" fmla="*/ 368392 h 565745"/>
                <a:gd name="connsiteX63" fmla="*/ 1730124 w 1789406"/>
                <a:gd name="connsiteY63" fmla="*/ 374970 h 565745"/>
                <a:gd name="connsiteX64" fmla="*/ 1743281 w 1789406"/>
                <a:gd name="connsiteY64" fmla="*/ 401284 h 565745"/>
                <a:gd name="connsiteX65" fmla="*/ 1749859 w 1789406"/>
                <a:gd name="connsiteY65" fmla="*/ 411151 h 565745"/>
                <a:gd name="connsiteX66" fmla="*/ 1789329 w 1789406"/>
                <a:gd name="connsiteY66" fmla="*/ 473646 h 565745"/>
                <a:gd name="connsiteX67" fmla="*/ 1759726 w 1789406"/>
                <a:gd name="connsiteY6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30124 w 1789406"/>
                <a:gd name="connsiteY62" fmla="*/ 374970 h 565745"/>
                <a:gd name="connsiteX63" fmla="*/ 1743281 w 1789406"/>
                <a:gd name="connsiteY63" fmla="*/ 401284 h 565745"/>
                <a:gd name="connsiteX64" fmla="*/ 1749859 w 1789406"/>
                <a:gd name="connsiteY64" fmla="*/ 411151 h 565745"/>
                <a:gd name="connsiteX65" fmla="*/ 1789329 w 1789406"/>
                <a:gd name="connsiteY65" fmla="*/ 473646 h 565745"/>
                <a:gd name="connsiteX66" fmla="*/ 1759726 w 1789406"/>
                <a:gd name="connsiteY6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49859 w 1789406"/>
                <a:gd name="connsiteY63" fmla="*/ 411151 h 565745"/>
                <a:gd name="connsiteX64" fmla="*/ 1789329 w 1789406"/>
                <a:gd name="connsiteY64" fmla="*/ 473646 h 565745"/>
                <a:gd name="connsiteX65" fmla="*/ 1759726 w 1789406"/>
                <a:gd name="connsiteY6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89329 w 1789406"/>
                <a:gd name="connsiteY63" fmla="*/ 473646 h 565745"/>
                <a:gd name="connsiteX64" fmla="*/ 1759726 w 1789406"/>
                <a:gd name="connsiteY6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43281 w 1789406"/>
                <a:gd name="connsiteY61" fmla="*/ 401284 h 565745"/>
                <a:gd name="connsiteX62" fmla="*/ 1789329 w 1789406"/>
                <a:gd name="connsiteY62" fmla="*/ 473646 h 565745"/>
                <a:gd name="connsiteX63" fmla="*/ 1759726 w 1789406"/>
                <a:gd name="connsiteY6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01283 w 1789406"/>
                <a:gd name="connsiteY17" fmla="*/ 82230 h 565745"/>
                <a:gd name="connsiteX18" fmla="*/ 427597 w 1789406"/>
                <a:gd name="connsiteY18" fmla="*/ 75652 h 565745"/>
                <a:gd name="connsiteX19" fmla="*/ 467068 w 1789406"/>
                <a:gd name="connsiteY19" fmla="*/ 78941 h 565745"/>
                <a:gd name="connsiteX20" fmla="*/ 486803 w 1789406"/>
                <a:gd name="connsiteY20" fmla="*/ 85520 h 565745"/>
                <a:gd name="connsiteX21" fmla="*/ 496670 w 1789406"/>
                <a:gd name="connsiteY21" fmla="*/ 88809 h 565745"/>
                <a:gd name="connsiteX22" fmla="*/ 565744 w 1789406"/>
                <a:gd name="connsiteY22" fmla="*/ 82230 h 565745"/>
                <a:gd name="connsiteX23" fmla="*/ 585479 w 1789406"/>
                <a:gd name="connsiteY23" fmla="*/ 75652 h 565745"/>
                <a:gd name="connsiteX24" fmla="*/ 611793 w 1789406"/>
                <a:gd name="connsiteY24" fmla="*/ 72363 h 565745"/>
                <a:gd name="connsiteX25" fmla="*/ 657842 w 1789406"/>
                <a:gd name="connsiteY25" fmla="*/ 69074 h 565745"/>
                <a:gd name="connsiteX26" fmla="*/ 703891 w 1789406"/>
                <a:gd name="connsiteY26" fmla="*/ 72363 h 565745"/>
                <a:gd name="connsiteX27" fmla="*/ 723626 w 1789406"/>
                <a:gd name="connsiteY27" fmla="*/ 78941 h 565745"/>
                <a:gd name="connsiteX28" fmla="*/ 743361 w 1789406"/>
                <a:gd name="connsiteY28" fmla="*/ 82230 h 565745"/>
                <a:gd name="connsiteX29" fmla="*/ 786121 w 1789406"/>
                <a:gd name="connsiteY29" fmla="*/ 78941 h 565745"/>
                <a:gd name="connsiteX30" fmla="*/ 795988 w 1789406"/>
                <a:gd name="connsiteY30" fmla="*/ 75652 h 565745"/>
                <a:gd name="connsiteX31" fmla="*/ 815724 w 1789406"/>
                <a:gd name="connsiteY31" fmla="*/ 72363 h 565745"/>
                <a:gd name="connsiteX32" fmla="*/ 832170 w 1789406"/>
                <a:gd name="connsiteY32" fmla="*/ 65784 h 565745"/>
                <a:gd name="connsiteX33" fmla="*/ 871640 w 1789406"/>
                <a:gd name="connsiteY33" fmla="*/ 62495 h 565745"/>
                <a:gd name="connsiteX34" fmla="*/ 884797 w 1789406"/>
                <a:gd name="connsiteY34" fmla="*/ 59206 h 565745"/>
                <a:gd name="connsiteX35" fmla="*/ 970317 w 1789406"/>
                <a:gd name="connsiteY35" fmla="*/ 65784 h 565745"/>
                <a:gd name="connsiteX36" fmla="*/ 993341 w 1789406"/>
                <a:gd name="connsiteY36" fmla="*/ 72363 h 565745"/>
                <a:gd name="connsiteX37" fmla="*/ 1026233 w 1789406"/>
                <a:gd name="connsiteY37" fmla="*/ 78941 h 565745"/>
                <a:gd name="connsiteX38" fmla="*/ 1036101 w 1789406"/>
                <a:gd name="connsiteY38" fmla="*/ 82230 h 565745"/>
                <a:gd name="connsiteX39" fmla="*/ 1059125 w 1789406"/>
                <a:gd name="connsiteY39" fmla="*/ 88809 h 565745"/>
                <a:gd name="connsiteX40" fmla="*/ 1197272 w 1789406"/>
                <a:gd name="connsiteY40" fmla="*/ 101966 h 565745"/>
                <a:gd name="connsiteX41" fmla="*/ 1207140 w 1789406"/>
                <a:gd name="connsiteY41" fmla="*/ 98676 h 565745"/>
                <a:gd name="connsiteX42" fmla="*/ 1256478 w 1789406"/>
                <a:gd name="connsiteY42" fmla="*/ 101966 h 565745"/>
                <a:gd name="connsiteX43" fmla="*/ 1269634 w 1789406"/>
                <a:gd name="connsiteY43" fmla="*/ 105255 h 565745"/>
                <a:gd name="connsiteX44" fmla="*/ 1286081 w 1789406"/>
                <a:gd name="connsiteY44" fmla="*/ 108544 h 565745"/>
                <a:gd name="connsiteX45" fmla="*/ 1312394 w 1789406"/>
                <a:gd name="connsiteY45" fmla="*/ 115123 h 565745"/>
                <a:gd name="connsiteX46" fmla="*/ 1417649 w 1789406"/>
                <a:gd name="connsiteY46" fmla="*/ 124990 h 565745"/>
                <a:gd name="connsiteX47" fmla="*/ 1427517 w 1789406"/>
                <a:gd name="connsiteY47" fmla="*/ 131569 h 565745"/>
                <a:gd name="connsiteX48" fmla="*/ 1437384 w 1789406"/>
                <a:gd name="connsiteY48" fmla="*/ 134858 h 565745"/>
                <a:gd name="connsiteX49" fmla="*/ 1443963 w 1789406"/>
                <a:gd name="connsiteY49" fmla="*/ 144725 h 565745"/>
                <a:gd name="connsiteX50" fmla="*/ 1453830 w 1789406"/>
                <a:gd name="connsiteY50" fmla="*/ 148015 h 565745"/>
                <a:gd name="connsiteX51" fmla="*/ 1503168 w 1789406"/>
                <a:gd name="connsiteY51" fmla="*/ 164461 h 565745"/>
                <a:gd name="connsiteX52" fmla="*/ 1516325 w 1789406"/>
                <a:gd name="connsiteY52" fmla="*/ 167750 h 565745"/>
                <a:gd name="connsiteX53" fmla="*/ 1539350 w 1789406"/>
                <a:gd name="connsiteY53" fmla="*/ 180907 h 565745"/>
                <a:gd name="connsiteX54" fmla="*/ 1582109 w 1789406"/>
                <a:gd name="connsiteY54" fmla="*/ 207220 h 565745"/>
                <a:gd name="connsiteX55" fmla="*/ 1591977 w 1789406"/>
                <a:gd name="connsiteY55" fmla="*/ 226956 h 565745"/>
                <a:gd name="connsiteX56" fmla="*/ 1628158 w 1789406"/>
                <a:gd name="connsiteY56" fmla="*/ 282872 h 565745"/>
                <a:gd name="connsiteX57" fmla="*/ 1644604 w 1789406"/>
                <a:gd name="connsiteY57" fmla="*/ 292740 h 565745"/>
                <a:gd name="connsiteX58" fmla="*/ 1680786 w 1789406"/>
                <a:gd name="connsiteY58" fmla="*/ 328921 h 565745"/>
                <a:gd name="connsiteX59" fmla="*/ 1713678 w 1789406"/>
                <a:gd name="connsiteY59" fmla="*/ 355235 h 565745"/>
                <a:gd name="connsiteX60" fmla="*/ 1743281 w 1789406"/>
                <a:gd name="connsiteY60" fmla="*/ 401284 h 565745"/>
                <a:gd name="connsiteX61" fmla="*/ 1789329 w 1789406"/>
                <a:gd name="connsiteY61" fmla="*/ 473646 h 565745"/>
                <a:gd name="connsiteX62" fmla="*/ 1759726 w 1789406"/>
                <a:gd name="connsiteY6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496670 w 1789406"/>
                <a:gd name="connsiteY20" fmla="*/ 88809 h 565745"/>
                <a:gd name="connsiteX21" fmla="*/ 565744 w 1789406"/>
                <a:gd name="connsiteY21" fmla="*/ 82230 h 565745"/>
                <a:gd name="connsiteX22" fmla="*/ 585479 w 1789406"/>
                <a:gd name="connsiteY22" fmla="*/ 75652 h 565745"/>
                <a:gd name="connsiteX23" fmla="*/ 611793 w 1789406"/>
                <a:gd name="connsiteY23" fmla="*/ 72363 h 565745"/>
                <a:gd name="connsiteX24" fmla="*/ 657842 w 1789406"/>
                <a:gd name="connsiteY24" fmla="*/ 69074 h 565745"/>
                <a:gd name="connsiteX25" fmla="*/ 703891 w 1789406"/>
                <a:gd name="connsiteY25" fmla="*/ 72363 h 565745"/>
                <a:gd name="connsiteX26" fmla="*/ 723626 w 1789406"/>
                <a:gd name="connsiteY26" fmla="*/ 78941 h 565745"/>
                <a:gd name="connsiteX27" fmla="*/ 743361 w 1789406"/>
                <a:gd name="connsiteY27" fmla="*/ 82230 h 565745"/>
                <a:gd name="connsiteX28" fmla="*/ 786121 w 1789406"/>
                <a:gd name="connsiteY28" fmla="*/ 78941 h 565745"/>
                <a:gd name="connsiteX29" fmla="*/ 795988 w 1789406"/>
                <a:gd name="connsiteY29" fmla="*/ 75652 h 565745"/>
                <a:gd name="connsiteX30" fmla="*/ 815724 w 1789406"/>
                <a:gd name="connsiteY30" fmla="*/ 72363 h 565745"/>
                <a:gd name="connsiteX31" fmla="*/ 832170 w 1789406"/>
                <a:gd name="connsiteY31" fmla="*/ 65784 h 565745"/>
                <a:gd name="connsiteX32" fmla="*/ 871640 w 1789406"/>
                <a:gd name="connsiteY32" fmla="*/ 62495 h 565745"/>
                <a:gd name="connsiteX33" fmla="*/ 884797 w 1789406"/>
                <a:gd name="connsiteY33" fmla="*/ 59206 h 565745"/>
                <a:gd name="connsiteX34" fmla="*/ 970317 w 1789406"/>
                <a:gd name="connsiteY34" fmla="*/ 65784 h 565745"/>
                <a:gd name="connsiteX35" fmla="*/ 993341 w 1789406"/>
                <a:gd name="connsiteY35" fmla="*/ 72363 h 565745"/>
                <a:gd name="connsiteX36" fmla="*/ 1026233 w 1789406"/>
                <a:gd name="connsiteY36" fmla="*/ 78941 h 565745"/>
                <a:gd name="connsiteX37" fmla="*/ 1036101 w 1789406"/>
                <a:gd name="connsiteY37" fmla="*/ 82230 h 565745"/>
                <a:gd name="connsiteX38" fmla="*/ 1059125 w 1789406"/>
                <a:gd name="connsiteY38" fmla="*/ 88809 h 565745"/>
                <a:gd name="connsiteX39" fmla="*/ 1197272 w 1789406"/>
                <a:gd name="connsiteY39" fmla="*/ 101966 h 565745"/>
                <a:gd name="connsiteX40" fmla="*/ 1207140 w 1789406"/>
                <a:gd name="connsiteY40" fmla="*/ 98676 h 565745"/>
                <a:gd name="connsiteX41" fmla="*/ 1256478 w 1789406"/>
                <a:gd name="connsiteY41" fmla="*/ 101966 h 565745"/>
                <a:gd name="connsiteX42" fmla="*/ 1269634 w 1789406"/>
                <a:gd name="connsiteY42" fmla="*/ 105255 h 565745"/>
                <a:gd name="connsiteX43" fmla="*/ 1286081 w 1789406"/>
                <a:gd name="connsiteY43" fmla="*/ 108544 h 565745"/>
                <a:gd name="connsiteX44" fmla="*/ 1312394 w 1789406"/>
                <a:gd name="connsiteY44" fmla="*/ 115123 h 565745"/>
                <a:gd name="connsiteX45" fmla="*/ 1417649 w 1789406"/>
                <a:gd name="connsiteY45" fmla="*/ 124990 h 565745"/>
                <a:gd name="connsiteX46" fmla="*/ 1427517 w 1789406"/>
                <a:gd name="connsiteY46" fmla="*/ 131569 h 565745"/>
                <a:gd name="connsiteX47" fmla="*/ 1437384 w 1789406"/>
                <a:gd name="connsiteY47" fmla="*/ 134858 h 565745"/>
                <a:gd name="connsiteX48" fmla="*/ 1443963 w 1789406"/>
                <a:gd name="connsiteY48" fmla="*/ 144725 h 565745"/>
                <a:gd name="connsiteX49" fmla="*/ 1453830 w 1789406"/>
                <a:gd name="connsiteY49" fmla="*/ 148015 h 565745"/>
                <a:gd name="connsiteX50" fmla="*/ 1503168 w 1789406"/>
                <a:gd name="connsiteY50" fmla="*/ 164461 h 565745"/>
                <a:gd name="connsiteX51" fmla="*/ 1516325 w 1789406"/>
                <a:gd name="connsiteY51" fmla="*/ 167750 h 565745"/>
                <a:gd name="connsiteX52" fmla="*/ 1539350 w 1789406"/>
                <a:gd name="connsiteY52" fmla="*/ 180907 h 565745"/>
                <a:gd name="connsiteX53" fmla="*/ 1582109 w 1789406"/>
                <a:gd name="connsiteY53" fmla="*/ 207220 h 565745"/>
                <a:gd name="connsiteX54" fmla="*/ 1591977 w 1789406"/>
                <a:gd name="connsiteY54" fmla="*/ 226956 h 565745"/>
                <a:gd name="connsiteX55" fmla="*/ 1628158 w 1789406"/>
                <a:gd name="connsiteY55" fmla="*/ 282872 h 565745"/>
                <a:gd name="connsiteX56" fmla="*/ 1644604 w 1789406"/>
                <a:gd name="connsiteY56" fmla="*/ 292740 h 565745"/>
                <a:gd name="connsiteX57" fmla="*/ 1680786 w 1789406"/>
                <a:gd name="connsiteY57" fmla="*/ 328921 h 565745"/>
                <a:gd name="connsiteX58" fmla="*/ 1713678 w 1789406"/>
                <a:gd name="connsiteY58" fmla="*/ 355235 h 565745"/>
                <a:gd name="connsiteX59" fmla="*/ 1743281 w 1789406"/>
                <a:gd name="connsiteY59" fmla="*/ 401284 h 565745"/>
                <a:gd name="connsiteX60" fmla="*/ 1789329 w 1789406"/>
                <a:gd name="connsiteY60" fmla="*/ 473646 h 565745"/>
                <a:gd name="connsiteX61" fmla="*/ 1759726 w 1789406"/>
                <a:gd name="connsiteY6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1793 w 1789406"/>
                <a:gd name="connsiteY22" fmla="*/ 72363 h 565745"/>
                <a:gd name="connsiteX23" fmla="*/ 657842 w 1789406"/>
                <a:gd name="connsiteY23" fmla="*/ 69074 h 565745"/>
                <a:gd name="connsiteX24" fmla="*/ 703891 w 1789406"/>
                <a:gd name="connsiteY24" fmla="*/ 72363 h 565745"/>
                <a:gd name="connsiteX25" fmla="*/ 723626 w 1789406"/>
                <a:gd name="connsiteY25" fmla="*/ 78941 h 565745"/>
                <a:gd name="connsiteX26" fmla="*/ 743361 w 1789406"/>
                <a:gd name="connsiteY26" fmla="*/ 82230 h 565745"/>
                <a:gd name="connsiteX27" fmla="*/ 786121 w 1789406"/>
                <a:gd name="connsiteY27" fmla="*/ 78941 h 565745"/>
                <a:gd name="connsiteX28" fmla="*/ 795988 w 1789406"/>
                <a:gd name="connsiteY28" fmla="*/ 75652 h 565745"/>
                <a:gd name="connsiteX29" fmla="*/ 815724 w 1789406"/>
                <a:gd name="connsiteY29" fmla="*/ 72363 h 565745"/>
                <a:gd name="connsiteX30" fmla="*/ 832170 w 1789406"/>
                <a:gd name="connsiteY30" fmla="*/ 65784 h 565745"/>
                <a:gd name="connsiteX31" fmla="*/ 871640 w 1789406"/>
                <a:gd name="connsiteY31" fmla="*/ 62495 h 565745"/>
                <a:gd name="connsiteX32" fmla="*/ 884797 w 1789406"/>
                <a:gd name="connsiteY32" fmla="*/ 59206 h 565745"/>
                <a:gd name="connsiteX33" fmla="*/ 970317 w 1789406"/>
                <a:gd name="connsiteY33" fmla="*/ 65784 h 565745"/>
                <a:gd name="connsiteX34" fmla="*/ 993341 w 1789406"/>
                <a:gd name="connsiteY34" fmla="*/ 72363 h 565745"/>
                <a:gd name="connsiteX35" fmla="*/ 1026233 w 1789406"/>
                <a:gd name="connsiteY35" fmla="*/ 78941 h 565745"/>
                <a:gd name="connsiteX36" fmla="*/ 1036101 w 1789406"/>
                <a:gd name="connsiteY36" fmla="*/ 82230 h 565745"/>
                <a:gd name="connsiteX37" fmla="*/ 1059125 w 1789406"/>
                <a:gd name="connsiteY37" fmla="*/ 88809 h 565745"/>
                <a:gd name="connsiteX38" fmla="*/ 1197272 w 1789406"/>
                <a:gd name="connsiteY38" fmla="*/ 101966 h 565745"/>
                <a:gd name="connsiteX39" fmla="*/ 1207140 w 1789406"/>
                <a:gd name="connsiteY39" fmla="*/ 98676 h 565745"/>
                <a:gd name="connsiteX40" fmla="*/ 1256478 w 1789406"/>
                <a:gd name="connsiteY40" fmla="*/ 101966 h 565745"/>
                <a:gd name="connsiteX41" fmla="*/ 1269634 w 1789406"/>
                <a:gd name="connsiteY41" fmla="*/ 105255 h 565745"/>
                <a:gd name="connsiteX42" fmla="*/ 1286081 w 1789406"/>
                <a:gd name="connsiteY42" fmla="*/ 108544 h 565745"/>
                <a:gd name="connsiteX43" fmla="*/ 1312394 w 1789406"/>
                <a:gd name="connsiteY43" fmla="*/ 115123 h 565745"/>
                <a:gd name="connsiteX44" fmla="*/ 1417649 w 1789406"/>
                <a:gd name="connsiteY44" fmla="*/ 124990 h 565745"/>
                <a:gd name="connsiteX45" fmla="*/ 1427517 w 1789406"/>
                <a:gd name="connsiteY45" fmla="*/ 131569 h 565745"/>
                <a:gd name="connsiteX46" fmla="*/ 1437384 w 1789406"/>
                <a:gd name="connsiteY46" fmla="*/ 134858 h 565745"/>
                <a:gd name="connsiteX47" fmla="*/ 1443963 w 1789406"/>
                <a:gd name="connsiteY47" fmla="*/ 144725 h 565745"/>
                <a:gd name="connsiteX48" fmla="*/ 1453830 w 1789406"/>
                <a:gd name="connsiteY48" fmla="*/ 148015 h 565745"/>
                <a:gd name="connsiteX49" fmla="*/ 1503168 w 1789406"/>
                <a:gd name="connsiteY49" fmla="*/ 164461 h 565745"/>
                <a:gd name="connsiteX50" fmla="*/ 1516325 w 1789406"/>
                <a:gd name="connsiteY50" fmla="*/ 167750 h 565745"/>
                <a:gd name="connsiteX51" fmla="*/ 1539350 w 1789406"/>
                <a:gd name="connsiteY51" fmla="*/ 180907 h 565745"/>
                <a:gd name="connsiteX52" fmla="*/ 1582109 w 1789406"/>
                <a:gd name="connsiteY52" fmla="*/ 207220 h 565745"/>
                <a:gd name="connsiteX53" fmla="*/ 1591977 w 1789406"/>
                <a:gd name="connsiteY53" fmla="*/ 226956 h 565745"/>
                <a:gd name="connsiteX54" fmla="*/ 1628158 w 1789406"/>
                <a:gd name="connsiteY54" fmla="*/ 282872 h 565745"/>
                <a:gd name="connsiteX55" fmla="*/ 1644604 w 1789406"/>
                <a:gd name="connsiteY55" fmla="*/ 292740 h 565745"/>
                <a:gd name="connsiteX56" fmla="*/ 1680786 w 1789406"/>
                <a:gd name="connsiteY56" fmla="*/ 328921 h 565745"/>
                <a:gd name="connsiteX57" fmla="*/ 1713678 w 1789406"/>
                <a:gd name="connsiteY57" fmla="*/ 355235 h 565745"/>
                <a:gd name="connsiteX58" fmla="*/ 1743281 w 1789406"/>
                <a:gd name="connsiteY58" fmla="*/ 401284 h 565745"/>
                <a:gd name="connsiteX59" fmla="*/ 1789329 w 1789406"/>
                <a:gd name="connsiteY59" fmla="*/ 473646 h 565745"/>
                <a:gd name="connsiteX60" fmla="*/ 1759726 w 1789406"/>
                <a:gd name="connsiteY6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23626 w 1789406"/>
                <a:gd name="connsiteY24" fmla="*/ 78941 h 565745"/>
                <a:gd name="connsiteX25" fmla="*/ 743361 w 1789406"/>
                <a:gd name="connsiteY25" fmla="*/ 82230 h 565745"/>
                <a:gd name="connsiteX26" fmla="*/ 786121 w 1789406"/>
                <a:gd name="connsiteY26" fmla="*/ 78941 h 565745"/>
                <a:gd name="connsiteX27" fmla="*/ 795988 w 1789406"/>
                <a:gd name="connsiteY27" fmla="*/ 75652 h 565745"/>
                <a:gd name="connsiteX28" fmla="*/ 815724 w 1789406"/>
                <a:gd name="connsiteY28" fmla="*/ 72363 h 565745"/>
                <a:gd name="connsiteX29" fmla="*/ 832170 w 1789406"/>
                <a:gd name="connsiteY29" fmla="*/ 65784 h 565745"/>
                <a:gd name="connsiteX30" fmla="*/ 871640 w 1789406"/>
                <a:gd name="connsiteY30" fmla="*/ 62495 h 565745"/>
                <a:gd name="connsiteX31" fmla="*/ 884797 w 1789406"/>
                <a:gd name="connsiteY31" fmla="*/ 59206 h 565745"/>
                <a:gd name="connsiteX32" fmla="*/ 970317 w 1789406"/>
                <a:gd name="connsiteY32" fmla="*/ 65784 h 565745"/>
                <a:gd name="connsiteX33" fmla="*/ 993341 w 1789406"/>
                <a:gd name="connsiteY33" fmla="*/ 72363 h 565745"/>
                <a:gd name="connsiteX34" fmla="*/ 1026233 w 1789406"/>
                <a:gd name="connsiteY34" fmla="*/ 78941 h 565745"/>
                <a:gd name="connsiteX35" fmla="*/ 1036101 w 1789406"/>
                <a:gd name="connsiteY35" fmla="*/ 82230 h 565745"/>
                <a:gd name="connsiteX36" fmla="*/ 1059125 w 1789406"/>
                <a:gd name="connsiteY36" fmla="*/ 88809 h 565745"/>
                <a:gd name="connsiteX37" fmla="*/ 1197272 w 1789406"/>
                <a:gd name="connsiteY37" fmla="*/ 101966 h 565745"/>
                <a:gd name="connsiteX38" fmla="*/ 1207140 w 1789406"/>
                <a:gd name="connsiteY38" fmla="*/ 98676 h 565745"/>
                <a:gd name="connsiteX39" fmla="*/ 1256478 w 1789406"/>
                <a:gd name="connsiteY39" fmla="*/ 101966 h 565745"/>
                <a:gd name="connsiteX40" fmla="*/ 1269634 w 1789406"/>
                <a:gd name="connsiteY40" fmla="*/ 105255 h 565745"/>
                <a:gd name="connsiteX41" fmla="*/ 1286081 w 1789406"/>
                <a:gd name="connsiteY41" fmla="*/ 108544 h 565745"/>
                <a:gd name="connsiteX42" fmla="*/ 1312394 w 1789406"/>
                <a:gd name="connsiteY42" fmla="*/ 115123 h 565745"/>
                <a:gd name="connsiteX43" fmla="*/ 1417649 w 1789406"/>
                <a:gd name="connsiteY43" fmla="*/ 124990 h 565745"/>
                <a:gd name="connsiteX44" fmla="*/ 1427517 w 1789406"/>
                <a:gd name="connsiteY44" fmla="*/ 131569 h 565745"/>
                <a:gd name="connsiteX45" fmla="*/ 1437384 w 1789406"/>
                <a:gd name="connsiteY45" fmla="*/ 134858 h 565745"/>
                <a:gd name="connsiteX46" fmla="*/ 1443963 w 1789406"/>
                <a:gd name="connsiteY46" fmla="*/ 144725 h 565745"/>
                <a:gd name="connsiteX47" fmla="*/ 1453830 w 1789406"/>
                <a:gd name="connsiteY47" fmla="*/ 148015 h 565745"/>
                <a:gd name="connsiteX48" fmla="*/ 1503168 w 1789406"/>
                <a:gd name="connsiteY48" fmla="*/ 164461 h 565745"/>
                <a:gd name="connsiteX49" fmla="*/ 1516325 w 1789406"/>
                <a:gd name="connsiteY49" fmla="*/ 167750 h 565745"/>
                <a:gd name="connsiteX50" fmla="*/ 1539350 w 1789406"/>
                <a:gd name="connsiteY50" fmla="*/ 180907 h 565745"/>
                <a:gd name="connsiteX51" fmla="*/ 1582109 w 1789406"/>
                <a:gd name="connsiteY51" fmla="*/ 207220 h 565745"/>
                <a:gd name="connsiteX52" fmla="*/ 1591977 w 1789406"/>
                <a:gd name="connsiteY52" fmla="*/ 226956 h 565745"/>
                <a:gd name="connsiteX53" fmla="*/ 1628158 w 1789406"/>
                <a:gd name="connsiteY53" fmla="*/ 282872 h 565745"/>
                <a:gd name="connsiteX54" fmla="*/ 1644604 w 1789406"/>
                <a:gd name="connsiteY54" fmla="*/ 292740 h 565745"/>
                <a:gd name="connsiteX55" fmla="*/ 1680786 w 1789406"/>
                <a:gd name="connsiteY55" fmla="*/ 328921 h 565745"/>
                <a:gd name="connsiteX56" fmla="*/ 1713678 w 1789406"/>
                <a:gd name="connsiteY56" fmla="*/ 355235 h 565745"/>
                <a:gd name="connsiteX57" fmla="*/ 1743281 w 1789406"/>
                <a:gd name="connsiteY57" fmla="*/ 401284 h 565745"/>
                <a:gd name="connsiteX58" fmla="*/ 1789329 w 1789406"/>
                <a:gd name="connsiteY58" fmla="*/ 473646 h 565745"/>
                <a:gd name="connsiteX59" fmla="*/ 1759726 w 1789406"/>
                <a:gd name="connsiteY5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32170 w 1789406"/>
                <a:gd name="connsiteY28" fmla="*/ 65784 h 565745"/>
                <a:gd name="connsiteX29" fmla="*/ 871640 w 1789406"/>
                <a:gd name="connsiteY29" fmla="*/ 62495 h 565745"/>
                <a:gd name="connsiteX30" fmla="*/ 884797 w 1789406"/>
                <a:gd name="connsiteY30" fmla="*/ 59206 h 565745"/>
                <a:gd name="connsiteX31" fmla="*/ 970317 w 1789406"/>
                <a:gd name="connsiteY31" fmla="*/ 65784 h 565745"/>
                <a:gd name="connsiteX32" fmla="*/ 993341 w 1789406"/>
                <a:gd name="connsiteY32" fmla="*/ 72363 h 565745"/>
                <a:gd name="connsiteX33" fmla="*/ 1026233 w 1789406"/>
                <a:gd name="connsiteY33" fmla="*/ 78941 h 565745"/>
                <a:gd name="connsiteX34" fmla="*/ 1036101 w 1789406"/>
                <a:gd name="connsiteY34" fmla="*/ 82230 h 565745"/>
                <a:gd name="connsiteX35" fmla="*/ 1059125 w 1789406"/>
                <a:gd name="connsiteY35" fmla="*/ 88809 h 565745"/>
                <a:gd name="connsiteX36" fmla="*/ 1197272 w 1789406"/>
                <a:gd name="connsiteY36" fmla="*/ 101966 h 565745"/>
                <a:gd name="connsiteX37" fmla="*/ 1207140 w 1789406"/>
                <a:gd name="connsiteY37" fmla="*/ 98676 h 565745"/>
                <a:gd name="connsiteX38" fmla="*/ 1256478 w 1789406"/>
                <a:gd name="connsiteY38" fmla="*/ 101966 h 565745"/>
                <a:gd name="connsiteX39" fmla="*/ 1269634 w 1789406"/>
                <a:gd name="connsiteY39" fmla="*/ 105255 h 565745"/>
                <a:gd name="connsiteX40" fmla="*/ 1286081 w 1789406"/>
                <a:gd name="connsiteY40" fmla="*/ 108544 h 565745"/>
                <a:gd name="connsiteX41" fmla="*/ 1312394 w 1789406"/>
                <a:gd name="connsiteY41" fmla="*/ 115123 h 565745"/>
                <a:gd name="connsiteX42" fmla="*/ 1417649 w 1789406"/>
                <a:gd name="connsiteY42" fmla="*/ 124990 h 565745"/>
                <a:gd name="connsiteX43" fmla="*/ 1427517 w 1789406"/>
                <a:gd name="connsiteY43" fmla="*/ 131569 h 565745"/>
                <a:gd name="connsiteX44" fmla="*/ 1437384 w 1789406"/>
                <a:gd name="connsiteY44" fmla="*/ 134858 h 565745"/>
                <a:gd name="connsiteX45" fmla="*/ 1443963 w 1789406"/>
                <a:gd name="connsiteY45" fmla="*/ 144725 h 565745"/>
                <a:gd name="connsiteX46" fmla="*/ 1453830 w 1789406"/>
                <a:gd name="connsiteY46" fmla="*/ 148015 h 565745"/>
                <a:gd name="connsiteX47" fmla="*/ 1503168 w 1789406"/>
                <a:gd name="connsiteY47" fmla="*/ 164461 h 565745"/>
                <a:gd name="connsiteX48" fmla="*/ 1516325 w 1789406"/>
                <a:gd name="connsiteY48" fmla="*/ 167750 h 565745"/>
                <a:gd name="connsiteX49" fmla="*/ 1539350 w 1789406"/>
                <a:gd name="connsiteY49" fmla="*/ 180907 h 565745"/>
                <a:gd name="connsiteX50" fmla="*/ 1582109 w 1789406"/>
                <a:gd name="connsiteY50" fmla="*/ 207220 h 565745"/>
                <a:gd name="connsiteX51" fmla="*/ 1591977 w 1789406"/>
                <a:gd name="connsiteY51" fmla="*/ 226956 h 565745"/>
                <a:gd name="connsiteX52" fmla="*/ 1628158 w 1789406"/>
                <a:gd name="connsiteY52" fmla="*/ 282872 h 565745"/>
                <a:gd name="connsiteX53" fmla="*/ 1644604 w 1789406"/>
                <a:gd name="connsiteY53" fmla="*/ 292740 h 565745"/>
                <a:gd name="connsiteX54" fmla="*/ 1680786 w 1789406"/>
                <a:gd name="connsiteY54" fmla="*/ 328921 h 565745"/>
                <a:gd name="connsiteX55" fmla="*/ 1713678 w 1789406"/>
                <a:gd name="connsiteY55" fmla="*/ 355235 h 565745"/>
                <a:gd name="connsiteX56" fmla="*/ 1743281 w 1789406"/>
                <a:gd name="connsiteY56" fmla="*/ 401284 h 565745"/>
                <a:gd name="connsiteX57" fmla="*/ 1789329 w 1789406"/>
                <a:gd name="connsiteY57" fmla="*/ 473646 h 565745"/>
                <a:gd name="connsiteX58" fmla="*/ 1759726 w 1789406"/>
                <a:gd name="connsiteY5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7323 w 1789406"/>
                <a:gd name="connsiteY22" fmla="*/ 58737 h 565745"/>
                <a:gd name="connsiteX23" fmla="*/ 657842 w 1789406"/>
                <a:gd name="connsiteY23" fmla="*/ 69074 h 565745"/>
                <a:gd name="connsiteX24" fmla="*/ 703891 w 1789406"/>
                <a:gd name="connsiteY24" fmla="*/ 72363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68391 w 1789406"/>
                <a:gd name="connsiteY15" fmla="*/ 92098 h 565745"/>
                <a:gd name="connsiteX16" fmla="*/ 427597 w 1789406"/>
                <a:gd name="connsiteY16" fmla="*/ 75652 h 565745"/>
                <a:gd name="connsiteX17" fmla="*/ 467068 w 1789406"/>
                <a:gd name="connsiteY17" fmla="*/ 78941 h 565745"/>
                <a:gd name="connsiteX18" fmla="*/ 486803 w 1789406"/>
                <a:gd name="connsiteY18" fmla="*/ 85520 h 565745"/>
                <a:gd name="connsiteX19" fmla="*/ 565744 w 1789406"/>
                <a:gd name="connsiteY19" fmla="*/ 82230 h 565745"/>
                <a:gd name="connsiteX20" fmla="*/ 585479 w 1789406"/>
                <a:gd name="connsiteY20" fmla="*/ 75652 h 565745"/>
                <a:gd name="connsiteX21" fmla="*/ 617323 w 1789406"/>
                <a:gd name="connsiteY21" fmla="*/ 58737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220377 w 1789406"/>
                <a:gd name="connsiteY11" fmla="*/ 121701 h 565745"/>
                <a:gd name="connsiteX12" fmla="*/ 312475 w 1789406"/>
                <a:gd name="connsiteY12" fmla="*/ 108544 h 565745"/>
                <a:gd name="connsiteX13" fmla="*/ 322342 w 1789406"/>
                <a:gd name="connsiteY13" fmla="*/ 105255 h 565745"/>
                <a:gd name="connsiteX14" fmla="*/ 368391 w 1789406"/>
                <a:gd name="connsiteY14" fmla="*/ 92098 h 565745"/>
                <a:gd name="connsiteX15" fmla="*/ 427597 w 1789406"/>
                <a:gd name="connsiteY15" fmla="*/ 75652 h 565745"/>
                <a:gd name="connsiteX16" fmla="*/ 467068 w 1789406"/>
                <a:gd name="connsiteY16" fmla="*/ 78941 h 565745"/>
                <a:gd name="connsiteX17" fmla="*/ 486803 w 1789406"/>
                <a:gd name="connsiteY17" fmla="*/ 85520 h 565745"/>
                <a:gd name="connsiteX18" fmla="*/ 565744 w 1789406"/>
                <a:gd name="connsiteY18" fmla="*/ 82230 h 565745"/>
                <a:gd name="connsiteX19" fmla="*/ 585479 w 1789406"/>
                <a:gd name="connsiteY19" fmla="*/ 75652 h 565745"/>
                <a:gd name="connsiteX20" fmla="*/ 617323 w 1789406"/>
                <a:gd name="connsiteY20" fmla="*/ 58737 h 565745"/>
                <a:gd name="connsiteX21" fmla="*/ 657842 w 1789406"/>
                <a:gd name="connsiteY21" fmla="*/ 69074 h 565745"/>
                <a:gd name="connsiteX22" fmla="*/ 703891 w 1789406"/>
                <a:gd name="connsiteY22" fmla="*/ 72363 h 565745"/>
                <a:gd name="connsiteX23" fmla="*/ 786121 w 1789406"/>
                <a:gd name="connsiteY23" fmla="*/ 78941 h 565745"/>
                <a:gd name="connsiteX24" fmla="*/ 795988 w 1789406"/>
                <a:gd name="connsiteY24" fmla="*/ 75652 h 565745"/>
                <a:gd name="connsiteX25" fmla="*/ 815724 w 1789406"/>
                <a:gd name="connsiteY25" fmla="*/ 72363 h 565745"/>
                <a:gd name="connsiteX26" fmla="*/ 871640 w 1789406"/>
                <a:gd name="connsiteY26" fmla="*/ 62495 h 565745"/>
                <a:gd name="connsiteX27" fmla="*/ 884797 w 1789406"/>
                <a:gd name="connsiteY27" fmla="*/ 59206 h 565745"/>
                <a:gd name="connsiteX28" fmla="*/ 970317 w 1789406"/>
                <a:gd name="connsiteY28" fmla="*/ 65784 h 565745"/>
                <a:gd name="connsiteX29" fmla="*/ 993341 w 1789406"/>
                <a:gd name="connsiteY29" fmla="*/ 72363 h 565745"/>
                <a:gd name="connsiteX30" fmla="*/ 1026233 w 1789406"/>
                <a:gd name="connsiteY30" fmla="*/ 78941 h 565745"/>
                <a:gd name="connsiteX31" fmla="*/ 1036101 w 1789406"/>
                <a:gd name="connsiteY31" fmla="*/ 82230 h 565745"/>
                <a:gd name="connsiteX32" fmla="*/ 1059125 w 1789406"/>
                <a:gd name="connsiteY32" fmla="*/ 88809 h 565745"/>
                <a:gd name="connsiteX33" fmla="*/ 1197272 w 1789406"/>
                <a:gd name="connsiteY33" fmla="*/ 101966 h 565745"/>
                <a:gd name="connsiteX34" fmla="*/ 1207140 w 1789406"/>
                <a:gd name="connsiteY34" fmla="*/ 98676 h 565745"/>
                <a:gd name="connsiteX35" fmla="*/ 1256478 w 1789406"/>
                <a:gd name="connsiteY35" fmla="*/ 101966 h 565745"/>
                <a:gd name="connsiteX36" fmla="*/ 1269634 w 1789406"/>
                <a:gd name="connsiteY36" fmla="*/ 105255 h 565745"/>
                <a:gd name="connsiteX37" fmla="*/ 1286081 w 1789406"/>
                <a:gd name="connsiteY37" fmla="*/ 108544 h 565745"/>
                <a:gd name="connsiteX38" fmla="*/ 1312394 w 1789406"/>
                <a:gd name="connsiteY38" fmla="*/ 115123 h 565745"/>
                <a:gd name="connsiteX39" fmla="*/ 1417649 w 1789406"/>
                <a:gd name="connsiteY39" fmla="*/ 124990 h 565745"/>
                <a:gd name="connsiteX40" fmla="*/ 1427517 w 1789406"/>
                <a:gd name="connsiteY40" fmla="*/ 131569 h 565745"/>
                <a:gd name="connsiteX41" fmla="*/ 1437384 w 1789406"/>
                <a:gd name="connsiteY41" fmla="*/ 134858 h 565745"/>
                <a:gd name="connsiteX42" fmla="*/ 1443963 w 1789406"/>
                <a:gd name="connsiteY42" fmla="*/ 144725 h 565745"/>
                <a:gd name="connsiteX43" fmla="*/ 1453830 w 1789406"/>
                <a:gd name="connsiteY43" fmla="*/ 148015 h 565745"/>
                <a:gd name="connsiteX44" fmla="*/ 1503168 w 1789406"/>
                <a:gd name="connsiteY44" fmla="*/ 164461 h 565745"/>
                <a:gd name="connsiteX45" fmla="*/ 1516325 w 1789406"/>
                <a:gd name="connsiteY45" fmla="*/ 167750 h 565745"/>
                <a:gd name="connsiteX46" fmla="*/ 1539350 w 1789406"/>
                <a:gd name="connsiteY46" fmla="*/ 180907 h 565745"/>
                <a:gd name="connsiteX47" fmla="*/ 1582109 w 1789406"/>
                <a:gd name="connsiteY47" fmla="*/ 207220 h 565745"/>
                <a:gd name="connsiteX48" fmla="*/ 1591977 w 1789406"/>
                <a:gd name="connsiteY48" fmla="*/ 226956 h 565745"/>
                <a:gd name="connsiteX49" fmla="*/ 1628158 w 1789406"/>
                <a:gd name="connsiteY49" fmla="*/ 282872 h 565745"/>
                <a:gd name="connsiteX50" fmla="*/ 1644604 w 1789406"/>
                <a:gd name="connsiteY50" fmla="*/ 292740 h 565745"/>
                <a:gd name="connsiteX51" fmla="*/ 1680786 w 1789406"/>
                <a:gd name="connsiteY51" fmla="*/ 328921 h 565745"/>
                <a:gd name="connsiteX52" fmla="*/ 1713678 w 1789406"/>
                <a:gd name="connsiteY52" fmla="*/ 355235 h 565745"/>
                <a:gd name="connsiteX53" fmla="*/ 1743281 w 1789406"/>
                <a:gd name="connsiteY53" fmla="*/ 401284 h 565745"/>
                <a:gd name="connsiteX54" fmla="*/ 1789329 w 1789406"/>
                <a:gd name="connsiteY54" fmla="*/ 473646 h 565745"/>
                <a:gd name="connsiteX55" fmla="*/ 1759726 w 1789406"/>
                <a:gd name="connsiteY5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48014 w 1789406"/>
                <a:gd name="connsiteY9" fmla="*/ 108544 h 565745"/>
                <a:gd name="connsiteX10" fmla="*/ 220377 w 1789406"/>
                <a:gd name="connsiteY10" fmla="*/ 121701 h 565745"/>
                <a:gd name="connsiteX11" fmla="*/ 312475 w 1789406"/>
                <a:gd name="connsiteY11" fmla="*/ 108544 h 565745"/>
                <a:gd name="connsiteX12" fmla="*/ 322342 w 1789406"/>
                <a:gd name="connsiteY12" fmla="*/ 105255 h 565745"/>
                <a:gd name="connsiteX13" fmla="*/ 368391 w 1789406"/>
                <a:gd name="connsiteY13" fmla="*/ 92098 h 565745"/>
                <a:gd name="connsiteX14" fmla="*/ 427597 w 1789406"/>
                <a:gd name="connsiteY14" fmla="*/ 75652 h 565745"/>
                <a:gd name="connsiteX15" fmla="*/ 467068 w 1789406"/>
                <a:gd name="connsiteY15" fmla="*/ 78941 h 565745"/>
                <a:gd name="connsiteX16" fmla="*/ 486803 w 1789406"/>
                <a:gd name="connsiteY16" fmla="*/ 85520 h 565745"/>
                <a:gd name="connsiteX17" fmla="*/ 565744 w 1789406"/>
                <a:gd name="connsiteY17" fmla="*/ 82230 h 565745"/>
                <a:gd name="connsiteX18" fmla="*/ 585479 w 1789406"/>
                <a:gd name="connsiteY18" fmla="*/ 75652 h 565745"/>
                <a:gd name="connsiteX19" fmla="*/ 617323 w 1789406"/>
                <a:gd name="connsiteY19" fmla="*/ 58737 h 565745"/>
                <a:gd name="connsiteX20" fmla="*/ 657842 w 1789406"/>
                <a:gd name="connsiteY20" fmla="*/ 69074 h 565745"/>
                <a:gd name="connsiteX21" fmla="*/ 703891 w 1789406"/>
                <a:gd name="connsiteY21" fmla="*/ 72363 h 565745"/>
                <a:gd name="connsiteX22" fmla="*/ 786121 w 1789406"/>
                <a:gd name="connsiteY22" fmla="*/ 78941 h 565745"/>
                <a:gd name="connsiteX23" fmla="*/ 795988 w 1789406"/>
                <a:gd name="connsiteY23" fmla="*/ 75652 h 565745"/>
                <a:gd name="connsiteX24" fmla="*/ 815724 w 1789406"/>
                <a:gd name="connsiteY24" fmla="*/ 72363 h 565745"/>
                <a:gd name="connsiteX25" fmla="*/ 871640 w 1789406"/>
                <a:gd name="connsiteY25" fmla="*/ 62495 h 565745"/>
                <a:gd name="connsiteX26" fmla="*/ 884797 w 1789406"/>
                <a:gd name="connsiteY26" fmla="*/ 59206 h 565745"/>
                <a:gd name="connsiteX27" fmla="*/ 970317 w 1789406"/>
                <a:gd name="connsiteY27" fmla="*/ 65784 h 565745"/>
                <a:gd name="connsiteX28" fmla="*/ 993341 w 1789406"/>
                <a:gd name="connsiteY28" fmla="*/ 72363 h 565745"/>
                <a:gd name="connsiteX29" fmla="*/ 1026233 w 1789406"/>
                <a:gd name="connsiteY29" fmla="*/ 78941 h 565745"/>
                <a:gd name="connsiteX30" fmla="*/ 1036101 w 1789406"/>
                <a:gd name="connsiteY30" fmla="*/ 82230 h 565745"/>
                <a:gd name="connsiteX31" fmla="*/ 1059125 w 1789406"/>
                <a:gd name="connsiteY31" fmla="*/ 88809 h 565745"/>
                <a:gd name="connsiteX32" fmla="*/ 1197272 w 1789406"/>
                <a:gd name="connsiteY32" fmla="*/ 101966 h 565745"/>
                <a:gd name="connsiteX33" fmla="*/ 1207140 w 1789406"/>
                <a:gd name="connsiteY33" fmla="*/ 98676 h 565745"/>
                <a:gd name="connsiteX34" fmla="*/ 1256478 w 1789406"/>
                <a:gd name="connsiteY34" fmla="*/ 101966 h 565745"/>
                <a:gd name="connsiteX35" fmla="*/ 1269634 w 1789406"/>
                <a:gd name="connsiteY35" fmla="*/ 105255 h 565745"/>
                <a:gd name="connsiteX36" fmla="*/ 1286081 w 1789406"/>
                <a:gd name="connsiteY36" fmla="*/ 108544 h 565745"/>
                <a:gd name="connsiteX37" fmla="*/ 1312394 w 1789406"/>
                <a:gd name="connsiteY37" fmla="*/ 115123 h 565745"/>
                <a:gd name="connsiteX38" fmla="*/ 1417649 w 1789406"/>
                <a:gd name="connsiteY38" fmla="*/ 124990 h 565745"/>
                <a:gd name="connsiteX39" fmla="*/ 1427517 w 1789406"/>
                <a:gd name="connsiteY39" fmla="*/ 131569 h 565745"/>
                <a:gd name="connsiteX40" fmla="*/ 1437384 w 1789406"/>
                <a:gd name="connsiteY40" fmla="*/ 134858 h 565745"/>
                <a:gd name="connsiteX41" fmla="*/ 1443963 w 1789406"/>
                <a:gd name="connsiteY41" fmla="*/ 144725 h 565745"/>
                <a:gd name="connsiteX42" fmla="*/ 1453830 w 1789406"/>
                <a:gd name="connsiteY42" fmla="*/ 148015 h 565745"/>
                <a:gd name="connsiteX43" fmla="*/ 1503168 w 1789406"/>
                <a:gd name="connsiteY43" fmla="*/ 164461 h 565745"/>
                <a:gd name="connsiteX44" fmla="*/ 1516325 w 1789406"/>
                <a:gd name="connsiteY44" fmla="*/ 167750 h 565745"/>
                <a:gd name="connsiteX45" fmla="*/ 1539350 w 1789406"/>
                <a:gd name="connsiteY45" fmla="*/ 180907 h 565745"/>
                <a:gd name="connsiteX46" fmla="*/ 1582109 w 1789406"/>
                <a:gd name="connsiteY46" fmla="*/ 207220 h 565745"/>
                <a:gd name="connsiteX47" fmla="*/ 1591977 w 1789406"/>
                <a:gd name="connsiteY47" fmla="*/ 226956 h 565745"/>
                <a:gd name="connsiteX48" fmla="*/ 1628158 w 1789406"/>
                <a:gd name="connsiteY48" fmla="*/ 282872 h 565745"/>
                <a:gd name="connsiteX49" fmla="*/ 1644604 w 1789406"/>
                <a:gd name="connsiteY49" fmla="*/ 292740 h 565745"/>
                <a:gd name="connsiteX50" fmla="*/ 1680786 w 1789406"/>
                <a:gd name="connsiteY50" fmla="*/ 328921 h 565745"/>
                <a:gd name="connsiteX51" fmla="*/ 1713678 w 1789406"/>
                <a:gd name="connsiteY51" fmla="*/ 355235 h 565745"/>
                <a:gd name="connsiteX52" fmla="*/ 1743281 w 1789406"/>
                <a:gd name="connsiteY52" fmla="*/ 401284 h 565745"/>
                <a:gd name="connsiteX53" fmla="*/ 1789329 w 1789406"/>
                <a:gd name="connsiteY53" fmla="*/ 473646 h 565745"/>
                <a:gd name="connsiteX54" fmla="*/ 1759726 w 1789406"/>
                <a:gd name="connsiteY5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69073 w 1789406"/>
                <a:gd name="connsiteY4" fmla="*/ 72363 h 565745"/>
                <a:gd name="connsiteX5" fmla="*/ 88809 w 1789406"/>
                <a:gd name="connsiteY5" fmla="*/ 78941 h 565745"/>
                <a:gd name="connsiteX6" fmla="*/ 108544 w 1789406"/>
                <a:gd name="connsiteY6" fmla="*/ 85520 h 565745"/>
                <a:gd name="connsiteX7" fmla="*/ 118411 w 1789406"/>
                <a:gd name="connsiteY7" fmla="*/ 92098 h 565745"/>
                <a:gd name="connsiteX8" fmla="*/ 148014 w 1789406"/>
                <a:gd name="connsiteY8" fmla="*/ 108544 h 565745"/>
                <a:gd name="connsiteX9" fmla="*/ 220377 w 1789406"/>
                <a:gd name="connsiteY9" fmla="*/ 121701 h 565745"/>
                <a:gd name="connsiteX10" fmla="*/ 312475 w 1789406"/>
                <a:gd name="connsiteY10" fmla="*/ 108544 h 565745"/>
                <a:gd name="connsiteX11" fmla="*/ 322342 w 1789406"/>
                <a:gd name="connsiteY11" fmla="*/ 105255 h 565745"/>
                <a:gd name="connsiteX12" fmla="*/ 368391 w 1789406"/>
                <a:gd name="connsiteY12" fmla="*/ 92098 h 565745"/>
                <a:gd name="connsiteX13" fmla="*/ 427597 w 1789406"/>
                <a:gd name="connsiteY13" fmla="*/ 75652 h 565745"/>
                <a:gd name="connsiteX14" fmla="*/ 467068 w 1789406"/>
                <a:gd name="connsiteY14" fmla="*/ 78941 h 565745"/>
                <a:gd name="connsiteX15" fmla="*/ 486803 w 1789406"/>
                <a:gd name="connsiteY15" fmla="*/ 85520 h 565745"/>
                <a:gd name="connsiteX16" fmla="*/ 565744 w 1789406"/>
                <a:gd name="connsiteY16" fmla="*/ 82230 h 565745"/>
                <a:gd name="connsiteX17" fmla="*/ 585479 w 1789406"/>
                <a:gd name="connsiteY17" fmla="*/ 75652 h 565745"/>
                <a:gd name="connsiteX18" fmla="*/ 617323 w 1789406"/>
                <a:gd name="connsiteY18" fmla="*/ 58737 h 565745"/>
                <a:gd name="connsiteX19" fmla="*/ 657842 w 1789406"/>
                <a:gd name="connsiteY19" fmla="*/ 69074 h 565745"/>
                <a:gd name="connsiteX20" fmla="*/ 703891 w 1789406"/>
                <a:gd name="connsiteY20" fmla="*/ 72363 h 565745"/>
                <a:gd name="connsiteX21" fmla="*/ 786121 w 1789406"/>
                <a:gd name="connsiteY21" fmla="*/ 78941 h 565745"/>
                <a:gd name="connsiteX22" fmla="*/ 795988 w 1789406"/>
                <a:gd name="connsiteY22" fmla="*/ 75652 h 565745"/>
                <a:gd name="connsiteX23" fmla="*/ 815724 w 1789406"/>
                <a:gd name="connsiteY23" fmla="*/ 72363 h 565745"/>
                <a:gd name="connsiteX24" fmla="*/ 871640 w 1789406"/>
                <a:gd name="connsiteY24" fmla="*/ 62495 h 565745"/>
                <a:gd name="connsiteX25" fmla="*/ 884797 w 1789406"/>
                <a:gd name="connsiteY25" fmla="*/ 59206 h 565745"/>
                <a:gd name="connsiteX26" fmla="*/ 970317 w 1789406"/>
                <a:gd name="connsiteY26" fmla="*/ 65784 h 565745"/>
                <a:gd name="connsiteX27" fmla="*/ 993341 w 1789406"/>
                <a:gd name="connsiteY27" fmla="*/ 72363 h 565745"/>
                <a:gd name="connsiteX28" fmla="*/ 1026233 w 1789406"/>
                <a:gd name="connsiteY28" fmla="*/ 78941 h 565745"/>
                <a:gd name="connsiteX29" fmla="*/ 1036101 w 1789406"/>
                <a:gd name="connsiteY29" fmla="*/ 82230 h 565745"/>
                <a:gd name="connsiteX30" fmla="*/ 1059125 w 1789406"/>
                <a:gd name="connsiteY30" fmla="*/ 88809 h 565745"/>
                <a:gd name="connsiteX31" fmla="*/ 1197272 w 1789406"/>
                <a:gd name="connsiteY31" fmla="*/ 101966 h 565745"/>
                <a:gd name="connsiteX32" fmla="*/ 1207140 w 1789406"/>
                <a:gd name="connsiteY32" fmla="*/ 98676 h 565745"/>
                <a:gd name="connsiteX33" fmla="*/ 1256478 w 1789406"/>
                <a:gd name="connsiteY33" fmla="*/ 101966 h 565745"/>
                <a:gd name="connsiteX34" fmla="*/ 1269634 w 1789406"/>
                <a:gd name="connsiteY34" fmla="*/ 105255 h 565745"/>
                <a:gd name="connsiteX35" fmla="*/ 1286081 w 1789406"/>
                <a:gd name="connsiteY35" fmla="*/ 108544 h 565745"/>
                <a:gd name="connsiteX36" fmla="*/ 1312394 w 1789406"/>
                <a:gd name="connsiteY36" fmla="*/ 115123 h 565745"/>
                <a:gd name="connsiteX37" fmla="*/ 1417649 w 1789406"/>
                <a:gd name="connsiteY37" fmla="*/ 124990 h 565745"/>
                <a:gd name="connsiteX38" fmla="*/ 1427517 w 1789406"/>
                <a:gd name="connsiteY38" fmla="*/ 131569 h 565745"/>
                <a:gd name="connsiteX39" fmla="*/ 1437384 w 1789406"/>
                <a:gd name="connsiteY39" fmla="*/ 134858 h 565745"/>
                <a:gd name="connsiteX40" fmla="*/ 1443963 w 1789406"/>
                <a:gd name="connsiteY40" fmla="*/ 144725 h 565745"/>
                <a:gd name="connsiteX41" fmla="*/ 1453830 w 1789406"/>
                <a:gd name="connsiteY41" fmla="*/ 148015 h 565745"/>
                <a:gd name="connsiteX42" fmla="*/ 1503168 w 1789406"/>
                <a:gd name="connsiteY42" fmla="*/ 164461 h 565745"/>
                <a:gd name="connsiteX43" fmla="*/ 1516325 w 1789406"/>
                <a:gd name="connsiteY43" fmla="*/ 167750 h 565745"/>
                <a:gd name="connsiteX44" fmla="*/ 1539350 w 1789406"/>
                <a:gd name="connsiteY44" fmla="*/ 180907 h 565745"/>
                <a:gd name="connsiteX45" fmla="*/ 1582109 w 1789406"/>
                <a:gd name="connsiteY45" fmla="*/ 207220 h 565745"/>
                <a:gd name="connsiteX46" fmla="*/ 1591977 w 1789406"/>
                <a:gd name="connsiteY46" fmla="*/ 226956 h 565745"/>
                <a:gd name="connsiteX47" fmla="*/ 1628158 w 1789406"/>
                <a:gd name="connsiteY47" fmla="*/ 282872 h 565745"/>
                <a:gd name="connsiteX48" fmla="*/ 1644604 w 1789406"/>
                <a:gd name="connsiteY48" fmla="*/ 292740 h 565745"/>
                <a:gd name="connsiteX49" fmla="*/ 1680786 w 1789406"/>
                <a:gd name="connsiteY49" fmla="*/ 328921 h 565745"/>
                <a:gd name="connsiteX50" fmla="*/ 1713678 w 1789406"/>
                <a:gd name="connsiteY50" fmla="*/ 355235 h 565745"/>
                <a:gd name="connsiteX51" fmla="*/ 1743281 w 1789406"/>
                <a:gd name="connsiteY51" fmla="*/ 401284 h 565745"/>
                <a:gd name="connsiteX52" fmla="*/ 1789329 w 1789406"/>
                <a:gd name="connsiteY52" fmla="*/ 473646 h 565745"/>
                <a:gd name="connsiteX53" fmla="*/ 1759726 w 1789406"/>
                <a:gd name="connsiteY53" fmla="*/ 565745 h 565745"/>
                <a:gd name="connsiteX0" fmla="*/ 0 w 1789406"/>
                <a:gd name="connsiteY0" fmla="*/ 0 h 565745"/>
                <a:gd name="connsiteX1" fmla="*/ 13157 w 1789406"/>
                <a:gd name="connsiteY1" fmla="*/ 42760 h 565745"/>
                <a:gd name="connsiteX2" fmla="*/ 23024 w 1789406"/>
                <a:gd name="connsiteY2" fmla="*/ 52628 h 565745"/>
                <a:gd name="connsiteX3" fmla="*/ 69073 w 1789406"/>
                <a:gd name="connsiteY3" fmla="*/ 72363 h 565745"/>
                <a:gd name="connsiteX4" fmla="*/ 88809 w 1789406"/>
                <a:gd name="connsiteY4" fmla="*/ 78941 h 565745"/>
                <a:gd name="connsiteX5" fmla="*/ 108544 w 1789406"/>
                <a:gd name="connsiteY5" fmla="*/ 85520 h 565745"/>
                <a:gd name="connsiteX6" fmla="*/ 118411 w 1789406"/>
                <a:gd name="connsiteY6" fmla="*/ 92098 h 565745"/>
                <a:gd name="connsiteX7" fmla="*/ 148014 w 1789406"/>
                <a:gd name="connsiteY7" fmla="*/ 108544 h 565745"/>
                <a:gd name="connsiteX8" fmla="*/ 220377 w 1789406"/>
                <a:gd name="connsiteY8" fmla="*/ 121701 h 565745"/>
                <a:gd name="connsiteX9" fmla="*/ 312475 w 1789406"/>
                <a:gd name="connsiteY9" fmla="*/ 108544 h 565745"/>
                <a:gd name="connsiteX10" fmla="*/ 322342 w 1789406"/>
                <a:gd name="connsiteY10" fmla="*/ 105255 h 565745"/>
                <a:gd name="connsiteX11" fmla="*/ 368391 w 1789406"/>
                <a:gd name="connsiteY11" fmla="*/ 92098 h 565745"/>
                <a:gd name="connsiteX12" fmla="*/ 427597 w 1789406"/>
                <a:gd name="connsiteY12" fmla="*/ 75652 h 565745"/>
                <a:gd name="connsiteX13" fmla="*/ 467068 w 1789406"/>
                <a:gd name="connsiteY13" fmla="*/ 78941 h 565745"/>
                <a:gd name="connsiteX14" fmla="*/ 486803 w 1789406"/>
                <a:gd name="connsiteY14" fmla="*/ 85520 h 565745"/>
                <a:gd name="connsiteX15" fmla="*/ 565744 w 1789406"/>
                <a:gd name="connsiteY15" fmla="*/ 82230 h 565745"/>
                <a:gd name="connsiteX16" fmla="*/ 585479 w 1789406"/>
                <a:gd name="connsiteY16" fmla="*/ 75652 h 565745"/>
                <a:gd name="connsiteX17" fmla="*/ 617323 w 1789406"/>
                <a:gd name="connsiteY17" fmla="*/ 58737 h 565745"/>
                <a:gd name="connsiteX18" fmla="*/ 657842 w 1789406"/>
                <a:gd name="connsiteY18" fmla="*/ 69074 h 565745"/>
                <a:gd name="connsiteX19" fmla="*/ 703891 w 1789406"/>
                <a:gd name="connsiteY19" fmla="*/ 72363 h 565745"/>
                <a:gd name="connsiteX20" fmla="*/ 786121 w 1789406"/>
                <a:gd name="connsiteY20" fmla="*/ 78941 h 565745"/>
                <a:gd name="connsiteX21" fmla="*/ 795988 w 1789406"/>
                <a:gd name="connsiteY21" fmla="*/ 75652 h 565745"/>
                <a:gd name="connsiteX22" fmla="*/ 815724 w 1789406"/>
                <a:gd name="connsiteY22" fmla="*/ 72363 h 565745"/>
                <a:gd name="connsiteX23" fmla="*/ 871640 w 1789406"/>
                <a:gd name="connsiteY23" fmla="*/ 62495 h 565745"/>
                <a:gd name="connsiteX24" fmla="*/ 884797 w 1789406"/>
                <a:gd name="connsiteY24" fmla="*/ 59206 h 565745"/>
                <a:gd name="connsiteX25" fmla="*/ 970317 w 1789406"/>
                <a:gd name="connsiteY25" fmla="*/ 65784 h 565745"/>
                <a:gd name="connsiteX26" fmla="*/ 993341 w 1789406"/>
                <a:gd name="connsiteY26" fmla="*/ 72363 h 565745"/>
                <a:gd name="connsiteX27" fmla="*/ 1026233 w 1789406"/>
                <a:gd name="connsiteY27" fmla="*/ 78941 h 565745"/>
                <a:gd name="connsiteX28" fmla="*/ 1036101 w 1789406"/>
                <a:gd name="connsiteY28" fmla="*/ 82230 h 565745"/>
                <a:gd name="connsiteX29" fmla="*/ 1059125 w 1789406"/>
                <a:gd name="connsiteY29" fmla="*/ 88809 h 565745"/>
                <a:gd name="connsiteX30" fmla="*/ 1197272 w 1789406"/>
                <a:gd name="connsiteY30" fmla="*/ 101966 h 565745"/>
                <a:gd name="connsiteX31" fmla="*/ 1207140 w 1789406"/>
                <a:gd name="connsiteY31" fmla="*/ 98676 h 565745"/>
                <a:gd name="connsiteX32" fmla="*/ 1256478 w 1789406"/>
                <a:gd name="connsiteY32" fmla="*/ 101966 h 565745"/>
                <a:gd name="connsiteX33" fmla="*/ 1269634 w 1789406"/>
                <a:gd name="connsiteY33" fmla="*/ 105255 h 565745"/>
                <a:gd name="connsiteX34" fmla="*/ 1286081 w 1789406"/>
                <a:gd name="connsiteY34" fmla="*/ 108544 h 565745"/>
                <a:gd name="connsiteX35" fmla="*/ 1312394 w 1789406"/>
                <a:gd name="connsiteY35" fmla="*/ 115123 h 565745"/>
                <a:gd name="connsiteX36" fmla="*/ 1417649 w 1789406"/>
                <a:gd name="connsiteY36" fmla="*/ 124990 h 565745"/>
                <a:gd name="connsiteX37" fmla="*/ 1427517 w 1789406"/>
                <a:gd name="connsiteY37" fmla="*/ 131569 h 565745"/>
                <a:gd name="connsiteX38" fmla="*/ 1437384 w 1789406"/>
                <a:gd name="connsiteY38" fmla="*/ 134858 h 565745"/>
                <a:gd name="connsiteX39" fmla="*/ 1443963 w 1789406"/>
                <a:gd name="connsiteY39" fmla="*/ 144725 h 565745"/>
                <a:gd name="connsiteX40" fmla="*/ 1453830 w 1789406"/>
                <a:gd name="connsiteY40" fmla="*/ 148015 h 565745"/>
                <a:gd name="connsiteX41" fmla="*/ 1503168 w 1789406"/>
                <a:gd name="connsiteY41" fmla="*/ 164461 h 565745"/>
                <a:gd name="connsiteX42" fmla="*/ 1516325 w 1789406"/>
                <a:gd name="connsiteY42" fmla="*/ 167750 h 565745"/>
                <a:gd name="connsiteX43" fmla="*/ 1539350 w 1789406"/>
                <a:gd name="connsiteY43" fmla="*/ 180907 h 565745"/>
                <a:gd name="connsiteX44" fmla="*/ 1582109 w 1789406"/>
                <a:gd name="connsiteY44" fmla="*/ 207220 h 565745"/>
                <a:gd name="connsiteX45" fmla="*/ 1591977 w 1789406"/>
                <a:gd name="connsiteY45" fmla="*/ 226956 h 565745"/>
                <a:gd name="connsiteX46" fmla="*/ 1628158 w 1789406"/>
                <a:gd name="connsiteY46" fmla="*/ 282872 h 565745"/>
                <a:gd name="connsiteX47" fmla="*/ 1644604 w 1789406"/>
                <a:gd name="connsiteY47" fmla="*/ 292740 h 565745"/>
                <a:gd name="connsiteX48" fmla="*/ 1680786 w 1789406"/>
                <a:gd name="connsiteY48" fmla="*/ 328921 h 565745"/>
                <a:gd name="connsiteX49" fmla="*/ 1713678 w 1789406"/>
                <a:gd name="connsiteY49" fmla="*/ 355235 h 565745"/>
                <a:gd name="connsiteX50" fmla="*/ 1743281 w 1789406"/>
                <a:gd name="connsiteY50" fmla="*/ 401284 h 565745"/>
                <a:gd name="connsiteX51" fmla="*/ 1789329 w 1789406"/>
                <a:gd name="connsiteY51" fmla="*/ 473646 h 565745"/>
                <a:gd name="connsiteX52" fmla="*/ 1759726 w 1789406"/>
                <a:gd name="connsiteY52" fmla="*/ 565745 h 565745"/>
                <a:gd name="connsiteX0" fmla="*/ 0 w 1789406"/>
                <a:gd name="connsiteY0" fmla="*/ 0 h 565745"/>
                <a:gd name="connsiteX1" fmla="*/ 13157 w 1789406"/>
                <a:gd name="connsiteY1" fmla="*/ 42760 h 565745"/>
                <a:gd name="connsiteX2" fmla="*/ 69073 w 1789406"/>
                <a:gd name="connsiteY2" fmla="*/ 72363 h 565745"/>
                <a:gd name="connsiteX3" fmla="*/ 88809 w 1789406"/>
                <a:gd name="connsiteY3" fmla="*/ 78941 h 565745"/>
                <a:gd name="connsiteX4" fmla="*/ 108544 w 1789406"/>
                <a:gd name="connsiteY4" fmla="*/ 85520 h 565745"/>
                <a:gd name="connsiteX5" fmla="*/ 118411 w 1789406"/>
                <a:gd name="connsiteY5" fmla="*/ 92098 h 565745"/>
                <a:gd name="connsiteX6" fmla="*/ 148014 w 1789406"/>
                <a:gd name="connsiteY6" fmla="*/ 108544 h 565745"/>
                <a:gd name="connsiteX7" fmla="*/ 220377 w 1789406"/>
                <a:gd name="connsiteY7" fmla="*/ 121701 h 565745"/>
                <a:gd name="connsiteX8" fmla="*/ 312475 w 1789406"/>
                <a:gd name="connsiteY8" fmla="*/ 108544 h 565745"/>
                <a:gd name="connsiteX9" fmla="*/ 322342 w 1789406"/>
                <a:gd name="connsiteY9" fmla="*/ 105255 h 565745"/>
                <a:gd name="connsiteX10" fmla="*/ 368391 w 1789406"/>
                <a:gd name="connsiteY10" fmla="*/ 92098 h 565745"/>
                <a:gd name="connsiteX11" fmla="*/ 427597 w 1789406"/>
                <a:gd name="connsiteY11" fmla="*/ 75652 h 565745"/>
                <a:gd name="connsiteX12" fmla="*/ 467068 w 1789406"/>
                <a:gd name="connsiteY12" fmla="*/ 78941 h 565745"/>
                <a:gd name="connsiteX13" fmla="*/ 486803 w 1789406"/>
                <a:gd name="connsiteY13" fmla="*/ 85520 h 565745"/>
                <a:gd name="connsiteX14" fmla="*/ 565744 w 1789406"/>
                <a:gd name="connsiteY14" fmla="*/ 82230 h 565745"/>
                <a:gd name="connsiteX15" fmla="*/ 585479 w 1789406"/>
                <a:gd name="connsiteY15" fmla="*/ 75652 h 565745"/>
                <a:gd name="connsiteX16" fmla="*/ 617323 w 1789406"/>
                <a:gd name="connsiteY16" fmla="*/ 58737 h 565745"/>
                <a:gd name="connsiteX17" fmla="*/ 657842 w 1789406"/>
                <a:gd name="connsiteY17" fmla="*/ 69074 h 565745"/>
                <a:gd name="connsiteX18" fmla="*/ 703891 w 1789406"/>
                <a:gd name="connsiteY18" fmla="*/ 72363 h 565745"/>
                <a:gd name="connsiteX19" fmla="*/ 786121 w 1789406"/>
                <a:gd name="connsiteY19" fmla="*/ 78941 h 565745"/>
                <a:gd name="connsiteX20" fmla="*/ 795988 w 1789406"/>
                <a:gd name="connsiteY20" fmla="*/ 75652 h 565745"/>
                <a:gd name="connsiteX21" fmla="*/ 815724 w 1789406"/>
                <a:gd name="connsiteY21" fmla="*/ 72363 h 565745"/>
                <a:gd name="connsiteX22" fmla="*/ 871640 w 1789406"/>
                <a:gd name="connsiteY22" fmla="*/ 62495 h 565745"/>
                <a:gd name="connsiteX23" fmla="*/ 884797 w 1789406"/>
                <a:gd name="connsiteY23" fmla="*/ 59206 h 565745"/>
                <a:gd name="connsiteX24" fmla="*/ 970317 w 1789406"/>
                <a:gd name="connsiteY24" fmla="*/ 65784 h 565745"/>
                <a:gd name="connsiteX25" fmla="*/ 993341 w 1789406"/>
                <a:gd name="connsiteY25" fmla="*/ 72363 h 565745"/>
                <a:gd name="connsiteX26" fmla="*/ 1026233 w 1789406"/>
                <a:gd name="connsiteY26" fmla="*/ 78941 h 565745"/>
                <a:gd name="connsiteX27" fmla="*/ 1036101 w 1789406"/>
                <a:gd name="connsiteY27" fmla="*/ 82230 h 565745"/>
                <a:gd name="connsiteX28" fmla="*/ 1059125 w 1789406"/>
                <a:gd name="connsiteY28" fmla="*/ 88809 h 565745"/>
                <a:gd name="connsiteX29" fmla="*/ 1197272 w 1789406"/>
                <a:gd name="connsiteY29" fmla="*/ 101966 h 565745"/>
                <a:gd name="connsiteX30" fmla="*/ 1207140 w 1789406"/>
                <a:gd name="connsiteY30" fmla="*/ 98676 h 565745"/>
                <a:gd name="connsiteX31" fmla="*/ 1256478 w 1789406"/>
                <a:gd name="connsiteY31" fmla="*/ 101966 h 565745"/>
                <a:gd name="connsiteX32" fmla="*/ 1269634 w 1789406"/>
                <a:gd name="connsiteY32" fmla="*/ 105255 h 565745"/>
                <a:gd name="connsiteX33" fmla="*/ 1286081 w 1789406"/>
                <a:gd name="connsiteY33" fmla="*/ 108544 h 565745"/>
                <a:gd name="connsiteX34" fmla="*/ 1312394 w 1789406"/>
                <a:gd name="connsiteY34" fmla="*/ 115123 h 565745"/>
                <a:gd name="connsiteX35" fmla="*/ 1417649 w 1789406"/>
                <a:gd name="connsiteY35" fmla="*/ 124990 h 565745"/>
                <a:gd name="connsiteX36" fmla="*/ 1427517 w 1789406"/>
                <a:gd name="connsiteY36" fmla="*/ 131569 h 565745"/>
                <a:gd name="connsiteX37" fmla="*/ 1437384 w 1789406"/>
                <a:gd name="connsiteY37" fmla="*/ 134858 h 565745"/>
                <a:gd name="connsiteX38" fmla="*/ 1443963 w 1789406"/>
                <a:gd name="connsiteY38" fmla="*/ 144725 h 565745"/>
                <a:gd name="connsiteX39" fmla="*/ 1453830 w 1789406"/>
                <a:gd name="connsiteY39" fmla="*/ 148015 h 565745"/>
                <a:gd name="connsiteX40" fmla="*/ 1503168 w 1789406"/>
                <a:gd name="connsiteY40" fmla="*/ 164461 h 565745"/>
                <a:gd name="connsiteX41" fmla="*/ 1516325 w 1789406"/>
                <a:gd name="connsiteY41" fmla="*/ 167750 h 565745"/>
                <a:gd name="connsiteX42" fmla="*/ 1539350 w 1789406"/>
                <a:gd name="connsiteY42" fmla="*/ 180907 h 565745"/>
                <a:gd name="connsiteX43" fmla="*/ 1582109 w 1789406"/>
                <a:gd name="connsiteY43" fmla="*/ 207220 h 565745"/>
                <a:gd name="connsiteX44" fmla="*/ 1591977 w 1789406"/>
                <a:gd name="connsiteY44" fmla="*/ 226956 h 565745"/>
                <a:gd name="connsiteX45" fmla="*/ 1628158 w 1789406"/>
                <a:gd name="connsiteY45" fmla="*/ 282872 h 565745"/>
                <a:gd name="connsiteX46" fmla="*/ 1644604 w 1789406"/>
                <a:gd name="connsiteY46" fmla="*/ 292740 h 565745"/>
                <a:gd name="connsiteX47" fmla="*/ 1680786 w 1789406"/>
                <a:gd name="connsiteY47" fmla="*/ 328921 h 565745"/>
                <a:gd name="connsiteX48" fmla="*/ 1713678 w 1789406"/>
                <a:gd name="connsiteY48" fmla="*/ 355235 h 565745"/>
                <a:gd name="connsiteX49" fmla="*/ 1743281 w 1789406"/>
                <a:gd name="connsiteY49" fmla="*/ 401284 h 565745"/>
                <a:gd name="connsiteX50" fmla="*/ 1789329 w 1789406"/>
                <a:gd name="connsiteY50" fmla="*/ 473646 h 565745"/>
                <a:gd name="connsiteX51" fmla="*/ 1759726 w 1789406"/>
                <a:gd name="connsiteY51"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18411 w 1789406"/>
                <a:gd name="connsiteY4" fmla="*/ 92098 h 565745"/>
                <a:gd name="connsiteX5" fmla="*/ 148014 w 1789406"/>
                <a:gd name="connsiteY5" fmla="*/ 108544 h 565745"/>
                <a:gd name="connsiteX6" fmla="*/ 220377 w 1789406"/>
                <a:gd name="connsiteY6" fmla="*/ 121701 h 565745"/>
                <a:gd name="connsiteX7" fmla="*/ 312475 w 1789406"/>
                <a:gd name="connsiteY7" fmla="*/ 108544 h 565745"/>
                <a:gd name="connsiteX8" fmla="*/ 322342 w 1789406"/>
                <a:gd name="connsiteY8" fmla="*/ 105255 h 565745"/>
                <a:gd name="connsiteX9" fmla="*/ 368391 w 1789406"/>
                <a:gd name="connsiteY9" fmla="*/ 92098 h 565745"/>
                <a:gd name="connsiteX10" fmla="*/ 427597 w 1789406"/>
                <a:gd name="connsiteY10" fmla="*/ 75652 h 565745"/>
                <a:gd name="connsiteX11" fmla="*/ 467068 w 1789406"/>
                <a:gd name="connsiteY11" fmla="*/ 78941 h 565745"/>
                <a:gd name="connsiteX12" fmla="*/ 486803 w 1789406"/>
                <a:gd name="connsiteY12" fmla="*/ 85520 h 565745"/>
                <a:gd name="connsiteX13" fmla="*/ 565744 w 1789406"/>
                <a:gd name="connsiteY13" fmla="*/ 82230 h 565745"/>
                <a:gd name="connsiteX14" fmla="*/ 585479 w 1789406"/>
                <a:gd name="connsiteY14" fmla="*/ 75652 h 565745"/>
                <a:gd name="connsiteX15" fmla="*/ 617323 w 1789406"/>
                <a:gd name="connsiteY15" fmla="*/ 58737 h 565745"/>
                <a:gd name="connsiteX16" fmla="*/ 657842 w 1789406"/>
                <a:gd name="connsiteY16" fmla="*/ 69074 h 565745"/>
                <a:gd name="connsiteX17" fmla="*/ 703891 w 1789406"/>
                <a:gd name="connsiteY17" fmla="*/ 72363 h 565745"/>
                <a:gd name="connsiteX18" fmla="*/ 786121 w 1789406"/>
                <a:gd name="connsiteY18" fmla="*/ 78941 h 565745"/>
                <a:gd name="connsiteX19" fmla="*/ 795988 w 1789406"/>
                <a:gd name="connsiteY19" fmla="*/ 75652 h 565745"/>
                <a:gd name="connsiteX20" fmla="*/ 815724 w 1789406"/>
                <a:gd name="connsiteY20" fmla="*/ 72363 h 565745"/>
                <a:gd name="connsiteX21" fmla="*/ 871640 w 1789406"/>
                <a:gd name="connsiteY21" fmla="*/ 62495 h 565745"/>
                <a:gd name="connsiteX22" fmla="*/ 884797 w 1789406"/>
                <a:gd name="connsiteY22" fmla="*/ 59206 h 565745"/>
                <a:gd name="connsiteX23" fmla="*/ 970317 w 1789406"/>
                <a:gd name="connsiteY23" fmla="*/ 65784 h 565745"/>
                <a:gd name="connsiteX24" fmla="*/ 993341 w 1789406"/>
                <a:gd name="connsiteY24" fmla="*/ 72363 h 565745"/>
                <a:gd name="connsiteX25" fmla="*/ 1026233 w 1789406"/>
                <a:gd name="connsiteY25" fmla="*/ 78941 h 565745"/>
                <a:gd name="connsiteX26" fmla="*/ 1036101 w 1789406"/>
                <a:gd name="connsiteY26" fmla="*/ 82230 h 565745"/>
                <a:gd name="connsiteX27" fmla="*/ 1059125 w 1789406"/>
                <a:gd name="connsiteY27" fmla="*/ 88809 h 565745"/>
                <a:gd name="connsiteX28" fmla="*/ 1197272 w 1789406"/>
                <a:gd name="connsiteY28" fmla="*/ 101966 h 565745"/>
                <a:gd name="connsiteX29" fmla="*/ 1207140 w 1789406"/>
                <a:gd name="connsiteY29" fmla="*/ 98676 h 565745"/>
                <a:gd name="connsiteX30" fmla="*/ 1256478 w 1789406"/>
                <a:gd name="connsiteY30" fmla="*/ 101966 h 565745"/>
                <a:gd name="connsiteX31" fmla="*/ 1269634 w 1789406"/>
                <a:gd name="connsiteY31" fmla="*/ 105255 h 565745"/>
                <a:gd name="connsiteX32" fmla="*/ 1286081 w 1789406"/>
                <a:gd name="connsiteY32" fmla="*/ 108544 h 565745"/>
                <a:gd name="connsiteX33" fmla="*/ 1312394 w 1789406"/>
                <a:gd name="connsiteY33" fmla="*/ 115123 h 565745"/>
                <a:gd name="connsiteX34" fmla="*/ 1417649 w 1789406"/>
                <a:gd name="connsiteY34" fmla="*/ 124990 h 565745"/>
                <a:gd name="connsiteX35" fmla="*/ 1427517 w 1789406"/>
                <a:gd name="connsiteY35" fmla="*/ 131569 h 565745"/>
                <a:gd name="connsiteX36" fmla="*/ 1437384 w 1789406"/>
                <a:gd name="connsiteY36" fmla="*/ 134858 h 565745"/>
                <a:gd name="connsiteX37" fmla="*/ 1443963 w 1789406"/>
                <a:gd name="connsiteY37" fmla="*/ 144725 h 565745"/>
                <a:gd name="connsiteX38" fmla="*/ 1453830 w 1789406"/>
                <a:gd name="connsiteY38" fmla="*/ 148015 h 565745"/>
                <a:gd name="connsiteX39" fmla="*/ 1503168 w 1789406"/>
                <a:gd name="connsiteY39" fmla="*/ 164461 h 565745"/>
                <a:gd name="connsiteX40" fmla="*/ 1516325 w 1789406"/>
                <a:gd name="connsiteY40" fmla="*/ 167750 h 565745"/>
                <a:gd name="connsiteX41" fmla="*/ 1539350 w 1789406"/>
                <a:gd name="connsiteY41" fmla="*/ 180907 h 565745"/>
                <a:gd name="connsiteX42" fmla="*/ 1582109 w 1789406"/>
                <a:gd name="connsiteY42" fmla="*/ 207220 h 565745"/>
                <a:gd name="connsiteX43" fmla="*/ 1591977 w 1789406"/>
                <a:gd name="connsiteY43" fmla="*/ 226956 h 565745"/>
                <a:gd name="connsiteX44" fmla="*/ 1628158 w 1789406"/>
                <a:gd name="connsiteY44" fmla="*/ 282872 h 565745"/>
                <a:gd name="connsiteX45" fmla="*/ 1644604 w 1789406"/>
                <a:gd name="connsiteY45" fmla="*/ 292740 h 565745"/>
                <a:gd name="connsiteX46" fmla="*/ 1680786 w 1789406"/>
                <a:gd name="connsiteY46" fmla="*/ 328921 h 565745"/>
                <a:gd name="connsiteX47" fmla="*/ 1713678 w 1789406"/>
                <a:gd name="connsiteY47" fmla="*/ 355235 h 565745"/>
                <a:gd name="connsiteX48" fmla="*/ 1743281 w 1789406"/>
                <a:gd name="connsiteY48" fmla="*/ 401284 h 565745"/>
                <a:gd name="connsiteX49" fmla="*/ 1789329 w 1789406"/>
                <a:gd name="connsiteY49" fmla="*/ 473646 h 565745"/>
                <a:gd name="connsiteX50" fmla="*/ 1759726 w 1789406"/>
                <a:gd name="connsiteY50"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48014 w 1789406"/>
                <a:gd name="connsiteY4" fmla="*/ 108544 h 565745"/>
                <a:gd name="connsiteX5" fmla="*/ 220377 w 1789406"/>
                <a:gd name="connsiteY5" fmla="*/ 121701 h 565745"/>
                <a:gd name="connsiteX6" fmla="*/ 312475 w 1789406"/>
                <a:gd name="connsiteY6" fmla="*/ 108544 h 565745"/>
                <a:gd name="connsiteX7" fmla="*/ 322342 w 1789406"/>
                <a:gd name="connsiteY7" fmla="*/ 105255 h 565745"/>
                <a:gd name="connsiteX8" fmla="*/ 368391 w 1789406"/>
                <a:gd name="connsiteY8" fmla="*/ 92098 h 565745"/>
                <a:gd name="connsiteX9" fmla="*/ 427597 w 1789406"/>
                <a:gd name="connsiteY9" fmla="*/ 75652 h 565745"/>
                <a:gd name="connsiteX10" fmla="*/ 467068 w 1789406"/>
                <a:gd name="connsiteY10" fmla="*/ 78941 h 565745"/>
                <a:gd name="connsiteX11" fmla="*/ 486803 w 1789406"/>
                <a:gd name="connsiteY11" fmla="*/ 85520 h 565745"/>
                <a:gd name="connsiteX12" fmla="*/ 565744 w 1789406"/>
                <a:gd name="connsiteY12" fmla="*/ 82230 h 565745"/>
                <a:gd name="connsiteX13" fmla="*/ 585479 w 1789406"/>
                <a:gd name="connsiteY13" fmla="*/ 75652 h 565745"/>
                <a:gd name="connsiteX14" fmla="*/ 617323 w 1789406"/>
                <a:gd name="connsiteY14" fmla="*/ 58737 h 565745"/>
                <a:gd name="connsiteX15" fmla="*/ 657842 w 1789406"/>
                <a:gd name="connsiteY15" fmla="*/ 69074 h 565745"/>
                <a:gd name="connsiteX16" fmla="*/ 703891 w 1789406"/>
                <a:gd name="connsiteY16" fmla="*/ 72363 h 565745"/>
                <a:gd name="connsiteX17" fmla="*/ 786121 w 1789406"/>
                <a:gd name="connsiteY17" fmla="*/ 78941 h 565745"/>
                <a:gd name="connsiteX18" fmla="*/ 795988 w 1789406"/>
                <a:gd name="connsiteY18" fmla="*/ 75652 h 565745"/>
                <a:gd name="connsiteX19" fmla="*/ 815724 w 1789406"/>
                <a:gd name="connsiteY19" fmla="*/ 72363 h 565745"/>
                <a:gd name="connsiteX20" fmla="*/ 871640 w 1789406"/>
                <a:gd name="connsiteY20" fmla="*/ 62495 h 565745"/>
                <a:gd name="connsiteX21" fmla="*/ 884797 w 1789406"/>
                <a:gd name="connsiteY21" fmla="*/ 59206 h 565745"/>
                <a:gd name="connsiteX22" fmla="*/ 970317 w 1789406"/>
                <a:gd name="connsiteY22" fmla="*/ 65784 h 565745"/>
                <a:gd name="connsiteX23" fmla="*/ 993341 w 1789406"/>
                <a:gd name="connsiteY23" fmla="*/ 72363 h 565745"/>
                <a:gd name="connsiteX24" fmla="*/ 1026233 w 1789406"/>
                <a:gd name="connsiteY24" fmla="*/ 78941 h 565745"/>
                <a:gd name="connsiteX25" fmla="*/ 1036101 w 1789406"/>
                <a:gd name="connsiteY25" fmla="*/ 82230 h 565745"/>
                <a:gd name="connsiteX26" fmla="*/ 1059125 w 1789406"/>
                <a:gd name="connsiteY26" fmla="*/ 88809 h 565745"/>
                <a:gd name="connsiteX27" fmla="*/ 1197272 w 1789406"/>
                <a:gd name="connsiteY27" fmla="*/ 101966 h 565745"/>
                <a:gd name="connsiteX28" fmla="*/ 1207140 w 1789406"/>
                <a:gd name="connsiteY28" fmla="*/ 98676 h 565745"/>
                <a:gd name="connsiteX29" fmla="*/ 1256478 w 1789406"/>
                <a:gd name="connsiteY29" fmla="*/ 101966 h 565745"/>
                <a:gd name="connsiteX30" fmla="*/ 1269634 w 1789406"/>
                <a:gd name="connsiteY30" fmla="*/ 105255 h 565745"/>
                <a:gd name="connsiteX31" fmla="*/ 1286081 w 1789406"/>
                <a:gd name="connsiteY31" fmla="*/ 108544 h 565745"/>
                <a:gd name="connsiteX32" fmla="*/ 1312394 w 1789406"/>
                <a:gd name="connsiteY32" fmla="*/ 115123 h 565745"/>
                <a:gd name="connsiteX33" fmla="*/ 1417649 w 1789406"/>
                <a:gd name="connsiteY33" fmla="*/ 124990 h 565745"/>
                <a:gd name="connsiteX34" fmla="*/ 1427517 w 1789406"/>
                <a:gd name="connsiteY34" fmla="*/ 131569 h 565745"/>
                <a:gd name="connsiteX35" fmla="*/ 1437384 w 1789406"/>
                <a:gd name="connsiteY35" fmla="*/ 134858 h 565745"/>
                <a:gd name="connsiteX36" fmla="*/ 1443963 w 1789406"/>
                <a:gd name="connsiteY36" fmla="*/ 144725 h 565745"/>
                <a:gd name="connsiteX37" fmla="*/ 1453830 w 1789406"/>
                <a:gd name="connsiteY37" fmla="*/ 148015 h 565745"/>
                <a:gd name="connsiteX38" fmla="*/ 1503168 w 1789406"/>
                <a:gd name="connsiteY38" fmla="*/ 164461 h 565745"/>
                <a:gd name="connsiteX39" fmla="*/ 1516325 w 1789406"/>
                <a:gd name="connsiteY39" fmla="*/ 167750 h 565745"/>
                <a:gd name="connsiteX40" fmla="*/ 1539350 w 1789406"/>
                <a:gd name="connsiteY40" fmla="*/ 180907 h 565745"/>
                <a:gd name="connsiteX41" fmla="*/ 1582109 w 1789406"/>
                <a:gd name="connsiteY41" fmla="*/ 207220 h 565745"/>
                <a:gd name="connsiteX42" fmla="*/ 1591977 w 1789406"/>
                <a:gd name="connsiteY42" fmla="*/ 226956 h 565745"/>
                <a:gd name="connsiteX43" fmla="*/ 1628158 w 1789406"/>
                <a:gd name="connsiteY43" fmla="*/ 282872 h 565745"/>
                <a:gd name="connsiteX44" fmla="*/ 1644604 w 1789406"/>
                <a:gd name="connsiteY44" fmla="*/ 292740 h 565745"/>
                <a:gd name="connsiteX45" fmla="*/ 1680786 w 1789406"/>
                <a:gd name="connsiteY45" fmla="*/ 328921 h 565745"/>
                <a:gd name="connsiteX46" fmla="*/ 1713678 w 1789406"/>
                <a:gd name="connsiteY46" fmla="*/ 355235 h 565745"/>
                <a:gd name="connsiteX47" fmla="*/ 1743281 w 1789406"/>
                <a:gd name="connsiteY47" fmla="*/ 401284 h 565745"/>
                <a:gd name="connsiteX48" fmla="*/ 1789329 w 1789406"/>
                <a:gd name="connsiteY48" fmla="*/ 473646 h 565745"/>
                <a:gd name="connsiteX49" fmla="*/ 1759726 w 1789406"/>
                <a:gd name="connsiteY49" fmla="*/ 565745 h 565745"/>
                <a:gd name="connsiteX0" fmla="*/ 0 w 1789406"/>
                <a:gd name="connsiteY0" fmla="*/ 0 h 565745"/>
                <a:gd name="connsiteX1" fmla="*/ 69073 w 1789406"/>
                <a:gd name="connsiteY1" fmla="*/ 72363 h 565745"/>
                <a:gd name="connsiteX2" fmla="*/ 88809 w 1789406"/>
                <a:gd name="connsiteY2" fmla="*/ 78941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48014 w 1789406"/>
                <a:gd name="connsiteY2" fmla="*/ 10854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04857 w 1789406"/>
                <a:gd name="connsiteY2" fmla="*/ 7883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22342 w 1789406"/>
                <a:gd name="connsiteY4" fmla="*/ 105255 h 565745"/>
                <a:gd name="connsiteX5" fmla="*/ 368391 w 1789406"/>
                <a:gd name="connsiteY5" fmla="*/ 92098 h 565745"/>
                <a:gd name="connsiteX6" fmla="*/ 427597 w 1789406"/>
                <a:gd name="connsiteY6" fmla="*/ 75652 h 565745"/>
                <a:gd name="connsiteX7" fmla="*/ 467068 w 1789406"/>
                <a:gd name="connsiteY7" fmla="*/ 78941 h 565745"/>
                <a:gd name="connsiteX8" fmla="*/ 486803 w 1789406"/>
                <a:gd name="connsiteY8" fmla="*/ 85520 h 565745"/>
                <a:gd name="connsiteX9" fmla="*/ 565744 w 1789406"/>
                <a:gd name="connsiteY9" fmla="*/ 82230 h 565745"/>
                <a:gd name="connsiteX10" fmla="*/ 585479 w 1789406"/>
                <a:gd name="connsiteY10" fmla="*/ 75652 h 565745"/>
                <a:gd name="connsiteX11" fmla="*/ 617323 w 1789406"/>
                <a:gd name="connsiteY11" fmla="*/ 58737 h 565745"/>
                <a:gd name="connsiteX12" fmla="*/ 657842 w 1789406"/>
                <a:gd name="connsiteY12" fmla="*/ 69074 h 565745"/>
                <a:gd name="connsiteX13" fmla="*/ 703891 w 1789406"/>
                <a:gd name="connsiteY13" fmla="*/ 72363 h 565745"/>
                <a:gd name="connsiteX14" fmla="*/ 786121 w 1789406"/>
                <a:gd name="connsiteY14" fmla="*/ 78941 h 565745"/>
                <a:gd name="connsiteX15" fmla="*/ 795988 w 1789406"/>
                <a:gd name="connsiteY15" fmla="*/ 75652 h 565745"/>
                <a:gd name="connsiteX16" fmla="*/ 815724 w 1789406"/>
                <a:gd name="connsiteY16" fmla="*/ 72363 h 565745"/>
                <a:gd name="connsiteX17" fmla="*/ 871640 w 1789406"/>
                <a:gd name="connsiteY17" fmla="*/ 62495 h 565745"/>
                <a:gd name="connsiteX18" fmla="*/ 884797 w 1789406"/>
                <a:gd name="connsiteY18" fmla="*/ 59206 h 565745"/>
                <a:gd name="connsiteX19" fmla="*/ 970317 w 1789406"/>
                <a:gd name="connsiteY19" fmla="*/ 65784 h 565745"/>
                <a:gd name="connsiteX20" fmla="*/ 993341 w 1789406"/>
                <a:gd name="connsiteY20" fmla="*/ 72363 h 565745"/>
                <a:gd name="connsiteX21" fmla="*/ 1026233 w 1789406"/>
                <a:gd name="connsiteY21" fmla="*/ 78941 h 565745"/>
                <a:gd name="connsiteX22" fmla="*/ 1036101 w 1789406"/>
                <a:gd name="connsiteY22" fmla="*/ 82230 h 565745"/>
                <a:gd name="connsiteX23" fmla="*/ 1059125 w 1789406"/>
                <a:gd name="connsiteY23" fmla="*/ 88809 h 565745"/>
                <a:gd name="connsiteX24" fmla="*/ 1197272 w 1789406"/>
                <a:gd name="connsiteY24" fmla="*/ 101966 h 565745"/>
                <a:gd name="connsiteX25" fmla="*/ 1207140 w 1789406"/>
                <a:gd name="connsiteY25" fmla="*/ 98676 h 565745"/>
                <a:gd name="connsiteX26" fmla="*/ 1256478 w 1789406"/>
                <a:gd name="connsiteY26" fmla="*/ 101966 h 565745"/>
                <a:gd name="connsiteX27" fmla="*/ 1269634 w 1789406"/>
                <a:gd name="connsiteY27" fmla="*/ 105255 h 565745"/>
                <a:gd name="connsiteX28" fmla="*/ 1286081 w 1789406"/>
                <a:gd name="connsiteY28" fmla="*/ 108544 h 565745"/>
                <a:gd name="connsiteX29" fmla="*/ 1312394 w 1789406"/>
                <a:gd name="connsiteY29" fmla="*/ 115123 h 565745"/>
                <a:gd name="connsiteX30" fmla="*/ 1417649 w 1789406"/>
                <a:gd name="connsiteY30" fmla="*/ 124990 h 565745"/>
                <a:gd name="connsiteX31" fmla="*/ 1427517 w 1789406"/>
                <a:gd name="connsiteY31" fmla="*/ 131569 h 565745"/>
                <a:gd name="connsiteX32" fmla="*/ 1437384 w 1789406"/>
                <a:gd name="connsiteY32" fmla="*/ 134858 h 565745"/>
                <a:gd name="connsiteX33" fmla="*/ 1443963 w 1789406"/>
                <a:gd name="connsiteY33" fmla="*/ 144725 h 565745"/>
                <a:gd name="connsiteX34" fmla="*/ 1453830 w 1789406"/>
                <a:gd name="connsiteY34" fmla="*/ 148015 h 565745"/>
                <a:gd name="connsiteX35" fmla="*/ 1503168 w 1789406"/>
                <a:gd name="connsiteY35" fmla="*/ 164461 h 565745"/>
                <a:gd name="connsiteX36" fmla="*/ 1516325 w 1789406"/>
                <a:gd name="connsiteY36" fmla="*/ 167750 h 565745"/>
                <a:gd name="connsiteX37" fmla="*/ 1539350 w 1789406"/>
                <a:gd name="connsiteY37" fmla="*/ 180907 h 565745"/>
                <a:gd name="connsiteX38" fmla="*/ 1582109 w 1789406"/>
                <a:gd name="connsiteY38" fmla="*/ 207220 h 565745"/>
                <a:gd name="connsiteX39" fmla="*/ 1591977 w 1789406"/>
                <a:gd name="connsiteY39" fmla="*/ 226956 h 565745"/>
                <a:gd name="connsiteX40" fmla="*/ 1628158 w 1789406"/>
                <a:gd name="connsiteY40" fmla="*/ 282872 h 565745"/>
                <a:gd name="connsiteX41" fmla="*/ 1644604 w 1789406"/>
                <a:gd name="connsiteY41" fmla="*/ 292740 h 565745"/>
                <a:gd name="connsiteX42" fmla="*/ 1680786 w 1789406"/>
                <a:gd name="connsiteY42" fmla="*/ 328921 h 565745"/>
                <a:gd name="connsiteX43" fmla="*/ 1713678 w 1789406"/>
                <a:gd name="connsiteY43" fmla="*/ 355235 h 565745"/>
                <a:gd name="connsiteX44" fmla="*/ 1743281 w 1789406"/>
                <a:gd name="connsiteY44" fmla="*/ 401284 h 565745"/>
                <a:gd name="connsiteX45" fmla="*/ 1789329 w 1789406"/>
                <a:gd name="connsiteY45" fmla="*/ 473646 h 565745"/>
                <a:gd name="connsiteX46" fmla="*/ 1759726 w 1789406"/>
                <a:gd name="connsiteY46"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486803 w 1789406"/>
                <a:gd name="connsiteY7" fmla="*/ 85520 h 565745"/>
                <a:gd name="connsiteX8" fmla="*/ 565744 w 1789406"/>
                <a:gd name="connsiteY8" fmla="*/ 82230 h 565745"/>
                <a:gd name="connsiteX9" fmla="*/ 585479 w 1789406"/>
                <a:gd name="connsiteY9" fmla="*/ 75652 h 565745"/>
                <a:gd name="connsiteX10" fmla="*/ 617323 w 1789406"/>
                <a:gd name="connsiteY10" fmla="*/ 58737 h 565745"/>
                <a:gd name="connsiteX11" fmla="*/ 657842 w 1789406"/>
                <a:gd name="connsiteY11" fmla="*/ 69074 h 565745"/>
                <a:gd name="connsiteX12" fmla="*/ 703891 w 1789406"/>
                <a:gd name="connsiteY12" fmla="*/ 72363 h 565745"/>
                <a:gd name="connsiteX13" fmla="*/ 786121 w 1789406"/>
                <a:gd name="connsiteY13" fmla="*/ 78941 h 565745"/>
                <a:gd name="connsiteX14" fmla="*/ 795988 w 1789406"/>
                <a:gd name="connsiteY14" fmla="*/ 75652 h 565745"/>
                <a:gd name="connsiteX15" fmla="*/ 815724 w 1789406"/>
                <a:gd name="connsiteY15" fmla="*/ 72363 h 565745"/>
                <a:gd name="connsiteX16" fmla="*/ 871640 w 1789406"/>
                <a:gd name="connsiteY16" fmla="*/ 62495 h 565745"/>
                <a:gd name="connsiteX17" fmla="*/ 884797 w 1789406"/>
                <a:gd name="connsiteY17" fmla="*/ 59206 h 565745"/>
                <a:gd name="connsiteX18" fmla="*/ 970317 w 1789406"/>
                <a:gd name="connsiteY18" fmla="*/ 65784 h 565745"/>
                <a:gd name="connsiteX19" fmla="*/ 993341 w 1789406"/>
                <a:gd name="connsiteY19" fmla="*/ 72363 h 565745"/>
                <a:gd name="connsiteX20" fmla="*/ 1026233 w 1789406"/>
                <a:gd name="connsiteY20" fmla="*/ 78941 h 565745"/>
                <a:gd name="connsiteX21" fmla="*/ 1036101 w 1789406"/>
                <a:gd name="connsiteY21" fmla="*/ 82230 h 565745"/>
                <a:gd name="connsiteX22" fmla="*/ 1059125 w 1789406"/>
                <a:gd name="connsiteY22" fmla="*/ 88809 h 565745"/>
                <a:gd name="connsiteX23" fmla="*/ 1197272 w 1789406"/>
                <a:gd name="connsiteY23" fmla="*/ 101966 h 565745"/>
                <a:gd name="connsiteX24" fmla="*/ 1207140 w 1789406"/>
                <a:gd name="connsiteY24" fmla="*/ 98676 h 565745"/>
                <a:gd name="connsiteX25" fmla="*/ 1256478 w 1789406"/>
                <a:gd name="connsiteY25" fmla="*/ 101966 h 565745"/>
                <a:gd name="connsiteX26" fmla="*/ 1269634 w 1789406"/>
                <a:gd name="connsiteY26" fmla="*/ 105255 h 565745"/>
                <a:gd name="connsiteX27" fmla="*/ 1286081 w 1789406"/>
                <a:gd name="connsiteY27" fmla="*/ 108544 h 565745"/>
                <a:gd name="connsiteX28" fmla="*/ 1312394 w 1789406"/>
                <a:gd name="connsiteY28" fmla="*/ 115123 h 565745"/>
                <a:gd name="connsiteX29" fmla="*/ 1417649 w 1789406"/>
                <a:gd name="connsiteY29" fmla="*/ 124990 h 565745"/>
                <a:gd name="connsiteX30" fmla="*/ 1427517 w 1789406"/>
                <a:gd name="connsiteY30" fmla="*/ 131569 h 565745"/>
                <a:gd name="connsiteX31" fmla="*/ 1437384 w 1789406"/>
                <a:gd name="connsiteY31" fmla="*/ 134858 h 565745"/>
                <a:gd name="connsiteX32" fmla="*/ 1443963 w 1789406"/>
                <a:gd name="connsiteY32" fmla="*/ 144725 h 565745"/>
                <a:gd name="connsiteX33" fmla="*/ 1453830 w 1789406"/>
                <a:gd name="connsiteY33" fmla="*/ 148015 h 565745"/>
                <a:gd name="connsiteX34" fmla="*/ 1503168 w 1789406"/>
                <a:gd name="connsiteY34" fmla="*/ 164461 h 565745"/>
                <a:gd name="connsiteX35" fmla="*/ 1516325 w 1789406"/>
                <a:gd name="connsiteY35" fmla="*/ 167750 h 565745"/>
                <a:gd name="connsiteX36" fmla="*/ 1539350 w 1789406"/>
                <a:gd name="connsiteY36" fmla="*/ 180907 h 565745"/>
                <a:gd name="connsiteX37" fmla="*/ 1582109 w 1789406"/>
                <a:gd name="connsiteY37" fmla="*/ 207220 h 565745"/>
                <a:gd name="connsiteX38" fmla="*/ 1591977 w 1789406"/>
                <a:gd name="connsiteY38" fmla="*/ 226956 h 565745"/>
                <a:gd name="connsiteX39" fmla="*/ 1628158 w 1789406"/>
                <a:gd name="connsiteY39" fmla="*/ 282872 h 565745"/>
                <a:gd name="connsiteX40" fmla="*/ 1644604 w 1789406"/>
                <a:gd name="connsiteY40" fmla="*/ 292740 h 565745"/>
                <a:gd name="connsiteX41" fmla="*/ 1680786 w 1789406"/>
                <a:gd name="connsiteY41" fmla="*/ 328921 h 565745"/>
                <a:gd name="connsiteX42" fmla="*/ 1713678 w 1789406"/>
                <a:gd name="connsiteY42" fmla="*/ 355235 h 565745"/>
                <a:gd name="connsiteX43" fmla="*/ 1743281 w 1789406"/>
                <a:gd name="connsiteY43" fmla="*/ 401284 h 565745"/>
                <a:gd name="connsiteX44" fmla="*/ 1789329 w 1789406"/>
                <a:gd name="connsiteY44" fmla="*/ 473646 h 565745"/>
                <a:gd name="connsiteX45" fmla="*/ 1759726 w 1789406"/>
                <a:gd name="connsiteY45"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565744 w 1789406"/>
                <a:gd name="connsiteY7" fmla="*/ 82230 h 565745"/>
                <a:gd name="connsiteX8" fmla="*/ 585479 w 1789406"/>
                <a:gd name="connsiteY8" fmla="*/ 75652 h 565745"/>
                <a:gd name="connsiteX9" fmla="*/ 617323 w 1789406"/>
                <a:gd name="connsiteY9" fmla="*/ 58737 h 565745"/>
                <a:gd name="connsiteX10" fmla="*/ 657842 w 1789406"/>
                <a:gd name="connsiteY10" fmla="*/ 69074 h 565745"/>
                <a:gd name="connsiteX11" fmla="*/ 703891 w 1789406"/>
                <a:gd name="connsiteY11" fmla="*/ 72363 h 565745"/>
                <a:gd name="connsiteX12" fmla="*/ 786121 w 1789406"/>
                <a:gd name="connsiteY12" fmla="*/ 78941 h 565745"/>
                <a:gd name="connsiteX13" fmla="*/ 795988 w 1789406"/>
                <a:gd name="connsiteY13" fmla="*/ 75652 h 565745"/>
                <a:gd name="connsiteX14" fmla="*/ 815724 w 1789406"/>
                <a:gd name="connsiteY14" fmla="*/ 72363 h 565745"/>
                <a:gd name="connsiteX15" fmla="*/ 871640 w 1789406"/>
                <a:gd name="connsiteY15" fmla="*/ 62495 h 565745"/>
                <a:gd name="connsiteX16" fmla="*/ 884797 w 1789406"/>
                <a:gd name="connsiteY16" fmla="*/ 59206 h 565745"/>
                <a:gd name="connsiteX17" fmla="*/ 970317 w 1789406"/>
                <a:gd name="connsiteY17" fmla="*/ 65784 h 565745"/>
                <a:gd name="connsiteX18" fmla="*/ 993341 w 1789406"/>
                <a:gd name="connsiteY18" fmla="*/ 72363 h 565745"/>
                <a:gd name="connsiteX19" fmla="*/ 1026233 w 1789406"/>
                <a:gd name="connsiteY19" fmla="*/ 78941 h 565745"/>
                <a:gd name="connsiteX20" fmla="*/ 1036101 w 1789406"/>
                <a:gd name="connsiteY20" fmla="*/ 82230 h 565745"/>
                <a:gd name="connsiteX21" fmla="*/ 1059125 w 1789406"/>
                <a:gd name="connsiteY21" fmla="*/ 88809 h 565745"/>
                <a:gd name="connsiteX22" fmla="*/ 1197272 w 1789406"/>
                <a:gd name="connsiteY22" fmla="*/ 101966 h 565745"/>
                <a:gd name="connsiteX23" fmla="*/ 1207140 w 1789406"/>
                <a:gd name="connsiteY23" fmla="*/ 98676 h 565745"/>
                <a:gd name="connsiteX24" fmla="*/ 1256478 w 1789406"/>
                <a:gd name="connsiteY24" fmla="*/ 101966 h 565745"/>
                <a:gd name="connsiteX25" fmla="*/ 1269634 w 1789406"/>
                <a:gd name="connsiteY25" fmla="*/ 105255 h 565745"/>
                <a:gd name="connsiteX26" fmla="*/ 1286081 w 1789406"/>
                <a:gd name="connsiteY26" fmla="*/ 108544 h 565745"/>
                <a:gd name="connsiteX27" fmla="*/ 1312394 w 1789406"/>
                <a:gd name="connsiteY27" fmla="*/ 115123 h 565745"/>
                <a:gd name="connsiteX28" fmla="*/ 1417649 w 1789406"/>
                <a:gd name="connsiteY28" fmla="*/ 124990 h 565745"/>
                <a:gd name="connsiteX29" fmla="*/ 1427517 w 1789406"/>
                <a:gd name="connsiteY29" fmla="*/ 131569 h 565745"/>
                <a:gd name="connsiteX30" fmla="*/ 1437384 w 1789406"/>
                <a:gd name="connsiteY30" fmla="*/ 134858 h 565745"/>
                <a:gd name="connsiteX31" fmla="*/ 1443963 w 1789406"/>
                <a:gd name="connsiteY31" fmla="*/ 144725 h 565745"/>
                <a:gd name="connsiteX32" fmla="*/ 1453830 w 1789406"/>
                <a:gd name="connsiteY32" fmla="*/ 148015 h 565745"/>
                <a:gd name="connsiteX33" fmla="*/ 1503168 w 1789406"/>
                <a:gd name="connsiteY33" fmla="*/ 164461 h 565745"/>
                <a:gd name="connsiteX34" fmla="*/ 1516325 w 1789406"/>
                <a:gd name="connsiteY34" fmla="*/ 167750 h 565745"/>
                <a:gd name="connsiteX35" fmla="*/ 1539350 w 1789406"/>
                <a:gd name="connsiteY35" fmla="*/ 180907 h 565745"/>
                <a:gd name="connsiteX36" fmla="*/ 1582109 w 1789406"/>
                <a:gd name="connsiteY36" fmla="*/ 207220 h 565745"/>
                <a:gd name="connsiteX37" fmla="*/ 1591977 w 1789406"/>
                <a:gd name="connsiteY37" fmla="*/ 226956 h 565745"/>
                <a:gd name="connsiteX38" fmla="*/ 1628158 w 1789406"/>
                <a:gd name="connsiteY38" fmla="*/ 282872 h 565745"/>
                <a:gd name="connsiteX39" fmla="*/ 1644604 w 1789406"/>
                <a:gd name="connsiteY39" fmla="*/ 292740 h 565745"/>
                <a:gd name="connsiteX40" fmla="*/ 1680786 w 1789406"/>
                <a:gd name="connsiteY40" fmla="*/ 328921 h 565745"/>
                <a:gd name="connsiteX41" fmla="*/ 1713678 w 1789406"/>
                <a:gd name="connsiteY41" fmla="*/ 355235 h 565745"/>
                <a:gd name="connsiteX42" fmla="*/ 1743281 w 1789406"/>
                <a:gd name="connsiteY42" fmla="*/ 401284 h 565745"/>
                <a:gd name="connsiteX43" fmla="*/ 1789329 w 1789406"/>
                <a:gd name="connsiteY43" fmla="*/ 473646 h 565745"/>
                <a:gd name="connsiteX44" fmla="*/ 1759726 w 1789406"/>
                <a:gd name="connsiteY44"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57842 w 1789406"/>
                <a:gd name="connsiteY9" fmla="*/ 69074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47468 w 1789406"/>
                <a:gd name="connsiteY9" fmla="*/ 58737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47468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703891 w 1789406"/>
                <a:gd name="connsiteY7" fmla="*/ 72363 h 565745"/>
                <a:gd name="connsiteX8" fmla="*/ 786121 w 1789406"/>
                <a:gd name="connsiteY8" fmla="*/ 78941 h 565745"/>
                <a:gd name="connsiteX9" fmla="*/ 795988 w 1789406"/>
                <a:gd name="connsiteY9" fmla="*/ 75652 h 565745"/>
                <a:gd name="connsiteX10" fmla="*/ 815724 w 1789406"/>
                <a:gd name="connsiteY10" fmla="*/ 72363 h 565745"/>
                <a:gd name="connsiteX11" fmla="*/ 871640 w 1789406"/>
                <a:gd name="connsiteY11" fmla="*/ 62495 h 565745"/>
                <a:gd name="connsiteX12" fmla="*/ 884797 w 1789406"/>
                <a:gd name="connsiteY12" fmla="*/ 59206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970317 w 1789406"/>
                <a:gd name="connsiteY12" fmla="*/ 65784 h 565745"/>
                <a:gd name="connsiteX13" fmla="*/ 993341 w 1789406"/>
                <a:gd name="connsiteY13" fmla="*/ 72363 h 565745"/>
                <a:gd name="connsiteX14" fmla="*/ 1026233 w 1789406"/>
                <a:gd name="connsiteY14" fmla="*/ 78941 h 565745"/>
                <a:gd name="connsiteX15" fmla="*/ 1036101 w 1789406"/>
                <a:gd name="connsiteY15" fmla="*/ 82230 h 565745"/>
                <a:gd name="connsiteX16" fmla="*/ 1059125 w 1789406"/>
                <a:gd name="connsiteY16" fmla="*/ 88809 h 565745"/>
                <a:gd name="connsiteX17" fmla="*/ 1197272 w 1789406"/>
                <a:gd name="connsiteY17" fmla="*/ 101966 h 565745"/>
                <a:gd name="connsiteX18" fmla="*/ 1207140 w 1789406"/>
                <a:gd name="connsiteY18" fmla="*/ 98676 h 565745"/>
                <a:gd name="connsiteX19" fmla="*/ 1256478 w 1789406"/>
                <a:gd name="connsiteY19" fmla="*/ 101966 h 565745"/>
                <a:gd name="connsiteX20" fmla="*/ 1269634 w 1789406"/>
                <a:gd name="connsiteY20" fmla="*/ 105255 h 565745"/>
                <a:gd name="connsiteX21" fmla="*/ 1286081 w 1789406"/>
                <a:gd name="connsiteY21" fmla="*/ 108544 h 565745"/>
                <a:gd name="connsiteX22" fmla="*/ 1312394 w 1789406"/>
                <a:gd name="connsiteY22" fmla="*/ 115123 h 565745"/>
                <a:gd name="connsiteX23" fmla="*/ 1417649 w 1789406"/>
                <a:gd name="connsiteY23" fmla="*/ 124990 h 565745"/>
                <a:gd name="connsiteX24" fmla="*/ 1427517 w 1789406"/>
                <a:gd name="connsiteY24" fmla="*/ 131569 h 565745"/>
                <a:gd name="connsiteX25" fmla="*/ 1437384 w 1789406"/>
                <a:gd name="connsiteY25" fmla="*/ 134858 h 565745"/>
                <a:gd name="connsiteX26" fmla="*/ 1443963 w 1789406"/>
                <a:gd name="connsiteY26" fmla="*/ 144725 h 565745"/>
                <a:gd name="connsiteX27" fmla="*/ 1453830 w 1789406"/>
                <a:gd name="connsiteY27" fmla="*/ 148015 h 565745"/>
                <a:gd name="connsiteX28" fmla="*/ 1503168 w 1789406"/>
                <a:gd name="connsiteY28" fmla="*/ 164461 h 565745"/>
                <a:gd name="connsiteX29" fmla="*/ 1516325 w 1789406"/>
                <a:gd name="connsiteY29" fmla="*/ 167750 h 565745"/>
                <a:gd name="connsiteX30" fmla="*/ 1539350 w 1789406"/>
                <a:gd name="connsiteY30" fmla="*/ 180907 h 565745"/>
                <a:gd name="connsiteX31" fmla="*/ 1582109 w 1789406"/>
                <a:gd name="connsiteY31" fmla="*/ 207220 h 565745"/>
                <a:gd name="connsiteX32" fmla="*/ 1591977 w 1789406"/>
                <a:gd name="connsiteY32" fmla="*/ 226956 h 565745"/>
                <a:gd name="connsiteX33" fmla="*/ 1628158 w 1789406"/>
                <a:gd name="connsiteY33" fmla="*/ 282872 h 565745"/>
                <a:gd name="connsiteX34" fmla="*/ 1644604 w 1789406"/>
                <a:gd name="connsiteY34" fmla="*/ 292740 h 565745"/>
                <a:gd name="connsiteX35" fmla="*/ 1680786 w 1789406"/>
                <a:gd name="connsiteY35" fmla="*/ 328921 h 565745"/>
                <a:gd name="connsiteX36" fmla="*/ 1713678 w 1789406"/>
                <a:gd name="connsiteY36" fmla="*/ 355235 h 565745"/>
                <a:gd name="connsiteX37" fmla="*/ 1743281 w 1789406"/>
                <a:gd name="connsiteY37" fmla="*/ 401284 h 565745"/>
                <a:gd name="connsiteX38" fmla="*/ 1789329 w 1789406"/>
                <a:gd name="connsiteY38" fmla="*/ 473646 h 565745"/>
                <a:gd name="connsiteX39" fmla="*/ 1759726 w 1789406"/>
                <a:gd name="connsiteY39" fmla="*/ 565745 h 5657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1789406" h="565745">
                  <a:moveTo>
                    <a:pt x="0" y="0"/>
                  </a:moveTo>
                  <a:cubicBezTo>
                    <a:pt x="14390" y="15076"/>
                    <a:pt x="44404" y="54272"/>
                    <a:pt x="69073" y="72363"/>
                  </a:cubicBezTo>
                  <a:cubicBezTo>
                    <a:pt x="86549" y="85502"/>
                    <a:pt x="64290" y="72804"/>
                    <a:pt x="104857" y="78834"/>
                  </a:cubicBezTo>
                  <a:lnTo>
                    <a:pt x="312475" y="108544"/>
                  </a:lnTo>
                  <a:lnTo>
                    <a:pt x="368391" y="92098"/>
                  </a:lnTo>
                  <a:cubicBezTo>
                    <a:pt x="383741" y="87712"/>
                    <a:pt x="411151" y="77845"/>
                    <a:pt x="427597" y="75652"/>
                  </a:cubicBezTo>
                  <a:cubicBezTo>
                    <a:pt x="460489" y="74007"/>
                    <a:pt x="519695" y="82778"/>
                    <a:pt x="565744" y="82230"/>
                  </a:cubicBezTo>
                  <a:cubicBezTo>
                    <a:pt x="595690" y="79411"/>
                    <a:pt x="584250" y="60381"/>
                    <a:pt x="607274" y="58737"/>
                  </a:cubicBezTo>
                  <a:cubicBezTo>
                    <a:pt x="630298" y="57093"/>
                    <a:pt x="674083" y="68996"/>
                    <a:pt x="703891" y="72363"/>
                  </a:cubicBezTo>
                  <a:cubicBezTo>
                    <a:pt x="733699" y="75730"/>
                    <a:pt x="770772" y="78393"/>
                    <a:pt x="786121" y="78941"/>
                  </a:cubicBezTo>
                  <a:cubicBezTo>
                    <a:pt x="801470" y="79489"/>
                    <a:pt x="792604" y="76404"/>
                    <a:pt x="795988" y="75652"/>
                  </a:cubicBezTo>
                  <a:cubicBezTo>
                    <a:pt x="802499" y="74205"/>
                    <a:pt x="809145" y="73459"/>
                    <a:pt x="815724" y="72363"/>
                  </a:cubicBezTo>
                  <a:cubicBezTo>
                    <a:pt x="844779" y="70718"/>
                    <a:pt x="940714" y="65784"/>
                    <a:pt x="970317" y="65784"/>
                  </a:cubicBezTo>
                  <a:cubicBezTo>
                    <a:pt x="999920" y="65784"/>
                    <a:pt x="967184" y="66327"/>
                    <a:pt x="993341" y="72363"/>
                  </a:cubicBezTo>
                  <a:cubicBezTo>
                    <a:pt x="1004236" y="74877"/>
                    <a:pt x="1015269" y="76748"/>
                    <a:pt x="1026233" y="78941"/>
                  </a:cubicBezTo>
                  <a:cubicBezTo>
                    <a:pt x="1029633" y="79621"/>
                    <a:pt x="1032780" y="81234"/>
                    <a:pt x="1036101" y="82230"/>
                  </a:cubicBezTo>
                  <a:cubicBezTo>
                    <a:pt x="1043746" y="84524"/>
                    <a:pt x="1051450" y="86616"/>
                    <a:pt x="1059125" y="88809"/>
                  </a:cubicBezTo>
                  <a:cubicBezTo>
                    <a:pt x="1085987" y="92098"/>
                    <a:pt x="1172603" y="100322"/>
                    <a:pt x="1197272" y="101966"/>
                  </a:cubicBezTo>
                  <a:cubicBezTo>
                    <a:pt x="1221941" y="103611"/>
                    <a:pt x="1203851" y="99773"/>
                    <a:pt x="1207140" y="98676"/>
                  </a:cubicBezTo>
                  <a:cubicBezTo>
                    <a:pt x="1223586" y="99773"/>
                    <a:pt x="1240086" y="100240"/>
                    <a:pt x="1256478" y="101966"/>
                  </a:cubicBezTo>
                  <a:cubicBezTo>
                    <a:pt x="1260973" y="102439"/>
                    <a:pt x="1265221" y="104274"/>
                    <a:pt x="1269634" y="105255"/>
                  </a:cubicBezTo>
                  <a:cubicBezTo>
                    <a:pt x="1275092" y="106468"/>
                    <a:pt x="1280657" y="107188"/>
                    <a:pt x="1286081" y="108544"/>
                  </a:cubicBezTo>
                  <a:cubicBezTo>
                    <a:pt x="1326576" y="118667"/>
                    <a:pt x="1251711" y="102983"/>
                    <a:pt x="1312394" y="115123"/>
                  </a:cubicBezTo>
                  <a:cubicBezTo>
                    <a:pt x="1342853" y="145578"/>
                    <a:pt x="1309426" y="115151"/>
                    <a:pt x="1417649" y="124990"/>
                  </a:cubicBezTo>
                  <a:cubicBezTo>
                    <a:pt x="1421586" y="125348"/>
                    <a:pt x="1423981" y="129801"/>
                    <a:pt x="1427517" y="131569"/>
                  </a:cubicBezTo>
                  <a:cubicBezTo>
                    <a:pt x="1430618" y="133120"/>
                    <a:pt x="1434095" y="133762"/>
                    <a:pt x="1437384" y="134858"/>
                  </a:cubicBezTo>
                  <a:cubicBezTo>
                    <a:pt x="1439577" y="138147"/>
                    <a:pt x="1440876" y="142256"/>
                    <a:pt x="1443963" y="144725"/>
                  </a:cubicBezTo>
                  <a:cubicBezTo>
                    <a:pt x="1446670" y="146891"/>
                    <a:pt x="1443963" y="144726"/>
                    <a:pt x="1453830" y="148015"/>
                  </a:cubicBezTo>
                  <a:lnTo>
                    <a:pt x="1503168" y="164461"/>
                  </a:lnTo>
                  <a:cubicBezTo>
                    <a:pt x="1513584" y="167750"/>
                    <a:pt x="1511939" y="166654"/>
                    <a:pt x="1516325" y="167750"/>
                  </a:cubicBezTo>
                  <a:cubicBezTo>
                    <a:pt x="1525223" y="173682"/>
                    <a:pt x="1528386" y="174329"/>
                    <a:pt x="1539350" y="180907"/>
                  </a:cubicBezTo>
                  <a:cubicBezTo>
                    <a:pt x="1550314" y="187485"/>
                    <a:pt x="1573338" y="199545"/>
                    <a:pt x="1582109" y="207220"/>
                  </a:cubicBezTo>
                  <a:cubicBezTo>
                    <a:pt x="1590880" y="214895"/>
                    <a:pt x="1573123" y="198672"/>
                    <a:pt x="1591977" y="226956"/>
                  </a:cubicBezTo>
                  <a:cubicBezTo>
                    <a:pt x="1599652" y="239565"/>
                    <a:pt x="1619387" y="271908"/>
                    <a:pt x="1628158" y="282872"/>
                  </a:cubicBezTo>
                  <a:cubicBezTo>
                    <a:pt x="1636929" y="293836"/>
                    <a:pt x="1635833" y="285065"/>
                    <a:pt x="1644604" y="292740"/>
                  </a:cubicBezTo>
                  <a:cubicBezTo>
                    <a:pt x="1653375" y="300415"/>
                    <a:pt x="1669274" y="318505"/>
                    <a:pt x="1680786" y="328921"/>
                  </a:cubicBezTo>
                  <a:cubicBezTo>
                    <a:pt x="1692298" y="339337"/>
                    <a:pt x="1706552" y="348657"/>
                    <a:pt x="1713678" y="355235"/>
                  </a:cubicBezTo>
                  <a:cubicBezTo>
                    <a:pt x="1724094" y="367296"/>
                    <a:pt x="1730673" y="381549"/>
                    <a:pt x="1743281" y="401284"/>
                  </a:cubicBezTo>
                  <a:cubicBezTo>
                    <a:pt x="1755890" y="421019"/>
                    <a:pt x="1786588" y="446236"/>
                    <a:pt x="1789329" y="473646"/>
                  </a:cubicBezTo>
                  <a:cubicBezTo>
                    <a:pt x="1790974" y="499412"/>
                    <a:pt x="1765893" y="546558"/>
                    <a:pt x="1759726" y="565745"/>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5" name="Group 4"/>
            <p:cNvGrpSpPr/>
            <p:nvPr/>
          </p:nvGrpSpPr>
          <p:grpSpPr>
            <a:xfrm>
              <a:off x="6367909" y="2190499"/>
              <a:ext cx="868350" cy="1361847"/>
              <a:chOff x="6367909" y="2190499"/>
              <a:chExt cx="868350" cy="1361847"/>
            </a:xfrm>
          </p:grpSpPr>
          <p:sp>
            <p:nvSpPr>
              <p:cNvPr id="25" name="Freeform 24"/>
              <p:cNvSpPr/>
              <p:nvPr/>
            </p:nvSpPr>
            <p:spPr bwMode="auto">
              <a:xfrm>
                <a:off x="6367909" y="2190499"/>
                <a:ext cx="583485" cy="274553"/>
              </a:xfrm>
              <a:custGeom>
                <a:avLst/>
                <a:gdLst>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4573 w 542719"/>
                  <a:gd name="connsiteY21" fmla="*/ 180906 h 269715"/>
                  <a:gd name="connsiteX22" fmla="*/ 407862 w 542719"/>
                  <a:gd name="connsiteY22" fmla="*/ 226955 h 269715"/>
                  <a:gd name="connsiteX23" fmla="*/ 434175 w 542719"/>
                  <a:gd name="connsiteY23" fmla="*/ 243401 h 269715"/>
                  <a:gd name="connsiteX24" fmla="*/ 453911 w 542719"/>
                  <a:gd name="connsiteY24" fmla="*/ 249980 h 269715"/>
                  <a:gd name="connsiteX25" fmla="*/ 463778 w 542719"/>
                  <a:gd name="connsiteY25" fmla="*/ 253269 h 269715"/>
                  <a:gd name="connsiteX26" fmla="*/ 496670 w 542719"/>
                  <a:gd name="connsiteY26" fmla="*/ 263137 h 269715"/>
                  <a:gd name="connsiteX27" fmla="*/ 536141 w 542719"/>
                  <a:gd name="connsiteY27" fmla="*/ 266426 h 269715"/>
                  <a:gd name="connsiteX28" fmla="*/ 542719 w 542719"/>
                  <a:gd name="connsiteY28"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7862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63778 w 542719"/>
                  <a:gd name="connsiteY23" fmla="*/ 253269 h 269715"/>
                  <a:gd name="connsiteX24" fmla="*/ 496670 w 542719"/>
                  <a:gd name="connsiteY24" fmla="*/ 263137 h 269715"/>
                  <a:gd name="connsiteX25" fmla="*/ 536141 w 542719"/>
                  <a:gd name="connsiteY25" fmla="*/ 266426 h 269715"/>
                  <a:gd name="connsiteX26" fmla="*/ 542719 w 542719"/>
                  <a:gd name="connsiteY26"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96670 w 542719"/>
                  <a:gd name="connsiteY23" fmla="*/ 263137 h 269715"/>
                  <a:gd name="connsiteX24" fmla="*/ 536141 w 542719"/>
                  <a:gd name="connsiteY24" fmla="*/ 266426 h 269715"/>
                  <a:gd name="connsiteX25" fmla="*/ 542719 w 542719"/>
                  <a:gd name="connsiteY25"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86802 w 542719"/>
                  <a:gd name="connsiteY23" fmla="*/ 263137 h 269715"/>
                  <a:gd name="connsiteX24" fmla="*/ 536141 w 542719"/>
                  <a:gd name="connsiteY24" fmla="*/ 266426 h 269715"/>
                  <a:gd name="connsiteX25" fmla="*/ 542719 w 542719"/>
                  <a:gd name="connsiteY25" fmla="*/ 269715 h 269715"/>
                  <a:gd name="connsiteX0" fmla="*/ 0 w 536141"/>
                  <a:gd name="connsiteY0" fmla="*/ 0 h 266426"/>
                  <a:gd name="connsiteX1" fmla="*/ 16446 w 536141"/>
                  <a:gd name="connsiteY1" fmla="*/ 3289 h 266426"/>
                  <a:gd name="connsiteX2" fmla="*/ 26314 w 536141"/>
                  <a:gd name="connsiteY2" fmla="*/ 6578 h 266426"/>
                  <a:gd name="connsiteX3" fmla="*/ 72363 w 536141"/>
                  <a:gd name="connsiteY3" fmla="*/ 9868 h 266426"/>
                  <a:gd name="connsiteX4" fmla="*/ 105255 w 536141"/>
                  <a:gd name="connsiteY4" fmla="*/ 19735 h 266426"/>
                  <a:gd name="connsiteX5" fmla="*/ 134857 w 536141"/>
                  <a:gd name="connsiteY5" fmla="*/ 32892 h 266426"/>
                  <a:gd name="connsiteX6" fmla="*/ 148014 w 536141"/>
                  <a:gd name="connsiteY6" fmla="*/ 39470 h 266426"/>
                  <a:gd name="connsiteX7" fmla="*/ 157882 w 536141"/>
                  <a:gd name="connsiteY7" fmla="*/ 42760 h 266426"/>
                  <a:gd name="connsiteX8" fmla="*/ 174328 w 536141"/>
                  <a:gd name="connsiteY8" fmla="*/ 59206 h 266426"/>
                  <a:gd name="connsiteX9" fmla="*/ 273004 w 536141"/>
                  <a:gd name="connsiteY9" fmla="*/ 72363 h 266426"/>
                  <a:gd name="connsiteX10" fmla="*/ 289450 w 536141"/>
                  <a:gd name="connsiteY10" fmla="*/ 75652 h 266426"/>
                  <a:gd name="connsiteX11" fmla="*/ 309186 w 536141"/>
                  <a:gd name="connsiteY11" fmla="*/ 82230 h 266426"/>
                  <a:gd name="connsiteX12" fmla="*/ 328921 w 536141"/>
                  <a:gd name="connsiteY12" fmla="*/ 88809 h 266426"/>
                  <a:gd name="connsiteX13" fmla="*/ 342078 w 536141"/>
                  <a:gd name="connsiteY13" fmla="*/ 95387 h 266426"/>
                  <a:gd name="connsiteX14" fmla="*/ 351945 w 536141"/>
                  <a:gd name="connsiteY14" fmla="*/ 98676 h 266426"/>
                  <a:gd name="connsiteX15" fmla="*/ 361813 w 536141"/>
                  <a:gd name="connsiteY15" fmla="*/ 105255 h 266426"/>
                  <a:gd name="connsiteX16" fmla="*/ 374970 w 536141"/>
                  <a:gd name="connsiteY16" fmla="*/ 111833 h 266426"/>
                  <a:gd name="connsiteX17" fmla="*/ 384837 w 536141"/>
                  <a:gd name="connsiteY17" fmla="*/ 131568 h 266426"/>
                  <a:gd name="connsiteX18" fmla="*/ 391416 w 536141"/>
                  <a:gd name="connsiteY18" fmla="*/ 138147 h 266426"/>
                  <a:gd name="connsiteX19" fmla="*/ 397994 w 536141"/>
                  <a:gd name="connsiteY19" fmla="*/ 148014 h 266426"/>
                  <a:gd name="connsiteX20" fmla="*/ 401283 w 536141"/>
                  <a:gd name="connsiteY20" fmla="*/ 171039 h 266426"/>
                  <a:gd name="connsiteX21" fmla="*/ 394705 w 536141"/>
                  <a:gd name="connsiteY21" fmla="*/ 226955 h 266426"/>
                  <a:gd name="connsiteX22" fmla="*/ 424307 w 536141"/>
                  <a:gd name="connsiteY22" fmla="*/ 256558 h 266426"/>
                  <a:gd name="connsiteX23" fmla="*/ 486802 w 536141"/>
                  <a:gd name="connsiteY23" fmla="*/ 263137 h 266426"/>
                  <a:gd name="connsiteX24" fmla="*/ 536141 w 536141"/>
                  <a:gd name="connsiteY24" fmla="*/ 266426 h 266426"/>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74328 w 549298"/>
                  <a:gd name="connsiteY8" fmla="*/ 59206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0907 w 549298"/>
                  <a:gd name="connsiteY8" fmla="*/ 69074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4196 w 549298"/>
                  <a:gd name="connsiteY8" fmla="*/ 82231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273004 w 549298"/>
                  <a:gd name="connsiteY8" fmla="*/ 72363 h 263179"/>
                  <a:gd name="connsiteX9" fmla="*/ 289450 w 549298"/>
                  <a:gd name="connsiteY9" fmla="*/ 75652 h 263179"/>
                  <a:gd name="connsiteX10" fmla="*/ 309186 w 549298"/>
                  <a:gd name="connsiteY10" fmla="*/ 82230 h 263179"/>
                  <a:gd name="connsiteX11" fmla="*/ 328921 w 549298"/>
                  <a:gd name="connsiteY11" fmla="*/ 88809 h 263179"/>
                  <a:gd name="connsiteX12" fmla="*/ 342078 w 549298"/>
                  <a:gd name="connsiteY12" fmla="*/ 95387 h 263179"/>
                  <a:gd name="connsiteX13" fmla="*/ 351945 w 549298"/>
                  <a:gd name="connsiteY13" fmla="*/ 98676 h 263179"/>
                  <a:gd name="connsiteX14" fmla="*/ 361813 w 549298"/>
                  <a:gd name="connsiteY14" fmla="*/ 105255 h 263179"/>
                  <a:gd name="connsiteX15" fmla="*/ 374970 w 549298"/>
                  <a:gd name="connsiteY15" fmla="*/ 111833 h 263179"/>
                  <a:gd name="connsiteX16" fmla="*/ 384837 w 549298"/>
                  <a:gd name="connsiteY16" fmla="*/ 131568 h 263179"/>
                  <a:gd name="connsiteX17" fmla="*/ 391416 w 549298"/>
                  <a:gd name="connsiteY17" fmla="*/ 138147 h 263179"/>
                  <a:gd name="connsiteX18" fmla="*/ 397994 w 549298"/>
                  <a:gd name="connsiteY18" fmla="*/ 148014 h 263179"/>
                  <a:gd name="connsiteX19" fmla="*/ 401283 w 549298"/>
                  <a:gd name="connsiteY19" fmla="*/ 171039 h 263179"/>
                  <a:gd name="connsiteX20" fmla="*/ 394705 w 549298"/>
                  <a:gd name="connsiteY20" fmla="*/ 226955 h 263179"/>
                  <a:gd name="connsiteX21" fmla="*/ 424307 w 549298"/>
                  <a:gd name="connsiteY21" fmla="*/ 256558 h 263179"/>
                  <a:gd name="connsiteX22" fmla="*/ 486802 w 549298"/>
                  <a:gd name="connsiteY22" fmla="*/ 263137 h 263179"/>
                  <a:gd name="connsiteX23" fmla="*/ 549298 w 549298"/>
                  <a:gd name="connsiteY23" fmla="*/ 259848 h 263179"/>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05255 w 549298"/>
                  <a:gd name="connsiteY4" fmla="*/ 19848 h 263292"/>
                  <a:gd name="connsiteX5" fmla="*/ 134857 w 549298"/>
                  <a:gd name="connsiteY5" fmla="*/ 33005 h 263292"/>
                  <a:gd name="connsiteX6" fmla="*/ 148014 w 549298"/>
                  <a:gd name="connsiteY6" fmla="*/ 39583 h 263292"/>
                  <a:gd name="connsiteX7" fmla="*/ 157882 w 549298"/>
                  <a:gd name="connsiteY7" fmla="*/ 42873 h 263292"/>
                  <a:gd name="connsiteX8" fmla="*/ 273004 w 549298"/>
                  <a:gd name="connsiteY8" fmla="*/ 72476 h 263292"/>
                  <a:gd name="connsiteX9" fmla="*/ 289450 w 549298"/>
                  <a:gd name="connsiteY9" fmla="*/ 75765 h 263292"/>
                  <a:gd name="connsiteX10" fmla="*/ 309186 w 549298"/>
                  <a:gd name="connsiteY10" fmla="*/ 82343 h 263292"/>
                  <a:gd name="connsiteX11" fmla="*/ 328921 w 549298"/>
                  <a:gd name="connsiteY11" fmla="*/ 88922 h 263292"/>
                  <a:gd name="connsiteX12" fmla="*/ 342078 w 549298"/>
                  <a:gd name="connsiteY12" fmla="*/ 95500 h 263292"/>
                  <a:gd name="connsiteX13" fmla="*/ 351945 w 549298"/>
                  <a:gd name="connsiteY13" fmla="*/ 98789 h 263292"/>
                  <a:gd name="connsiteX14" fmla="*/ 361813 w 549298"/>
                  <a:gd name="connsiteY14" fmla="*/ 105368 h 263292"/>
                  <a:gd name="connsiteX15" fmla="*/ 374970 w 549298"/>
                  <a:gd name="connsiteY15" fmla="*/ 111946 h 263292"/>
                  <a:gd name="connsiteX16" fmla="*/ 384837 w 549298"/>
                  <a:gd name="connsiteY16" fmla="*/ 131681 h 263292"/>
                  <a:gd name="connsiteX17" fmla="*/ 391416 w 549298"/>
                  <a:gd name="connsiteY17" fmla="*/ 138260 h 263292"/>
                  <a:gd name="connsiteX18" fmla="*/ 397994 w 549298"/>
                  <a:gd name="connsiteY18" fmla="*/ 148127 h 263292"/>
                  <a:gd name="connsiteX19" fmla="*/ 401283 w 549298"/>
                  <a:gd name="connsiteY19" fmla="*/ 171152 h 263292"/>
                  <a:gd name="connsiteX20" fmla="*/ 394705 w 549298"/>
                  <a:gd name="connsiteY20" fmla="*/ 227068 h 263292"/>
                  <a:gd name="connsiteX21" fmla="*/ 424307 w 549298"/>
                  <a:gd name="connsiteY21" fmla="*/ 256671 h 263292"/>
                  <a:gd name="connsiteX22" fmla="*/ 486802 w 549298"/>
                  <a:gd name="connsiteY22" fmla="*/ 263250 h 263292"/>
                  <a:gd name="connsiteX23" fmla="*/ 549298 w 549298"/>
                  <a:gd name="connsiteY23"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157882 w 549298"/>
                  <a:gd name="connsiteY6" fmla="*/ 42873 h 263292"/>
                  <a:gd name="connsiteX7" fmla="*/ 273004 w 549298"/>
                  <a:gd name="connsiteY7" fmla="*/ 72476 h 263292"/>
                  <a:gd name="connsiteX8" fmla="*/ 289450 w 549298"/>
                  <a:gd name="connsiteY8" fmla="*/ 75765 h 263292"/>
                  <a:gd name="connsiteX9" fmla="*/ 309186 w 549298"/>
                  <a:gd name="connsiteY9" fmla="*/ 82343 h 263292"/>
                  <a:gd name="connsiteX10" fmla="*/ 328921 w 549298"/>
                  <a:gd name="connsiteY10" fmla="*/ 88922 h 263292"/>
                  <a:gd name="connsiteX11" fmla="*/ 342078 w 549298"/>
                  <a:gd name="connsiteY11" fmla="*/ 95500 h 263292"/>
                  <a:gd name="connsiteX12" fmla="*/ 351945 w 549298"/>
                  <a:gd name="connsiteY12" fmla="*/ 98789 h 263292"/>
                  <a:gd name="connsiteX13" fmla="*/ 361813 w 549298"/>
                  <a:gd name="connsiteY13" fmla="*/ 105368 h 263292"/>
                  <a:gd name="connsiteX14" fmla="*/ 374970 w 549298"/>
                  <a:gd name="connsiteY14" fmla="*/ 111946 h 263292"/>
                  <a:gd name="connsiteX15" fmla="*/ 384837 w 549298"/>
                  <a:gd name="connsiteY15" fmla="*/ 131681 h 263292"/>
                  <a:gd name="connsiteX16" fmla="*/ 391416 w 549298"/>
                  <a:gd name="connsiteY16" fmla="*/ 138260 h 263292"/>
                  <a:gd name="connsiteX17" fmla="*/ 397994 w 549298"/>
                  <a:gd name="connsiteY17" fmla="*/ 148127 h 263292"/>
                  <a:gd name="connsiteX18" fmla="*/ 401283 w 549298"/>
                  <a:gd name="connsiteY18" fmla="*/ 171152 h 263292"/>
                  <a:gd name="connsiteX19" fmla="*/ 394705 w 549298"/>
                  <a:gd name="connsiteY19" fmla="*/ 227068 h 263292"/>
                  <a:gd name="connsiteX20" fmla="*/ 424307 w 549298"/>
                  <a:gd name="connsiteY20" fmla="*/ 256671 h 263292"/>
                  <a:gd name="connsiteX21" fmla="*/ 486802 w 549298"/>
                  <a:gd name="connsiteY21" fmla="*/ 263250 h 263292"/>
                  <a:gd name="connsiteX22" fmla="*/ 549298 w 549298"/>
                  <a:gd name="connsiteY22"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77617 w 549298"/>
                  <a:gd name="connsiteY5" fmla="*/ 52740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59166"/>
                  <a:gd name="connsiteY0" fmla="*/ 113 h 263292"/>
                  <a:gd name="connsiteX1" fmla="*/ 16446 w 559166"/>
                  <a:gd name="connsiteY1" fmla="*/ 3402 h 263292"/>
                  <a:gd name="connsiteX2" fmla="*/ 26314 w 559166"/>
                  <a:gd name="connsiteY2" fmla="*/ 6691 h 263292"/>
                  <a:gd name="connsiteX3" fmla="*/ 82231 w 559166"/>
                  <a:gd name="connsiteY3" fmla="*/ 114 h 263292"/>
                  <a:gd name="connsiteX4" fmla="*/ 134857 w 559166"/>
                  <a:gd name="connsiteY4" fmla="*/ 33005 h 263292"/>
                  <a:gd name="connsiteX5" fmla="*/ 177617 w 559166"/>
                  <a:gd name="connsiteY5" fmla="*/ 52740 h 263292"/>
                  <a:gd name="connsiteX6" fmla="*/ 273004 w 559166"/>
                  <a:gd name="connsiteY6" fmla="*/ 72476 h 263292"/>
                  <a:gd name="connsiteX7" fmla="*/ 289450 w 559166"/>
                  <a:gd name="connsiteY7" fmla="*/ 75765 h 263292"/>
                  <a:gd name="connsiteX8" fmla="*/ 309186 w 559166"/>
                  <a:gd name="connsiteY8" fmla="*/ 82343 h 263292"/>
                  <a:gd name="connsiteX9" fmla="*/ 328921 w 559166"/>
                  <a:gd name="connsiteY9" fmla="*/ 88922 h 263292"/>
                  <a:gd name="connsiteX10" fmla="*/ 342078 w 559166"/>
                  <a:gd name="connsiteY10" fmla="*/ 95500 h 263292"/>
                  <a:gd name="connsiteX11" fmla="*/ 351945 w 559166"/>
                  <a:gd name="connsiteY11" fmla="*/ 98789 h 263292"/>
                  <a:gd name="connsiteX12" fmla="*/ 361813 w 559166"/>
                  <a:gd name="connsiteY12" fmla="*/ 105368 h 263292"/>
                  <a:gd name="connsiteX13" fmla="*/ 374970 w 559166"/>
                  <a:gd name="connsiteY13" fmla="*/ 111946 h 263292"/>
                  <a:gd name="connsiteX14" fmla="*/ 384837 w 559166"/>
                  <a:gd name="connsiteY14" fmla="*/ 131681 h 263292"/>
                  <a:gd name="connsiteX15" fmla="*/ 391416 w 559166"/>
                  <a:gd name="connsiteY15" fmla="*/ 138260 h 263292"/>
                  <a:gd name="connsiteX16" fmla="*/ 397994 w 559166"/>
                  <a:gd name="connsiteY16" fmla="*/ 148127 h 263292"/>
                  <a:gd name="connsiteX17" fmla="*/ 401283 w 559166"/>
                  <a:gd name="connsiteY17" fmla="*/ 171152 h 263292"/>
                  <a:gd name="connsiteX18" fmla="*/ 394705 w 559166"/>
                  <a:gd name="connsiteY18" fmla="*/ 227068 h 263292"/>
                  <a:gd name="connsiteX19" fmla="*/ 424307 w 559166"/>
                  <a:gd name="connsiteY19" fmla="*/ 256671 h 263292"/>
                  <a:gd name="connsiteX20" fmla="*/ 486802 w 559166"/>
                  <a:gd name="connsiteY20" fmla="*/ 263250 h 263292"/>
                  <a:gd name="connsiteX21" fmla="*/ 559166 w 559166"/>
                  <a:gd name="connsiteY21" fmla="*/ 259961 h 263292"/>
                  <a:gd name="connsiteX0" fmla="*/ 0 w 564029"/>
                  <a:gd name="connsiteY0" fmla="*/ 113 h 284281"/>
                  <a:gd name="connsiteX1" fmla="*/ 16446 w 564029"/>
                  <a:gd name="connsiteY1" fmla="*/ 3402 h 284281"/>
                  <a:gd name="connsiteX2" fmla="*/ 26314 w 564029"/>
                  <a:gd name="connsiteY2" fmla="*/ 6691 h 284281"/>
                  <a:gd name="connsiteX3" fmla="*/ 82231 w 564029"/>
                  <a:gd name="connsiteY3" fmla="*/ 114 h 284281"/>
                  <a:gd name="connsiteX4" fmla="*/ 134857 w 564029"/>
                  <a:gd name="connsiteY4" fmla="*/ 33005 h 284281"/>
                  <a:gd name="connsiteX5" fmla="*/ 177617 w 564029"/>
                  <a:gd name="connsiteY5" fmla="*/ 52740 h 284281"/>
                  <a:gd name="connsiteX6" fmla="*/ 273004 w 564029"/>
                  <a:gd name="connsiteY6" fmla="*/ 72476 h 284281"/>
                  <a:gd name="connsiteX7" fmla="*/ 289450 w 564029"/>
                  <a:gd name="connsiteY7" fmla="*/ 75765 h 284281"/>
                  <a:gd name="connsiteX8" fmla="*/ 309186 w 564029"/>
                  <a:gd name="connsiteY8" fmla="*/ 82343 h 284281"/>
                  <a:gd name="connsiteX9" fmla="*/ 328921 w 564029"/>
                  <a:gd name="connsiteY9" fmla="*/ 88922 h 284281"/>
                  <a:gd name="connsiteX10" fmla="*/ 342078 w 564029"/>
                  <a:gd name="connsiteY10" fmla="*/ 95500 h 284281"/>
                  <a:gd name="connsiteX11" fmla="*/ 351945 w 564029"/>
                  <a:gd name="connsiteY11" fmla="*/ 98789 h 284281"/>
                  <a:gd name="connsiteX12" fmla="*/ 361813 w 564029"/>
                  <a:gd name="connsiteY12" fmla="*/ 105368 h 284281"/>
                  <a:gd name="connsiteX13" fmla="*/ 374970 w 564029"/>
                  <a:gd name="connsiteY13" fmla="*/ 111946 h 284281"/>
                  <a:gd name="connsiteX14" fmla="*/ 384837 w 564029"/>
                  <a:gd name="connsiteY14" fmla="*/ 131681 h 284281"/>
                  <a:gd name="connsiteX15" fmla="*/ 391416 w 564029"/>
                  <a:gd name="connsiteY15" fmla="*/ 138260 h 284281"/>
                  <a:gd name="connsiteX16" fmla="*/ 397994 w 564029"/>
                  <a:gd name="connsiteY16" fmla="*/ 148127 h 284281"/>
                  <a:gd name="connsiteX17" fmla="*/ 401283 w 564029"/>
                  <a:gd name="connsiteY17" fmla="*/ 171152 h 284281"/>
                  <a:gd name="connsiteX18" fmla="*/ 394705 w 564029"/>
                  <a:gd name="connsiteY18" fmla="*/ 227068 h 284281"/>
                  <a:gd name="connsiteX19" fmla="*/ 424307 w 564029"/>
                  <a:gd name="connsiteY19" fmla="*/ 256671 h 284281"/>
                  <a:gd name="connsiteX20" fmla="*/ 486802 w 564029"/>
                  <a:gd name="connsiteY20" fmla="*/ 263250 h 284281"/>
                  <a:gd name="connsiteX21" fmla="*/ 564029 w 564029"/>
                  <a:gd name="connsiteY21" fmla="*/ 284281 h 284281"/>
                  <a:gd name="connsiteX0" fmla="*/ 0 w 583485"/>
                  <a:gd name="connsiteY0" fmla="*/ 113 h 274553"/>
                  <a:gd name="connsiteX1" fmla="*/ 16446 w 583485"/>
                  <a:gd name="connsiteY1" fmla="*/ 3402 h 274553"/>
                  <a:gd name="connsiteX2" fmla="*/ 26314 w 583485"/>
                  <a:gd name="connsiteY2" fmla="*/ 6691 h 274553"/>
                  <a:gd name="connsiteX3" fmla="*/ 82231 w 583485"/>
                  <a:gd name="connsiteY3" fmla="*/ 114 h 274553"/>
                  <a:gd name="connsiteX4" fmla="*/ 134857 w 583485"/>
                  <a:gd name="connsiteY4" fmla="*/ 33005 h 274553"/>
                  <a:gd name="connsiteX5" fmla="*/ 177617 w 583485"/>
                  <a:gd name="connsiteY5" fmla="*/ 52740 h 274553"/>
                  <a:gd name="connsiteX6" fmla="*/ 273004 w 583485"/>
                  <a:gd name="connsiteY6" fmla="*/ 72476 h 274553"/>
                  <a:gd name="connsiteX7" fmla="*/ 289450 w 583485"/>
                  <a:gd name="connsiteY7" fmla="*/ 75765 h 274553"/>
                  <a:gd name="connsiteX8" fmla="*/ 309186 w 583485"/>
                  <a:gd name="connsiteY8" fmla="*/ 82343 h 274553"/>
                  <a:gd name="connsiteX9" fmla="*/ 328921 w 583485"/>
                  <a:gd name="connsiteY9" fmla="*/ 88922 h 274553"/>
                  <a:gd name="connsiteX10" fmla="*/ 342078 w 583485"/>
                  <a:gd name="connsiteY10" fmla="*/ 95500 h 274553"/>
                  <a:gd name="connsiteX11" fmla="*/ 351945 w 583485"/>
                  <a:gd name="connsiteY11" fmla="*/ 98789 h 274553"/>
                  <a:gd name="connsiteX12" fmla="*/ 361813 w 583485"/>
                  <a:gd name="connsiteY12" fmla="*/ 105368 h 274553"/>
                  <a:gd name="connsiteX13" fmla="*/ 374970 w 583485"/>
                  <a:gd name="connsiteY13" fmla="*/ 111946 h 274553"/>
                  <a:gd name="connsiteX14" fmla="*/ 384837 w 583485"/>
                  <a:gd name="connsiteY14" fmla="*/ 131681 h 274553"/>
                  <a:gd name="connsiteX15" fmla="*/ 391416 w 583485"/>
                  <a:gd name="connsiteY15" fmla="*/ 138260 h 274553"/>
                  <a:gd name="connsiteX16" fmla="*/ 397994 w 583485"/>
                  <a:gd name="connsiteY16" fmla="*/ 148127 h 274553"/>
                  <a:gd name="connsiteX17" fmla="*/ 401283 w 583485"/>
                  <a:gd name="connsiteY17" fmla="*/ 171152 h 274553"/>
                  <a:gd name="connsiteX18" fmla="*/ 394705 w 583485"/>
                  <a:gd name="connsiteY18" fmla="*/ 227068 h 274553"/>
                  <a:gd name="connsiteX19" fmla="*/ 424307 w 583485"/>
                  <a:gd name="connsiteY19" fmla="*/ 256671 h 274553"/>
                  <a:gd name="connsiteX20" fmla="*/ 486802 w 583485"/>
                  <a:gd name="connsiteY20" fmla="*/ 263250 h 274553"/>
                  <a:gd name="connsiteX21" fmla="*/ 583485 w 583485"/>
                  <a:gd name="connsiteY21" fmla="*/ 274553 h 274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583485" h="274553">
                    <a:moveTo>
                      <a:pt x="0" y="113"/>
                    </a:moveTo>
                    <a:cubicBezTo>
                      <a:pt x="5482" y="1209"/>
                      <a:pt x="11022" y="2046"/>
                      <a:pt x="16446" y="3402"/>
                    </a:cubicBezTo>
                    <a:cubicBezTo>
                      <a:pt x="19810" y="4243"/>
                      <a:pt x="15350" y="7239"/>
                      <a:pt x="26314" y="6691"/>
                    </a:cubicBezTo>
                    <a:cubicBezTo>
                      <a:pt x="37278" y="6143"/>
                      <a:pt x="66881" y="-983"/>
                      <a:pt x="82231" y="114"/>
                    </a:cubicBezTo>
                    <a:cubicBezTo>
                      <a:pt x="100321" y="4500"/>
                      <a:pt x="118959" y="24234"/>
                      <a:pt x="134857" y="33005"/>
                    </a:cubicBezTo>
                    <a:cubicBezTo>
                      <a:pt x="150755" y="41776"/>
                      <a:pt x="154593" y="46162"/>
                      <a:pt x="177617" y="52740"/>
                    </a:cubicBezTo>
                    <a:cubicBezTo>
                      <a:pt x="200641" y="59318"/>
                      <a:pt x="249431" y="66446"/>
                      <a:pt x="273004" y="72476"/>
                    </a:cubicBezTo>
                    <a:cubicBezTo>
                      <a:pt x="278486" y="73572"/>
                      <a:pt x="284056" y="74294"/>
                      <a:pt x="289450" y="75765"/>
                    </a:cubicBezTo>
                    <a:cubicBezTo>
                      <a:pt x="296140" y="77589"/>
                      <a:pt x="302607" y="80150"/>
                      <a:pt x="309186" y="82343"/>
                    </a:cubicBezTo>
                    <a:lnTo>
                      <a:pt x="328921" y="88922"/>
                    </a:lnTo>
                    <a:cubicBezTo>
                      <a:pt x="333573" y="90473"/>
                      <a:pt x="337571" y="93569"/>
                      <a:pt x="342078" y="95500"/>
                    </a:cubicBezTo>
                    <a:cubicBezTo>
                      <a:pt x="345265" y="96866"/>
                      <a:pt x="348656" y="97693"/>
                      <a:pt x="351945" y="98789"/>
                    </a:cubicBezTo>
                    <a:cubicBezTo>
                      <a:pt x="355234" y="100982"/>
                      <a:pt x="358381" y="103407"/>
                      <a:pt x="361813" y="105368"/>
                    </a:cubicBezTo>
                    <a:cubicBezTo>
                      <a:pt x="366070" y="107801"/>
                      <a:pt x="371203" y="108807"/>
                      <a:pt x="374970" y="111946"/>
                    </a:cubicBezTo>
                    <a:cubicBezTo>
                      <a:pt x="384950" y="120263"/>
                      <a:pt x="379000" y="121954"/>
                      <a:pt x="384837" y="131681"/>
                    </a:cubicBezTo>
                    <a:cubicBezTo>
                      <a:pt x="386433" y="134340"/>
                      <a:pt x="389479" y="135838"/>
                      <a:pt x="391416" y="138260"/>
                    </a:cubicBezTo>
                    <a:cubicBezTo>
                      <a:pt x="393885" y="141347"/>
                      <a:pt x="395801" y="144838"/>
                      <a:pt x="397994" y="148127"/>
                    </a:cubicBezTo>
                    <a:cubicBezTo>
                      <a:pt x="399090" y="155802"/>
                      <a:pt x="401831" y="157995"/>
                      <a:pt x="401283" y="171152"/>
                    </a:cubicBezTo>
                    <a:cubicBezTo>
                      <a:pt x="400735" y="184309"/>
                      <a:pt x="390868" y="212815"/>
                      <a:pt x="394705" y="227068"/>
                    </a:cubicBezTo>
                    <a:cubicBezTo>
                      <a:pt x="398542" y="241321"/>
                      <a:pt x="408958" y="250641"/>
                      <a:pt x="424307" y="256671"/>
                    </a:cubicBezTo>
                    <a:cubicBezTo>
                      <a:pt x="439657" y="262701"/>
                      <a:pt x="460272" y="260270"/>
                      <a:pt x="486802" y="263250"/>
                    </a:cubicBezTo>
                    <a:lnTo>
                      <a:pt x="583485" y="274553"/>
                    </a:ln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7" name="Freeform 26"/>
              <p:cNvSpPr/>
              <p:nvPr/>
            </p:nvSpPr>
            <p:spPr bwMode="auto">
              <a:xfrm>
                <a:off x="6910442" y="2440592"/>
                <a:ext cx="102151" cy="753237"/>
              </a:xfrm>
              <a:custGeom>
                <a:avLst/>
                <a:gdLst>
                  <a:gd name="connsiteX0" fmla="*/ 6764 w 102151"/>
                  <a:gd name="connsiteY0" fmla="*/ 0 h 749948"/>
                  <a:gd name="connsiteX1" fmla="*/ 10053 w 102151"/>
                  <a:gd name="connsiteY1" fmla="*/ 85520 h 749948"/>
                  <a:gd name="connsiteX2" fmla="*/ 16631 w 102151"/>
                  <a:gd name="connsiteY2" fmla="*/ 124990 h 749948"/>
                  <a:gd name="connsiteX3" fmla="*/ 19921 w 102151"/>
                  <a:gd name="connsiteY3" fmla="*/ 171039 h 749948"/>
                  <a:gd name="connsiteX4" fmla="*/ 26499 w 102151"/>
                  <a:gd name="connsiteY4" fmla="*/ 190775 h 749948"/>
                  <a:gd name="connsiteX5" fmla="*/ 36367 w 102151"/>
                  <a:gd name="connsiteY5" fmla="*/ 200642 h 749948"/>
                  <a:gd name="connsiteX6" fmla="*/ 42945 w 102151"/>
                  <a:gd name="connsiteY6" fmla="*/ 220377 h 749948"/>
                  <a:gd name="connsiteX7" fmla="*/ 49523 w 102151"/>
                  <a:gd name="connsiteY7" fmla="*/ 296029 h 749948"/>
                  <a:gd name="connsiteX8" fmla="*/ 52813 w 102151"/>
                  <a:gd name="connsiteY8" fmla="*/ 358524 h 749948"/>
                  <a:gd name="connsiteX9" fmla="*/ 56102 w 102151"/>
                  <a:gd name="connsiteY9" fmla="*/ 368392 h 749948"/>
                  <a:gd name="connsiteX10" fmla="*/ 59391 w 102151"/>
                  <a:gd name="connsiteY10" fmla="*/ 394705 h 749948"/>
                  <a:gd name="connsiteX11" fmla="*/ 56102 w 102151"/>
                  <a:gd name="connsiteY11" fmla="*/ 450622 h 749948"/>
                  <a:gd name="connsiteX12" fmla="*/ 39656 w 102151"/>
                  <a:gd name="connsiteY12" fmla="*/ 453911 h 749948"/>
                  <a:gd name="connsiteX13" fmla="*/ 13342 w 102151"/>
                  <a:gd name="connsiteY13" fmla="*/ 457200 h 749948"/>
                  <a:gd name="connsiteX14" fmla="*/ 3475 w 102151"/>
                  <a:gd name="connsiteY14" fmla="*/ 463779 h 749948"/>
                  <a:gd name="connsiteX15" fmla="*/ 185 w 102151"/>
                  <a:gd name="connsiteY15" fmla="*/ 473646 h 749948"/>
                  <a:gd name="connsiteX16" fmla="*/ 3475 w 102151"/>
                  <a:gd name="connsiteY16" fmla="*/ 522985 h 749948"/>
                  <a:gd name="connsiteX17" fmla="*/ 16631 w 102151"/>
                  <a:gd name="connsiteY17" fmla="*/ 529563 h 749948"/>
                  <a:gd name="connsiteX18" fmla="*/ 29788 w 102151"/>
                  <a:gd name="connsiteY18" fmla="*/ 546009 h 749948"/>
                  <a:gd name="connsiteX19" fmla="*/ 36367 w 102151"/>
                  <a:gd name="connsiteY19" fmla="*/ 565744 h 749948"/>
                  <a:gd name="connsiteX20" fmla="*/ 42945 w 102151"/>
                  <a:gd name="connsiteY20" fmla="*/ 588769 h 749948"/>
                  <a:gd name="connsiteX21" fmla="*/ 46234 w 102151"/>
                  <a:gd name="connsiteY21" fmla="*/ 598636 h 749948"/>
                  <a:gd name="connsiteX22" fmla="*/ 59391 w 102151"/>
                  <a:gd name="connsiteY22" fmla="*/ 651264 h 749948"/>
                  <a:gd name="connsiteX23" fmla="*/ 65970 w 102151"/>
                  <a:gd name="connsiteY23" fmla="*/ 661131 h 749948"/>
                  <a:gd name="connsiteX24" fmla="*/ 69259 w 102151"/>
                  <a:gd name="connsiteY24" fmla="*/ 670999 h 749948"/>
                  <a:gd name="connsiteX25" fmla="*/ 75837 w 102151"/>
                  <a:gd name="connsiteY25" fmla="*/ 707180 h 749948"/>
                  <a:gd name="connsiteX26" fmla="*/ 79126 w 102151"/>
                  <a:gd name="connsiteY26" fmla="*/ 717048 h 749948"/>
                  <a:gd name="connsiteX27" fmla="*/ 92283 w 102151"/>
                  <a:gd name="connsiteY27" fmla="*/ 730205 h 749948"/>
                  <a:gd name="connsiteX28" fmla="*/ 102151 w 102151"/>
                  <a:gd name="connsiteY28" fmla="*/ 749940 h 749948"/>
                  <a:gd name="connsiteX0" fmla="*/ 6764 w 102151"/>
                  <a:gd name="connsiteY0" fmla="*/ 0 h 753237"/>
                  <a:gd name="connsiteX1" fmla="*/ 10053 w 102151"/>
                  <a:gd name="connsiteY1" fmla="*/ 88809 h 753237"/>
                  <a:gd name="connsiteX2" fmla="*/ 16631 w 102151"/>
                  <a:gd name="connsiteY2" fmla="*/ 128279 h 753237"/>
                  <a:gd name="connsiteX3" fmla="*/ 19921 w 102151"/>
                  <a:gd name="connsiteY3" fmla="*/ 174328 h 753237"/>
                  <a:gd name="connsiteX4" fmla="*/ 26499 w 102151"/>
                  <a:gd name="connsiteY4" fmla="*/ 194064 h 753237"/>
                  <a:gd name="connsiteX5" fmla="*/ 36367 w 102151"/>
                  <a:gd name="connsiteY5" fmla="*/ 203931 h 753237"/>
                  <a:gd name="connsiteX6" fmla="*/ 42945 w 102151"/>
                  <a:gd name="connsiteY6" fmla="*/ 223666 h 753237"/>
                  <a:gd name="connsiteX7" fmla="*/ 49523 w 102151"/>
                  <a:gd name="connsiteY7" fmla="*/ 299318 h 753237"/>
                  <a:gd name="connsiteX8" fmla="*/ 52813 w 102151"/>
                  <a:gd name="connsiteY8" fmla="*/ 361813 h 753237"/>
                  <a:gd name="connsiteX9" fmla="*/ 56102 w 102151"/>
                  <a:gd name="connsiteY9" fmla="*/ 371681 h 753237"/>
                  <a:gd name="connsiteX10" fmla="*/ 59391 w 102151"/>
                  <a:gd name="connsiteY10" fmla="*/ 397994 h 753237"/>
                  <a:gd name="connsiteX11" fmla="*/ 56102 w 102151"/>
                  <a:gd name="connsiteY11" fmla="*/ 453911 h 753237"/>
                  <a:gd name="connsiteX12" fmla="*/ 39656 w 102151"/>
                  <a:gd name="connsiteY12" fmla="*/ 457200 h 753237"/>
                  <a:gd name="connsiteX13" fmla="*/ 13342 w 102151"/>
                  <a:gd name="connsiteY13" fmla="*/ 460489 h 753237"/>
                  <a:gd name="connsiteX14" fmla="*/ 3475 w 102151"/>
                  <a:gd name="connsiteY14" fmla="*/ 467068 h 753237"/>
                  <a:gd name="connsiteX15" fmla="*/ 185 w 102151"/>
                  <a:gd name="connsiteY15" fmla="*/ 476935 h 753237"/>
                  <a:gd name="connsiteX16" fmla="*/ 3475 w 102151"/>
                  <a:gd name="connsiteY16" fmla="*/ 526274 h 753237"/>
                  <a:gd name="connsiteX17" fmla="*/ 16631 w 102151"/>
                  <a:gd name="connsiteY17" fmla="*/ 532852 h 753237"/>
                  <a:gd name="connsiteX18" fmla="*/ 29788 w 102151"/>
                  <a:gd name="connsiteY18" fmla="*/ 549298 h 753237"/>
                  <a:gd name="connsiteX19" fmla="*/ 36367 w 102151"/>
                  <a:gd name="connsiteY19" fmla="*/ 569033 h 753237"/>
                  <a:gd name="connsiteX20" fmla="*/ 42945 w 102151"/>
                  <a:gd name="connsiteY20" fmla="*/ 592058 h 753237"/>
                  <a:gd name="connsiteX21" fmla="*/ 46234 w 102151"/>
                  <a:gd name="connsiteY21" fmla="*/ 601925 h 753237"/>
                  <a:gd name="connsiteX22" fmla="*/ 59391 w 102151"/>
                  <a:gd name="connsiteY22" fmla="*/ 654553 h 753237"/>
                  <a:gd name="connsiteX23" fmla="*/ 65970 w 102151"/>
                  <a:gd name="connsiteY23" fmla="*/ 664420 h 753237"/>
                  <a:gd name="connsiteX24" fmla="*/ 69259 w 102151"/>
                  <a:gd name="connsiteY24" fmla="*/ 674288 h 753237"/>
                  <a:gd name="connsiteX25" fmla="*/ 75837 w 102151"/>
                  <a:gd name="connsiteY25" fmla="*/ 710469 h 753237"/>
                  <a:gd name="connsiteX26" fmla="*/ 79126 w 102151"/>
                  <a:gd name="connsiteY26" fmla="*/ 720337 h 753237"/>
                  <a:gd name="connsiteX27" fmla="*/ 92283 w 102151"/>
                  <a:gd name="connsiteY27" fmla="*/ 733494 h 753237"/>
                  <a:gd name="connsiteX28" fmla="*/ 102151 w 102151"/>
                  <a:gd name="connsiteY28" fmla="*/ 753229 h 7532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02151" h="753237">
                    <a:moveTo>
                      <a:pt x="6764" y="0"/>
                    </a:moveTo>
                    <a:cubicBezTo>
                      <a:pt x="7860" y="28507"/>
                      <a:pt x="8409" y="67429"/>
                      <a:pt x="10053" y="88809"/>
                    </a:cubicBezTo>
                    <a:cubicBezTo>
                      <a:pt x="11698" y="110189"/>
                      <a:pt x="10954" y="111248"/>
                      <a:pt x="16631" y="128279"/>
                    </a:cubicBezTo>
                    <a:cubicBezTo>
                      <a:pt x="17728" y="143629"/>
                      <a:pt x="17638" y="159109"/>
                      <a:pt x="19921" y="174328"/>
                    </a:cubicBezTo>
                    <a:cubicBezTo>
                      <a:pt x="20950" y="181186"/>
                      <a:pt x="21595" y="189161"/>
                      <a:pt x="26499" y="194064"/>
                    </a:cubicBezTo>
                    <a:lnTo>
                      <a:pt x="36367" y="203931"/>
                    </a:lnTo>
                    <a:cubicBezTo>
                      <a:pt x="38560" y="210509"/>
                      <a:pt x="42599" y="216741"/>
                      <a:pt x="42945" y="223666"/>
                    </a:cubicBezTo>
                    <a:cubicBezTo>
                      <a:pt x="46407" y="292914"/>
                      <a:pt x="39291" y="268622"/>
                      <a:pt x="49523" y="299318"/>
                    </a:cubicBezTo>
                    <a:cubicBezTo>
                      <a:pt x="50620" y="320150"/>
                      <a:pt x="50924" y="341038"/>
                      <a:pt x="52813" y="361813"/>
                    </a:cubicBezTo>
                    <a:cubicBezTo>
                      <a:pt x="53127" y="365266"/>
                      <a:pt x="55482" y="368270"/>
                      <a:pt x="56102" y="371681"/>
                    </a:cubicBezTo>
                    <a:cubicBezTo>
                      <a:pt x="57683" y="380378"/>
                      <a:pt x="58295" y="389223"/>
                      <a:pt x="59391" y="397994"/>
                    </a:cubicBezTo>
                    <a:cubicBezTo>
                      <a:pt x="58295" y="416633"/>
                      <a:pt x="62006" y="436198"/>
                      <a:pt x="56102" y="453911"/>
                    </a:cubicBezTo>
                    <a:cubicBezTo>
                      <a:pt x="54334" y="459215"/>
                      <a:pt x="45182" y="456350"/>
                      <a:pt x="39656" y="457200"/>
                    </a:cubicBezTo>
                    <a:cubicBezTo>
                      <a:pt x="30919" y="458544"/>
                      <a:pt x="22113" y="459393"/>
                      <a:pt x="13342" y="460489"/>
                    </a:cubicBezTo>
                    <a:cubicBezTo>
                      <a:pt x="10053" y="462682"/>
                      <a:pt x="5944" y="463981"/>
                      <a:pt x="3475" y="467068"/>
                    </a:cubicBezTo>
                    <a:cubicBezTo>
                      <a:pt x="1309" y="469775"/>
                      <a:pt x="185" y="473468"/>
                      <a:pt x="185" y="476935"/>
                    </a:cubicBezTo>
                    <a:cubicBezTo>
                      <a:pt x="185" y="493418"/>
                      <a:pt x="-1176" y="510461"/>
                      <a:pt x="3475" y="526274"/>
                    </a:cubicBezTo>
                    <a:cubicBezTo>
                      <a:pt x="4858" y="530978"/>
                      <a:pt x="12551" y="530132"/>
                      <a:pt x="16631" y="532852"/>
                    </a:cubicBezTo>
                    <a:cubicBezTo>
                      <a:pt x="20950" y="535731"/>
                      <a:pt x="27935" y="545128"/>
                      <a:pt x="29788" y="549298"/>
                    </a:cubicBezTo>
                    <a:cubicBezTo>
                      <a:pt x="32604" y="555635"/>
                      <a:pt x="34174" y="562455"/>
                      <a:pt x="36367" y="569033"/>
                    </a:cubicBezTo>
                    <a:cubicBezTo>
                      <a:pt x="44248" y="592677"/>
                      <a:pt x="34691" y="563168"/>
                      <a:pt x="42945" y="592058"/>
                    </a:cubicBezTo>
                    <a:cubicBezTo>
                      <a:pt x="43897" y="595392"/>
                      <a:pt x="45454" y="598547"/>
                      <a:pt x="46234" y="601925"/>
                    </a:cubicBezTo>
                    <a:cubicBezTo>
                      <a:pt x="47404" y="606996"/>
                      <a:pt x="53475" y="645681"/>
                      <a:pt x="59391" y="654553"/>
                    </a:cubicBezTo>
                    <a:lnTo>
                      <a:pt x="65970" y="664420"/>
                    </a:lnTo>
                    <a:cubicBezTo>
                      <a:pt x="67066" y="667709"/>
                      <a:pt x="68579" y="670888"/>
                      <a:pt x="69259" y="674288"/>
                    </a:cubicBezTo>
                    <a:cubicBezTo>
                      <a:pt x="75470" y="705345"/>
                      <a:pt x="69337" y="687716"/>
                      <a:pt x="75837" y="710469"/>
                    </a:cubicBezTo>
                    <a:cubicBezTo>
                      <a:pt x="76789" y="713803"/>
                      <a:pt x="77111" y="717516"/>
                      <a:pt x="79126" y="720337"/>
                    </a:cubicBezTo>
                    <a:cubicBezTo>
                      <a:pt x="82731" y="725384"/>
                      <a:pt x="92283" y="733494"/>
                      <a:pt x="92283" y="733494"/>
                    </a:cubicBezTo>
                    <a:cubicBezTo>
                      <a:pt x="99209" y="754269"/>
                      <a:pt x="91928" y="753229"/>
                      <a:pt x="102151" y="753229"/>
                    </a:cubicBez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9" name="Freeform 28"/>
              <p:cNvSpPr/>
              <p:nvPr/>
            </p:nvSpPr>
            <p:spPr bwMode="auto">
              <a:xfrm>
                <a:off x="7006014" y="3187243"/>
                <a:ext cx="230245" cy="365103"/>
              </a:xfrm>
              <a:custGeom>
                <a:avLst/>
                <a:gdLst>
                  <a:gd name="connsiteX0" fmla="*/ 0 w 230245"/>
                  <a:gd name="connsiteY0" fmla="*/ 6579 h 365103"/>
                  <a:gd name="connsiteX1" fmla="*/ 16446 w 230245"/>
                  <a:gd name="connsiteY1" fmla="*/ 13157 h 365103"/>
                  <a:gd name="connsiteX2" fmla="*/ 32892 w 230245"/>
                  <a:gd name="connsiteY2" fmla="*/ 16446 h 365103"/>
                  <a:gd name="connsiteX3" fmla="*/ 42760 w 230245"/>
                  <a:gd name="connsiteY3" fmla="*/ 19736 h 365103"/>
                  <a:gd name="connsiteX4" fmla="*/ 62495 w 230245"/>
                  <a:gd name="connsiteY4" fmla="*/ 16446 h 365103"/>
                  <a:gd name="connsiteX5" fmla="*/ 85520 w 230245"/>
                  <a:gd name="connsiteY5" fmla="*/ 6579 h 365103"/>
                  <a:gd name="connsiteX6" fmla="*/ 115122 w 230245"/>
                  <a:gd name="connsiteY6" fmla="*/ 0 h 365103"/>
                  <a:gd name="connsiteX7" fmla="*/ 154593 w 230245"/>
                  <a:gd name="connsiteY7" fmla="*/ 6579 h 365103"/>
                  <a:gd name="connsiteX8" fmla="*/ 164461 w 230245"/>
                  <a:gd name="connsiteY8" fmla="*/ 13157 h 365103"/>
                  <a:gd name="connsiteX9" fmla="*/ 171039 w 230245"/>
                  <a:gd name="connsiteY9" fmla="*/ 23025 h 365103"/>
                  <a:gd name="connsiteX10" fmla="*/ 174328 w 230245"/>
                  <a:gd name="connsiteY10" fmla="*/ 32892 h 365103"/>
                  <a:gd name="connsiteX11" fmla="*/ 194063 w 230245"/>
                  <a:gd name="connsiteY11" fmla="*/ 46049 h 365103"/>
                  <a:gd name="connsiteX12" fmla="*/ 210510 w 230245"/>
                  <a:gd name="connsiteY12" fmla="*/ 62495 h 365103"/>
                  <a:gd name="connsiteX13" fmla="*/ 217088 w 230245"/>
                  <a:gd name="connsiteY13" fmla="*/ 69074 h 365103"/>
                  <a:gd name="connsiteX14" fmla="*/ 230245 w 230245"/>
                  <a:gd name="connsiteY14" fmla="*/ 88809 h 365103"/>
                  <a:gd name="connsiteX15" fmla="*/ 226956 w 230245"/>
                  <a:gd name="connsiteY15" fmla="*/ 187485 h 365103"/>
                  <a:gd name="connsiteX16" fmla="*/ 220377 w 230245"/>
                  <a:gd name="connsiteY16" fmla="*/ 197353 h 365103"/>
                  <a:gd name="connsiteX17" fmla="*/ 213799 w 230245"/>
                  <a:gd name="connsiteY17" fmla="*/ 217088 h 365103"/>
                  <a:gd name="connsiteX18" fmla="*/ 203931 w 230245"/>
                  <a:gd name="connsiteY18" fmla="*/ 246691 h 365103"/>
                  <a:gd name="connsiteX19" fmla="*/ 200642 w 230245"/>
                  <a:gd name="connsiteY19" fmla="*/ 259848 h 365103"/>
                  <a:gd name="connsiteX20" fmla="*/ 194063 w 230245"/>
                  <a:gd name="connsiteY20" fmla="*/ 269715 h 365103"/>
                  <a:gd name="connsiteX21" fmla="*/ 187485 w 230245"/>
                  <a:gd name="connsiteY21" fmla="*/ 289451 h 365103"/>
                  <a:gd name="connsiteX22" fmla="*/ 180907 w 230245"/>
                  <a:gd name="connsiteY22" fmla="*/ 328921 h 365103"/>
                  <a:gd name="connsiteX23" fmla="*/ 177617 w 230245"/>
                  <a:gd name="connsiteY23" fmla="*/ 345367 h 365103"/>
                  <a:gd name="connsiteX24" fmla="*/ 171039 w 230245"/>
                  <a:gd name="connsiteY24" fmla="*/ 355235 h 365103"/>
                  <a:gd name="connsiteX25" fmla="*/ 161171 w 230245"/>
                  <a:gd name="connsiteY25" fmla="*/ 365103 h 365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30245" h="365103">
                    <a:moveTo>
                      <a:pt x="0" y="6579"/>
                    </a:moveTo>
                    <a:cubicBezTo>
                      <a:pt x="5482" y="8772"/>
                      <a:pt x="10791" y="11461"/>
                      <a:pt x="16446" y="13157"/>
                    </a:cubicBezTo>
                    <a:cubicBezTo>
                      <a:pt x="21801" y="14763"/>
                      <a:pt x="27468" y="15090"/>
                      <a:pt x="32892" y="16446"/>
                    </a:cubicBezTo>
                    <a:cubicBezTo>
                      <a:pt x="36256" y="17287"/>
                      <a:pt x="39471" y="18639"/>
                      <a:pt x="42760" y="19736"/>
                    </a:cubicBezTo>
                    <a:cubicBezTo>
                      <a:pt x="49338" y="18639"/>
                      <a:pt x="55985" y="17893"/>
                      <a:pt x="62495" y="16446"/>
                    </a:cubicBezTo>
                    <a:cubicBezTo>
                      <a:pt x="73178" y="14072"/>
                      <a:pt x="74688" y="11221"/>
                      <a:pt x="85520" y="6579"/>
                    </a:cubicBezTo>
                    <a:cubicBezTo>
                      <a:pt x="95825" y="2163"/>
                      <a:pt x="103295" y="1972"/>
                      <a:pt x="115122" y="0"/>
                    </a:cubicBezTo>
                    <a:cubicBezTo>
                      <a:pt x="118536" y="488"/>
                      <a:pt x="148676" y="4360"/>
                      <a:pt x="154593" y="6579"/>
                    </a:cubicBezTo>
                    <a:cubicBezTo>
                      <a:pt x="158294" y="7967"/>
                      <a:pt x="161172" y="10964"/>
                      <a:pt x="164461" y="13157"/>
                    </a:cubicBezTo>
                    <a:cubicBezTo>
                      <a:pt x="166654" y="16446"/>
                      <a:pt x="169271" y="19489"/>
                      <a:pt x="171039" y="23025"/>
                    </a:cubicBezTo>
                    <a:cubicBezTo>
                      <a:pt x="172589" y="26126"/>
                      <a:pt x="171877" y="30441"/>
                      <a:pt x="174328" y="32892"/>
                    </a:cubicBezTo>
                    <a:cubicBezTo>
                      <a:pt x="179919" y="38483"/>
                      <a:pt x="188472" y="40459"/>
                      <a:pt x="194063" y="46049"/>
                    </a:cubicBezTo>
                    <a:lnTo>
                      <a:pt x="210510" y="62495"/>
                    </a:lnTo>
                    <a:lnTo>
                      <a:pt x="217088" y="69074"/>
                    </a:lnTo>
                    <a:cubicBezTo>
                      <a:pt x="222678" y="74665"/>
                      <a:pt x="230245" y="88809"/>
                      <a:pt x="230245" y="88809"/>
                    </a:cubicBezTo>
                    <a:cubicBezTo>
                      <a:pt x="229149" y="121701"/>
                      <a:pt x="229936" y="154710"/>
                      <a:pt x="226956" y="187485"/>
                    </a:cubicBezTo>
                    <a:cubicBezTo>
                      <a:pt x="226598" y="191422"/>
                      <a:pt x="221983" y="193740"/>
                      <a:pt x="220377" y="197353"/>
                    </a:cubicBezTo>
                    <a:cubicBezTo>
                      <a:pt x="217561" y="203689"/>
                      <a:pt x="215992" y="210510"/>
                      <a:pt x="213799" y="217088"/>
                    </a:cubicBezTo>
                    <a:lnTo>
                      <a:pt x="203931" y="246691"/>
                    </a:lnTo>
                    <a:cubicBezTo>
                      <a:pt x="202502" y="250980"/>
                      <a:pt x="202423" y="255693"/>
                      <a:pt x="200642" y="259848"/>
                    </a:cubicBezTo>
                    <a:cubicBezTo>
                      <a:pt x="199085" y="263481"/>
                      <a:pt x="196256" y="266426"/>
                      <a:pt x="194063" y="269715"/>
                    </a:cubicBezTo>
                    <a:lnTo>
                      <a:pt x="187485" y="289451"/>
                    </a:lnTo>
                    <a:cubicBezTo>
                      <a:pt x="183267" y="302105"/>
                      <a:pt x="183100" y="315764"/>
                      <a:pt x="180907" y="328921"/>
                    </a:cubicBezTo>
                    <a:cubicBezTo>
                      <a:pt x="179988" y="334436"/>
                      <a:pt x="179580" y="340132"/>
                      <a:pt x="177617" y="345367"/>
                    </a:cubicBezTo>
                    <a:cubicBezTo>
                      <a:pt x="176229" y="349068"/>
                      <a:pt x="173570" y="352198"/>
                      <a:pt x="171039" y="355235"/>
                    </a:cubicBezTo>
                    <a:cubicBezTo>
                      <a:pt x="168061" y="358809"/>
                      <a:pt x="161171" y="365103"/>
                      <a:pt x="161171" y="36510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sp>
        <p:nvSpPr>
          <p:cNvPr id="1027" name="Freeform 1026"/>
          <p:cNvSpPr/>
          <p:nvPr/>
        </p:nvSpPr>
        <p:spPr bwMode="auto">
          <a:xfrm>
            <a:off x="7249416" y="3216846"/>
            <a:ext cx="118411" cy="72363"/>
          </a:xfrm>
          <a:custGeom>
            <a:avLst/>
            <a:gdLst>
              <a:gd name="connsiteX0" fmla="*/ 118411 w 118411"/>
              <a:gd name="connsiteY0" fmla="*/ 0 h 72363"/>
              <a:gd name="connsiteX1" fmla="*/ 101965 w 118411"/>
              <a:gd name="connsiteY1" fmla="*/ 23025 h 72363"/>
              <a:gd name="connsiteX2" fmla="*/ 78941 w 118411"/>
              <a:gd name="connsiteY2" fmla="*/ 36181 h 72363"/>
              <a:gd name="connsiteX3" fmla="*/ 59206 w 118411"/>
              <a:gd name="connsiteY3" fmla="*/ 42760 h 72363"/>
              <a:gd name="connsiteX4" fmla="*/ 49338 w 118411"/>
              <a:gd name="connsiteY4" fmla="*/ 49338 h 72363"/>
              <a:gd name="connsiteX5" fmla="*/ 19735 w 118411"/>
              <a:gd name="connsiteY5" fmla="*/ 59206 h 72363"/>
              <a:gd name="connsiteX6" fmla="*/ 0 w 118411"/>
              <a:gd name="connsiteY6" fmla="*/ 72363 h 72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8411" h="72363">
                <a:moveTo>
                  <a:pt x="118411" y="0"/>
                </a:moveTo>
                <a:cubicBezTo>
                  <a:pt x="112228" y="10306"/>
                  <a:pt x="110503" y="16194"/>
                  <a:pt x="101965" y="23025"/>
                </a:cubicBezTo>
                <a:cubicBezTo>
                  <a:pt x="96030" y="27773"/>
                  <a:pt x="85695" y="33479"/>
                  <a:pt x="78941" y="36181"/>
                </a:cubicBezTo>
                <a:cubicBezTo>
                  <a:pt x="72503" y="38756"/>
                  <a:pt x="65784" y="40567"/>
                  <a:pt x="59206" y="42760"/>
                </a:cubicBezTo>
                <a:cubicBezTo>
                  <a:pt x="55456" y="44010"/>
                  <a:pt x="52950" y="47732"/>
                  <a:pt x="49338" y="49338"/>
                </a:cubicBezTo>
                <a:cubicBezTo>
                  <a:pt x="49324" y="49344"/>
                  <a:pt x="24676" y="57559"/>
                  <a:pt x="19735" y="59206"/>
                </a:cubicBezTo>
                <a:cubicBezTo>
                  <a:pt x="12234" y="61706"/>
                  <a:pt x="0" y="72363"/>
                  <a:pt x="0" y="72363"/>
                </a:cubicBezTo>
              </a:path>
            </a:pathLst>
          </a:custGeom>
          <a:noFill/>
          <a:ln w="38100">
            <a:solidFill>
              <a:schemeClr val="accent2">
                <a:lumMod val="90000"/>
              </a:schemeClr>
            </a:solidFill>
            <a:headEnd type="none" w="med" len="med"/>
            <a:tailEnd type="stealth" w="med" len="med"/>
          </a:ln>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30" name="CRA Freeform"/>
          <p:cNvGrpSpPr/>
          <p:nvPr/>
        </p:nvGrpSpPr>
        <p:grpSpPr>
          <a:xfrm>
            <a:off x="5101563" y="2519534"/>
            <a:ext cx="3427355" cy="897954"/>
            <a:chOff x="5101563" y="2519534"/>
            <a:chExt cx="3427355" cy="897954"/>
          </a:xfrm>
          <a:effectLst>
            <a:outerShdw dist="50800" dir="5400000" algn="ctr" rotWithShape="0">
              <a:schemeClr val="tx1"/>
            </a:outerShdw>
          </a:effectLst>
        </p:grpSpPr>
        <p:sp>
          <p:nvSpPr>
            <p:cNvPr id="1028" name="Freeform 1027"/>
            <p:cNvSpPr/>
            <p:nvPr/>
          </p:nvSpPr>
          <p:spPr bwMode="auto">
            <a:xfrm>
              <a:off x="7239548" y="3213557"/>
              <a:ext cx="148015" cy="203931"/>
            </a:xfrm>
            <a:custGeom>
              <a:avLst/>
              <a:gdLst>
                <a:gd name="connsiteX0" fmla="*/ 148015 w 148015"/>
                <a:gd name="connsiteY0" fmla="*/ 0 h 203931"/>
                <a:gd name="connsiteX1" fmla="*/ 141436 w 148015"/>
                <a:gd name="connsiteY1" fmla="*/ 32892 h 203931"/>
                <a:gd name="connsiteX2" fmla="*/ 134858 w 148015"/>
                <a:gd name="connsiteY2" fmla="*/ 42760 h 203931"/>
                <a:gd name="connsiteX3" fmla="*/ 118412 w 148015"/>
                <a:gd name="connsiteY3" fmla="*/ 59206 h 203931"/>
                <a:gd name="connsiteX4" fmla="*/ 111833 w 148015"/>
                <a:gd name="connsiteY4" fmla="*/ 65784 h 203931"/>
                <a:gd name="connsiteX5" fmla="*/ 101966 w 148015"/>
                <a:gd name="connsiteY5" fmla="*/ 75652 h 203931"/>
                <a:gd name="connsiteX6" fmla="*/ 82230 w 148015"/>
                <a:gd name="connsiteY6" fmla="*/ 85519 h 203931"/>
                <a:gd name="connsiteX7" fmla="*/ 62495 w 148015"/>
                <a:gd name="connsiteY7" fmla="*/ 92098 h 203931"/>
                <a:gd name="connsiteX8" fmla="*/ 59206 w 148015"/>
                <a:gd name="connsiteY8" fmla="*/ 101965 h 203931"/>
                <a:gd name="connsiteX9" fmla="*/ 55917 w 148015"/>
                <a:gd name="connsiteY9" fmla="*/ 151303 h 203931"/>
                <a:gd name="connsiteX10" fmla="*/ 46049 w 148015"/>
                <a:gd name="connsiteY10" fmla="*/ 154593 h 203931"/>
                <a:gd name="connsiteX11" fmla="*/ 36181 w 148015"/>
                <a:gd name="connsiteY11" fmla="*/ 161171 h 203931"/>
                <a:gd name="connsiteX12" fmla="*/ 32892 w 148015"/>
                <a:gd name="connsiteY12" fmla="*/ 171039 h 203931"/>
                <a:gd name="connsiteX13" fmla="*/ 23025 w 148015"/>
                <a:gd name="connsiteY13" fmla="*/ 177617 h 203931"/>
                <a:gd name="connsiteX14" fmla="*/ 16446 w 148015"/>
                <a:gd name="connsiteY14" fmla="*/ 184196 h 203931"/>
                <a:gd name="connsiteX15" fmla="*/ 9868 w 148015"/>
                <a:gd name="connsiteY15" fmla="*/ 194063 h 203931"/>
                <a:gd name="connsiteX16" fmla="*/ 0 w 148015"/>
                <a:gd name="connsiteY16" fmla="*/ 203931 h 203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48015" h="203931">
                  <a:moveTo>
                    <a:pt x="148015" y="0"/>
                  </a:moveTo>
                  <a:cubicBezTo>
                    <a:pt x="146803" y="8482"/>
                    <a:pt x="146028" y="23708"/>
                    <a:pt x="141436" y="32892"/>
                  </a:cubicBezTo>
                  <a:cubicBezTo>
                    <a:pt x="139668" y="36428"/>
                    <a:pt x="137461" y="39785"/>
                    <a:pt x="134858" y="42760"/>
                  </a:cubicBezTo>
                  <a:cubicBezTo>
                    <a:pt x="129753" y="48595"/>
                    <a:pt x="123894" y="53724"/>
                    <a:pt x="118412" y="59206"/>
                  </a:cubicBezTo>
                  <a:lnTo>
                    <a:pt x="111833" y="65784"/>
                  </a:lnTo>
                  <a:cubicBezTo>
                    <a:pt x="108544" y="69073"/>
                    <a:pt x="106379" y="74181"/>
                    <a:pt x="101966" y="75652"/>
                  </a:cubicBezTo>
                  <a:cubicBezTo>
                    <a:pt x="65992" y="87642"/>
                    <a:pt x="120472" y="68522"/>
                    <a:pt x="82230" y="85519"/>
                  </a:cubicBezTo>
                  <a:cubicBezTo>
                    <a:pt x="75893" y="88335"/>
                    <a:pt x="62495" y="92098"/>
                    <a:pt x="62495" y="92098"/>
                  </a:cubicBezTo>
                  <a:cubicBezTo>
                    <a:pt x="61399" y="95387"/>
                    <a:pt x="59589" y="98519"/>
                    <a:pt x="59206" y="101965"/>
                  </a:cubicBezTo>
                  <a:cubicBezTo>
                    <a:pt x="57386" y="118347"/>
                    <a:pt x="59915" y="135313"/>
                    <a:pt x="55917" y="151303"/>
                  </a:cubicBezTo>
                  <a:cubicBezTo>
                    <a:pt x="55076" y="154667"/>
                    <a:pt x="49150" y="153042"/>
                    <a:pt x="46049" y="154593"/>
                  </a:cubicBezTo>
                  <a:cubicBezTo>
                    <a:pt x="42513" y="156361"/>
                    <a:pt x="39470" y="158978"/>
                    <a:pt x="36181" y="161171"/>
                  </a:cubicBezTo>
                  <a:cubicBezTo>
                    <a:pt x="35085" y="164460"/>
                    <a:pt x="35058" y="168331"/>
                    <a:pt x="32892" y="171039"/>
                  </a:cubicBezTo>
                  <a:cubicBezTo>
                    <a:pt x="30423" y="174126"/>
                    <a:pt x="26112" y="175148"/>
                    <a:pt x="23025" y="177617"/>
                  </a:cubicBezTo>
                  <a:cubicBezTo>
                    <a:pt x="20603" y="179554"/>
                    <a:pt x="18383" y="181774"/>
                    <a:pt x="16446" y="184196"/>
                  </a:cubicBezTo>
                  <a:cubicBezTo>
                    <a:pt x="13977" y="187283"/>
                    <a:pt x="12399" y="191026"/>
                    <a:pt x="9868" y="194063"/>
                  </a:cubicBezTo>
                  <a:cubicBezTo>
                    <a:pt x="6890" y="197637"/>
                    <a:pt x="0" y="203931"/>
                    <a:pt x="0" y="20393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5" name="Freeform 1024"/>
            <p:cNvSpPr/>
            <p:nvPr/>
          </p:nvSpPr>
          <p:spPr bwMode="auto">
            <a:xfrm>
              <a:off x="6160688" y="2736621"/>
              <a:ext cx="2368230" cy="476936"/>
            </a:xfrm>
            <a:custGeom>
              <a:avLst/>
              <a:gdLst>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38627 w 2378098"/>
                <a:gd name="connsiteY5" fmla="*/ 82230 h 467068"/>
                <a:gd name="connsiteX6" fmla="*/ 2318892 w 2378098"/>
                <a:gd name="connsiteY6" fmla="*/ 95387 h 467068"/>
                <a:gd name="connsiteX7" fmla="*/ 2309024 w 2378098"/>
                <a:gd name="connsiteY7" fmla="*/ 98676 h 467068"/>
                <a:gd name="connsiteX8" fmla="*/ 2302446 w 2378098"/>
                <a:gd name="connsiteY8" fmla="*/ 118412 h 467068"/>
                <a:gd name="connsiteX9" fmla="*/ 2292578 w 2378098"/>
                <a:gd name="connsiteY9" fmla="*/ 124990 h 467068"/>
                <a:gd name="connsiteX10" fmla="*/ 2286000 w 2378098"/>
                <a:gd name="connsiteY10" fmla="*/ 131569 h 467068"/>
                <a:gd name="connsiteX11" fmla="*/ 2272843 w 2378098"/>
                <a:gd name="connsiteY11" fmla="*/ 138147 h 467068"/>
                <a:gd name="connsiteX12" fmla="*/ 2239951 w 2378098"/>
                <a:gd name="connsiteY12" fmla="*/ 148015 h 467068"/>
                <a:gd name="connsiteX13" fmla="*/ 2216926 w 2378098"/>
                <a:gd name="connsiteY13" fmla="*/ 151304 h 467068"/>
                <a:gd name="connsiteX14" fmla="*/ 2187324 w 2378098"/>
                <a:gd name="connsiteY14" fmla="*/ 157882 h 467068"/>
                <a:gd name="connsiteX15" fmla="*/ 2167588 w 2378098"/>
                <a:gd name="connsiteY15" fmla="*/ 164461 h 467068"/>
                <a:gd name="connsiteX16" fmla="*/ 2151142 w 2378098"/>
                <a:gd name="connsiteY16" fmla="*/ 167750 h 467068"/>
                <a:gd name="connsiteX17" fmla="*/ 2137985 w 2378098"/>
                <a:gd name="connsiteY17" fmla="*/ 171039 h 467068"/>
                <a:gd name="connsiteX18" fmla="*/ 2121539 w 2378098"/>
                <a:gd name="connsiteY18" fmla="*/ 174328 h 467068"/>
                <a:gd name="connsiteX19" fmla="*/ 2111672 w 2378098"/>
                <a:gd name="connsiteY19" fmla="*/ 177617 h 467068"/>
                <a:gd name="connsiteX20" fmla="*/ 1993260 w 2378098"/>
                <a:gd name="connsiteY20" fmla="*/ 180907 h 467068"/>
                <a:gd name="connsiteX21" fmla="*/ 1960368 w 2378098"/>
                <a:gd name="connsiteY21" fmla="*/ 184196 h 467068"/>
                <a:gd name="connsiteX22" fmla="*/ 1950500 w 2378098"/>
                <a:gd name="connsiteY22" fmla="*/ 187485 h 467068"/>
                <a:gd name="connsiteX23" fmla="*/ 1934054 w 2378098"/>
                <a:gd name="connsiteY23" fmla="*/ 203931 h 467068"/>
                <a:gd name="connsiteX24" fmla="*/ 1907741 w 2378098"/>
                <a:gd name="connsiteY24" fmla="*/ 226956 h 467068"/>
                <a:gd name="connsiteX25" fmla="*/ 1901162 w 2378098"/>
                <a:gd name="connsiteY25" fmla="*/ 236823 h 467068"/>
                <a:gd name="connsiteX26" fmla="*/ 1881427 w 2378098"/>
                <a:gd name="connsiteY26" fmla="*/ 253269 h 467068"/>
                <a:gd name="connsiteX27" fmla="*/ 1874849 w 2378098"/>
                <a:gd name="connsiteY27" fmla="*/ 259848 h 467068"/>
                <a:gd name="connsiteX28" fmla="*/ 1855113 w 2378098"/>
                <a:gd name="connsiteY28" fmla="*/ 266426 h 467068"/>
                <a:gd name="connsiteX29" fmla="*/ 1815643 w 2378098"/>
                <a:gd name="connsiteY29" fmla="*/ 273005 h 467068"/>
                <a:gd name="connsiteX30" fmla="*/ 1782751 w 2378098"/>
                <a:gd name="connsiteY30" fmla="*/ 282872 h 467068"/>
                <a:gd name="connsiteX31" fmla="*/ 1772883 w 2378098"/>
                <a:gd name="connsiteY31" fmla="*/ 286161 h 467068"/>
                <a:gd name="connsiteX32" fmla="*/ 1739991 w 2378098"/>
                <a:gd name="connsiteY32" fmla="*/ 289451 h 467068"/>
                <a:gd name="connsiteX33" fmla="*/ 1710388 w 2378098"/>
                <a:gd name="connsiteY33" fmla="*/ 299318 h 467068"/>
                <a:gd name="connsiteX34" fmla="*/ 1697231 w 2378098"/>
                <a:gd name="connsiteY34" fmla="*/ 302607 h 467068"/>
                <a:gd name="connsiteX35" fmla="*/ 1684075 w 2378098"/>
                <a:gd name="connsiteY35" fmla="*/ 309186 h 467068"/>
                <a:gd name="connsiteX36" fmla="*/ 1664339 w 2378098"/>
                <a:gd name="connsiteY36" fmla="*/ 315764 h 467068"/>
                <a:gd name="connsiteX37" fmla="*/ 1641315 w 2378098"/>
                <a:gd name="connsiteY37" fmla="*/ 322343 h 467068"/>
                <a:gd name="connsiteX38" fmla="*/ 1608423 w 2378098"/>
                <a:gd name="connsiteY38" fmla="*/ 328921 h 467068"/>
                <a:gd name="connsiteX39" fmla="*/ 1582109 w 2378098"/>
                <a:gd name="connsiteY39" fmla="*/ 332210 h 467068"/>
                <a:gd name="connsiteX40" fmla="*/ 1568952 w 2378098"/>
                <a:gd name="connsiteY40" fmla="*/ 335499 h 467068"/>
                <a:gd name="connsiteX41" fmla="*/ 1470276 w 2378098"/>
                <a:gd name="connsiteY41" fmla="*/ 342078 h 467068"/>
                <a:gd name="connsiteX42" fmla="*/ 1450541 w 2378098"/>
                <a:gd name="connsiteY42" fmla="*/ 355235 h 467068"/>
                <a:gd name="connsiteX43" fmla="*/ 1437384 w 2378098"/>
                <a:gd name="connsiteY43" fmla="*/ 368392 h 467068"/>
                <a:gd name="connsiteX44" fmla="*/ 1417649 w 2378098"/>
                <a:gd name="connsiteY44" fmla="*/ 378259 h 467068"/>
                <a:gd name="connsiteX45" fmla="*/ 1407781 w 2378098"/>
                <a:gd name="connsiteY45" fmla="*/ 388127 h 467068"/>
                <a:gd name="connsiteX46" fmla="*/ 1397913 w 2378098"/>
                <a:gd name="connsiteY46" fmla="*/ 391416 h 467068"/>
                <a:gd name="connsiteX47" fmla="*/ 1374889 w 2378098"/>
                <a:gd name="connsiteY47" fmla="*/ 401284 h 467068"/>
                <a:gd name="connsiteX48" fmla="*/ 1368311 w 2378098"/>
                <a:gd name="connsiteY48" fmla="*/ 411151 h 467068"/>
                <a:gd name="connsiteX49" fmla="*/ 1358443 w 2378098"/>
                <a:gd name="connsiteY49" fmla="*/ 414440 h 467068"/>
                <a:gd name="connsiteX50" fmla="*/ 1341997 w 2378098"/>
                <a:gd name="connsiteY50" fmla="*/ 417730 h 467068"/>
                <a:gd name="connsiteX51" fmla="*/ 1328840 w 2378098"/>
                <a:gd name="connsiteY51" fmla="*/ 421019 h 467068"/>
                <a:gd name="connsiteX52" fmla="*/ 1309105 w 2378098"/>
                <a:gd name="connsiteY52" fmla="*/ 434176 h 467068"/>
                <a:gd name="connsiteX53" fmla="*/ 1276213 w 2378098"/>
                <a:gd name="connsiteY53" fmla="*/ 444043 h 467068"/>
                <a:gd name="connsiteX54" fmla="*/ 1266345 w 2378098"/>
                <a:gd name="connsiteY54" fmla="*/ 447333 h 467068"/>
                <a:gd name="connsiteX55" fmla="*/ 1236742 w 2378098"/>
                <a:gd name="connsiteY55" fmla="*/ 463779 h 467068"/>
                <a:gd name="connsiteX56" fmla="*/ 1223585 w 2378098"/>
                <a:gd name="connsiteY56" fmla="*/ 467068 h 467068"/>
                <a:gd name="connsiteX57" fmla="*/ 1098595 w 2378098"/>
                <a:gd name="connsiteY57" fmla="*/ 463779 h 467068"/>
                <a:gd name="connsiteX58" fmla="*/ 1088728 w 2378098"/>
                <a:gd name="connsiteY58" fmla="*/ 457200 h 467068"/>
                <a:gd name="connsiteX59" fmla="*/ 1068993 w 2378098"/>
                <a:gd name="connsiteY59" fmla="*/ 450622 h 467068"/>
                <a:gd name="connsiteX60" fmla="*/ 1045968 w 2378098"/>
                <a:gd name="connsiteY60" fmla="*/ 444043 h 467068"/>
                <a:gd name="connsiteX61" fmla="*/ 1036100 w 2378098"/>
                <a:gd name="connsiteY61" fmla="*/ 437465 h 467068"/>
                <a:gd name="connsiteX62" fmla="*/ 1016365 w 2378098"/>
                <a:gd name="connsiteY62" fmla="*/ 430887 h 467068"/>
                <a:gd name="connsiteX63" fmla="*/ 1009787 w 2378098"/>
                <a:gd name="connsiteY63" fmla="*/ 424308 h 467068"/>
                <a:gd name="connsiteX64" fmla="*/ 990052 w 2378098"/>
                <a:gd name="connsiteY64" fmla="*/ 417730 h 467068"/>
                <a:gd name="connsiteX65" fmla="*/ 967027 w 2378098"/>
                <a:gd name="connsiteY65" fmla="*/ 421019 h 467068"/>
                <a:gd name="connsiteX66" fmla="*/ 953870 w 2378098"/>
                <a:gd name="connsiteY66" fmla="*/ 424308 h 467068"/>
                <a:gd name="connsiteX67" fmla="*/ 759807 w 2378098"/>
                <a:gd name="connsiteY67" fmla="*/ 430887 h 467068"/>
                <a:gd name="connsiteX68" fmla="*/ 697312 w 2378098"/>
                <a:gd name="connsiteY68" fmla="*/ 437465 h 467068"/>
                <a:gd name="connsiteX69" fmla="*/ 677577 w 2378098"/>
                <a:gd name="connsiteY69" fmla="*/ 440754 h 467068"/>
                <a:gd name="connsiteX70" fmla="*/ 522984 w 2378098"/>
                <a:gd name="connsiteY70" fmla="*/ 437465 h 467068"/>
                <a:gd name="connsiteX71" fmla="*/ 503249 w 2378098"/>
                <a:gd name="connsiteY71" fmla="*/ 430887 h 467068"/>
                <a:gd name="connsiteX72" fmla="*/ 490092 w 2378098"/>
                <a:gd name="connsiteY72" fmla="*/ 427597 h 467068"/>
                <a:gd name="connsiteX73" fmla="*/ 430886 w 2378098"/>
                <a:gd name="connsiteY73" fmla="*/ 430887 h 467068"/>
                <a:gd name="connsiteX74" fmla="*/ 421018 w 2378098"/>
                <a:gd name="connsiteY74" fmla="*/ 434176 h 467068"/>
                <a:gd name="connsiteX75" fmla="*/ 384837 w 2378098"/>
                <a:gd name="connsiteY75" fmla="*/ 444043 h 467068"/>
                <a:gd name="connsiteX76" fmla="*/ 365102 w 2378098"/>
                <a:gd name="connsiteY76" fmla="*/ 447333 h 467068"/>
                <a:gd name="connsiteX77" fmla="*/ 335499 w 2378098"/>
                <a:gd name="connsiteY77" fmla="*/ 457200 h 467068"/>
                <a:gd name="connsiteX78" fmla="*/ 282872 w 2378098"/>
                <a:gd name="connsiteY78" fmla="*/ 453911 h 467068"/>
                <a:gd name="connsiteX79" fmla="*/ 273004 w 2378098"/>
                <a:gd name="connsiteY79" fmla="*/ 450622 h 467068"/>
                <a:gd name="connsiteX80" fmla="*/ 266426 w 2378098"/>
                <a:gd name="connsiteY80" fmla="*/ 444043 h 467068"/>
                <a:gd name="connsiteX81" fmla="*/ 246690 w 2378098"/>
                <a:gd name="connsiteY81" fmla="*/ 437465 h 467068"/>
                <a:gd name="connsiteX82" fmla="*/ 236823 w 2378098"/>
                <a:gd name="connsiteY82" fmla="*/ 434176 h 467068"/>
                <a:gd name="connsiteX83" fmla="*/ 226955 w 2378098"/>
                <a:gd name="connsiteY83" fmla="*/ 430887 h 467068"/>
                <a:gd name="connsiteX84" fmla="*/ 138147 w 2378098"/>
                <a:gd name="connsiteY84" fmla="*/ 427597 h 467068"/>
                <a:gd name="connsiteX85" fmla="*/ 85519 w 2378098"/>
                <a:gd name="connsiteY85" fmla="*/ 430887 h 467068"/>
                <a:gd name="connsiteX86" fmla="*/ 69073 w 2378098"/>
                <a:gd name="connsiteY86" fmla="*/ 434176 h 467068"/>
                <a:gd name="connsiteX87" fmla="*/ 0 w 2378098"/>
                <a:gd name="connsiteY87"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18892 w 2378098"/>
                <a:gd name="connsiteY5" fmla="*/ 95387 h 467068"/>
                <a:gd name="connsiteX6" fmla="*/ 2309024 w 2378098"/>
                <a:gd name="connsiteY6" fmla="*/ 98676 h 467068"/>
                <a:gd name="connsiteX7" fmla="*/ 2302446 w 2378098"/>
                <a:gd name="connsiteY7" fmla="*/ 118412 h 467068"/>
                <a:gd name="connsiteX8" fmla="*/ 2292578 w 2378098"/>
                <a:gd name="connsiteY8" fmla="*/ 124990 h 467068"/>
                <a:gd name="connsiteX9" fmla="*/ 2286000 w 2378098"/>
                <a:gd name="connsiteY9" fmla="*/ 131569 h 467068"/>
                <a:gd name="connsiteX10" fmla="*/ 2272843 w 2378098"/>
                <a:gd name="connsiteY10" fmla="*/ 138147 h 467068"/>
                <a:gd name="connsiteX11" fmla="*/ 2239951 w 2378098"/>
                <a:gd name="connsiteY11" fmla="*/ 148015 h 467068"/>
                <a:gd name="connsiteX12" fmla="*/ 2216926 w 2378098"/>
                <a:gd name="connsiteY12" fmla="*/ 151304 h 467068"/>
                <a:gd name="connsiteX13" fmla="*/ 2187324 w 2378098"/>
                <a:gd name="connsiteY13" fmla="*/ 157882 h 467068"/>
                <a:gd name="connsiteX14" fmla="*/ 2167588 w 2378098"/>
                <a:gd name="connsiteY14" fmla="*/ 164461 h 467068"/>
                <a:gd name="connsiteX15" fmla="*/ 2151142 w 2378098"/>
                <a:gd name="connsiteY15" fmla="*/ 167750 h 467068"/>
                <a:gd name="connsiteX16" fmla="*/ 2137985 w 2378098"/>
                <a:gd name="connsiteY16" fmla="*/ 171039 h 467068"/>
                <a:gd name="connsiteX17" fmla="*/ 2121539 w 2378098"/>
                <a:gd name="connsiteY17" fmla="*/ 174328 h 467068"/>
                <a:gd name="connsiteX18" fmla="*/ 2111672 w 2378098"/>
                <a:gd name="connsiteY18" fmla="*/ 177617 h 467068"/>
                <a:gd name="connsiteX19" fmla="*/ 1993260 w 2378098"/>
                <a:gd name="connsiteY19" fmla="*/ 180907 h 467068"/>
                <a:gd name="connsiteX20" fmla="*/ 1960368 w 2378098"/>
                <a:gd name="connsiteY20" fmla="*/ 184196 h 467068"/>
                <a:gd name="connsiteX21" fmla="*/ 1950500 w 2378098"/>
                <a:gd name="connsiteY21" fmla="*/ 187485 h 467068"/>
                <a:gd name="connsiteX22" fmla="*/ 1934054 w 2378098"/>
                <a:gd name="connsiteY22" fmla="*/ 203931 h 467068"/>
                <a:gd name="connsiteX23" fmla="*/ 1907741 w 2378098"/>
                <a:gd name="connsiteY23" fmla="*/ 226956 h 467068"/>
                <a:gd name="connsiteX24" fmla="*/ 1901162 w 2378098"/>
                <a:gd name="connsiteY24" fmla="*/ 236823 h 467068"/>
                <a:gd name="connsiteX25" fmla="*/ 1881427 w 2378098"/>
                <a:gd name="connsiteY25" fmla="*/ 253269 h 467068"/>
                <a:gd name="connsiteX26" fmla="*/ 1874849 w 2378098"/>
                <a:gd name="connsiteY26" fmla="*/ 259848 h 467068"/>
                <a:gd name="connsiteX27" fmla="*/ 1855113 w 2378098"/>
                <a:gd name="connsiteY27" fmla="*/ 266426 h 467068"/>
                <a:gd name="connsiteX28" fmla="*/ 1815643 w 2378098"/>
                <a:gd name="connsiteY28" fmla="*/ 273005 h 467068"/>
                <a:gd name="connsiteX29" fmla="*/ 1782751 w 2378098"/>
                <a:gd name="connsiteY29" fmla="*/ 282872 h 467068"/>
                <a:gd name="connsiteX30" fmla="*/ 1772883 w 2378098"/>
                <a:gd name="connsiteY30" fmla="*/ 286161 h 467068"/>
                <a:gd name="connsiteX31" fmla="*/ 1739991 w 2378098"/>
                <a:gd name="connsiteY31" fmla="*/ 289451 h 467068"/>
                <a:gd name="connsiteX32" fmla="*/ 1710388 w 2378098"/>
                <a:gd name="connsiteY32" fmla="*/ 299318 h 467068"/>
                <a:gd name="connsiteX33" fmla="*/ 1697231 w 2378098"/>
                <a:gd name="connsiteY33" fmla="*/ 302607 h 467068"/>
                <a:gd name="connsiteX34" fmla="*/ 1684075 w 2378098"/>
                <a:gd name="connsiteY34" fmla="*/ 309186 h 467068"/>
                <a:gd name="connsiteX35" fmla="*/ 1664339 w 2378098"/>
                <a:gd name="connsiteY35" fmla="*/ 315764 h 467068"/>
                <a:gd name="connsiteX36" fmla="*/ 1641315 w 2378098"/>
                <a:gd name="connsiteY36" fmla="*/ 322343 h 467068"/>
                <a:gd name="connsiteX37" fmla="*/ 1608423 w 2378098"/>
                <a:gd name="connsiteY37" fmla="*/ 328921 h 467068"/>
                <a:gd name="connsiteX38" fmla="*/ 1582109 w 2378098"/>
                <a:gd name="connsiteY38" fmla="*/ 332210 h 467068"/>
                <a:gd name="connsiteX39" fmla="*/ 1568952 w 2378098"/>
                <a:gd name="connsiteY39" fmla="*/ 335499 h 467068"/>
                <a:gd name="connsiteX40" fmla="*/ 1470276 w 2378098"/>
                <a:gd name="connsiteY40" fmla="*/ 342078 h 467068"/>
                <a:gd name="connsiteX41" fmla="*/ 1450541 w 2378098"/>
                <a:gd name="connsiteY41" fmla="*/ 355235 h 467068"/>
                <a:gd name="connsiteX42" fmla="*/ 1437384 w 2378098"/>
                <a:gd name="connsiteY42" fmla="*/ 368392 h 467068"/>
                <a:gd name="connsiteX43" fmla="*/ 1417649 w 2378098"/>
                <a:gd name="connsiteY43" fmla="*/ 378259 h 467068"/>
                <a:gd name="connsiteX44" fmla="*/ 1407781 w 2378098"/>
                <a:gd name="connsiteY44" fmla="*/ 388127 h 467068"/>
                <a:gd name="connsiteX45" fmla="*/ 1397913 w 2378098"/>
                <a:gd name="connsiteY45" fmla="*/ 391416 h 467068"/>
                <a:gd name="connsiteX46" fmla="*/ 1374889 w 2378098"/>
                <a:gd name="connsiteY46" fmla="*/ 401284 h 467068"/>
                <a:gd name="connsiteX47" fmla="*/ 1368311 w 2378098"/>
                <a:gd name="connsiteY47" fmla="*/ 411151 h 467068"/>
                <a:gd name="connsiteX48" fmla="*/ 1358443 w 2378098"/>
                <a:gd name="connsiteY48" fmla="*/ 414440 h 467068"/>
                <a:gd name="connsiteX49" fmla="*/ 1341997 w 2378098"/>
                <a:gd name="connsiteY49" fmla="*/ 417730 h 467068"/>
                <a:gd name="connsiteX50" fmla="*/ 1328840 w 2378098"/>
                <a:gd name="connsiteY50" fmla="*/ 421019 h 467068"/>
                <a:gd name="connsiteX51" fmla="*/ 1309105 w 2378098"/>
                <a:gd name="connsiteY51" fmla="*/ 434176 h 467068"/>
                <a:gd name="connsiteX52" fmla="*/ 1276213 w 2378098"/>
                <a:gd name="connsiteY52" fmla="*/ 444043 h 467068"/>
                <a:gd name="connsiteX53" fmla="*/ 1266345 w 2378098"/>
                <a:gd name="connsiteY53" fmla="*/ 447333 h 467068"/>
                <a:gd name="connsiteX54" fmla="*/ 1236742 w 2378098"/>
                <a:gd name="connsiteY54" fmla="*/ 463779 h 467068"/>
                <a:gd name="connsiteX55" fmla="*/ 1223585 w 2378098"/>
                <a:gd name="connsiteY55" fmla="*/ 467068 h 467068"/>
                <a:gd name="connsiteX56" fmla="*/ 1098595 w 2378098"/>
                <a:gd name="connsiteY56" fmla="*/ 463779 h 467068"/>
                <a:gd name="connsiteX57" fmla="*/ 1088728 w 2378098"/>
                <a:gd name="connsiteY57" fmla="*/ 457200 h 467068"/>
                <a:gd name="connsiteX58" fmla="*/ 1068993 w 2378098"/>
                <a:gd name="connsiteY58" fmla="*/ 450622 h 467068"/>
                <a:gd name="connsiteX59" fmla="*/ 1045968 w 2378098"/>
                <a:gd name="connsiteY59" fmla="*/ 444043 h 467068"/>
                <a:gd name="connsiteX60" fmla="*/ 1036100 w 2378098"/>
                <a:gd name="connsiteY60" fmla="*/ 437465 h 467068"/>
                <a:gd name="connsiteX61" fmla="*/ 1016365 w 2378098"/>
                <a:gd name="connsiteY61" fmla="*/ 430887 h 467068"/>
                <a:gd name="connsiteX62" fmla="*/ 1009787 w 2378098"/>
                <a:gd name="connsiteY62" fmla="*/ 424308 h 467068"/>
                <a:gd name="connsiteX63" fmla="*/ 990052 w 2378098"/>
                <a:gd name="connsiteY63" fmla="*/ 417730 h 467068"/>
                <a:gd name="connsiteX64" fmla="*/ 967027 w 2378098"/>
                <a:gd name="connsiteY64" fmla="*/ 421019 h 467068"/>
                <a:gd name="connsiteX65" fmla="*/ 953870 w 2378098"/>
                <a:gd name="connsiteY65" fmla="*/ 424308 h 467068"/>
                <a:gd name="connsiteX66" fmla="*/ 759807 w 2378098"/>
                <a:gd name="connsiteY66" fmla="*/ 430887 h 467068"/>
                <a:gd name="connsiteX67" fmla="*/ 697312 w 2378098"/>
                <a:gd name="connsiteY67" fmla="*/ 437465 h 467068"/>
                <a:gd name="connsiteX68" fmla="*/ 677577 w 2378098"/>
                <a:gd name="connsiteY68" fmla="*/ 440754 h 467068"/>
                <a:gd name="connsiteX69" fmla="*/ 522984 w 2378098"/>
                <a:gd name="connsiteY69" fmla="*/ 437465 h 467068"/>
                <a:gd name="connsiteX70" fmla="*/ 503249 w 2378098"/>
                <a:gd name="connsiteY70" fmla="*/ 430887 h 467068"/>
                <a:gd name="connsiteX71" fmla="*/ 490092 w 2378098"/>
                <a:gd name="connsiteY71" fmla="*/ 427597 h 467068"/>
                <a:gd name="connsiteX72" fmla="*/ 430886 w 2378098"/>
                <a:gd name="connsiteY72" fmla="*/ 430887 h 467068"/>
                <a:gd name="connsiteX73" fmla="*/ 421018 w 2378098"/>
                <a:gd name="connsiteY73" fmla="*/ 434176 h 467068"/>
                <a:gd name="connsiteX74" fmla="*/ 384837 w 2378098"/>
                <a:gd name="connsiteY74" fmla="*/ 444043 h 467068"/>
                <a:gd name="connsiteX75" fmla="*/ 365102 w 2378098"/>
                <a:gd name="connsiteY75" fmla="*/ 447333 h 467068"/>
                <a:gd name="connsiteX76" fmla="*/ 335499 w 2378098"/>
                <a:gd name="connsiteY76" fmla="*/ 457200 h 467068"/>
                <a:gd name="connsiteX77" fmla="*/ 282872 w 2378098"/>
                <a:gd name="connsiteY77" fmla="*/ 453911 h 467068"/>
                <a:gd name="connsiteX78" fmla="*/ 273004 w 2378098"/>
                <a:gd name="connsiteY78" fmla="*/ 450622 h 467068"/>
                <a:gd name="connsiteX79" fmla="*/ 266426 w 2378098"/>
                <a:gd name="connsiteY79" fmla="*/ 444043 h 467068"/>
                <a:gd name="connsiteX80" fmla="*/ 246690 w 2378098"/>
                <a:gd name="connsiteY80" fmla="*/ 437465 h 467068"/>
                <a:gd name="connsiteX81" fmla="*/ 236823 w 2378098"/>
                <a:gd name="connsiteY81" fmla="*/ 434176 h 467068"/>
                <a:gd name="connsiteX82" fmla="*/ 226955 w 2378098"/>
                <a:gd name="connsiteY82" fmla="*/ 430887 h 467068"/>
                <a:gd name="connsiteX83" fmla="*/ 138147 w 2378098"/>
                <a:gd name="connsiteY83" fmla="*/ 427597 h 467068"/>
                <a:gd name="connsiteX84" fmla="*/ 85519 w 2378098"/>
                <a:gd name="connsiteY84" fmla="*/ 430887 h 467068"/>
                <a:gd name="connsiteX85" fmla="*/ 69073 w 2378098"/>
                <a:gd name="connsiteY85" fmla="*/ 434176 h 467068"/>
                <a:gd name="connsiteX86" fmla="*/ 0 w 2378098"/>
                <a:gd name="connsiteY86"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18892 w 2378098"/>
                <a:gd name="connsiteY4" fmla="*/ 95387 h 467068"/>
                <a:gd name="connsiteX5" fmla="*/ 2309024 w 2378098"/>
                <a:gd name="connsiteY5" fmla="*/ 98676 h 467068"/>
                <a:gd name="connsiteX6" fmla="*/ 2302446 w 2378098"/>
                <a:gd name="connsiteY6" fmla="*/ 118412 h 467068"/>
                <a:gd name="connsiteX7" fmla="*/ 2292578 w 2378098"/>
                <a:gd name="connsiteY7" fmla="*/ 124990 h 467068"/>
                <a:gd name="connsiteX8" fmla="*/ 2286000 w 2378098"/>
                <a:gd name="connsiteY8" fmla="*/ 131569 h 467068"/>
                <a:gd name="connsiteX9" fmla="*/ 2272843 w 2378098"/>
                <a:gd name="connsiteY9" fmla="*/ 138147 h 467068"/>
                <a:gd name="connsiteX10" fmla="*/ 2239951 w 2378098"/>
                <a:gd name="connsiteY10" fmla="*/ 148015 h 467068"/>
                <a:gd name="connsiteX11" fmla="*/ 2216926 w 2378098"/>
                <a:gd name="connsiteY11" fmla="*/ 151304 h 467068"/>
                <a:gd name="connsiteX12" fmla="*/ 2187324 w 2378098"/>
                <a:gd name="connsiteY12" fmla="*/ 157882 h 467068"/>
                <a:gd name="connsiteX13" fmla="*/ 2167588 w 2378098"/>
                <a:gd name="connsiteY13" fmla="*/ 164461 h 467068"/>
                <a:gd name="connsiteX14" fmla="*/ 2151142 w 2378098"/>
                <a:gd name="connsiteY14" fmla="*/ 167750 h 467068"/>
                <a:gd name="connsiteX15" fmla="*/ 2137985 w 2378098"/>
                <a:gd name="connsiteY15" fmla="*/ 171039 h 467068"/>
                <a:gd name="connsiteX16" fmla="*/ 2121539 w 2378098"/>
                <a:gd name="connsiteY16" fmla="*/ 174328 h 467068"/>
                <a:gd name="connsiteX17" fmla="*/ 2111672 w 2378098"/>
                <a:gd name="connsiteY17" fmla="*/ 177617 h 467068"/>
                <a:gd name="connsiteX18" fmla="*/ 1993260 w 2378098"/>
                <a:gd name="connsiteY18" fmla="*/ 180907 h 467068"/>
                <a:gd name="connsiteX19" fmla="*/ 1960368 w 2378098"/>
                <a:gd name="connsiteY19" fmla="*/ 184196 h 467068"/>
                <a:gd name="connsiteX20" fmla="*/ 1950500 w 2378098"/>
                <a:gd name="connsiteY20" fmla="*/ 187485 h 467068"/>
                <a:gd name="connsiteX21" fmla="*/ 1934054 w 2378098"/>
                <a:gd name="connsiteY21" fmla="*/ 203931 h 467068"/>
                <a:gd name="connsiteX22" fmla="*/ 1907741 w 2378098"/>
                <a:gd name="connsiteY22" fmla="*/ 226956 h 467068"/>
                <a:gd name="connsiteX23" fmla="*/ 1901162 w 2378098"/>
                <a:gd name="connsiteY23" fmla="*/ 236823 h 467068"/>
                <a:gd name="connsiteX24" fmla="*/ 1881427 w 2378098"/>
                <a:gd name="connsiteY24" fmla="*/ 253269 h 467068"/>
                <a:gd name="connsiteX25" fmla="*/ 1874849 w 2378098"/>
                <a:gd name="connsiteY25" fmla="*/ 259848 h 467068"/>
                <a:gd name="connsiteX26" fmla="*/ 1855113 w 2378098"/>
                <a:gd name="connsiteY26" fmla="*/ 266426 h 467068"/>
                <a:gd name="connsiteX27" fmla="*/ 1815643 w 2378098"/>
                <a:gd name="connsiteY27" fmla="*/ 273005 h 467068"/>
                <a:gd name="connsiteX28" fmla="*/ 1782751 w 2378098"/>
                <a:gd name="connsiteY28" fmla="*/ 282872 h 467068"/>
                <a:gd name="connsiteX29" fmla="*/ 1772883 w 2378098"/>
                <a:gd name="connsiteY29" fmla="*/ 286161 h 467068"/>
                <a:gd name="connsiteX30" fmla="*/ 1739991 w 2378098"/>
                <a:gd name="connsiteY30" fmla="*/ 289451 h 467068"/>
                <a:gd name="connsiteX31" fmla="*/ 1710388 w 2378098"/>
                <a:gd name="connsiteY31" fmla="*/ 299318 h 467068"/>
                <a:gd name="connsiteX32" fmla="*/ 1697231 w 2378098"/>
                <a:gd name="connsiteY32" fmla="*/ 302607 h 467068"/>
                <a:gd name="connsiteX33" fmla="*/ 1684075 w 2378098"/>
                <a:gd name="connsiteY33" fmla="*/ 309186 h 467068"/>
                <a:gd name="connsiteX34" fmla="*/ 1664339 w 2378098"/>
                <a:gd name="connsiteY34" fmla="*/ 315764 h 467068"/>
                <a:gd name="connsiteX35" fmla="*/ 1641315 w 2378098"/>
                <a:gd name="connsiteY35" fmla="*/ 322343 h 467068"/>
                <a:gd name="connsiteX36" fmla="*/ 1608423 w 2378098"/>
                <a:gd name="connsiteY36" fmla="*/ 328921 h 467068"/>
                <a:gd name="connsiteX37" fmla="*/ 1582109 w 2378098"/>
                <a:gd name="connsiteY37" fmla="*/ 332210 h 467068"/>
                <a:gd name="connsiteX38" fmla="*/ 1568952 w 2378098"/>
                <a:gd name="connsiteY38" fmla="*/ 335499 h 467068"/>
                <a:gd name="connsiteX39" fmla="*/ 1470276 w 2378098"/>
                <a:gd name="connsiteY39" fmla="*/ 342078 h 467068"/>
                <a:gd name="connsiteX40" fmla="*/ 1450541 w 2378098"/>
                <a:gd name="connsiteY40" fmla="*/ 355235 h 467068"/>
                <a:gd name="connsiteX41" fmla="*/ 1437384 w 2378098"/>
                <a:gd name="connsiteY41" fmla="*/ 368392 h 467068"/>
                <a:gd name="connsiteX42" fmla="*/ 1417649 w 2378098"/>
                <a:gd name="connsiteY42" fmla="*/ 378259 h 467068"/>
                <a:gd name="connsiteX43" fmla="*/ 1407781 w 2378098"/>
                <a:gd name="connsiteY43" fmla="*/ 388127 h 467068"/>
                <a:gd name="connsiteX44" fmla="*/ 1397913 w 2378098"/>
                <a:gd name="connsiteY44" fmla="*/ 391416 h 467068"/>
                <a:gd name="connsiteX45" fmla="*/ 1374889 w 2378098"/>
                <a:gd name="connsiteY45" fmla="*/ 401284 h 467068"/>
                <a:gd name="connsiteX46" fmla="*/ 1368311 w 2378098"/>
                <a:gd name="connsiteY46" fmla="*/ 411151 h 467068"/>
                <a:gd name="connsiteX47" fmla="*/ 1358443 w 2378098"/>
                <a:gd name="connsiteY47" fmla="*/ 414440 h 467068"/>
                <a:gd name="connsiteX48" fmla="*/ 1341997 w 2378098"/>
                <a:gd name="connsiteY48" fmla="*/ 417730 h 467068"/>
                <a:gd name="connsiteX49" fmla="*/ 1328840 w 2378098"/>
                <a:gd name="connsiteY49" fmla="*/ 421019 h 467068"/>
                <a:gd name="connsiteX50" fmla="*/ 1309105 w 2378098"/>
                <a:gd name="connsiteY50" fmla="*/ 434176 h 467068"/>
                <a:gd name="connsiteX51" fmla="*/ 1276213 w 2378098"/>
                <a:gd name="connsiteY51" fmla="*/ 444043 h 467068"/>
                <a:gd name="connsiteX52" fmla="*/ 1266345 w 2378098"/>
                <a:gd name="connsiteY52" fmla="*/ 447333 h 467068"/>
                <a:gd name="connsiteX53" fmla="*/ 1236742 w 2378098"/>
                <a:gd name="connsiteY53" fmla="*/ 463779 h 467068"/>
                <a:gd name="connsiteX54" fmla="*/ 1223585 w 2378098"/>
                <a:gd name="connsiteY54" fmla="*/ 467068 h 467068"/>
                <a:gd name="connsiteX55" fmla="*/ 1098595 w 2378098"/>
                <a:gd name="connsiteY55" fmla="*/ 463779 h 467068"/>
                <a:gd name="connsiteX56" fmla="*/ 1088728 w 2378098"/>
                <a:gd name="connsiteY56" fmla="*/ 457200 h 467068"/>
                <a:gd name="connsiteX57" fmla="*/ 1068993 w 2378098"/>
                <a:gd name="connsiteY57" fmla="*/ 450622 h 467068"/>
                <a:gd name="connsiteX58" fmla="*/ 1045968 w 2378098"/>
                <a:gd name="connsiteY58" fmla="*/ 444043 h 467068"/>
                <a:gd name="connsiteX59" fmla="*/ 1036100 w 2378098"/>
                <a:gd name="connsiteY59" fmla="*/ 437465 h 467068"/>
                <a:gd name="connsiteX60" fmla="*/ 1016365 w 2378098"/>
                <a:gd name="connsiteY60" fmla="*/ 430887 h 467068"/>
                <a:gd name="connsiteX61" fmla="*/ 1009787 w 2378098"/>
                <a:gd name="connsiteY61" fmla="*/ 424308 h 467068"/>
                <a:gd name="connsiteX62" fmla="*/ 990052 w 2378098"/>
                <a:gd name="connsiteY62" fmla="*/ 417730 h 467068"/>
                <a:gd name="connsiteX63" fmla="*/ 967027 w 2378098"/>
                <a:gd name="connsiteY63" fmla="*/ 421019 h 467068"/>
                <a:gd name="connsiteX64" fmla="*/ 953870 w 2378098"/>
                <a:gd name="connsiteY64" fmla="*/ 424308 h 467068"/>
                <a:gd name="connsiteX65" fmla="*/ 759807 w 2378098"/>
                <a:gd name="connsiteY65" fmla="*/ 430887 h 467068"/>
                <a:gd name="connsiteX66" fmla="*/ 697312 w 2378098"/>
                <a:gd name="connsiteY66" fmla="*/ 437465 h 467068"/>
                <a:gd name="connsiteX67" fmla="*/ 677577 w 2378098"/>
                <a:gd name="connsiteY67" fmla="*/ 440754 h 467068"/>
                <a:gd name="connsiteX68" fmla="*/ 522984 w 2378098"/>
                <a:gd name="connsiteY68" fmla="*/ 437465 h 467068"/>
                <a:gd name="connsiteX69" fmla="*/ 503249 w 2378098"/>
                <a:gd name="connsiteY69" fmla="*/ 430887 h 467068"/>
                <a:gd name="connsiteX70" fmla="*/ 490092 w 2378098"/>
                <a:gd name="connsiteY70" fmla="*/ 427597 h 467068"/>
                <a:gd name="connsiteX71" fmla="*/ 430886 w 2378098"/>
                <a:gd name="connsiteY71" fmla="*/ 430887 h 467068"/>
                <a:gd name="connsiteX72" fmla="*/ 421018 w 2378098"/>
                <a:gd name="connsiteY72" fmla="*/ 434176 h 467068"/>
                <a:gd name="connsiteX73" fmla="*/ 384837 w 2378098"/>
                <a:gd name="connsiteY73" fmla="*/ 444043 h 467068"/>
                <a:gd name="connsiteX74" fmla="*/ 365102 w 2378098"/>
                <a:gd name="connsiteY74" fmla="*/ 447333 h 467068"/>
                <a:gd name="connsiteX75" fmla="*/ 335499 w 2378098"/>
                <a:gd name="connsiteY75" fmla="*/ 457200 h 467068"/>
                <a:gd name="connsiteX76" fmla="*/ 282872 w 2378098"/>
                <a:gd name="connsiteY76" fmla="*/ 453911 h 467068"/>
                <a:gd name="connsiteX77" fmla="*/ 273004 w 2378098"/>
                <a:gd name="connsiteY77" fmla="*/ 450622 h 467068"/>
                <a:gd name="connsiteX78" fmla="*/ 266426 w 2378098"/>
                <a:gd name="connsiteY78" fmla="*/ 444043 h 467068"/>
                <a:gd name="connsiteX79" fmla="*/ 246690 w 2378098"/>
                <a:gd name="connsiteY79" fmla="*/ 437465 h 467068"/>
                <a:gd name="connsiteX80" fmla="*/ 236823 w 2378098"/>
                <a:gd name="connsiteY80" fmla="*/ 434176 h 467068"/>
                <a:gd name="connsiteX81" fmla="*/ 226955 w 2378098"/>
                <a:gd name="connsiteY81" fmla="*/ 430887 h 467068"/>
                <a:gd name="connsiteX82" fmla="*/ 138147 w 2378098"/>
                <a:gd name="connsiteY82" fmla="*/ 427597 h 467068"/>
                <a:gd name="connsiteX83" fmla="*/ 85519 w 2378098"/>
                <a:gd name="connsiteY83" fmla="*/ 430887 h 467068"/>
                <a:gd name="connsiteX84" fmla="*/ 69073 w 2378098"/>
                <a:gd name="connsiteY84" fmla="*/ 434176 h 467068"/>
                <a:gd name="connsiteX85" fmla="*/ 0 w 2378098"/>
                <a:gd name="connsiteY85"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18892 w 2378098"/>
                <a:gd name="connsiteY3" fmla="*/ 95387 h 467068"/>
                <a:gd name="connsiteX4" fmla="*/ 2309024 w 2378098"/>
                <a:gd name="connsiteY4" fmla="*/ 98676 h 467068"/>
                <a:gd name="connsiteX5" fmla="*/ 2302446 w 2378098"/>
                <a:gd name="connsiteY5" fmla="*/ 118412 h 467068"/>
                <a:gd name="connsiteX6" fmla="*/ 2292578 w 2378098"/>
                <a:gd name="connsiteY6" fmla="*/ 124990 h 467068"/>
                <a:gd name="connsiteX7" fmla="*/ 2286000 w 2378098"/>
                <a:gd name="connsiteY7" fmla="*/ 131569 h 467068"/>
                <a:gd name="connsiteX8" fmla="*/ 2272843 w 2378098"/>
                <a:gd name="connsiteY8" fmla="*/ 138147 h 467068"/>
                <a:gd name="connsiteX9" fmla="*/ 2239951 w 2378098"/>
                <a:gd name="connsiteY9" fmla="*/ 148015 h 467068"/>
                <a:gd name="connsiteX10" fmla="*/ 2216926 w 2378098"/>
                <a:gd name="connsiteY10" fmla="*/ 151304 h 467068"/>
                <a:gd name="connsiteX11" fmla="*/ 2187324 w 2378098"/>
                <a:gd name="connsiteY11" fmla="*/ 157882 h 467068"/>
                <a:gd name="connsiteX12" fmla="*/ 2167588 w 2378098"/>
                <a:gd name="connsiteY12" fmla="*/ 164461 h 467068"/>
                <a:gd name="connsiteX13" fmla="*/ 2151142 w 2378098"/>
                <a:gd name="connsiteY13" fmla="*/ 167750 h 467068"/>
                <a:gd name="connsiteX14" fmla="*/ 2137985 w 2378098"/>
                <a:gd name="connsiteY14" fmla="*/ 171039 h 467068"/>
                <a:gd name="connsiteX15" fmla="*/ 2121539 w 2378098"/>
                <a:gd name="connsiteY15" fmla="*/ 174328 h 467068"/>
                <a:gd name="connsiteX16" fmla="*/ 2111672 w 2378098"/>
                <a:gd name="connsiteY16" fmla="*/ 177617 h 467068"/>
                <a:gd name="connsiteX17" fmla="*/ 1993260 w 2378098"/>
                <a:gd name="connsiteY17" fmla="*/ 180907 h 467068"/>
                <a:gd name="connsiteX18" fmla="*/ 1960368 w 2378098"/>
                <a:gd name="connsiteY18" fmla="*/ 184196 h 467068"/>
                <a:gd name="connsiteX19" fmla="*/ 1950500 w 2378098"/>
                <a:gd name="connsiteY19" fmla="*/ 187485 h 467068"/>
                <a:gd name="connsiteX20" fmla="*/ 1934054 w 2378098"/>
                <a:gd name="connsiteY20" fmla="*/ 203931 h 467068"/>
                <a:gd name="connsiteX21" fmla="*/ 1907741 w 2378098"/>
                <a:gd name="connsiteY21" fmla="*/ 226956 h 467068"/>
                <a:gd name="connsiteX22" fmla="*/ 1901162 w 2378098"/>
                <a:gd name="connsiteY22" fmla="*/ 236823 h 467068"/>
                <a:gd name="connsiteX23" fmla="*/ 1881427 w 2378098"/>
                <a:gd name="connsiteY23" fmla="*/ 253269 h 467068"/>
                <a:gd name="connsiteX24" fmla="*/ 1874849 w 2378098"/>
                <a:gd name="connsiteY24" fmla="*/ 259848 h 467068"/>
                <a:gd name="connsiteX25" fmla="*/ 1855113 w 2378098"/>
                <a:gd name="connsiteY25" fmla="*/ 266426 h 467068"/>
                <a:gd name="connsiteX26" fmla="*/ 1815643 w 2378098"/>
                <a:gd name="connsiteY26" fmla="*/ 273005 h 467068"/>
                <a:gd name="connsiteX27" fmla="*/ 1782751 w 2378098"/>
                <a:gd name="connsiteY27" fmla="*/ 282872 h 467068"/>
                <a:gd name="connsiteX28" fmla="*/ 1772883 w 2378098"/>
                <a:gd name="connsiteY28" fmla="*/ 286161 h 467068"/>
                <a:gd name="connsiteX29" fmla="*/ 1739991 w 2378098"/>
                <a:gd name="connsiteY29" fmla="*/ 289451 h 467068"/>
                <a:gd name="connsiteX30" fmla="*/ 1710388 w 2378098"/>
                <a:gd name="connsiteY30" fmla="*/ 299318 h 467068"/>
                <a:gd name="connsiteX31" fmla="*/ 1697231 w 2378098"/>
                <a:gd name="connsiteY31" fmla="*/ 302607 h 467068"/>
                <a:gd name="connsiteX32" fmla="*/ 1684075 w 2378098"/>
                <a:gd name="connsiteY32" fmla="*/ 309186 h 467068"/>
                <a:gd name="connsiteX33" fmla="*/ 1664339 w 2378098"/>
                <a:gd name="connsiteY33" fmla="*/ 315764 h 467068"/>
                <a:gd name="connsiteX34" fmla="*/ 1641315 w 2378098"/>
                <a:gd name="connsiteY34" fmla="*/ 322343 h 467068"/>
                <a:gd name="connsiteX35" fmla="*/ 1608423 w 2378098"/>
                <a:gd name="connsiteY35" fmla="*/ 328921 h 467068"/>
                <a:gd name="connsiteX36" fmla="*/ 1582109 w 2378098"/>
                <a:gd name="connsiteY36" fmla="*/ 332210 h 467068"/>
                <a:gd name="connsiteX37" fmla="*/ 1568952 w 2378098"/>
                <a:gd name="connsiteY37" fmla="*/ 335499 h 467068"/>
                <a:gd name="connsiteX38" fmla="*/ 1470276 w 2378098"/>
                <a:gd name="connsiteY38" fmla="*/ 342078 h 467068"/>
                <a:gd name="connsiteX39" fmla="*/ 1450541 w 2378098"/>
                <a:gd name="connsiteY39" fmla="*/ 355235 h 467068"/>
                <a:gd name="connsiteX40" fmla="*/ 1437384 w 2378098"/>
                <a:gd name="connsiteY40" fmla="*/ 368392 h 467068"/>
                <a:gd name="connsiteX41" fmla="*/ 1417649 w 2378098"/>
                <a:gd name="connsiteY41" fmla="*/ 378259 h 467068"/>
                <a:gd name="connsiteX42" fmla="*/ 1407781 w 2378098"/>
                <a:gd name="connsiteY42" fmla="*/ 388127 h 467068"/>
                <a:gd name="connsiteX43" fmla="*/ 1397913 w 2378098"/>
                <a:gd name="connsiteY43" fmla="*/ 391416 h 467068"/>
                <a:gd name="connsiteX44" fmla="*/ 1374889 w 2378098"/>
                <a:gd name="connsiteY44" fmla="*/ 401284 h 467068"/>
                <a:gd name="connsiteX45" fmla="*/ 1368311 w 2378098"/>
                <a:gd name="connsiteY45" fmla="*/ 411151 h 467068"/>
                <a:gd name="connsiteX46" fmla="*/ 1358443 w 2378098"/>
                <a:gd name="connsiteY46" fmla="*/ 414440 h 467068"/>
                <a:gd name="connsiteX47" fmla="*/ 1341997 w 2378098"/>
                <a:gd name="connsiteY47" fmla="*/ 417730 h 467068"/>
                <a:gd name="connsiteX48" fmla="*/ 1328840 w 2378098"/>
                <a:gd name="connsiteY48" fmla="*/ 421019 h 467068"/>
                <a:gd name="connsiteX49" fmla="*/ 1309105 w 2378098"/>
                <a:gd name="connsiteY49" fmla="*/ 434176 h 467068"/>
                <a:gd name="connsiteX50" fmla="*/ 1276213 w 2378098"/>
                <a:gd name="connsiteY50" fmla="*/ 444043 h 467068"/>
                <a:gd name="connsiteX51" fmla="*/ 1266345 w 2378098"/>
                <a:gd name="connsiteY51" fmla="*/ 447333 h 467068"/>
                <a:gd name="connsiteX52" fmla="*/ 1236742 w 2378098"/>
                <a:gd name="connsiteY52" fmla="*/ 463779 h 467068"/>
                <a:gd name="connsiteX53" fmla="*/ 1223585 w 2378098"/>
                <a:gd name="connsiteY53" fmla="*/ 467068 h 467068"/>
                <a:gd name="connsiteX54" fmla="*/ 1098595 w 2378098"/>
                <a:gd name="connsiteY54" fmla="*/ 463779 h 467068"/>
                <a:gd name="connsiteX55" fmla="*/ 1088728 w 2378098"/>
                <a:gd name="connsiteY55" fmla="*/ 457200 h 467068"/>
                <a:gd name="connsiteX56" fmla="*/ 1068993 w 2378098"/>
                <a:gd name="connsiteY56" fmla="*/ 450622 h 467068"/>
                <a:gd name="connsiteX57" fmla="*/ 1045968 w 2378098"/>
                <a:gd name="connsiteY57" fmla="*/ 444043 h 467068"/>
                <a:gd name="connsiteX58" fmla="*/ 1036100 w 2378098"/>
                <a:gd name="connsiteY58" fmla="*/ 437465 h 467068"/>
                <a:gd name="connsiteX59" fmla="*/ 1016365 w 2378098"/>
                <a:gd name="connsiteY59" fmla="*/ 430887 h 467068"/>
                <a:gd name="connsiteX60" fmla="*/ 1009787 w 2378098"/>
                <a:gd name="connsiteY60" fmla="*/ 424308 h 467068"/>
                <a:gd name="connsiteX61" fmla="*/ 990052 w 2378098"/>
                <a:gd name="connsiteY61" fmla="*/ 417730 h 467068"/>
                <a:gd name="connsiteX62" fmla="*/ 967027 w 2378098"/>
                <a:gd name="connsiteY62" fmla="*/ 421019 h 467068"/>
                <a:gd name="connsiteX63" fmla="*/ 953870 w 2378098"/>
                <a:gd name="connsiteY63" fmla="*/ 424308 h 467068"/>
                <a:gd name="connsiteX64" fmla="*/ 759807 w 2378098"/>
                <a:gd name="connsiteY64" fmla="*/ 430887 h 467068"/>
                <a:gd name="connsiteX65" fmla="*/ 697312 w 2378098"/>
                <a:gd name="connsiteY65" fmla="*/ 437465 h 467068"/>
                <a:gd name="connsiteX66" fmla="*/ 677577 w 2378098"/>
                <a:gd name="connsiteY66" fmla="*/ 440754 h 467068"/>
                <a:gd name="connsiteX67" fmla="*/ 522984 w 2378098"/>
                <a:gd name="connsiteY67" fmla="*/ 437465 h 467068"/>
                <a:gd name="connsiteX68" fmla="*/ 503249 w 2378098"/>
                <a:gd name="connsiteY68" fmla="*/ 430887 h 467068"/>
                <a:gd name="connsiteX69" fmla="*/ 490092 w 2378098"/>
                <a:gd name="connsiteY69" fmla="*/ 427597 h 467068"/>
                <a:gd name="connsiteX70" fmla="*/ 430886 w 2378098"/>
                <a:gd name="connsiteY70" fmla="*/ 430887 h 467068"/>
                <a:gd name="connsiteX71" fmla="*/ 421018 w 2378098"/>
                <a:gd name="connsiteY71" fmla="*/ 434176 h 467068"/>
                <a:gd name="connsiteX72" fmla="*/ 384837 w 2378098"/>
                <a:gd name="connsiteY72" fmla="*/ 444043 h 467068"/>
                <a:gd name="connsiteX73" fmla="*/ 365102 w 2378098"/>
                <a:gd name="connsiteY73" fmla="*/ 447333 h 467068"/>
                <a:gd name="connsiteX74" fmla="*/ 335499 w 2378098"/>
                <a:gd name="connsiteY74" fmla="*/ 457200 h 467068"/>
                <a:gd name="connsiteX75" fmla="*/ 282872 w 2378098"/>
                <a:gd name="connsiteY75" fmla="*/ 453911 h 467068"/>
                <a:gd name="connsiteX76" fmla="*/ 273004 w 2378098"/>
                <a:gd name="connsiteY76" fmla="*/ 450622 h 467068"/>
                <a:gd name="connsiteX77" fmla="*/ 266426 w 2378098"/>
                <a:gd name="connsiteY77" fmla="*/ 444043 h 467068"/>
                <a:gd name="connsiteX78" fmla="*/ 246690 w 2378098"/>
                <a:gd name="connsiteY78" fmla="*/ 437465 h 467068"/>
                <a:gd name="connsiteX79" fmla="*/ 236823 w 2378098"/>
                <a:gd name="connsiteY79" fmla="*/ 434176 h 467068"/>
                <a:gd name="connsiteX80" fmla="*/ 226955 w 2378098"/>
                <a:gd name="connsiteY80" fmla="*/ 430887 h 467068"/>
                <a:gd name="connsiteX81" fmla="*/ 138147 w 2378098"/>
                <a:gd name="connsiteY81" fmla="*/ 427597 h 467068"/>
                <a:gd name="connsiteX82" fmla="*/ 85519 w 2378098"/>
                <a:gd name="connsiteY82" fmla="*/ 430887 h 467068"/>
                <a:gd name="connsiteX83" fmla="*/ 69073 w 2378098"/>
                <a:gd name="connsiteY83" fmla="*/ 434176 h 467068"/>
                <a:gd name="connsiteX84" fmla="*/ 0 w 2378098"/>
                <a:gd name="connsiteY84" fmla="*/ 434176 h 467068"/>
                <a:gd name="connsiteX0" fmla="*/ 2378098 w 2378098"/>
                <a:gd name="connsiteY0" fmla="*/ 0 h 467068"/>
                <a:gd name="connsiteX1" fmla="*/ 2371519 w 2378098"/>
                <a:gd name="connsiteY1" fmla="*/ 16446 h 467068"/>
                <a:gd name="connsiteX2" fmla="*/ 2318892 w 2378098"/>
                <a:gd name="connsiteY2" fmla="*/ 95387 h 467068"/>
                <a:gd name="connsiteX3" fmla="*/ 2309024 w 2378098"/>
                <a:gd name="connsiteY3" fmla="*/ 98676 h 467068"/>
                <a:gd name="connsiteX4" fmla="*/ 2302446 w 2378098"/>
                <a:gd name="connsiteY4" fmla="*/ 118412 h 467068"/>
                <a:gd name="connsiteX5" fmla="*/ 2292578 w 2378098"/>
                <a:gd name="connsiteY5" fmla="*/ 124990 h 467068"/>
                <a:gd name="connsiteX6" fmla="*/ 2286000 w 2378098"/>
                <a:gd name="connsiteY6" fmla="*/ 131569 h 467068"/>
                <a:gd name="connsiteX7" fmla="*/ 2272843 w 2378098"/>
                <a:gd name="connsiteY7" fmla="*/ 138147 h 467068"/>
                <a:gd name="connsiteX8" fmla="*/ 2239951 w 2378098"/>
                <a:gd name="connsiteY8" fmla="*/ 148015 h 467068"/>
                <a:gd name="connsiteX9" fmla="*/ 2216926 w 2378098"/>
                <a:gd name="connsiteY9" fmla="*/ 151304 h 467068"/>
                <a:gd name="connsiteX10" fmla="*/ 2187324 w 2378098"/>
                <a:gd name="connsiteY10" fmla="*/ 157882 h 467068"/>
                <a:gd name="connsiteX11" fmla="*/ 2167588 w 2378098"/>
                <a:gd name="connsiteY11" fmla="*/ 164461 h 467068"/>
                <a:gd name="connsiteX12" fmla="*/ 2151142 w 2378098"/>
                <a:gd name="connsiteY12" fmla="*/ 167750 h 467068"/>
                <a:gd name="connsiteX13" fmla="*/ 2137985 w 2378098"/>
                <a:gd name="connsiteY13" fmla="*/ 171039 h 467068"/>
                <a:gd name="connsiteX14" fmla="*/ 2121539 w 2378098"/>
                <a:gd name="connsiteY14" fmla="*/ 174328 h 467068"/>
                <a:gd name="connsiteX15" fmla="*/ 2111672 w 2378098"/>
                <a:gd name="connsiteY15" fmla="*/ 177617 h 467068"/>
                <a:gd name="connsiteX16" fmla="*/ 1993260 w 2378098"/>
                <a:gd name="connsiteY16" fmla="*/ 180907 h 467068"/>
                <a:gd name="connsiteX17" fmla="*/ 1960368 w 2378098"/>
                <a:gd name="connsiteY17" fmla="*/ 184196 h 467068"/>
                <a:gd name="connsiteX18" fmla="*/ 1950500 w 2378098"/>
                <a:gd name="connsiteY18" fmla="*/ 187485 h 467068"/>
                <a:gd name="connsiteX19" fmla="*/ 1934054 w 2378098"/>
                <a:gd name="connsiteY19" fmla="*/ 203931 h 467068"/>
                <a:gd name="connsiteX20" fmla="*/ 1907741 w 2378098"/>
                <a:gd name="connsiteY20" fmla="*/ 226956 h 467068"/>
                <a:gd name="connsiteX21" fmla="*/ 1901162 w 2378098"/>
                <a:gd name="connsiteY21" fmla="*/ 236823 h 467068"/>
                <a:gd name="connsiteX22" fmla="*/ 1881427 w 2378098"/>
                <a:gd name="connsiteY22" fmla="*/ 253269 h 467068"/>
                <a:gd name="connsiteX23" fmla="*/ 1874849 w 2378098"/>
                <a:gd name="connsiteY23" fmla="*/ 259848 h 467068"/>
                <a:gd name="connsiteX24" fmla="*/ 1855113 w 2378098"/>
                <a:gd name="connsiteY24" fmla="*/ 266426 h 467068"/>
                <a:gd name="connsiteX25" fmla="*/ 1815643 w 2378098"/>
                <a:gd name="connsiteY25" fmla="*/ 273005 h 467068"/>
                <a:gd name="connsiteX26" fmla="*/ 1782751 w 2378098"/>
                <a:gd name="connsiteY26" fmla="*/ 282872 h 467068"/>
                <a:gd name="connsiteX27" fmla="*/ 1772883 w 2378098"/>
                <a:gd name="connsiteY27" fmla="*/ 286161 h 467068"/>
                <a:gd name="connsiteX28" fmla="*/ 1739991 w 2378098"/>
                <a:gd name="connsiteY28" fmla="*/ 289451 h 467068"/>
                <a:gd name="connsiteX29" fmla="*/ 1710388 w 2378098"/>
                <a:gd name="connsiteY29" fmla="*/ 299318 h 467068"/>
                <a:gd name="connsiteX30" fmla="*/ 1697231 w 2378098"/>
                <a:gd name="connsiteY30" fmla="*/ 302607 h 467068"/>
                <a:gd name="connsiteX31" fmla="*/ 1684075 w 2378098"/>
                <a:gd name="connsiteY31" fmla="*/ 309186 h 467068"/>
                <a:gd name="connsiteX32" fmla="*/ 1664339 w 2378098"/>
                <a:gd name="connsiteY32" fmla="*/ 315764 h 467068"/>
                <a:gd name="connsiteX33" fmla="*/ 1641315 w 2378098"/>
                <a:gd name="connsiteY33" fmla="*/ 322343 h 467068"/>
                <a:gd name="connsiteX34" fmla="*/ 1608423 w 2378098"/>
                <a:gd name="connsiteY34" fmla="*/ 328921 h 467068"/>
                <a:gd name="connsiteX35" fmla="*/ 1582109 w 2378098"/>
                <a:gd name="connsiteY35" fmla="*/ 332210 h 467068"/>
                <a:gd name="connsiteX36" fmla="*/ 1568952 w 2378098"/>
                <a:gd name="connsiteY36" fmla="*/ 335499 h 467068"/>
                <a:gd name="connsiteX37" fmla="*/ 1470276 w 2378098"/>
                <a:gd name="connsiteY37" fmla="*/ 342078 h 467068"/>
                <a:gd name="connsiteX38" fmla="*/ 1450541 w 2378098"/>
                <a:gd name="connsiteY38" fmla="*/ 355235 h 467068"/>
                <a:gd name="connsiteX39" fmla="*/ 1437384 w 2378098"/>
                <a:gd name="connsiteY39" fmla="*/ 368392 h 467068"/>
                <a:gd name="connsiteX40" fmla="*/ 1417649 w 2378098"/>
                <a:gd name="connsiteY40" fmla="*/ 378259 h 467068"/>
                <a:gd name="connsiteX41" fmla="*/ 1407781 w 2378098"/>
                <a:gd name="connsiteY41" fmla="*/ 388127 h 467068"/>
                <a:gd name="connsiteX42" fmla="*/ 1397913 w 2378098"/>
                <a:gd name="connsiteY42" fmla="*/ 391416 h 467068"/>
                <a:gd name="connsiteX43" fmla="*/ 1374889 w 2378098"/>
                <a:gd name="connsiteY43" fmla="*/ 401284 h 467068"/>
                <a:gd name="connsiteX44" fmla="*/ 1368311 w 2378098"/>
                <a:gd name="connsiteY44" fmla="*/ 411151 h 467068"/>
                <a:gd name="connsiteX45" fmla="*/ 1358443 w 2378098"/>
                <a:gd name="connsiteY45" fmla="*/ 414440 h 467068"/>
                <a:gd name="connsiteX46" fmla="*/ 1341997 w 2378098"/>
                <a:gd name="connsiteY46" fmla="*/ 417730 h 467068"/>
                <a:gd name="connsiteX47" fmla="*/ 1328840 w 2378098"/>
                <a:gd name="connsiteY47" fmla="*/ 421019 h 467068"/>
                <a:gd name="connsiteX48" fmla="*/ 1309105 w 2378098"/>
                <a:gd name="connsiteY48" fmla="*/ 434176 h 467068"/>
                <a:gd name="connsiteX49" fmla="*/ 1276213 w 2378098"/>
                <a:gd name="connsiteY49" fmla="*/ 444043 h 467068"/>
                <a:gd name="connsiteX50" fmla="*/ 1266345 w 2378098"/>
                <a:gd name="connsiteY50" fmla="*/ 447333 h 467068"/>
                <a:gd name="connsiteX51" fmla="*/ 1236742 w 2378098"/>
                <a:gd name="connsiteY51" fmla="*/ 463779 h 467068"/>
                <a:gd name="connsiteX52" fmla="*/ 1223585 w 2378098"/>
                <a:gd name="connsiteY52" fmla="*/ 467068 h 467068"/>
                <a:gd name="connsiteX53" fmla="*/ 1098595 w 2378098"/>
                <a:gd name="connsiteY53" fmla="*/ 463779 h 467068"/>
                <a:gd name="connsiteX54" fmla="*/ 1088728 w 2378098"/>
                <a:gd name="connsiteY54" fmla="*/ 457200 h 467068"/>
                <a:gd name="connsiteX55" fmla="*/ 1068993 w 2378098"/>
                <a:gd name="connsiteY55" fmla="*/ 450622 h 467068"/>
                <a:gd name="connsiteX56" fmla="*/ 1045968 w 2378098"/>
                <a:gd name="connsiteY56" fmla="*/ 444043 h 467068"/>
                <a:gd name="connsiteX57" fmla="*/ 1036100 w 2378098"/>
                <a:gd name="connsiteY57" fmla="*/ 437465 h 467068"/>
                <a:gd name="connsiteX58" fmla="*/ 1016365 w 2378098"/>
                <a:gd name="connsiteY58" fmla="*/ 430887 h 467068"/>
                <a:gd name="connsiteX59" fmla="*/ 1009787 w 2378098"/>
                <a:gd name="connsiteY59" fmla="*/ 424308 h 467068"/>
                <a:gd name="connsiteX60" fmla="*/ 990052 w 2378098"/>
                <a:gd name="connsiteY60" fmla="*/ 417730 h 467068"/>
                <a:gd name="connsiteX61" fmla="*/ 967027 w 2378098"/>
                <a:gd name="connsiteY61" fmla="*/ 421019 h 467068"/>
                <a:gd name="connsiteX62" fmla="*/ 953870 w 2378098"/>
                <a:gd name="connsiteY62" fmla="*/ 424308 h 467068"/>
                <a:gd name="connsiteX63" fmla="*/ 759807 w 2378098"/>
                <a:gd name="connsiteY63" fmla="*/ 430887 h 467068"/>
                <a:gd name="connsiteX64" fmla="*/ 697312 w 2378098"/>
                <a:gd name="connsiteY64" fmla="*/ 437465 h 467068"/>
                <a:gd name="connsiteX65" fmla="*/ 677577 w 2378098"/>
                <a:gd name="connsiteY65" fmla="*/ 440754 h 467068"/>
                <a:gd name="connsiteX66" fmla="*/ 522984 w 2378098"/>
                <a:gd name="connsiteY66" fmla="*/ 437465 h 467068"/>
                <a:gd name="connsiteX67" fmla="*/ 503249 w 2378098"/>
                <a:gd name="connsiteY67" fmla="*/ 430887 h 467068"/>
                <a:gd name="connsiteX68" fmla="*/ 490092 w 2378098"/>
                <a:gd name="connsiteY68" fmla="*/ 427597 h 467068"/>
                <a:gd name="connsiteX69" fmla="*/ 430886 w 2378098"/>
                <a:gd name="connsiteY69" fmla="*/ 430887 h 467068"/>
                <a:gd name="connsiteX70" fmla="*/ 421018 w 2378098"/>
                <a:gd name="connsiteY70" fmla="*/ 434176 h 467068"/>
                <a:gd name="connsiteX71" fmla="*/ 384837 w 2378098"/>
                <a:gd name="connsiteY71" fmla="*/ 444043 h 467068"/>
                <a:gd name="connsiteX72" fmla="*/ 365102 w 2378098"/>
                <a:gd name="connsiteY72" fmla="*/ 447333 h 467068"/>
                <a:gd name="connsiteX73" fmla="*/ 335499 w 2378098"/>
                <a:gd name="connsiteY73" fmla="*/ 457200 h 467068"/>
                <a:gd name="connsiteX74" fmla="*/ 282872 w 2378098"/>
                <a:gd name="connsiteY74" fmla="*/ 453911 h 467068"/>
                <a:gd name="connsiteX75" fmla="*/ 273004 w 2378098"/>
                <a:gd name="connsiteY75" fmla="*/ 450622 h 467068"/>
                <a:gd name="connsiteX76" fmla="*/ 266426 w 2378098"/>
                <a:gd name="connsiteY76" fmla="*/ 444043 h 467068"/>
                <a:gd name="connsiteX77" fmla="*/ 246690 w 2378098"/>
                <a:gd name="connsiteY77" fmla="*/ 437465 h 467068"/>
                <a:gd name="connsiteX78" fmla="*/ 236823 w 2378098"/>
                <a:gd name="connsiteY78" fmla="*/ 434176 h 467068"/>
                <a:gd name="connsiteX79" fmla="*/ 226955 w 2378098"/>
                <a:gd name="connsiteY79" fmla="*/ 430887 h 467068"/>
                <a:gd name="connsiteX80" fmla="*/ 138147 w 2378098"/>
                <a:gd name="connsiteY80" fmla="*/ 427597 h 467068"/>
                <a:gd name="connsiteX81" fmla="*/ 85519 w 2378098"/>
                <a:gd name="connsiteY81" fmla="*/ 430887 h 467068"/>
                <a:gd name="connsiteX82" fmla="*/ 69073 w 2378098"/>
                <a:gd name="connsiteY82" fmla="*/ 434176 h 467068"/>
                <a:gd name="connsiteX83" fmla="*/ 0 w 2378098"/>
                <a:gd name="connsiteY83" fmla="*/ 434176 h 467068"/>
                <a:gd name="connsiteX0" fmla="*/ 2378098 w 2378098"/>
                <a:gd name="connsiteY0" fmla="*/ 0 h 467068"/>
                <a:gd name="connsiteX1" fmla="*/ 2318892 w 2378098"/>
                <a:gd name="connsiteY1" fmla="*/ 95387 h 467068"/>
                <a:gd name="connsiteX2" fmla="*/ 2309024 w 2378098"/>
                <a:gd name="connsiteY2" fmla="*/ 98676 h 467068"/>
                <a:gd name="connsiteX3" fmla="*/ 2302446 w 2378098"/>
                <a:gd name="connsiteY3" fmla="*/ 118412 h 467068"/>
                <a:gd name="connsiteX4" fmla="*/ 2292578 w 2378098"/>
                <a:gd name="connsiteY4" fmla="*/ 124990 h 467068"/>
                <a:gd name="connsiteX5" fmla="*/ 2286000 w 2378098"/>
                <a:gd name="connsiteY5" fmla="*/ 131569 h 467068"/>
                <a:gd name="connsiteX6" fmla="*/ 2272843 w 2378098"/>
                <a:gd name="connsiteY6" fmla="*/ 138147 h 467068"/>
                <a:gd name="connsiteX7" fmla="*/ 2239951 w 2378098"/>
                <a:gd name="connsiteY7" fmla="*/ 148015 h 467068"/>
                <a:gd name="connsiteX8" fmla="*/ 2216926 w 2378098"/>
                <a:gd name="connsiteY8" fmla="*/ 151304 h 467068"/>
                <a:gd name="connsiteX9" fmla="*/ 2187324 w 2378098"/>
                <a:gd name="connsiteY9" fmla="*/ 157882 h 467068"/>
                <a:gd name="connsiteX10" fmla="*/ 2167588 w 2378098"/>
                <a:gd name="connsiteY10" fmla="*/ 164461 h 467068"/>
                <a:gd name="connsiteX11" fmla="*/ 2151142 w 2378098"/>
                <a:gd name="connsiteY11" fmla="*/ 167750 h 467068"/>
                <a:gd name="connsiteX12" fmla="*/ 2137985 w 2378098"/>
                <a:gd name="connsiteY12" fmla="*/ 171039 h 467068"/>
                <a:gd name="connsiteX13" fmla="*/ 2121539 w 2378098"/>
                <a:gd name="connsiteY13" fmla="*/ 174328 h 467068"/>
                <a:gd name="connsiteX14" fmla="*/ 2111672 w 2378098"/>
                <a:gd name="connsiteY14" fmla="*/ 177617 h 467068"/>
                <a:gd name="connsiteX15" fmla="*/ 1993260 w 2378098"/>
                <a:gd name="connsiteY15" fmla="*/ 180907 h 467068"/>
                <a:gd name="connsiteX16" fmla="*/ 1960368 w 2378098"/>
                <a:gd name="connsiteY16" fmla="*/ 184196 h 467068"/>
                <a:gd name="connsiteX17" fmla="*/ 1950500 w 2378098"/>
                <a:gd name="connsiteY17" fmla="*/ 187485 h 467068"/>
                <a:gd name="connsiteX18" fmla="*/ 1934054 w 2378098"/>
                <a:gd name="connsiteY18" fmla="*/ 203931 h 467068"/>
                <a:gd name="connsiteX19" fmla="*/ 1907741 w 2378098"/>
                <a:gd name="connsiteY19" fmla="*/ 226956 h 467068"/>
                <a:gd name="connsiteX20" fmla="*/ 1901162 w 2378098"/>
                <a:gd name="connsiteY20" fmla="*/ 236823 h 467068"/>
                <a:gd name="connsiteX21" fmla="*/ 1881427 w 2378098"/>
                <a:gd name="connsiteY21" fmla="*/ 253269 h 467068"/>
                <a:gd name="connsiteX22" fmla="*/ 1874849 w 2378098"/>
                <a:gd name="connsiteY22" fmla="*/ 259848 h 467068"/>
                <a:gd name="connsiteX23" fmla="*/ 1855113 w 2378098"/>
                <a:gd name="connsiteY23" fmla="*/ 266426 h 467068"/>
                <a:gd name="connsiteX24" fmla="*/ 1815643 w 2378098"/>
                <a:gd name="connsiteY24" fmla="*/ 273005 h 467068"/>
                <a:gd name="connsiteX25" fmla="*/ 1782751 w 2378098"/>
                <a:gd name="connsiteY25" fmla="*/ 282872 h 467068"/>
                <a:gd name="connsiteX26" fmla="*/ 1772883 w 2378098"/>
                <a:gd name="connsiteY26" fmla="*/ 286161 h 467068"/>
                <a:gd name="connsiteX27" fmla="*/ 1739991 w 2378098"/>
                <a:gd name="connsiteY27" fmla="*/ 289451 h 467068"/>
                <a:gd name="connsiteX28" fmla="*/ 1710388 w 2378098"/>
                <a:gd name="connsiteY28" fmla="*/ 299318 h 467068"/>
                <a:gd name="connsiteX29" fmla="*/ 1697231 w 2378098"/>
                <a:gd name="connsiteY29" fmla="*/ 302607 h 467068"/>
                <a:gd name="connsiteX30" fmla="*/ 1684075 w 2378098"/>
                <a:gd name="connsiteY30" fmla="*/ 309186 h 467068"/>
                <a:gd name="connsiteX31" fmla="*/ 1664339 w 2378098"/>
                <a:gd name="connsiteY31" fmla="*/ 315764 h 467068"/>
                <a:gd name="connsiteX32" fmla="*/ 1641315 w 2378098"/>
                <a:gd name="connsiteY32" fmla="*/ 322343 h 467068"/>
                <a:gd name="connsiteX33" fmla="*/ 1608423 w 2378098"/>
                <a:gd name="connsiteY33" fmla="*/ 328921 h 467068"/>
                <a:gd name="connsiteX34" fmla="*/ 1582109 w 2378098"/>
                <a:gd name="connsiteY34" fmla="*/ 332210 h 467068"/>
                <a:gd name="connsiteX35" fmla="*/ 1568952 w 2378098"/>
                <a:gd name="connsiteY35" fmla="*/ 335499 h 467068"/>
                <a:gd name="connsiteX36" fmla="*/ 1470276 w 2378098"/>
                <a:gd name="connsiteY36" fmla="*/ 342078 h 467068"/>
                <a:gd name="connsiteX37" fmla="*/ 1450541 w 2378098"/>
                <a:gd name="connsiteY37" fmla="*/ 355235 h 467068"/>
                <a:gd name="connsiteX38" fmla="*/ 1437384 w 2378098"/>
                <a:gd name="connsiteY38" fmla="*/ 368392 h 467068"/>
                <a:gd name="connsiteX39" fmla="*/ 1417649 w 2378098"/>
                <a:gd name="connsiteY39" fmla="*/ 378259 h 467068"/>
                <a:gd name="connsiteX40" fmla="*/ 1407781 w 2378098"/>
                <a:gd name="connsiteY40" fmla="*/ 388127 h 467068"/>
                <a:gd name="connsiteX41" fmla="*/ 1397913 w 2378098"/>
                <a:gd name="connsiteY41" fmla="*/ 391416 h 467068"/>
                <a:gd name="connsiteX42" fmla="*/ 1374889 w 2378098"/>
                <a:gd name="connsiteY42" fmla="*/ 401284 h 467068"/>
                <a:gd name="connsiteX43" fmla="*/ 1368311 w 2378098"/>
                <a:gd name="connsiteY43" fmla="*/ 411151 h 467068"/>
                <a:gd name="connsiteX44" fmla="*/ 1358443 w 2378098"/>
                <a:gd name="connsiteY44" fmla="*/ 414440 h 467068"/>
                <a:gd name="connsiteX45" fmla="*/ 1341997 w 2378098"/>
                <a:gd name="connsiteY45" fmla="*/ 417730 h 467068"/>
                <a:gd name="connsiteX46" fmla="*/ 1328840 w 2378098"/>
                <a:gd name="connsiteY46" fmla="*/ 421019 h 467068"/>
                <a:gd name="connsiteX47" fmla="*/ 1309105 w 2378098"/>
                <a:gd name="connsiteY47" fmla="*/ 434176 h 467068"/>
                <a:gd name="connsiteX48" fmla="*/ 1276213 w 2378098"/>
                <a:gd name="connsiteY48" fmla="*/ 444043 h 467068"/>
                <a:gd name="connsiteX49" fmla="*/ 1266345 w 2378098"/>
                <a:gd name="connsiteY49" fmla="*/ 447333 h 467068"/>
                <a:gd name="connsiteX50" fmla="*/ 1236742 w 2378098"/>
                <a:gd name="connsiteY50" fmla="*/ 463779 h 467068"/>
                <a:gd name="connsiteX51" fmla="*/ 1223585 w 2378098"/>
                <a:gd name="connsiteY51" fmla="*/ 467068 h 467068"/>
                <a:gd name="connsiteX52" fmla="*/ 1098595 w 2378098"/>
                <a:gd name="connsiteY52" fmla="*/ 463779 h 467068"/>
                <a:gd name="connsiteX53" fmla="*/ 1088728 w 2378098"/>
                <a:gd name="connsiteY53" fmla="*/ 457200 h 467068"/>
                <a:gd name="connsiteX54" fmla="*/ 1068993 w 2378098"/>
                <a:gd name="connsiteY54" fmla="*/ 450622 h 467068"/>
                <a:gd name="connsiteX55" fmla="*/ 1045968 w 2378098"/>
                <a:gd name="connsiteY55" fmla="*/ 444043 h 467068"/>
                <a:gd name="connsiteX56" fmla="*/ 1036100 w 2378098"/>
                <a:gd name="connsiteY56" fmla="*/ 437465 h 467068"/>
                <a:gd name="connsiteX57" fmla="*/ 1016365 w 2378098"/>
                <a:gd name="connsiteY57" fmla="*/ 430887 h 467068"/>
                <a:gd name="connsiteX58" fmla="*/ 1009787 w 2378098"/>
                <a:gd name="connsiteY58" fmla="*/ 424308 h 467068"/>
                <a:gd name="connsiteX59" fmla="*/ 990052 w 2378098"/>
                <a:gd name="connsiteY59" fmla="*/ 417730 h 467068"/>
                <a:gd name="connsiteX60" fmla="*/ 967027 w 2378098"/>
                <a:gd name="connsiteY60" fmla="*/ 421019 h 467068"/>
                <a:gd name="connsiteX61" fmla="*/ 953870 w 2378098"/>
                <a:gd name="connsiteY61" fmla="*/ 424308 h 467068"/>
                <a:gd name="connsiteX62" fmla="*/ 759807 w 2378098"/>
                <a:gd name="connsiteY62" fmla="*/ 430887 h 467068"/>
                <a:gd name="connsiteX63" fmla="*/ 697312 w 2378098"/>
                <a:gd name="connsiteY63" fmla="*/ 437465 h 467068"/>
                <a:gd name="connsiteX64" fmla="*/ 677577 w 2378098"/>
                <a:gd name="connsiteY64" fmla="*/ 440754 h 467068"/>
                <a:gd name="connsiteX65" fmla="*/ 522984 w 2378098"/>
                <a:gd name="connsiteY65" fmla="*/ 437465 h 467068"/>
                <a:gd name="connsiteX66" fmla="*/ 503249 w 2378098"/>
                <a:gd name="connsiteY66" fmla="*/ 430887 h 467068"/>
                <a:gd name="connsiteX67" fmla="*/ 490092 w 2378098"/>
                <a:gd name="connsiteY67" fmla="*/ 427597 h 467068"/>
                <a:gd name="connsiteX68" fmla="*/ 430886 w 2378098"/>
                <a:gd name="connsiteY68" fmla="*/ 430887 h 467068"/>
                <a:gd name="connsiteX69" fmla="*/ 421018 w 2378098"/>
                <a:gd name="connsiteY69" fmla="*/ 434176 h 467068"/>
                <a:gd name="connsiteX70" fmla="*/ 384837 w 2378098"/>
                <a:gd name="connsiteY70" fmla="*/ 444043 h 467068"/>
                <a:gd name="connsiteX71" fmla="*/ 365102 w 2378098"/>
                <a:gd name="connsiteY71" fmla="*/ 447333 h 467068"/>
                <a:gd name="connsiteX72" fmla="*/ 335499 w 2378098"/>
                <a:gd name="connsiteY72" fmla="*/ 457200 h 467068"/>
                <a:gd name="connsiteX73" fmla="*/ 282872 w 2378098"/>
                <a:gd name="connsiteY73" fmla="*/ 453911 h 467068"/>
                <a:gd name="connsiteX74" fmla="*/ 273004 w 2378098"/>
                <a:gd name="connsiteY74" fmla="*/ 450622 h 467068"/>
                <a:gd name="connsiteX75" fmla="*/ 266426 w 2378098"/>
                <a:gd name="connsiteY75" fmla="*/ 444043 h 467068"/>
                <a:gd name="connsiteX76" fmla="*/ 246690 w 2378098"/>
                <a:gd name="connsiteY76" fmla="*/ 437465 h 467068"/>
                <a:gd name="connsiteX77" fmla="*/ 236823 w 2378098"/>
                <a:gd name="connsiteY77" fmla="*/ 434176 h 467068"/>
                <a:gd name="connsiteX78" fmla="*/ 226955 w 2378098"/>
                <a:gd name="connsiteY78" fmla="*/ 430887 h 467068"/>
                <a:gd name="connsiteX79" fmla="*/ 138147 w 2378098"/>
                <a:gd name="connsiteY79" fmla="*/ 427597 h 467068"/>
                <a:gd name="connsiteX80" fmla="*/ 85519 w 2378098"/>
                <a:gd name="connsiteY80" fmla="*/ 430887 h 467068"/>
                <a:gd name="connsiteX81" fmla="*/ 69073 w 2378098"/>
                <a:gd name="connsiteY81" fmla="*/ 434176 h 467068"/>
                <a:gd name="connsiteX82" fmla="*/ 0 w 2378098"/>
                <a:gd name="connsiteY82"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92578 w 2378098"/>
                <a:gd name="connsiteY3" fmla="*/ 124990 h 467068"/>
                <a:gd name="connsiteX4" fmla="*/ 2286000 w 2378098"/>
                <a:gd name="connsiteY4" fmla="*/ 131569 h 467068"/>
                <a:gd name="connsiteX5" fmla="*/ 2272843 w 2378098"/>
                <a:gd name="connsiteY5" fmla="*/ 138147 h 467068"/>
                <a:gd name="connsiteX6" fmla="*/ 2239951 w 2378098"/>
                <a:gd name="connsiteY6" fmla="*/ 148015 h 467068"/>
                <a:gd name="connsiteX7" fmla="*/ 2216926 w 2378098"/>
                <a:gd name="connsiteY7" fmla="*/ 151304 h 467068"/>
                <a:gd name="connsiteX8" fmla="*/ 2187324 w 2378098"/>
                <a:gd name="connsiteY8" fmla="*/ 157882 h 467068"/>
                <a:gd name="connsiteX9" fmla="*/ 2167588 w 2378098"/>
                <a:gd name="connsiteY9" fmla="*/ 164461 h 467068"/>
                <a:gd name="connsiteX10" fmla="*/ 2151142 w 2378098"/>
                <a:gd name="connsiteY10" fmla="*/ 167750 h 467068"/>
                <a:gd name="connsiteX11" fmla="*/ 2137985 w 2378098"/>
                <a:gd name="connsiteY11" fmla="*/ 171039 h 467068"/>
                <a:gd name="connsiteX12" fmla="*/ 2121539 w 2378098"/>
                <a:gd name="connsiteY12" fmla="*/ 174328 h 467068"/>
                <a:gd name="connsiteX13" fmla="*/ 2111672 w 2378098"/>
                <a:gd name="connsiteY13" fmla="*/ 177617 h 467068"/>
                <a:gd name="connsiteX14" fmla="*/ 1993260 w 2378098"/>
                <a:gd name="connsiteY14" fmla="*/ 180907 h 467068"/>
                <a:gd name="connsiteX15" fmla="*/ 1960368 w 2378098"/>
                <a:gd name="connsiteY15" fmla="*/ 184196 h 467068"/>
                <a:gd name="connsiteX16" fmla="*/ 1950500 w 2378098"/>
                <a:gd name="connsiteY16" fmla="*/ 187485 h 467068"/>
                <a:gd name="connsiteX17" fmla="*/ 1934054 w 2378098"/>
                <a:gd name="connsiteY17" fmla="*/ 203931 h 467068"/>
                <a:gd name="connsiteX18" fmla="*/ 1907741 w 2378098"/>
                <a:gd name="connsiteY18" fmla="*/ 226956 h 467068"/>
                <a:gd name="connsiteX19" fmla="*/ 1901162 w 2378098"/>
                <a:gd name="connsiteY19" fmla="*/ 236823 h 467068"/>
                <a:gd name="connsiteX20" fmla="*/ 1881427 w 2378098"/>
                <a:gd name="connsiteY20" fmla="*/ 253269 h 467068"/>
                <a:gd name="connsiteX21" fmla="*/ 1874849 w 2378098"/>
                <a:gd name="connsiteY21" fmla="*/ 259848 h 467068"/>
                <a:gd name="connsiteX22" fmla="*/ 1855113 w 2378098"/>
                <a:gd name="connsiteY22" fmla="*/ 266426 h 467068"/>
                <a:gd name="connsiteX23" fmla="*/ 1815643 w 2378098"/>
                <a:gd name="connsiteY23" fmla="*/ 273005 h 467068"/>
                <a:gd name="connsiteX24" fmla="*/ 1782751 w 2378098"/>
                <a:gd name="connsiteY24" fmla="*/ 282872 h 467068"/>
                <a:gd name="connsiteX25" fmla="*/ 1772883 w 2378098"/>
                <a:gd name="connsiteY25" fmla="*/ 286161 h 467068"/>
                <a:gd name="connsiteX26" fmla="*/ 1739991 w 2378098"/>
                <a:gd name="connsiteY26" fmla="*/ 289451 h 467068"/>
                <a:gd name="connsiteX27" fmla="*/ 1710388 w 2378098"/>
                <a:gd name="connsiteY27" fmla="*/ 299318 h 467068"/>
                <a:gd name="connsiteX28" fmla="*/ 1697231 w 2378098"/>
                <a:gd name="connsiteY28" fmla="*/ 302607 h 467068"/>
                <a:gd name="connsiteX29" fmla="*/ 1684075 w 2378098"/>
                <a:gd name="connsiteY29" fmla="*/ 309186 h 467068"/>
                <a:gd name="connsiteX30" fmla="*/ 1664339 w 2378098"/>
                <a:gd name="connsiteY30" fmla="*/ 315764 h 467068"/>
                <a:gd name="connsiteX31" fmla="*/ 1641315 w 2378098"/>
                <a:gd name="connsiteY31" fmla="*/ 322343 h 467068"/>
                <a:gd name="connsiteX32" fmla="*/ 1608423 w 2378098"/>
                <a:gd name="connsiteY32" fmla="*/ 328921 h 467068"/>
                <a:gd name="connsiteX33" fmla="*/ 1582109 w 2378098"/>
                <a:gd name="connsiteY33" fmla="*/ 332210 h 467068"/>
                <a:gd name="connsiteX34" fmla="*/ 1568952 w 2378098"/>
                <a:gd name="connsiteY34" fmla="*/ 335499 h 467068"/>
                <a:gd name="connsiteX35" fmla="*/ 1470276 w 2378098"/>
                <a:gd name="connsiteY35" fmla="*/ 342078 h 467068"/>
                <a:gd name="connsiteX36" fmla="*/ 1450541 w 2378098"/>
                <a:gd name="connsiteY36" fmla="*/ 355235 h 467068"/>
                <a:gd name="connsiteX37" fmla="*/ 1437384 w 2378098"/>
                <a:gd name="connsiteY37" fmla="*/ 368392 h 467068"/>
                <a:gd name="connsiteX38" fmla="*/ 1417649 w 2378098"/>
                <a:gd name="connsiteY38" fmla="*/ 378259 h 467068"/>
                <a:gd name="connsiteX39" fmla="*/ 1407781 w 2378098"/>
                <a:gd name="connsiteY39" fmla="*/ 388127 h 467068"/>
                <a:gd name="connsiteX40" fmla="*/ 1397913 w 2378098"/>
                <a:gd name="connsiteY40" fmla="*/ 391416 h 467068"/>
                <a:gd name="connsiteX41" fmla="*/ 1374889 w 2378098"/>
                <a:gd name="connsiteY41" fmla="*/ 401284 h 467068"/>
                <a:gd name="connsiteX42" fmla="*/ 1368311 w 2378098"/>
                <a:gd name="connsiteY42" fmla="*/ 411151 h 467068"/>
                <a:gd name="connsiteX43" fmla="*/ 1358443 w 2378098"/>
                <a:gd name="connsiteY43" fmla="*/ 414440 h 467068"/>
                <a:gd name="connsiteX44" fmla="*/ 1341997 w 2378098"/>
                <a:gd name="connsiteY44" fmla="*/ 417730 h 467068"/>
                <a:gd name="connsiteX45" fmla="*/ 1328840 w 2378098"/>
                <a:gd name="connsiteY45" fmla="*/ 421019 h 467068"/>
                <a:gd name="connsiteX46" fmla="*/ 1309105 w 2378098"/>
                <a:gd name="connsiteY46" fmla="*/ 434176 h 467068"/>
                <a:gd name="connsiteX47" fmla="*/ 1276213 w 2378098"/>
                <a:gd name="connsiteY47" fmla="*/ 444043 h 467068"/>
                <a:gd name="connsiteX48" fmla="*/ 1266345 w 2378098"/>
                <a:gd name="connsiteY48" fmla="*/ 447333 h 467068"/>
                <a:gd name="connsiteX49" fmla="*/ 1236742 w 2378098"/>
                <a:gd name="connsiteY49" fmla="*/ 463779 h 467068"/>
                <a:gd name="connsiteX50" fmla="*/ 1223585 w 2378098"/>
                <a:gd name="connsiteY50" fmla="*/ 467068 h 467068"/>
                <a:gd name="connsiteX51" fmla="*/ 1098595 w 2378098"/>
                <a:gd name="connsiteY51" fmla="*/ 463779 h 467068"/>
                <a:gd name="connsiteX52" fmla="*/ 1088728 w 2378098"/>
                <a:gd name="connsiteY52" fmla="*/ 457200 h 467068"/>
                <a:gd name="connsiteX53" fmla="*/ 1068993 w 2378098"/>
                <a:gd name="connsiteY53" fmla="*/ 450622 h 467068"/>
                <a:gd name="connsiteX54" fmla="*/ 1045968 w 2378098"/>
                <a:gd name="connsiteY54" fmla="*/ 444043 h 467068"/>
                <a:gd name="connsiteX55" fmla="*/ 1036100 w 2378098"/>
                <a:gd name="connsiteY55" fmla="*/ 437465 h 467068"/>
                <a:gd name="connsiteX56" fmla="*/ 1016365 w 2378098"/>
                <a:gd name="connsiteY56" fmla="*/ 430887 h 467068"/>
                <a:gd name="connsiteX57" fmla="*/ 1009787 w 2378098"/>
                <a:gd name="connsiteY57" fmla="*/ 424308 h 467068"/>
                <a:gd name="connsiteX58" fmla="*/ 990052 w 2378098"/>
                <a:gd name="connsiteY58" fmla="*/ 417730 h 467068"/>
                <a:gd name="connsiteX59" fmla="*/ 967027 w 2378098"/>
                <a:gd name="connsiteY59" fmla="*/ 421019 h 467068"/>
                <a:gd name="connsiteX60" fmla="*/ 953870 w 2378098"/>
                <a:gd name="connsiteY60" fmla="*/ 424308 h 467068"/>
                <a:gd name="connsiteX61" fmla="*/ 759807 w 2378098"/>
                <a:gd name="connsiteY61" fmla="*/ 430887 h 467068"/>
                <a:gd name="connsiteX62" fmla="*/ 697312 w 2378098"/>
                <a:gd name="connsiteY62" fmla="*/ 437465 h 467068"/>
                <a:gd name="connsiteX63" fmla="*/ 677577 w 2378098"/>
                <a:gd name="connsiteY63" fmla="*/ 440754 h 467068"/>
                <a:gd name="connsiteX64" fmla="*/ 522984 w 2378098"/>
                <a:gd name="connsiteY64" fmla="*/ 437465 h 467068"/>
                <a:gd name="connsiteX65" fmla="*/ 503249 w 2378098"/>
                <a:gd name="connsiteY65" fmla="*/ 430887 h 467068"/>
                <a:gd name="connsiteX66" fmla="*/ 490092 w 2378098"/>
                <a:gd name="connsiteY66" fmla="*/ 427597 h 467068"/>
                <a:gd name="connsiteX67" fmla="*/ 430886 w 2378098"/>
                <a:gd name="connsiteY67" fmla="*/ 430887 h 467068"/>
                <a:gd name="connsiteX68" fmla="*/ 421018 w 2378098"/>
                <a:gd name="connsiteY68" fmla="*/ 434176 h 467068"/>
                <a:gd name="connsiteX69" fmla="*/ 384837 w 2378098"/>
                <a:gd name="connsiteY69" fmla="*/ 444043 h 467068"/>
                <a:gd name="connsiteX70" fmla="*/ 365102 w 2378098"/>
                <a:gd name="connsiteY70" fmla="*/ 447333 h 467068"/>
                <a:gd name="connsiteX71" fmla="*/ 335499 w 2378098"/>
                <a:gd name="connsiteY71" fmla="*/ 457200 h 467068"/>
                <a:gd name="connsiteX72" fmla="*/ 282872 w 2378098"/>
                <a:gd name="connsiteY72" fmla="*/ 453911 h 467068"/>
                <a:gd name="connsiteX73" fmla="*/ 273004 w 2378098"/>
                <a:gd name="connsiteY73" fmla="*/ 450622 h 467068"/>
                <a:gd name="connsiteX74" fmla="*/ 266426 w 2378098"/>
                <a:gd name="connsiteY74" fmla="*/ 444043 h 467068"/>
                <a:gd name="connsiteX75" fmla="*/ 246690 w 2378098"/>
                <a:gd name="connsiteY75" fmla="*/ 437465 h 467068"/>
                <a:gd name="connsiteX76" fmla="*/ 236823 w 2378098"/>
                <a:gd name="connsiteY76" fmla="*/ 434176 h 467068"/>
                <a:gd name="connsiteX77" fmla="*/ 226955 w 2378098"/>
                <a:gd name="connsiteY77" fmla="*/ 430887 h 467068"/>
                <a:gd name="connsiteX78" fmla="*/ 138147 w 2378098"/>
                <a:gd name="connsiteY78" fmla="*/ 427597 h 467068"/>
                <a:gd name="connsiteX79" fmla="*/ 85519 w 2378098"/>
                <a:gd name="connsiteY79" fmla="*/ 430887 h 467068"/>
                <a:gd name="connsiteX80" fmla="*/ 69073 w 2378098"/>
                <a:gd name="connsiteY80" fmla="*/ 434176 h 467068"/>
                <a:gd name="connsiteX81" fmla="*/ 0 w 2378098"/>
                <a:gd name="connsiteY81"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86000 w 2378098"/>
                <a:gd name="connsiteY3" fmla="*/ 131569 h 467068"/>
                <a:gd name="connsiteX4" fmla="*/ 2272843 w 2378098"/>
                <a:gd name="connsiteY4" fmla="*/ 138147 h 467068"/>
                <a:gd name="connsiteX5" fmla="*/ 2239951 w 2378098"/>
                <a:gd name="connsiteY5" fmla="*/ 148015 h 467068"/>
                <a:gd name="connsiteX6" fmla="*/ 2216926 w 2378098"/>
                <a:gd name="connsiteY6" fmla="*/ 151304 h 467068"/>
                <a:gd name="connsiteX7" fmla="*/ 2187324 w 2378098"/>
                <a:gd name="connsiteY7" fmla="*/ 157882 h 467068"/>
                <a:gd name="connsiteX8" fmla="*/ 2167588 w 2378098"/>
                <a:gd name="connsiteY8" fmla="*/ 164461 h 467068"/>
                <a:gd name="connsiteX9" fmla="*/ 2151142 w 2378098"/>
                <a:gd name="connsiteY9" fmla="*/ 167750 h 467068"/>
                <a:gd name="connsiteX10" fmla="*/ 2137985 w 2378098"/>
                <a:gd name="connsiteY10" fmla="*/ 171039 h 467068"/>
                <a:gd name="connsiteX11" fmla="*/ 2121539 w 2378098"/>
                <a:gd name="connsiteY11" fmla="*/ 174328 h 467068"/>
                <a:gd name="connsiteX12" fmla="*/ 2111672 w 2378098"/>
                <a:gd name="connsiteY12" fmla="*/ 177617 h 467068"/>
                <a:gd name="connsiteX13" fmla="*/ 1993260 w 2378098"/>
                <a:gd name="connsiteY13" fmla="*/ 180907 h 467068"/>
                <a:gd name="connsiteX14" fmla="*/ 1960368 w 2378098"/>
                <a:gd name="connsiteY14" fmla="*/ 184196 h 467068"/>
                <a:gd name="connsiteX15" fmla="*/ 1950500 w 2378098"/>
                <a:gd name="connsiteY15" fmla="*/ 187485 h 467068"/>
                <a:gd name="connsiteX16" fmla="*/ 1934054 w 2378098"/>
                <a:gd name="connsiteY16" fmla="*/ 203931 h 467068"/>
                <a:gd name="connsiteX17" fmla="*/ 1907741 w 2378098"/>
                <a:gd name="connsiteY17" fmla="*/ 226956 h 467068"/>
                <a:gd name="connsiteX18" fmla="*/ 1901162 w 2378098"/>
                <a:gd name="connsiteY18" fmla="*/ 236823 h 467068"/>
                <a:gd name="connsiteX19" fmla="*/ 1881427 w 2378098"/>
                <a:gd name="connsiteY19" fmla="*/ 253269 h 467068"/>
                <a:gd name="connsiteX20" fmla="*/ 1874849 w 2378098"/>
                <a:gd name="connsiteY20" fmla="*/ 259848 h 467068"/>
                <a:gd name="connsiteX21" fmla="*/ 1855113 w 2378098"/>
                <a:gd name="connsiteY21" fmla="*/ 266426 h 467068"/>
                <a:gd name="connsiteX22" fmla="*/ 1815643 w 2378098"/>
                <a:gd name="connsiteY22" fmla="*/ 273005 h 467068"/>
                <a:gd name="connsiteX23" fmla="*/ 1782751 w 2378098"/>
                <a:gd name="connsiteY23" fmla="*/ 282872 h 467068"/>
                <a:gd name="connsiteX24" fmla="*/ 1772883 w 2378098"/>
                <a:gd name="connsiteY24" fmla="*/ 286161 h 467068"/>
                <a:gd name="connsiteX25" fmla="*/ 1739991 w 2378098"/>
                <a:gd name="connsiteY25" fmla="*/ 289451 h 467068"/>
                <a:gd name="connsiteX26" fmla="*/ 1710388 w 2378098"/>
                <a:gd name="connsiteY26" fmla="*/ 299318 h 467068"/>
                <a:gd name="connsiteX27" fmla="*/ 1697231 w 2378098"/>
                <a:gd name="connsiteY27" fmla="*/ 302607 h 467068"/>
                <a:gd name="connsiteX28" fmla="*/ 1684075 w 2378098"/>
                <a:gd name="connsiteY28" fmla="*/ 309186 h 467068"/>
                <a:gd name="connsiteX29" fmla="*/ 1664339 w 2378098"/>
                <a:gd name="connsiteY29" fmla="*/ 315764 h 467068"/>
                <a:gd name="connsiteX30" fmla="*/ 1641315 w 2378098"/>
                <a:gd name="connsiteY30" fmla="*/ 322343 h 467068"/>
                <a:gd name="connsiteX31" fmla="*/ 1608423 w 2378098"/>
                <a:gd name="connsiteY31" fmla="*/ 328921 h 467068"/>
                <a:gd name="connsiteX32" fmla="*/ 1582109 w 2378098"/>
                <a:gd name="connsiteY32" fmla="*/ 332210 h 467068"/>
                <a:gd name="connsiteX33" fmla="*/ 1568952 w 2378098"/>
                <a:gd name="connsiteY33" fmla="*/ 335499 h 467068"/>
                <a:gd name="connsiteX34" fmla="*/ 1470276 w 2378098"/>
                <a:gd name="connsiteY34" fmla="*/ 342078 h 467068"/>
                <a:gd name="connsiteX35" fmla="*/ 1450541 w 2378098"/>
                <a:gd name="connsiteY35" fmla="*/ 355235 h 467068"/>
                <a:gd name="connsiteX36" fmla="*/ 1437384 w 2378098"/>
                <a:gd name="connsiteY36" fmla="*/ 368392 h 467068"/>
                <a:gd name="connsiteX37" fmla="*/ 1417649 w 2378098"/>
                <a:gd name="connsiteY37" fmla="*/ 378259 h 467068"/>
                <a:gd name="connsiteX38" fmla="*/ 1407781 w 2378098"/>
                <a:gd name="connsiteY38" fmla="*/ 388127 h 467068"/>
                <a:gd name="connsiteX39" fmla="*/ 1397913 w 2378098"/>
                <a:gd name="connsiteY39" fmla="*/ 391416 h 467068"/>
                <a:gd name="connsiteX40" fmla="*/ 1374889 w 2378098"/>
                <a:gd name="connsiteY40" fmla="*/ 401284 h 467068"/>
                <a:gd name="connsiteX41" fmla="*/ 1368311 w 2378098"/>
                <a:gd name="connsiteY41" fmla="*/ 411151 h 467068"/>
                <a:gd name="connsiteX42" fmla="*/ 1358443 w 2378098"/>
                <a:gd name="connsiteY42" fmla="*/ 414440 h 467068"/>
                <a:gd name="connsiteX43" fmla="*/ 1341997 w 2378098"/>
                <a:gd name="connsiteY43" fmla="*/ 417730 h 467068"/>
                <a:gd name="connsiteX44" fmla="*/ 1328840 w 2378098"/>
                <a:gd name="connsiteY44" fmla="*/ 421019 h 467068"/>
                <a:gd name="connsiteX45" fmla="*/ 1309105 w 2378098"/>
                <a:gd name="connsiteY45" fmla="*/ 434176 h 467068"/>
                <a:gd name="connsiteX46" fmla="*/ 1276213 w 2378098"/>
                <a:gd name="connsiteY46" fmla="*/ 444043 h 467068"/>
                <a:gd name="connsiteX47" fmla="*/ 1266345 w 2378098"/>
                <a:gd name="connsiteY47" fmla="*/ 447333 h 467068"/>
                <a:gd name="connsiteX48" fmla="*/ 1236742 w 2378098"/>
                <a:gd name="connsiteY48" fmla="*/ 463779 h 467068"/>
                <a:gd name="connsiteX49" fmla="*/ 1223585 w 2378098"/>
                <a:gd name="connsiteY49" fmla="*/ 467068 h 467068"/>
                <a:gd name="connsiteX50" fmla="*/ 1098595 w 2378098"/>
                <a:gd name="connsiteY50" fmla="*/ 463779 h 467068"/>
                <a:gd name="connsiteX51" fmla="*/ 1088728 w 2378098"/>
                <a:gd name="connsiteY51" fmla="*/ 457200 h 467068"/>
                <a:gd name="connsiteX52" fmla="*/ 1068993 w 2378098"/>
                <a:gd name="connsiteY52" fmla="*/ 450622 h 467068"/>
                <a:gd name="connsiteX53" fmla="*/ 1045968 w 2378098"/>
                <a:gd name="connsiteY53" fmla="*/ 444043 h 467068"/>
                <a:gd name="connsiteX54" fmla="*/ 1036100 w 2378098"/>
                <a:gd name="connsiteY54" fmla="*/ 437465 h 467068"/>
                <a:gd name="connsiteX55" fmla="*/ 1016365 w 2378098"/>
                <a:gd name="connsiteY55" fmla="*/ 430887 h 467068"/>
                <a:gd name="connsiteX56" fmla="*/ 1009787 w 2378098"/>
                <a:gd name="connsiteY56" fmla="*/ 424308 h 467068"/>
                <a:gd name="connsiteX57" fmla="*/ 990052 w 2378098"/>
                <a:gd name="connsiteY57" fmla="*/ 417730 h 467068"/>
                <a:gd name="connsiteX58" fmla="*/ 967027 w 2378098"/>
                <a:gd name="connsiteY58" fmla="*/ 421019 h 467068"/>
                <a:gd name="connsiteX59" fmla="*/ 953870 w 2378098"/>
                <a:gd name="connsiteY59" fmla="*/ 424308 h 467068"/>
                <a:gd name="connsiteX60" fmla="*/ 759807 w 2378098"/>
                <a:gd name="connsiteY60" fmla="*/ 430887 h 467068"/>
                <a:gd name="connsiteX61" fmla="*/ 697312 w 2378098"/>
                <a:gd name="connsiteY61" fmla="*/ 437465 h 467068"/>
                <a:gd name="connsiteX62" fmla="*/ 677577 w 2378098"/>
                <a:gd name="connsiteY62" fmla="*/ 440754 h 467068"/>
                <a:gd name="connsiteX63" fmla="*/ 522984 w 2378098"/>
                <a:gd name="connsiteY63" fmla="*/ 437465 h 467068"/>
                <a:gd name="connsiteX64" fmla="*/ 503249 w 2378098"/>
                <a:gd name="connsiteY64" fmla="*/ 430887 h 467068"/>
                <a:gd name="connsiteX65" fmla="*/ 490092 w 2378098"/>
                <a:gd name="connsiteY65" fmla="*/ 427597 h 467068"/>
                <a:gd name="connsiteX66" fmla="*/ 430886 w 2378098"/>
                <a:gd name="connsiteY66" fmla="*/ 430887 h 467068"/>
                <a:gd name="connsiteX67" fmla="*/ 421018 w 2378098"/>
                <a:gd name="connsiteY67" fmla="*/ 434176 h 467068"/>
                <a:gd name="connsiteX68" fmla="*/ 384837 w 2378098"/>
                <a:gd name="connsiteY68" fmla="*/ 444043 h 467068"/>
                <a:gd name="connsiteX69" fmla="*/ 365102 w 2378098"/>
                <a:gd name="connsiteY69" fmla="*/ 447333 h 467068"/>
                <a:gd name="connsiteX70" fmla="*/ 335499 w 2378098"/>
                <a:gd name="connsiteY70" fmla="*/ 457200 h 467068"/>
                <a:gd name="connsiteX71" fmla="*/ 282872 w 2378098"/>
                <a:gd name="connsiteY71" fmla="*/ 453911 h 467068"/>
                <a:gd name="connsiteX72" fmla="*/ 273004 w 2378098"/>
                <a:gd name="connsiteY72" fmla="*/ 450622 h 467068"/>
                <a:gd name="connsiteX73" fmla="*/ 266426 w 2378098"/>
                <a:gd name="connsiteY73" fmla="*/ 444043 h 467068"/>
                <a:gd name="connsiteX74" fmla="*/ 246690 w 2378098"/>
                <a:gd name="connsiteY74" fmla="*/ 437465 h 467068"/>
                <a:gd name="connsiteX75" fmla="*/ 236823 w 2378098"/>
                <a:gd name="connsiteY75" fmla="*/ 434176 h 467068"/>
                <a:gd name="connsiteX76" fmla="*/ 226955 w 2378098"/>
                <a:gd name="connsiteY76" fmla="*/ 430887 h 467068"/>
                <a:gd name="connsiteX77" fmla="*/ 138147 w 2378098"/>
                <a:gd name="connsiteY77" fmla="*/ 427597 h 467068"/>
                <a:gd name="connsiteX78" fmla="*/ 85519 w 2378098"/>
                <a:gd name="connsiteY78" fmla="*/ 430887 h 467068"/>
                <a:gd name="connsiteX79" fmla="*/ 69073 w 2378098"/>
                <a:gd name="connsiteY79" fmla="*/ 434176 h 467068"/>
                <a:gd name="connsiteX80" fmla="*/ 0 w 2378098"/>
                <a:gd name="connsiteY80" fmla="*/ 434176 h 467068"/>
                <a:gd name="connsiteX0" fmla="*/ 2378098 w 2378098"/>
                <a:gd name="connsiteY0" fmla="*/ 0 h 467068"/>
                <a:gd name="connsiteX1" fmla="*/ 2302446 w 2378098"/>
                <a:gd name="connsiteY1" fmla="*/ 118412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78098 w 2378098"/>
                <a:gd name="connsiteY0" fmla="*/ 0 h 467068"/>
                <a:gd name="connsiteX1" fmla="*/ 2289290 w 2378098"/>
                <a:gd name="connsiteY1" fmla="*/ 115123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111672 w 2368230"/>
                <a:gd name="connsiteY11" fmla="*/ 187485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091937 w 2368230"/>
                <a:gd name="connsiteY11" fmla="*/ 177617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091937 w 2368230"/>
                <a:gd name="connsiteY10" fmla="*/ 177617 h 476936"/>
                <a:gd name="connsiteX11" fmla="*/ 1993260 w 2368230"/>
                <a:gd name="connsiteY11" fmla="*/ 190775 h 476936"/>
                <a:gd name="connsiteX12" fmla="*/ 1960368 w 2368230"/>
                <a:gd name="connsiteY12" fmla="*/ 194064 h 476936"/>
                <a:gd name="connsiteX13" fmla="*/ 1950500 w 2368230"/>
                <a:gd name="connsiteY13" fmla="*/ 197353 h 476936"/>
                <a:gd name="connsiteX14" fmla="*/ 1934054 w 2368230"/>
                <a:gd name="connsiteY14" fmla="*/ 213799 h 476936"/>
                <a:gd name="connsiteX15" fmla="*/ 1907741 w 2368230"/>
                <a:gd name="connsiteY15" fmla="*/ 236824 h 476936"/>
                <a:gd name="connsiteX16" fmla="*/ 1901162 w 2368230"/>
                <a:gd name="connsiteY16" fmla="*/ 246691 h 476936"/>
                <a:gd name="connsiteX17" fmla="*/ 1881427 w 2368230"/>
                <a:gd name="connsiteY17" fmla="*/ 263137 h 476936"/>
                <a:gd name="connsiteX18" fmla="*/ 1874849 w 2368230"/>
                <a:gd name="connsiteY18" fmla="*/ 269716 h 476936"/>
                <a:gd name="connsiteX19" fmla="*/ 1855113 w 2368230"/>
                <a:gd name="connsiteY19" fmla="*/ 276294 h 476936"/>
                <a:gd name="connsiteX20" fmla="*/ 1815643 w 2368230"/>
                <a:gd name="connsiteY20" fmla="*/ 282873 h 476936"/>
                <a:gd name="connsiteX21" fmla="*/ 1782751 w 2368230"/>
                <a:gd name="connsiteY21" fmla="*/ 292740 h 476936"/>
                <a:gd name="connsiteX22" fmla="*/ 1772883 w 2368230"/>
                <a:gd name="connsiteY22" fmla="*/ 296029 h 476936"/>
                <a:gd name="connsiteX23" fmla="*/ 1739991 w 2368230"/>
                <a:gd name="connsiteY23" fmla="*/ 299319 h 476936"/>
                <a:gd name="connsiteX24" fmla="*/ 1710388 w 2368230"/>
                <a:gd name="connsiteY24" fmla="*/ 309186 h 476936"/>
                <a:gd name="connsiteX25" fmla="*/ 1697231 w 2368230"/>
                <a:gd name="connsiteY25" fmla="*/ 312475 h 476936"/>
                <a:gd name="connsiteX26" fmla="*/ 1684075 w 2368230"/>
                <a:gd name="connsiteY26" fmla="*/ 319054 h 476936"/>
                <a:gd name="connsiteX27" fmla="*/ 1664339 w 2368230"/>
                <a:gd name="connsiteY27" fmla="*/ 325632 h 476936"/>
                <a:gd name="connsiteX28" fmla="*/ 1641315 w 2368230"/>
                <a:gd name="connsiteY28" fmla="*/ 332211 h 476936"/>
                <a:gd name="connsiteX29" fmla="*/ 1608423 w 2368230"/>
                <a:gd name="connsiteY29" fmla="*/ 338789 h 476936"/>
                <a:gd name="connsiteX30" fmla="*/ 1582109 w 2368230"/>
                <a:gd name="connsiteY30" fmla="*/ 342078 h 476936"/>
                <a:gd name="connsiteX31" fmla="*/ 1568952 w 2368230"/>
                <a:gd name="connsiteY31" fmla="*/ 345367 h 476936"/>
                <a:gd name="connsiteX32" fmla="*/ 1470276 w 2368230"/>
                <a:gd name="connsiteY32" fmla="*/ 351946 h 476936"/>
                <a:gd name="connsiteX33" fmla="*/ 1450541 w 2368230"/>
                <a:gd name="connsiteY33" fmla="*/ 365103 h 476936"/>
                <a:gd name="connsiteX34" fmla="*/ 1437384 w 2368230"/>
                <a:gd name="connsiteY34" fmla="*/ 378260 h 476936"/>
                <a:gd name="connsiteX35" fmla="*/ 1417649 w 2368230"/>
                <a:gd name="connsiteY35" fmla="*/ 388127 h 476936"/>
                <a:gd name="connsiteX36" fmla="*/ 1407781 w 2368230"/>
                <a:gd name="connsiteY36" fmla="*/ 397995 h 476936"/>
                <a:gd name="connsiteX37" fmla="*/ 1397913 w 2368230"/>
                <a:gd name="connsiteY37" fmla="*/ 401284 h 476936"/>
                <a:gd name="connsiteX38" fmla="*/ 1374889 w 2368230"/>
                <a:gd name="connsiteY38" fmla="*/ 411152 h 476936"/>
                <a:gd name="connsiteX39" fmla="*/ 1368311 w 2368230"/>
                <a:gd name="connsiteY39" fmla="*/ 421019 h 476936"/>
                <a:gd name="connsiteX40" fmla="*/ 1358443 w 2368230"/>
                <a:gd name="connsiteY40" fmla="*/ 424308 h 476936"/>
                <a:gd name="connsiteX41" fmla="*/ 1341997 w 2368230"/>
                <a:gd name="connsiteY41" fmla="*/ 427598 h 476936"/>
                <a:gd name="connsiteX42" fmla="*/ 1328840 w 2368230"/>
                <a:gd name="connsiteY42" fmla="*/ 430887 h 476936"/>
                <a:gd name="connsiteX43" fmla="*/ 1309105 w 2368230"/>
                <a:gd name="connsiteY43" fmla="*/ 444044 h 476936"/>
                <a:gd name="connsiteX44" fmla="*/ 1276213 w 2368230"/>
                <a:gd name="connsiteY44" fmla="*/ 453911 h 476936"/>
                <a:gd name="connsiteX45" fmla="*/ 1266345 w 2368230"/>
                <a:gd name="connsiteY45" fmla="*/ 457201 h 476936"/>
                <a:gd name="connsiteX46" fmla="*/ 1236742 w 2368230"/>
                <a:gd name="connsiteY46" fmla="*/ 473647 h 476936"/>
                <a:gd name="connsiteX47" fmla="*/ 1223585 w 2368230"/>
                <a:gd name="connsiteY47" fmla="*/ 476936 h 476936"/>
                <a:gd name="connsiteX48" fmla="*/ 1098595 w 2368230"/>
                <a:gd name="connsiteY48" fmla="*/ 473647 h 476936"/>
                <a:gd name="connsiteX49" fmla="*/ 1088728 w 2368230"/>
                <a:gd name="connsiteY49" fmla="*/ 467068 h 476936"/>
                <a:gd name="connsiteX50" fmla="*/ 1068993 w 2368230"/>
                <a:gd name="connsiteY50" fmla="*/ 460490 h 476936"/>
                <a:gd name="connsiteX51" fmla="*/ 1045968 w 2368230"/>
                <a:gd name="connsiteY51" fmla="*/ 453911 h 476936"/>
                <a:gd name="connsiteX52" fmla="*/ 1036100 w 2368230"/>
                <a:gd name="connsiteY52" fmla="*/ 447333 h 476936"/>
                <a:gd name="connsiteX53" fmla="*/ 1016365 w 2368230"/>
                <a:gd name="connsiteY53" fmla="*/ 440755 h 476936"/>
                <a:gd name="connsiteX54" fmla="*/ 1009787 w 2368230"/>
                <a:gd name="connsiteY54" fmla="*/ 434176 h 476936"/>
                <a:gd name="connsiteX55" fmla="*/ 990052 w 2368230"/>
                <a:gd name="connsiteY55" fmla="*/ 427598 h 476936"/>
                <a:gd name="connsiteX56" fmla="*/ 967027 w 2368230"/>
                <a:gd name="connsiteY56" fmla="*/ 430887 h 476936"/>
                <a:gd name="connsiteX57" fmla="*/ 953870 w 2368230"/>
                <a:gd name="connsiteY57" fmla="*/ 434176 h 476936"/>
                <a:gd name="connsiteX58" fmla="*/ 759807 w 2368230"/>
                <a:gd name="connsiteY58" fmla="*/ 440755 h 476936"/>
                <a:gd name="connsiteX59" fmla="*/ 697312 w 2368230"/>
                <a:gd name="connsiteY59" fmla="*/ 447333 h 476936"/>
                <a:gd name="connsiteX60" fmla="*/ 677577 w 2368230"/>
                <a:gd name="connsiteY60" fmla="*/ 450622 h 476936"/>
                <a:gd name="connsiteX61" fmla="*/ 522984 w 2368230"/>
                <a:gd name="connsiteY61" fmla="*/ 447333 h 476936"/>
                <a:gd name="connsiteX62" fmla="*/ 503249 w 2368230"/>
                <a:gd name="connsiteY62" fmla="*/ 440755 h 476936"/>
                <a:gd name="connsiteX63" fmla="*/ 490092 w 2368230"/>
                <a:gd name="connsiteY63" fmla="*/ 437465 h 476936"/>
                <a:gd name="connsiteX64" fmla="*/ 430886 w 2368230"/>
                <a:gd name="connsiteY64" fmla="*/ 440755 h 476936"/>
                <a:gd name="connsiteX65" fmla="*/ 421018 w 2368230"/>
                <a:gd name="connsiteY65" fmla="*/ 444044 h 476936"/>
                <a:gd name="connsiteX66" fmla="*/ 384837 w 2368230"/>
                <a:gd name="connsiteY66" fmla="*/ 453911 h 476936"/>
                <a:gd name="connsiteX67" fmla="*/ 365102 w 2368230"/>
                <a:gd name="connsiteY67" fmla="*/ 457201 h 476936"/>
                <a:gd name="connsiteX68" fmla="*/ 335499 w 2368230"/>
                <a:gd name="connsiteY68" fmla="*/ 467068 h 476936"/>
                <a:gd name="connsiteX69" fmla="*/ 282872 w 2368230"/>
                <a:gd name="connsiteY69" fmla="*/ 463779 h 476936"/>
                <a:gd name="connsiteX70" fmla="*/ 273004 w 2368230"/>
                <a:gd name="connsiteY70" fmla="*/ 460490 h 476936"/>
                <a:gd name="connsiteX71" fmla="*/ 266426 w 2368230"/>
                <a:gd name="connsiteY71" fmla="*/ 453911 h 476936"/>
                <a:gd name="connsiteX72" fmla="*/ 246690 w 2368230"/>
                <a:gd name="connsiteY72" fmla="*/ 447333 h 476936"/>
                <a:gd name="connsiteX73" fmla="*/ 236823 w 2368230"/>
                <a:gd name="connsiteY73" fmla="*/ 444044 h 476936"/>
                <a:gd name="connsiteX74" fmla="*/ 226955 w 2368230"/>
                <a:gd name="connsiteY74" fmla="*/ 440755 h 476936"/>
                <a:gd name="connsiteX75" fmla="*/ 138147 w 2368230"/>
                <a:gd name="connsiteY75" fmla="*/ 437465 h 476936"/>
                <a:gd name="connsiteX76" fmla="*/ 85519 w 2368230"/>
                <a:gd name="connsiteY76" fmla="*/ 440755 h 476936"/>
                <a:gd name="connsiteX77" fmla="*/ 69073 w 2368230"/>
                <a:gd name="connsiteY77" fmla="*/ 444044 h 476936"/>
                <a:gd name="connsiteX78" fmla="*/ 0 w 2368230"/>
                <a:gd name="connsiteY7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091937 w 2368230"/>
                <a:gd name="connsiteY9" fmla="*/ 177617 h 476936"/>
                <a:gd name="connsiteX10" fmla="*/ 1993260 w 2368230"/>
                <a:gd name="connsiteY10" fmla="*/ 190775 h 476936"/>
                <a:gd name="connsiteX11" fmla="*/ 1960368 w 2368230"/>
                <a:gd name="connsiteY11" fmla="*/ 194064 h 476936"/>
                <a:gd name="connsiteX12" fmla="*/ 1950500 w 2368230"/>
                <a:gd name="connsiteY12" fmla="*/ 197353 h 476936"/>
                <a:gd name="connsiteX13" fmla="*/ 1934054 w 2368230"/>
                <a:gd name="connsiteY13" fmla="*/ 213799 h 476936"/>
                <a:gd name="connsiteX14" fmla="*/ 1907741 w 2368230"/>
                <a:gd name="connsiteY14" fmla="*/ 236824 h 476936"/>
                <a:gd name="connsiteX15" fmla="*/ 1901162 w 2368230"/>
                <a:gd name="connsiteY15" fmla="*/ 246691 h 476936"/>
                <a:gd name="connsiteX16" fmla="*/ 1881427 w 2368230"/>
                <a:gd name="connsiteY16" fmla="*/ 263137 h 476936"/>
                <a:gd name="connsiteX17" fmla="*/ 1874849 w 2368230"/>
                <a:gd name="connsiteY17" fmla="*/ 269716 h 476936"/>
                <a:gd name="connsiteX18" fmla="*/ 1855113 w 2368230"/>
                <a:gd name="connsiteY18" fmla="*/ 276294 h 476936"/>
                <a:gd name="connsiteX19" fmla="*/ 1815643 w 2368230"/>
                <a:gd name="connsiteY19" fmla="*/ 282873 h 476936"/>
                <a:gd name="connsiteX20" fmla="*/ 1782751 w 2368230"/>
                <a:gd name="connsiteY20" fmla="*/ 292740 h 476936"/>
                <a:gd name="connsiteX21" fmla="*/ 1772883 w 2368230"/>
                <a:gd name="connsiteY21" fmla="*/ 296029 h 476936"/>
                <a:gd name="connsiteX22" fmla="*/ 1739991 w 2368230"/>
                <a:gd name="connsiteY22" fmla="*/ 299319 h 476936"/>
                <a:gd name="connsiteX23" fmla="*/ 1710388 w 2368230"/>
                <a:gd name="connsiteY23" fmla="*/ 309186 h 476936"/>
                <a:gd name="connsiteX24" fmla="*/ 1697231 w 2368230"/>
                <a:gd name="connsiteY24" fmla="*/ 312475 h 476936"/>
                <a:gd name="connsiteX25" fmla="*/ 1684075 w 2368230"/>
                <a:gd name="connsiteY25" fmla="*/ 319054 h 476936"/>
                <a:gd name="connsiteX26" fmla="*/ 1664339 w 2368230"/>
                <a:gd name="connsiteY26" fmla="*/ 325632 h 476936"/>
                <a:gd name="connsiteX27" fmla="*/ 1641315 w 2368230"/>
                <a:gd name="connsiteY27" fmla="*/ 332211 h 476936"/>
                <a:gd name="connsiteX28" fmla="*/ 1608423 w 2368230"/>
                <a:gd name="connsiteY28" fmla="*/ 338789 h 476936"/>
                <a:gd name="connsiteX29" fmla="*/ 1582109 w 2368230"/>
                <a:gd name="connsiteY29" fmla="*/ 342078 h 476936"/>
                <a:gd name="connsiteX30" fmla="*/ 1568952 w 2368230"/>
                <a:gd name="connsiteY30" fmla="*/ 345367 h 476936"/>
                <a:gd name="connsiteX31" fmla="*/ 1470276 w 2368230"/>
                <a:gd name="connsiteY31" fmla="*/ 351946 h 476936"/>
                <a:gd name="connsiteX32" fmla="*/ 1450541 w 2368230"/>
                <a:gd name="connsiteY32" fmla="*/ 365103 h 476936"/>
                <a:gd name="connsiteX33" fmla="*/ 1437384 w 2368230"/>
                <a:gd name="connsiteY33" fmla="*/ 378260 h 476936"/>
                <a:gd name="connsiteX34" fmla="*/ 1417649 w 2368230"/>
                <a:gd name="connsiteY34" fmla="*/ 388127 h 476936"/>
                <a:gd name="connsiteX35" fmla="*/ 1407781 w 2368230"/>
                <a:gd name="connsiteY35" fmla="*/ 397995 h 476936"/>
                <a:gd name="connsiteX36" fmla="*/ 1397913 w 2368230"/>
                <a:gd name="connsiteY36" fmla="*/ 401284 h 476936"/>
                <a:gd name="connsiteX37" fmla="*/ 1374889 w 2368230"/>
                <a:gd name="connsiteY37" fmla="*/ 411152 h 476936"/>
                <a:gd name="connsiteX38" fmla="*/ 1368311 w 2368230"/>
                <a:gd name="connsiteY38" fmla="*/ 421019 h 476936"/>
                <a:gd name="connsiteX39" fmla="*/ 1358443 w 2368230"/>
                <a:gd name="connsiteY39" fmla="*/ 424308 h 476936"/>
                <a:gd name="connsiteX40" fmla="*/ 1341997 w 2368230"/>
                <a:gd name="connsiteY40" fmla="*/ 427598 h 476936"/>
                <a:gd name="connsiteX41" fmla="*/ 1328840 w 2368230"/>
                <a:gd name="connsiteY41" fmla="*/ 430887 h 476936"/>
                <a:gd name="connsiteX42" fmla="*/ 1309105 w 2368230"/>
                <a:gd name="connsiteY42" fmla="*/ 444044 h 476936"/>
                <a:gd name="connsiteX43" fmla="*/ 1276213 w 2368230"/>
                <a:gd name="connsiteY43" fmla="*/ 453911 h 476936"/>
                <a:gd name="connsiteX44" fmla="*/ 1266345 w 2368230"/>
                <a:gd name="connsiteY44" fmla="*/ 457201 h 476936"/>
                <a:gd name="connsiteX45" fmla="*/ 1236742 w 2368230"/>
                <a:gd name="connsiteY45" fmla="*/ 473647 h 476936"/>
                <a:gd name="connsiteX46" fmla="*/ 1223585 w 2368230"/>
                <a:gd name="connsiteY46" fmla="*/ 476936 h 476936"/>
                <a:gd name="connsiteX47" fmla="*/ 1098595 w 2368230"/>
                <a:gd name="connsiteY47" fmla="*/ 473647 h 476936"/>
                <a:gd name="connsiteX48" fmla="*/ 1088728 w 2368230"/>
                <a:gd name="connsiteY48" fmla="*/ 467068 h 476936"/>
                <a:gd name="connsiteX49" fmla="*/ 1068993 w 2368230"/>
                <a:gd name="connsiteY49" fmla="*/ 460490 h 476936"/>
                <a:gd name="connsiteX50" fmla="*/ 1045968 w 2368230"/>
                <a:gd name="connsiteY50" fmla="*/ 453911 h 476936"/>
                <a:gd name="connsiteX51" fmla="*/ 1036100 w 2368230"/>
                <a:gd name="connsiteY51" fmla="*/ 447333 h 476936"/>
                <a:gd name="connsiteX52" fmla="*/ 1016365 w 2368230"/>
                <a:gd name="connsiteY52" fmla="*/ 440755 h 476936"/>
                <a:gd name="connsiteX53" fmla="*/ 1009787 w 2368230"/>
                <a:gd name="connsiteY53" fmla="*/ 434176 h 476936"/>
                <a:gd name="connsiteX54" fmla="*/ 990052 w 2368230"/>
                <a:gd name="connsiteY54" fmla="*/ 427598 h 476936"/>
                <a:gd name="connsiteX55" fmla="*/ 967027 w 2368230"/>
                <a:gd name="connsiteY55" fmla="*/ 430887 h 476936"/>
                <a:gd name="connsiteX56" fmla="*/ 953870 w 2368230"/>
                <a:gd name="connsiteY56" fmla="*/ 434176 h 476936"/>
                <a:gd name="connsiteX57" fmla="*/ 759807 w 2368230"/>
                <a:gd name="connsiteY57" fmla="*/ 440755 h 476936"/>
                <a:gd name="connsiteX58" fmla="*/ 697312 w 2368230"/>
                <a:gd name="connsiteY58" fmla="*/ 447333 h 476936"/>
                <a:gd name="connsiteX59" fmla="*/ 677577 w 2368230"/>
                <a:gd name="connsiteY59" fmla="*/ 450622 h 476936"/>
                <a:gd name="connsiteX60" fmla="*/ 522984 w 2368230"/>
                <a:gd name="connsiteY60" fmla="*/ 447333 h 476936"/>
                <a:gd name="connsiteX61" fmla="*/ 503249 w 2368230"/>
                <a:gd name="connsiteY61" fmla="*/ 440755 h 476936"/>
                <a:gd name="connsiteX62" fmla="*/ 490092 w 2368230"/>
                <a:gd name="connsiteY62" fmla="*/ 437465 h 476936"/>
                <a:gd name="connsiteX63" fmla="*/ 430886 w 2368230"/>
                <a:gd name="connsiteY63" fmla="*/ 440755 h 476936"/>
                <a:gd name="connsiteX64" fmla="*/ 421018 w 2368230"/>
                <a:gd name="connsiteY64" fmla="*/ 444044 h 476936"/>
                <a:gd name="connsiteX65" fmla="*/ 384837 w 2368230"/>
                <a:gd name="connsiteY65" fmla="*/ 453911 h 476936"/>
                <a:gd name="connsiteX66" fmla="*/ 365102 w 2368230"/>
                <a:gd name="connsiteY66" fmla="*/ 457201 h 476936"/>
                <a:gd name="connsiteX67" fmla="*/ 335499 w 2368230"/>
                <a:gd name="connsiteY67" fmla="*/ 467068 h 476936"/>
                <a:gd name="connsiteX68" fmla="*/ 282872 w 2368230"/>
                <a:gd name="connsiteY68" fmla="*/ 463779 h 476936"/>
                <a:gd name="connsiteX69" fmla="*/ 273004 w 2368230"/>
                <a:gd name="connsiteY69" fmla="*/ 460490 h 476936"/>
                <a:gd name="connsiteX70" fmla="*/ 266426 w 2368230"/>
                <a:gd name="connsiteY70" fmla="*/ 453911 h 476936"/>
                <a:gd name="connsiteX71" fmla="*/ 246690 w 2368230"/>
                <a:gd name="connsiteY71" fmla="*/ 447333 h 476936"/>
                <a:gd name="connsiteX72" fmla="*/ 236823 w 2368230"/>
                <a:gd name="connsiteY72" fmla="*/ 444044 h 476936"/>
                <a:gd name="connsiteX73" fmla="*/ 226955 w 2368230"/>
                <a:gd name="connsiteY73" fmla="*/ 440755 h 476936"/>
                <a:gd name="connsiteX74" fmla="*/ 138147 w 2368230"/>
                <a:gd name="connsiteY74" fmla="*/ 437465 h 476936"/>
                <a:gd name="connsiteX75" fmla="*/ 85519 w 2368230"/>
                <a:gd name="connsiteY75" fmla="*/ 440755 h 476936"/>
                <a:gd name="connsiteX76" fmla="*/ 69073 w 2368230"/>
                <a:gd name="connsiteY76" fmla="*/ 444044 h 476936"/>
                <a:gd name="connsiteX77" fmla="*/ 0 w 2368230"/>
                <a:gd name="connsiteY7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91937 w 2368230"/>
                <a:gd name="connsiteY8" fmla="*/ 177617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76814 w 2368230"/>
                <a:gd name="connsiteY9" fmla="*/ 180907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50500 w 2368230"/>
                <a:gd name="connsiteY10" fmla="*/ 197353 h 476936"/>
                <a:gd name="connsiteX11" fmla="*/ 1934054 w 2368230"/>
                <a:gd name="connsiteY11" fmla="*/ 213799 h 476936"/>
                <a:gd name="connsiteX12" fmla="*/ 1907741 w 2368230"/>
                <a:gd name="connsiteY12" fmla="*/ 236824 h 476936"/>
                <a:gd name="connsiteX13" fmla="*/ 1901162 w 2368230"/>
                <a:gd name="connsiteY13" fmla="*/ 246691 h 476936"/>
                <a:gd name="connsiteX14" fmla="*/ 1881427 w 2368230"/>
                <a:gd name="connsiteY14" fmla="*/ 263137 h 476936"/>
                <a:gd name="connsiteX15" fmla="*/ 1874849 w 2368230"/>
                <a:gd name="connsiteY15" fmla="*/ 269716 h 476936"/>
                <a:gd name="connsiteX16" fmla="*/ 1855113 w 2368230"/>
                <a:gd name="connsiteY16" fmla="*/ 276294 h 476936"/>
                <a:gd name="connsiteX17" fmla="*/ 1815643 w 2368230"/>
                <a:gd name="connsiteY17" fmla="*/ 282873 h 476936"/>
                <a:gd name="connsiteX18" fmla="*/ 1782751 w 2368230"/>
                <a:gd name="connsiteY18" fmla="*/ 292740 h 476936"/>
                <a:gd name="connsiteX19" fmla="*/ 1772883 w 2368230"/>
                <a:gd name="connsiteY19" fmla="*/ 296029 h 476936"/>
                <a:gd name="connsiteX20" fmla="*/ 1739991 w 2368230"/>
                <a:gd name="connsiteY20" fmla="*/ 299319 h 476936"/>
                <a:gd name="connsiteX21" fmla="*/ 1710388 w 2368230"/>
                <a:gd name="connsiteY21" fmla="*/ 309186 h 476936"/>
                <a:gd name="connsiteX22" fmla="*/ 1697231 w 2368230"/>
                <a:gd name="connsiteY22" fmla="*/ 312475 h 476936"/>
                <a:gd name="connsiteX23" fmla="*/ 1684075 w 2368230"/>
                <a:gd name="connsiteY23" fmla="*/ 319054 h 476936"/>
                <a:gd name="connsiteX24" fmla="*/ 1664339 w 2368230"/>
                <a:gd name="connsiteY24" fmla="*/ 325632 h 476936"/>
                <a:gd name="connsiteX25" fmla="*/ 1641315 w 2368230"/>
                <a:gd name="connsiteY25" fmla="*/ 332211 h 476936"/>
                <a:gd name="connsiteX26" fmla="*/ 1608423 w 2368230"/>
                <a:gd name="connsiteY26" fmla="*/ 338789 h 476936"/>
                <a:gd name="connsiteX27" fmla="*/ 1582109 w 2368230"/>
                <a:gd name="connsiteY27" fmla="*/ 342078 h 476936"/>
                <a:gd name="connsiteX28" fmla="*/ 1568952 w 2368230"/>
                <a:gd name="connsiteY28" fmla="*/ 345367 h 476936"/>
                <a:gd name="connsiteX29" fmla="*/ 1470276 w 2368230"/>
                <a:gd name="connsiteY29" fmla="*/ 351946 h 476936"/>
                <a:gd name="connsiteX30" fmla="*/ 1450541 w 2368230"/>
                <a:gd name="connsiteY30" fmla="*/ 365103 h 476936"/>
                <a:gd name="connsiteX31" fmla="*/ 1437384 w 2368230"/>
                <a:gd name="connsiteY31" fmla="*/ 378260 h 476936"/>
                <a:gd name="connsiteX32" fmla="*/ 1417649 w 2368230"/>
                <a:gd name="connsiteY32" fmla="*/ 388127 h 476936"/>
                <a:gd name="connsiteX33" fmla="*/ 1407781 w 2368230"/>
                <a:gd name="connsiteY33" fmla="*/ 397995 h 476936"/>
                <a:gd name="connsiteX34" fmla="*/ 1397913 w 2368230"/>
                <a:gd name="connsiteY34" fmla="*/ 401284 h 476936"/>
                <a:gd name="connsiteX35" fmla="*/ 1374889 w 2368230"/>
                <a:gd name="connsiteY35" fmla="*/ 411152 h 476936"/>
                <a:gd name="connsiteX36" fmla="*/ 1368311 w 2368230"/>
                <a:gd name="connsiteY36" fmla="*/ 421019 h 476936"/>
                <a:gd name="connsiteX37" fmla="*/ 1358443 w 2368230"/>
                <a:gd name="connsiteY37" fmla="*/ 424308 h 476936"/>
                <a:gd name="connsiteX38" fmla="*/ 1341997 w 2368230"/>
                <a:gd name="connsiteY38" fmla="*/ 427598 h 476936"/>
                <a:gd name="connsiteX39" fmla="*/ 1328840 w 2368230"/>
                <a:gd name="connsiteY39" fmla="*/ 430887 h 476936"/>
                <a:gd name="connsiteX40" fmla="*/ 1309105 w 2368230"/>
                <a:gd name="connsiteY40" fmla="*/ 444044 h 476936"/>
                <a:gd name="connsiteX41" fmla="*/ 1276213 w 2368230"/>
                <a:gd name="connsiteY41" fmla="*/ 453911 h 476936"/>
                <a:gd name="connsiteX42" fmla="*/ 1266345 w 2368230"/>
                <a:gd name="connsiteY42" fmla="*/ 457201 h 476936"/>
                <a:gd name="connsiteX43" fmla="*/ 1236742 w 2368230"/>
                <a:gd name="connsiteY43" fmla="*/ 473647 h 476936"/>
                <a:gd name="connsiteX44" fmla="*/ 1223585 w 2368230"/>
                <a:gd name="connsiteY44" fmla="*/ 476936 h 476936"/>
                <a:gd name="connsiteX45" fmla="*/ 1098595 w 2368230"/>
                <a:gd name="connsiteY45" fmla="*/ 473647 h 476936"/>
                <a:gd name="connsiteX46" fmla="*/ 1088728 w 2368230"/>
                <a:gd name="connsiteY46" fmla="*/ 467068 h 476936"/>
                <a:gd name="connsiteX47" fmla="*/ 1068993 w 2368230"/>
                <a:gd name="connsiteY47" fmla="*/ 460490 h 476936"/>
                <a:gd name="connsiteX48" fmla="*/ 1045968 w 2368230"/>
                <a:gd name="connsiteY48" fmla="*/ 453911 h 476936"/>
                <a:gd name="connsiteX49" fmla="*/ 1036100 w 2368230"/>
                <a:gd name="connsiteY49" fmla="*/ 447333 h 476936"/>
                <a:gd name="connsiteX50" fmla="*/ 1016365 w 2368230"/>
                <a:gd name="connsiteY50" fmla="*/ 440755 h 476936"/>
                <a:gd name="connsiteX51" fmla="*/ 1009787 w 2368230"/>
                <a:gd name="connsiteY51" fmla="*/ 434176 h 476936"/>
                <a:gd name="connsiteX52" fmla="*/ 990052 w 2368230"/>
                <a:gd name="connsiteY52" fmla="*/ 427598 h 476936"/>
                <a:gd name="connsiteX53" fmla="*/ 967027 w 2368230"/>
                <a:gd name="connsiteY53" fmla="*/ 430887 h 476936"/>
                <a:gd name="connsiteX54" fmla="*/ 953870 w 2368230"/>
                <a:gd name="connsiteY54" fmla="*/ 434176 h 476936"/>
                <a:gd name="connsiteX55" fmla="*/ 759807 w 2368230"/>
                <a:gd name="connsiteY55" fmla="*/ 440755 h 476936"/>
                <a:gd name="connsiteX56" fmla="*/ 697312 w 2368230"/>
                <a:gd name="connsiteY56" fmla="*/ 447333 h 476936"/>
                <a:gd name="connsiteX57" fmla="*/ 677577 w 2368230"/>
                <a:gd name="connsiteY57" fmla="*/ 450622 h 476936"/>
                <a:gd name="connsiteX58" fmla="*/ 522984 w 2368230"/>
                <a:gd name="connsiteY58" fmla="*/ 447333 h 476936"/>
                <a:gd name="connsiteX59" fmla="*/ 503249 w 2368230"/>
                <a:gd name="connsiteY59" fmla="*/ 440755 h 476936"/>
                <a:gd name="connsiteX60" fmla="*/ 490092 w 2368230"/>
                <a:gd name="connsiteY60" fmla="*/ 437465 h 476936"/>
                <a:gd name="connsiteX61" fmla="*/ 430886 w 2368230"/>
                <a:gd name="connsiteY61" fmla="*/ 440755 h 476936"/>
                <a:gd name="connsiteX62" fmla="*/ 421018 w 2368230"/>
                <a:gd name="connsiteY62" fmla="*/ 444044 h 476936"/>
                <a:gd name="connsiteX63" fmla="*/ 384837 w 2368230"/>
                <a:gd name="connsiteY63" fmla="*/ 453911 h 476936"/>
                <a:gd name="connsiteX64" fmla="*/ 365102 w 2368230"/>
                <a:gd name="connsiteY64" fmla="*/ 457201 h 476936"/>
                <a:gd name="connsiteX65" fmla="*/ 335499 w 2368230"/>
                <a:gd name="connsiteY65" fmla="*/ 467068 h 476936"/>
                <a:gd name="connsiteX66" fmla="*/ 282872 w 2368230"/>
                <a:gd name="connsiteY66" fmla="*/ 463779 h 476936"/>
                <a:gd name="connsiteX67" fmla="*/ 273004 w 2368230"/>
                <a:gd name="connsiteY67" fmla="*/ 460490 h 476936"/>
                <a:gd name="connsiteX68" fmla="*/ 266426 w 2368230"/>
                <a:gd name="connsiteY68" fmla="*/ 453911 h 476936"/>
                <a:gd name="connsiteX69" fmla="*/ 246690 w 2368230"/>
                <a:gd name="connsiteY69" fmla="*/ 447333 h 476936"/>
                <a:gd name="connsiteX70" fmla="*/ 236823 w 2368230"/>
                <a:gd name="connsiteY70" fmla="*/ 444044 h 476936"/>
                <a:gd name="connsiteX71" fmla="*/ 226955 w 2368230"/>
                <a:gd name="connsiteY71" fmla="*/ 440755 h 476936"/>
                <a:gd name="connsiteX72" fmla="*/ 138147 w 2368230"/>
                <a:gd name="connsiteY72" fmla="*/ 437465 h 476936"/>
                <a:gd name="connsiteX73" fmla="*/ 85519 w 2368230"/>
                <a:gd name="connsiteY73" fmla="*/ 440755 h 476936"/>
                <a:gd name="connsiteX74" fmla="*/ 69073 w 2368230"/>
                <a:gd name="connsiteY74" fmla="*/ 444044 h 476936"/>
                <a:gd name="connsiteX75" fmla="*/ 0 w 2368230"/>
                <a:gd name="connsiteY7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34054 w 2368230"/>
                <a:gd name="connsiteY10" fmla="*/ 213799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74849 w 2368230"/>
                <a:gd name="connsiteY13" fmla="*/ 269716 h 476936"/>
                <a:gd name="connsiteX14" fmla="*/ 1855113 w 2368230"/>
                <a:gd name="connsiteY14" fmla="*/ 276294 h 476936"/>
                <a:gd name="connsiteX15" fmla="*/ 1815643 w 2368230"/>
                <a:gd name="connsiteY15" fmla="*/ 282873 h 476936"/>
                <a:gd name="connsiteX16" fmla="*/ 1782751 w 2368230"/>
                <a:gd name="connsiteY16" fmla="*/ 292740 h 476936"/>
                <a:gd name="connsiteX17" fmla="*/ 1772883 w 2368230"/>
                <a:gd name="connsiteY17" fmla="*/ 296029 h 476936"/>
                <a:gd name="connsiteX18" fmla="*/ 1739991 w 2368230"/>
                <a:gd name="connsiteY18" fmla="*/ 299319 h 476936"/>
                <a:gd name="connsiteX19" fmla="*/ 1710388 w 2368230"/>
                <a:gd name="connsiteY19" fmla="*/ 309186 h 476936"/>
                <a:gd name="connsiteX20" fmla="*/ 1697231 w 2368230"/>
                <a:gd name="connsiteY20" fmla="*/ 312475 h 476936"/>
                <a:gd name="connsiteX21" fmla="*/ 1684075 w 2368230"/>
                <a:gd name="connsiteY21" fmla="*/ 319054 h 476936"/>
                <a:gd name="connsiteX22" fmla="*/ 1664339 w 2368230"/>
                <a:gd name="connsiteY22" fmla="*/ 325632 h 476936"/>
                <a:gd name="connsiteX23" fmla="*/ 1641315 w 2368230"/>
                <a:gd name="connsiteY23" fmla="*/ 332211 h 476936"/>
                <a:gd name="connsiteX24" fmla="*/ 1608423 w 2368230"/>
                <a:gd name="connsiteY24" fmla="*/ 338789 h 476936"/>
                <a:gd name="connsiteX25" fmla="*/ 1582109 w 2368230"/>
                <a:gd name="connsiteY25" fmla="*/ 342078 h 476936"/>
                <a:gd name="connsiteX26" fmla="*/ 1568952 w 2368230"/>
                <a:gd name="connsiteY26" fmla="*/ 345367 h 476936"/>
                <a:gd name="connsiteX27" fmla="*/ 1470276 w 2368230"/>
                <a:gd name="connsiteY27" fmla="*/ 351946 h 476936"/>
                <a:gd name="connsiteX28" fmla="*/ 1450541 w 2368230"/>
                <a:gd name="connsiteY28" fmla="*/ 365103 h 476936"/>
                <a:gd name="connsiteX29" fmla="*/ 1437384 w 2368230"/>
                <a:gd name="connsiteY29" fmla="*/ 378260 h 476936"/>
                <a:gd name="connsiteX30" fmla="*/ 1417649 w 2368230"/>
                <a:gd name="connsiteY30" fmla="*/ 388127 h 476936"/>
                <a:gd name="connsiteX31" fmla="*/ 1407781 w 2368230"/>
                <a:gd name="connsiteY31" fmla="*/ 397995 h 476936"/>
                <a:gd name="connsiteX32" fmla="*/ 1397913 w 2368230"/>
                <a:gd name="connsiteY32" fmla="*/ 401284 h 476936"/>
                <a:gd name="connsiteX33" fmla="*/ 1374889 w 2368230"/>
                <a:gd name="connsiteY33" fmla="*/ 411152 h 476936"/>
                <a:gd name="connsiteX34" fmla="*/ 1368311 w 2368230"/>
                <a:gd name="connsiteY34" fmla="*/ 421019 h 476936"/>
                <a:gd name="connsiteX35" fmla="*/ 1358443 w 2368230"/>
                <a:gd name="connsiteY35" fmla="*/ 424308 h 476936"/>
                <a:gd name="connsiteX36" fmla="*/ 1341997 w 2368230"/>
                <a:gd name="connsiteY36" fmla="*/ 427598 h 476936"/>
                <a:gd name="connsiteX37" fmla="*/ 1328840 w 2368230"/>
                <a:gd name="connsiteY37" fmla="*/ 430887 h 476936"/>
                <a:gd name="connsiteX38" fmla="*/ 1309105 w 2368230"/>
                <a:gd name="connsiteY38" fmla="*/ 444044 h 476936"/>
                <a:gd name="connsiteX39" fmla="*/ 1276213 w 2368230"/>
                <a:gd name="connsiteY39" fmla="*/ 453911 h 476936"/>
                <a:gd name="connsiteX40" fmla="*/ 1266345 w 2368230"/>
                <a:gd name="connsiteY40" fmla="*/ 457201 h 476936"/>
                <a:gd name="connsiteX41" fmla="*/ 1236742 w 2368230"/>
                <a:gd name="connsiteY41" fmla="*/ 473647 h 476936"/>
                <a:gd name="connsiteX42" fmla="*/ 1223585 w 2368230"/>
                <a:gd name="connsiteY42" fmla="*/ 476936 h 476936"/>
                <a:gd name="connsiteX43" fmla="*/ 1098595 w 2368230"/>
                <a:gd name="connsiteY43" fmla="*/ 473647 h 476936"/>
                <a:gd name="connsiteX44" fmla="*/ 1088728 w 2368230"/>
                <a:gd name="connsiteY44" fmla="*/ 467068 h 476936"/>
                <a:gd name="connsiteX45" fmla="*/ 1068993 w 2368230"/>
                <a:gd name="connsiteY45" fmla="*/ 460490 h 476936"/>
                <a:gd name="connsiteX46" fmla="*/ 1045968 w 2368230"/>
                <a:gd name="connsiteY46" fmla="*/ 453911 h 476936"/>
                <a:gd name="connsiteX47" fmla="*/ 1036100 w 2368230"/>
                <a:gd name="connsiteY47" fmla="*/ 447333 h 476936"/>
                <a:gd name="connsiteX48" fmla="*/ 1016365 w 2368230"/>
                <a:gd name="connsiteY48" fmla="*/ 440755 h 476936"/>
                <a:gd name="connsiteX49" fmla="*/ 1009787 w 2368230"/>
                <a:gd name="connsiteY49" fmla="*/ 434176 h 476936"/>
                <a:gd name="connsiteX50" fmla="*/ 990052 w 2368230"/>
                <a:gd name="connsiteY50" fmla="*/ 427598 h 476936"/>
                <a:gd name="connsiteX51" fmla="*/ 967027 w 2368230"/>
                <a:gd name="connsiteY51" fmla="*/ 430887 h 476936"/>
                <a:gd name="connsiteX52" fmla="*/ 953870 w 2368230"/>
                <a:gd name="connsiteY52" fmla="*/ 434176 h 476936"/>
                <a:gd name="connsiteX53" fmla="*/ 759807 w 2368230"/>
                <a:gd name="connsiteY53" fmla="*/ 440755 h 476936"/>
                <a:gd name="connsiteX54" fmla="*/ 697312 w 2368230"/>
                <a:gd name="connsiteY54" fmla="*/ 447333 h 476936"/>
                <a:gd name="connsiteX55" fmla="*/ 677577 w 2368230"/>
                <a:gd name="connsiteY55" fmla="*/ 450622 h 476936"/>
                <a:gd name="connsiteX56" fmla="*/ 522984 w 2368230"/>
                <a:gd name="connsiteY56" fmla="*/ 447333 h 476936"/>
                <a:gd name="connsiteX57" fmla="*/ 503249 w 2368230"/>
                <a:gd name="connsiteY57" fmla="*/ 440755 h 476936"/>
                <a:gd name="connsiteX58" fmla="*/ 490092 w 2368230"/>
                <a:gd name="connsiteY58" fmla="*/ 437465 h 476936"/>
                <a:gd name="connsiteX59" fmla="*/ 430886 w 2368230"/>
                <a:gd name="connsiteY59" fmla="*/ 440755 h 476936"/>
                <a:gd name="connsiteX60" fmla="*/ 421018 w 2368230"/>
                <a:gd name="connsiteY60" fmla="*/ 444044 h 476936"/>
                <a:gd name="connsiteX61" fmla="*/ 384837 w 2368230"/>
                <a:gd name="connsiteY61" fmla="*/ 453911 h 476936"/>
                <a:gd name="connsiteX62" fmla="*/ 365102 w 2368230"/>
                <a:gd name="connsiteY62" fmla="*/ 457201 h 476936"/>
                <a:gd name="connsiteX63" fmla="*/ 335499 w 2368230"/>
                <a:gd name="connsiteY63" fmla="*/ 467068 h 476936"/>
                <a:gd name="connsiteX64" fmla="*/ 282872 w 2368230"/>
                <a:gd name="connsiteY64" fmla="*/ 463779 h 476936"/>
                <a:gd name="connsiteX65" fmla="*/ 273004 w 2368230"/>
                <a:gd name="connsiteY65" fmla="*/ 460490 h 476936"/>
                <a:gd name="connsiteX66" fmla="*/ 266426 w 2368230"/>
                <a:gd name="connsiteY66" fmla="*/ 453911 h 476936"/>
                <a:gd name="connsiteX67" fmla="*/ 246690 w 2368230"/>
                <a:gd name="connsiteY67" fmla="*/ 447333 h 476936"/>
                <a:gd name="connsiteX68" fmla="*/ 236823 w 2368230"/>
                <a:gd name="connsiteY68" fmla="*/ 444044 h 476936"/>
                <a:gd name="connsiteX69" fmla="*/ 226955 w 2368230"/>
                <a:gd name="connsiteY69" fmla="*/ 440755 h 476936"/>
                <a:gd name="connsiteX70" fmla="*/ 138147 w 2368230"/>
                <a:gd name="connsiteY70" fmla="*/ 437465 h 476936"/>
                <a:gd name="connsiteX71" fmla="*/ 85519 w 2368230"/>
                <a:gd name="connsiteY71" fmla="*/ 440755 h 476936"/>
                <a:gd name="connsiteX72" fmla="*/ 69073 w 2368230"/>
                <a:gd name="connsiteY72" fmla="*/ 444044 h 476936"/>
                <a:gd name="connsiteX73" fmla="*/ 0 w 2368230"/>
                <a:gd name="connsiteY7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55113 w 2368230"/>
                <a:gd name="connsiteY13" fmla="*/ 276294 h 476936"/>
                <a:gd name="connsiteX14" fmla="*/ 1815643 w 2368230"/>
                <a:gd name="connsiteY14" fmla="*/ 282873 h 476936"/>
                <a:gd name="connsiteX15" fmla="*/ 1782751 w 2368230"/>
                <a:gd name="connsiteY15" fmla="*/ 292740 h 476936"/>
                <a:gd name="connsiteX16" fmla="*/ 1772883 w 2368230"/>
                <a:gd name="connsiteY16" fmla="*/ 296029 h 476936"/>
                <a:gd name="connsiteX17" fmla="*/ 1739991 w 2368230"/>
                <a:gd name="connsiteY17" fmla="*/ 299319 h 476936"/>
                <a:gd name="connsiteX18" fmla="*/ 1710388 w 2368230"/>
                <a:gd name="connsiteY18" fmla="*/ 309186 h 476936"/>
                <a:gd name="connsiteX19" fmla="*/ 1697231 w 2368230"/>
                <a:gd name="connsiteY19" fmla="*/ 312475 h 476936"/>
                <a:gd name="connsiteX20" fmla="*/ 1684075 w 2368230"/>
                <a:gd name="connsiteY20" fmla="*/ 319054 h 476936"/>
                <a:gd name="connsiteX21" fmla="*/ 1664339 w 2368230"/>
                <a:gd name="connsiteY21" fmla="*/ 325632 h 476936"/>
                <a:gd name="connsiteX22" fmla="*/ 1641315 w 2368230"/>
                <a:gd name="connsiteY22" fmla="*/ 332211 h 476936"/>
                <a:gd name="connsiteX23" fmla="*/ 1608423 w 2368230"/>
                <a:gd name="connsiteY23" fmla="*/ 338789 h 476936"/>
                <a:gd name="connsiteX24" fmla="*/ 1582109 w 2368230"/>
                <a:gd name="connsiteY24" fmla="*/ 342078 h 476936"/>
                <a:gd name="connsiteX25" fmla="*/ 1568952 w 2368230"/>
                <a:gd name="connsiteY25" fmla="*/ 345367 h 476936"/>
                <a:gd name="connsiteX26" fmla="*/ 1470276 w 2368230"/>
                <a:gd name="connsiteY26" fmla="*/ 351946 h 476936"/>
                <a:gd name="connsiteX27" fmla="*/ 1450541 w 2368230"/>
                <a:gd name="connsiteY27" fmla="*/ 365103 h 476936"/>
                <a:gd name="connsiteX28" fmla="*/ 1437384 w 2368230"/>
                <a:gd name="connsiteY28" fmla="*/ 378260 h 476936"/>
                <a:gd name="connsiteX29" fmla="*/ 1417649 w 2368230"/>
                <a:gd name="connsiteY29" fmla="*/ 388127 h 476936"/>
                <a:gd name="connsiteX30" fmla="*/ 1407781 w 2368230"/>
                <a:gd name="connsiteY30" fmla="*/ 397995 h 476936"/>
                <a:gd name="connsiteX31" fmla="*/ 1397913 w 2368230"/>
                <a:gd name="connsiteY31" fmla="*/ 401284 h 476936"/>
                <a:gd name="connsiteX32" fmla="*/ 1374889 w 2368230"/>
                <a:gd name="connsiteY32" fmla="*/ 411152 h 476936"/>
                <a:gd name="connsiteX33" fmla="*/ 1368311 w 2368230"/>
                <a:gd name="connsiteY33" fmla="*/ 421019 h 476936"/>
                <a:gd name="connsiteX34" fmla="*/ 1358443 w 2368230"/>
                <a:gd name="connsiteY34" fmla="*/ 424308 h 476936"/>
                <a:gd name="connsiteX35" fmla="*/ 1341997 w 2368230"/>
                <a:gd name="connsiteY35" fmla="*/ 427598 h 476936"/>
                <a:gd name="connsiteX36" fmla="*/ 1328840 w 2368230"/>
                <a:gd name="connsiteY36" fmla="*/ 430887 h 476936"/>
                <a:gd name="connsiteX37" fmla="*/ 1309105 w 2368230"/>
                <a:gd name="connsiteY37" fmla="*/ 444044 h 476936"/>
                <a:gd name="connsiteX38" fmla="*/ 1276213 w 2368230"/>
                <a:gd name="connsiteY38" fmla="*/ 453911 h 476936"/>
                <a:gd name="connsiteX39" fmla="*/ 1266345 w 2368230"/>
                <a:gd name="connsiteY39" fmla="*/ 457201 h 476936"/>
                <a:gd name="connsiteX40" fmla="*/ 1236742 w 2368230"/>
                <a:gd name="connsiteY40" fmla="*/ 473647 h 476936"/>
                <a:gd name="connsiteX41" fmla="*/ 1223585 w 2368230"/>
                <a:gd name="connsiteY41" fmla="*/ 476936 h 476936"/>
                <a:gd name="connsiteX42" fmla="*/ 1098595 w 2368230"/>
                <a:gd name="connsiteY42" fmla="*/ 473647 h 476936"/>
                <a:gd name="connsiteX43" fmla="*/ 1088728 w 2368230"/>
                <a:gd name="connsiteY43" fmla="*/ 467068 h 476936"/>
                <a:gd name="connsiteX44" fmla="*/ 1068993 w 2368230"/>
                <a:gd name="connsiteY44" fmla="*/ 460490 h 476936"/>
                <a:gd name="connsiteX45" fmla="*/ 1045968 w 2368230"/>
                <a:gd name="connsiteY45" fmla="*/ 453911 h 476936"/>
                <a:gd name="connsiteX46" fmla="*/ 1036100 w 2368230"/>
                <a:gd name="connsiteY46" fmla="*/ 447333 h 476936"/>
                <a:gd name="connsiteX47" fmla="*/ 1016365 w 2368230"/>
                <a:gd name="connsiteY47" fmla="*/ 440755 h 476936"/>
                <a:gd name="connsiteX48" fmla="*/ 1009787 w 2368230"/>
                <a:gd name="connsiteY48" fmla="*/ 434176 h 476936"/>
                <a:gd name="connsiteX49" fmla="*/ 990052 w 2368230"/>
                <a:gd name="connsiteY49" fmla="*/ 427598 h 476936"/>
                <a:gd name="connsiteX50" fmla="*/ 967027 w 2368230"/>
                <a:gd name="connsiteY50" fmla="*/ 430887 h 476936"/>
                <a:gd name="connsiteX51" fmla="*/ 953870 w 2368230"/>
                <a:gd name="connsiteY51" fmla="*/ 434176 h 476936"/>
                <a:gd name="connsiteX52" fmla="*/ 759807 w 2368230"/>
                <a:gd name="connsiteY52" fmla="*/ 440755 h 476936"/>
                <a:gd name="connsiteX53" fmla="*/ 697312 w 2368230"/>
                <a:gd name="connsiteY53" fmla="*/ 447333 h 476936"/>
                <a:gd name="connsiteX54" fmla="*/ 677577 w 2368230"/>
                <a:gd name="connsiteY54" fmla="*/ 450622 h 476936"/>
                <a:gd name="connsiteX55" fmla="*/ 522984 w 2368230"/>
                <a:gd name="connsiteY55" fmla="*/ 447333 h 476936"/>
                <a:gd name="connsiteX56" fmla="*/ 503249 w 2368230"/>
                <a:gd name="connsiteY56" fmla="*/ 440755 h 476936"/>
                <a:gd name="connsiteX57" fmla="*/ 490092 w 2368230"/>
                <a:gd name="connsiteY57" fmla="*/ 437465 h 476936"/>
                <a:gd name="connsiteX58" fmla="*/ 430886 w 2368230"/>
                <a:gd name="connsiteY58" fmla="*/ 440755 h 476936"/>
                <a:gd name="connsiteX59" fmla="*/ 421018 w 2368230"/>
                <a:gd name="connsiteY59" fmla="*/ 444044 h 476936"/>
                <a:gd name="connsiteX60" fmla="*/ 384837 w 2368230"/>
                <a:gd name="connsiteY60" fmla="*/ 453911 h 476936"/>
                <a:gd name="connsiteX61" fmla="*/ 365102 w 2368230"/>
                <a:gd name="connsiteY61" fmla="*/ 457201 h 476936"/>
                <a:gd name="connsiteX62" fmla="*/ 335499 w 2368230"/>
                <a:gd name="connsiteY62" fmla="*/ 467068 h 476936"/>
                <a:gd name="connsiteX63" fmla="*/ 282872 w 2368230"/>
                <a:gd name="connsiteY63" fmla="*/ 463779 h 476936"/>
                <a:gd name="connsiteX64" fmla="*/ 273004 w 2368230"/>
                <a:gd name="connsiteY64" fmla="*/ 460490 h 476936"/>
                <a:gd name="connsiteX65" fmla="*/ 266426 w 2368230"/>
                <a:gd name="connsiteY65" fmla="*/ 453911 h 476936"/>
                <a:gd name="connsiteX66" fmla="*/ 246690 w 2368230"/>
                <a:gd name="connsiteY66" fmla="*/ 447333 h 476936"/>
                <a:gd name="connsiteX67" fmla="*/ 236823 w 2368230"/>
                <a:gd name="connsiteY67" fmla="*/ 444044 h 476936"/>
                <a:gd name="connsiteX68" fmla="*/ 226955 w 2368230"/>
                <a:gd name="connsiteY68" fmla="*/ 440755 h 476936"/>
                <a:gd name="connsiteX69" fmla="*/ 138147 w 2368230"/>
                <a:gd name="connsiteY69" fmla="*/ 437465 h 476936"/>
                <a:gd name="connsiteX70" fmla="*/ 85519 w 2368230"/>
                <a:gd name="connsiteY70" fmla="*/ 440755 h 476936"/>
                <a:gd name="connsiteX71" fmla="*/ 69073 w 2368230"/>
                <a:gd name="connsiteY71" fmla="*/ 444044 h 476936"/>
                <a:gd name="connsiteX72" fmla="*/ 0 w 2368230"/>
                <a:gd name="connsiteY7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55113 w 2368230"/>
                <a:gd name="connsiteY12" fmla="*/ 276294 h 476936"/>
                <a:gd name="connsiteX13" fmla="*/ 1815643 w 2368230"/>
                <a:gd name="connsiteY13" fmla="*/ 282873 h 476936"/>
                <a:gd name="connsiteX14" fmla="*/ 1782751 w 2368230"/>
                <a:gd name="connsiteY14" fmla="*/ 292740 h 476936"/>
                <a:gd name="connsiteX15" fmla="*/ 1772883 w 2368230"/>
                <a:gd name="connsiteY15" fmla="*/ 296029 h 476936"/>
                <a:gd name="connsiteX16" fmla="*/ 1739991 w 2368230"/>
                <a:gd name="connsiteY16" fmla="*/ 299319 h 476936"/>
                <a:gd name="connsiteX17" fmla="*/ 1710388 w 2368230"/>
                <a:gd name="connsiteY17" fmla="*/ 309186 h 476936"/>
                <a:gd name="connsiteX18" fmla="*/ 1697231 w 2368230"/>
                <a:gd name="connsiteY18" fmla="*/ 312475 h 476936"/>
                <a:gd name="connsiteX19" fmla="*/ 1684075 w 2368230"/>
                <a:gd name="connsiteY19" fmla="*/ 319054 h 476936"/>
                <a:gd name="connsiteX20" fmla="*/ 1664339 w 2368230"/>
                <a:gd name="connsiteY20" fmla="*/ 325632 h 476936"/>
                <a:gd name="connsiteX21" fmla="*/ 1641315 w 2368230"/>
                <a:gd name="connsiteY21" fmla="*/ 332211 h 476936"/>
                <a:gd name="connsiteX22" fmla="*/ 1608423 w 2368230"/>
                <a:gd name="connsiteY22" fmla="*/ 338789 h 476936"/>
                <a:gd name="connsiteX23" fmla="*/ 1582109 w 2368230"/>
                <a:gd name="connsiteY23" fmla="*/ 342078 h 476936"/>
                <a:gd name="connsiteX24" fmla="*/ 1568952 w 2368230"/>
                <a:gd name="connsiteY24" fmla="*/ 345367 h 476936"/>
                <a:gd name="connsiteX25" fmla="*/ 1470276 w 2368230"/>
                <a:gd name="connsiteY25" fmla="*/ 351946 h 476936"/>
                <a:gd name="connsiteX26" fmla="*/ 1450541 w 2368230"/>
                <a:gd name="connsiteY26" fmla="*/ 365103 h 476936"/>
                <a:gd name="connsiteX27" fmla="*/ 1437384 w 2368230"/>
                <a:gd name="connsiteY27" fmla="*/ 378260 h 476936"/>
                <a:gd name="connsiteX28" fmla="*/ 1417649 w 2368230"/>
                <a:gd name="connsiteY28" fmla="*/ 388127 h 476936"/>
                <a:gd name="connsiteX29" fmla="*/ 1407781 w 2368230"/>
                <a:gd name="connsiteY29" fmla="*/ 397995 h 476936"/>
                <a:gd name="connsiteX30" fmla="*/ 1397913 w 2368230"/>
                <a:gd name="connsiteY30" fmla="*/ 401284 h 476936"/>
                <a:gd name="connsiteX31" fmla="*/ 1374889 w 2368230"/>
                <a:gd name="connsiteY31" fmla="*/ 411152 h 476936"/>
                <a:gd name="connsiteX32" fmla="*/ 1368311 w 2368230"/>
                <a:gd name="connsiteY32" fmla="*/ 421019 h 476936"/>
                <a:gd name="connsiteX33" fmla="*/ 1358443 w 2368230"/>
                <a:gd name="connsiteY33" fmla="*/ 424308 h 476936"/>
                <a:gd name="connsiteX34" fmla="*/ 1341997 w 2368230"/>
                <a:gd name="connsiteY34" fmla="*/ 427598 h 476936"/>
                <a:gd name="connsiteX35" fmla="*/ 1328840 w 2368230"/>
                <a:gd name="connsiteY35" fmla="*/ 430887 h 476936"/>
                <a:gd name="connsiteX36" fmla="*/ 1309105 w 2368230"/>
                <a:gd name="connsiteY36" fmla="*/ 444044 h 476936"/>
                <a:gd name="connsiteX37" fmla="*/ 1276213 w 2368230"/>
                <a:gd name="connsiteY37" fmla="*/ 453911 h 476936"/>
                <a:gd name="connsiteX38" fmla="*/ 1266345 w 2368230"/>
                <a:gd name="connsiteY38" fmla="*/ 457201 h 476936"/>
                <a:gd name="connsiteX39" fmla="*/ 1236742 w 2368230"/>
                <a:gd name="connsiteY39" fmla="*/ 473647 h 476936"/>
                <a:gd name="connsiteX40" fmla="*/ 1223585 w 2368230"/>
                <a:gd name="connsiteY40" fmla="*/ 476936 h 476936"/>
                <a:gd name="connsiteX41" fmla="*/ 1098595 w 2368230"/>
                <a:gd name="connsiteY41" fmla="*/ 473647 h 476936"/>
                <a:gd name="connsiteX42" fmla="*/ 1088728 w 2368230"/>
                <a:gd name="connsiteY42" fmla="*/ 467068 h 476936"/>
                <a:gd name="connsiteX43" fmla="*/ 1068993 w 2368230"/>
                <a:gd name="connsiteY43" fmla="*/ 460490 h 476936"/>
                <a:gd name="connsiteX44" fmla="*/ 1045968 w 2368230"/>
                <a:gd name="connsiteY44" fmla="*/ 453911 h 476936"/>
                <a:gd name="connsiteX45" fmla="*/ 1036100 w 2368230"/>
                <a:gd name="connsiteY45" fmla="*/ 447333 h 476936"/>
                <a:gd name="connsiteX46" fmla="*/ 1016365 w 2368230"/>
                <a:gd name="connsiteY46" fmla="*/ 440755 h 476936"/>
                <a:gd name="connsiteX47" fmla="*/ 1009787 w 2368230"/>
                <a:gd name="connsiteY47" fmla="*/ 434176 h 476936"/>
                <a:gd name="connsiteX48" fmla="*/ 990052 w 2368230"/>
                <a:gd name="connsiteY48" fmla="*/ 427598 h 476936"/>
                <a:gd name="connsiteX49" fmla="*/ 967027 w 2368230"/>
                <a:gd name="connsiteY49" fmla="*/ 430887 h 476936"/>
                <a:gd name="connsiteX50" fmla="*/ 953870 w 2368230"/>
                <a:gd name="connsiteY50" fmla="*/ 434176 h 476936"/>
                <a:gd name="connsiteX51" fmla="*/ 759807 w 2368230"/>
                <a:gd name="connsiteY51" fmla="*/ 440755 h 476936"/>
                <a:gd name="connsiteX52" fmla="*/ 697312 w 2368230"/>
                <a:gd name="connsiteY52" fmla="*/ 447333 h 476936"/>
                <a:gd name="connsiteX53" fmla="*/ 677577 w 2368230"/>
                <a:gd name="connsiteY53" fmla="*/ 450622 h 476936"/>
                <a:gd name="connsiteX54" fmla="*/ 522984 w 2368230"/>
                <a:gd name="connsiteY54" fmla="*/ 447333 h 476936"/>
                <a:gd name="connsiteX55" fmla="*/ 503249 w 2368230"/>
                <a:gd name="connsiteY55" fmla="*/ 440755 h 476936"/>
                <a:gd name="connsiteX56" fmla="*/ 490092 w 2368230"/>
                <a:gd name="connsiteY56" fmla="*/ 437465 h 476936"/>
                <a:gd name="connsiteX57" fmla="*/ 430886 w 2368230"/>
                <a:gd name="connsiteY57" fmla="*/ 440755 h 476936"/>
                <a:gd name="connsiteX58" fmla="*/ 421018 w 2368230"/>
                <a:gd name="connsiteY58" fmla="*/ 444044 h 476936"/>
                <a:gd name="connsiteX59" fmla="*/ 384837 w 2368230"/>
                <a:gd name="connsiteY59" fmla="*/ 453911 h 476936"/>
                <a:gd name="connsiteX60" fmla="*/ 365102 w 2368230"/>
                <a:gd name="connsiteY60" fmla="*/ 457201 h 476936"/>
                <a:gd name="connsiteX61" fmla="*/ 335499 w 2368230"/>
                <a:gd name="connsiteY61" fmla="*/ 467068 h 476936"/>
                <a:gd name="connsiteX62" fmla="*/ 282872 w 2368230"/>
                <a:gd name="connsiteY62" fmla="*/ 463779 h 476936"/>
                <a:gd name="connsiteX63" fmla="*/ 273004 w 2368230"/>
                <a:gd name="connsiteY63" fmla="*/ 460490 h 476936"/>
                <a:gd name="connsiteX64" fmla="*/ 266426 w 2368230"/>
                <a:gd name="connsiteY64" fmla="*/ 453911 h 476936"/>
                <a:gd name="connsiteX65" fmla="*/ 246690 w 2368230"/>
                <a:gd name="connsiteY65" fmla="*/ 447333 h 476936"/>
                <a:gd name="connsiteX66" fmla="*/ 236823 w 2368230"/>
                <a:gd name="connsiteY66" fmla="*/ 444044 h 476936"/>
                <a:gd name="connsiteX67" fmla="*/ 226955 w 2368230"/>
                <a:gd name="connsiteY67" fmla="*/ 440755 h 476936"/>
                <a:gd name="connsiteX68" fmla="*/ 138147 w 2368230"/>
                <a:gd name="connsiteY68" fmla="*/ 437465 h 476936"/>
                <a:gd name="connsiteX69" fmla="*/ 85519 w 2368230"/>
                <a:gd name="connsiteY69" fmla="*/ 440755 h 476936"/>
                <a:gd name="connsiteX70" fmla="*/ 69073 w 2368230"/>
                <a:gd name="connsiteY70" fmla="*/ 444044 h 476936"/>
                <a:gd name="connsiteX71" fmla="*/ 0 w 2368230"/>
                <a:gd name="connsiteY7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55113 w 2368230"/>
                <a:gd name="connsiteY11" fmla="*/ 276294 h 476936"/>
                <a:gd name="connsiteX12" fmla="*/ 1815643 w 2368230"/>
                <a:gd name="connsiteY12" fmla="*/ 282873 h 476936"/>
                <a:gd name="connsiteX13" fmla="*/ 1782751 w 2368230"/>
                <a:gd name="connsiteY13" fmla="*/ 292740 h 476936"/>
                <a:gd name="connsiteX14" fmla="*/ 1772883 w 2368230"/>
                <a:gd name="connsiteY14" fmla="*/ 296029 h 476936"/>
                <a:gd name="connsiteX15" fmla="*/ 1739991 w 2368230"/>
                <a:gd name="connsiteY15" fmla="*/ 299319 h 476936"/>
                <a:gd name="connsiteX16" fmla="*/ 1710388 w 2368230"/>
                <a:gd name="connsiteY16" fmla="*/ 309186 h 476936"/>
                <a:gd name="connsiteX17" fmla="*/ 1697231 w 2368230"/>
                <a:gd name="connsiteY17" fmla="*/ 312475 h 476936"/>
                <a:gd name="connsiteX18" fmla="*/ 1684075 w 2368230"/>
                <a:gd name="connsiteY18" fmla="*/ 319054 h 476936"/>
                <a:gd name="connsiteX19" fmla="*/ 1664339 w 2368230"/>
                <a:gd name="connsiteY19" fmla="*/ 325632 h 476936"/>
                <a:gd name="connsiteX20" fmla="*/ 1641315 w 2368230"/>
                <a:gd name="connsiteY20" fmla="*/ 332211 h 476936"/>
                <a:gd name="connsiteX21" fmla="*/ 1608423 w 2368230"/>
                <a:gd name="connsiteY21" fmla="*/ 338789 h 476936"/>
                <a:gd name="connsiteX22" fmla="*/ 1582109 w 2368230"/>
                <a:gd name="connsiteY22" fmla="*/ 342078 h 476936"/>
                <a:gd name="connsiteX23" fmla="*/ 1568952 w 2368230"/>
                <a:gd name="connsiteY23" fmla="*/ 345367 h 476936"/>
                <a:gd name="connsiteX24" fmla="*/ 1470276 w 2368230"/>
                <a:gd name="connsiteY24" fmla="*/ 351946 h 476936"/>
                <a:gd name="connsiteX25" fmla="*/ 1450541 w 2368230"/>
                <a:gd name="connsiteY25" fmla="*/ 365103 h 476936"/>
                <a:gd name="connsiteX26" fmla="*/ 1437384 w 2368230"/>
                <a:gd name="connsiteY26" fmla="*/ 378260 h 476936"/>
                <a:gd name="connsiteX27" fmla="*/ 1417649 w 2368230"/>
                <a:gd name="connsiteY27" fmla="*/ 388127 h 476936"/>
                <a:gd name="connsiteX28" fmla="*/ 1407781 w 2368230"/>
                <a:gd name="connsiteY28" fmla="*/ 397995 h 476936"/>
                <a:gd name="connsiteX29" fmla="*/ 1397913 w 2368230"/>
                <a:gd name="connsiteY29" fmla="*/ 401284 h 476936"/>
                <a:gd name="connsiteX30" fmla="*/ 1374889 w 2368230"/>
                <a:gd name="connsiteY30" fmla="*/ 411152 h 476936"/>
                <a:gd name="connsiteX31" fmla="*/ 1368311 w 2368230"/>
                <a:gd name="connsiteY31" fmla="*/ 421019 h 476936"/>
                <a:gd name="connsiteX32" fmla="*/ 1358443 w 2368230"/>
                <a:gd name="connsiteY32" fmla="*/ 424308 h 476936"/>
                <a:gd name="connsiteX33" fmla="*/ 1341997 w 2368230"/>
                <a:gd name="connsiteY33" fmla="*/ 427598 h 476936"/>
                <a:gd name="connsiteX34" fmla="*/ 1328840 w 2368230"/>
                <a:gd name="connsiteY34" fmla="*/ 430887 h 476936"/>
                <a:gd name="connsiteX35" fmla="*/ 1309105 w 2368230"/>
                <a:gd name="connsiteY35" fmla="*/ 444044 h 476936"/>
                <a:gd name="connsiteX36" fmla="*/ 1276213 w 2368230"/>
                <a:gd name="connsiteY36" fmla="*/ 453911 h 476936"/>
                <a:gd name="connsiteX37" fmla="*/ 1266345 w 2368230"/>
                <a:gd name="connsiteY37" fmla="*/ 457201 h 476936"/>
                <a:gd name="connsiteX38" fmla="*/ 1236742 w 2368230"/>
                <a:gd name="connsiteY38" fmla="*/ 473647 h 476936"/>
                <a:gd name="connsiteX39" fmla="*/ 1223585 w 2368230"/>
                <a:gd name="connsiteY39" fmla="*/ 476936 h 476936"/>
                <a:gd name="connsiteX40" fmla="*/ 1098595 w 2368230"/>
                <a:gd name="connsiteY40" fmla="*/ 473647 h 476936"/>
                <a:gd name="connsiteX41" fmla="*/ 1088728 w 2368230"/>
                <a:gd name="connsiteY41" fmla="*/ 467068 h 476936"/>
                <a:gd name="connsiteX42" fmla="*/ 1068993 w 2368230"/>
                <a:gd name="connsiteY42" fmla="*/ 460490 h 476936"/>
                <a:gd name="connsiteX43" fmla="*/ 1045968 w 2368230"/>
                <a:gd name="connsiteY43" fmla="*/ 453911 h 476936"/>
                <a:gd name="connsiteX44" fmla="*/ 1036100 w 2368230"/>
                <a:gd name="connsiteY44" fmla="*/ 447333 h 476936"/>
                <a:gd name="connsiteX45" fmla="*/ 1016365 w 2368230"/>
                <a:gd name="connsiteY45" fmla="*/ 440755 h 476936"/>
                <a:gd name="connsiteX46" fmla="*/ 1009787 w 2368230"/>
                <a:gd name="connsiteY46" fmla="*/ 434176 h 476936"/>
                <a:gd name="connsiteX47" fmla="*/ 990052 w 2368230"/>
                <a:gd name="connsiteY47" fmla="*/ 427598 h 476936"/>
                <a:gd name="connsiteX48" fmla="*/ 967027 w 2368230"/>
                <a:gd name="connsiteY48" fmla="*/ 430887 h 476936"/>
                <a:gd name="connsiteX49" fmla="*/ 953870 w 2368230"/>
                <a:gd name="connsiteY49" fmla="*/ 434176 h 476936"/>
                <a:gd name="connsiteX50" fmla="*/ 759807 w 2368230"/>
                <a:gd name="connsiteY50" fmla="*/ 440755 h 476936"/>
                <a:gd name="connsiteX51" fmla="*/ 697312 w 2368230"/>
                <a:gd name="connsiteY51" fmla="*/ 447333 h 476936"/>
                <a:gd name="connsiteX52" fmla="*/ 677577 w 2368230"/>
                <a:gd name="connsiteY52" fmla="*/ 450622 h 476936"/>
                <a:gd name="connsiteX53" fmla="*/ 522984 w 2368230"/>
                <a:gd name="connsiteY53" fmla="*/ 447333 h 476936"/>
                <a:gd name="connsiteX54" fmla="*/ 503249 w 2368230"/>
                <a:gd name="connsiteY54" fmla="*/ 440755 h 476936"/>
                <a:gd name="connsiteX55" fmla="*/ 490092 w 2368230"/>
                <a:gd name="connsiteY55" fmla="*/ 437465 h 476936"/>
                <a:gd name="connsiteX56" fmla="*/ 430886 w 2368230"/>
                <a:gd name="connsiteY56" fmla="*/ 440755 h 476936"/>
                <a:gd name="connsiteX57" fmla="*/ 421018 w 2368230"/>
                <a:gd name="connsiteY57" fmla="*/ 444044 h 476936"/>
                <a:gd name="connsiteX58" fmla="*/ 384837 w 2368230"/>
                <a:gd name="connsiteY58" fmla="*/ 453911 h 476936"/>
                <a:gd name="connsiteX59" fmla="*/ 365102 w 2368230"/>
                <a:gd name="connsiteY59" fmla="*/ 457201 h 476936"/>
                <a:gd name="connsiteX60" fmla="*/ 335499 w 2368230"/>
                <a:gd name="connsiteY60" fmla="*/ 467068 h 476936"/>
                <a:gd name="connsiteX61" fmla="*/ 282872 w 2368230"/>
                <a:gd name="connsiteY61" fmla="*/ 463779 h 476936"/>
                <a:gd name="connsiteX62" fmla="*/ 273004 w 2368230"/>
                <a:gd name="connsiteY62" fmla="*/ 460490 h 476936"/>
                <a:gd name="connsiteX63" fmla="*/ 266426 w 2368230"/>
                <a:gd name="connsiteY63" fmla="*/ 453911 h 476936"/>
                <a:gd name="connsiteX64" fmla="*/ 246690 w 2368230"/>
                <a:gd name="connsiteY64" fmla="*/ 447333 h 476936"/>
                <a:gd name="connsiteX65" fmla="*/ 236823 w 2368230"/>
                <a:gd name="connsiteY65" fmla="*/ 444044 h 476936"/>
                <a:gd name="connsiteX66" fmla="*/ 226955 w 2368230"/>
                <a:gd name="connsiteY66" fmla="*/ 440755 h 476936"/>
                <a:gd name="connsiteX67" fmla="*/ 138147 w 2368230"/>
                <a:gd name="connsiteY67" fmla="*/ 437465 h 476936"/>
                <a:gd name="connsiteX68" fmla="*/ 85519 w 2368230"/>
                <a:gd name="connsiteY68" fmla="*/ 440755 h 476936"/>
                <a:gd name="connsiteX69" fmla="*/ 69073 w 2368230"/>
                <a:gd name="connsiteY69" fmla="*/ 444044 h 476936"/>
                <a:gd name="connsiteX70" fmla="*/ 0 w 2368230"/>
                <a:gd name="connsiteY7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15643 w 2368230"/>
                <a:gd name="connsiteY11" fmla="*/ 282873 h 476936"/>
                <a:gd name="connsiteX12" fmla="*/ 1782751 w 2368230"/>
                <a:gd name="connsiteY12" fmla="*/ 292740 h 476936"/>
                <a:gd name="connsiteX13" fmla="*/ 1772883 w 2368230"/>
                <a:gd name="connsiteY13" fmla="*/ 296029 h 476936"/>
                <a:gd name="connsiteX14" fmla="*/ 1739991 w 2368230"/>
                <a:gd name="connsiteY14" fmla="*/ 299319 h 476936"/>
                <a:gd name="connsiteX15" fmla="*/ 1710388 w 2368230"/>
                <a:gd name="connsiteY15" fmla="*/ 309186 h 476936"/>
                <a:gd name="connsiteX16" fmla="*/ 1697231 w 2368230"/>
                <a:gd name="connsiteY16" fmla="*/ 312475 h 476936"/>
                <a:gd name="connsiteX17" fmla="*/ 1684075 w 2368230"/>
                <a:gd name="connsiteY17" fmla="*/ 319054 h 476936"/>
                <a:gd name="connsiteX18" fmla="*/ 1664339 w 2368230"/>
                <a:gd name="connsiteY18" fmla="*/ 325632 h 476936"/>
                <a:gd name="connsiteX19" fmla="*/ 1641315 w 2368230"/>
                <a:gd name="connsiteY19" fmla="*/ 332211 h 476936"/>
                <a:gd name="connsiteX20" fmla="*/ 1608423 w 2368230"/>
                <a:gd name="connsiteY20" fmla="*/ 338789 h 476936"/>
                <a:gd name="connsiteX21" fmla="*/ 1582109 w 2368230"/>
                <a:gd name="connsiteY21" fmla="*/ 342078 h 476936"/>
                <a:gd name="connsiteX22" fmla="*/ 1568952 w 2368230"/>
                <a:gd name="connsiteY22" fmla="*/ 345367 h 476936"/>
                <a:gd name="connsiteX23" fmla="*/ 1470276 w 2368230"/>
                <a:gd name="connsiteY23" fmla="*/ 351946 h 476936"/>
                <a:gd name="connsiteX24" fmla="*/ 1450541 w 2368230"/>
                <a:gd name="connsiteY24" fmla="*/ 365103 h 476936"/>
                <a:gd name="connsiteX25" fmla="*/ 1437384 w 2368230"/>
                <a:gd name="connsiteY25" fmla="*/ 378260 h 476936"/>
                <a:gd name="connsiteX26" fmla="*/ 1417649 w 2368230"/>
                <a:gd name="connsiteY26" fmla="*/ 388127 h 476936"/>
                <a:gd name="connsiteX27" fmla="*/ 1407781 w 2368230"/>
                <a:gd name="connsiteY27" fmla="*/ 397995 h 476936"/>
                <a:gd name="connsiteX28" fmla="*/ 1397913 w 2368230"/>
                <a:gd name="connsiteY28" fmla="*/ 401284 h 476936"/>
                <a:gd name="connsiteX29" fmla="*/ 1374889 w 2368230"/>
                <a:gd name="connsiteY29" fmla="*/ 411152 h 476936"/>
                <a:gd name="connsiteX30" fmla="*/ 1368311 w 2368230"/>
                <a:gd name="connsiteY30" fmla="*/ 421019 h 476936"/>
                <a:gd name="connsiteX31" fmla="*/ 1358443 w 2368230"/>
                <a:gd name="connsiteY31" fmla="*/ 424308 h 476936"/>
                <a:gd name="connsiteX32" fmla="*/ 1341997 w 2368230"/>
                <a:gd name="connsiteY32" fmla="*/ 427598 h 476936"/>
                <a:gd name="connsiteX33" fmla="*/ 1328840 w 2368230"/>
                <a:gd name="connsiteY33" fmla="*/ 430887 h 476936"/>
                <a:gd name="connsiteX34" fmla="*/ 1309105 w 2368230"/>
                <a:gd name="connsiteY34" fmla="*/ 444044 h 476936"/>
                <a:gd name="connsiteX35" fmla="*/ 1276213 w 2368230"/>
                <a:gd name="connsiteY35" fmla="*/ 453911 h 476936"/>
                <a:gd name="connsiteX36" fmla="*/ 1266345 w 2368230"/>
                <a:gd name="connsiteY36" fmla="*/ 457201 h 476936"/>
                <a:gd name="connsiteX37" fmla="*/ 1236742 w 2368230"/>
                <a:gd name="connsiteY37" fmla="*/ 473647 h 476936"/>
                <a:gd name="connsiteX38" fmla="*/ 1223585 w 2368230"/>
                <a:gd name="connsiteY38" fmla="*/ 476936 h 476936"/>
                <a:gd name="connsiteX39" fmla="*/ 1098595 w 2368230"/>
                <a:gd name="connsiteY39" fmla="*/ 473647 h 476936"/>
                <a:gd name="connsiteX40" fmla="*/ 1088728 w 2368230"/>
                <a:gd name="connsiteY40" fmla="*/ 467068 h 476936"/>
                <a:gd name="connsiteX41" fmla="*/ 1068993 w 2368230"/>
                <a:gd name="connsiteY41" fmla="*/ 460490 h 476936"/>
                <a:gd name="connsiteX42" fmla="*/ 1045968 w 2368230"/>
                <a:gd name="connsiteY42" fmla="*/ 453911 h 476936"/>
                <a:gd name="connsiteX43" fmla="*/ 1036100 w 2368230"/>
                <a:gd name="connsiteY43" fmla="*/ 447333 h 476936"/>
                <a:gd name="connsiteX44" fmla="*/ 1016365 w 2368230"/>
                <a:gd name="connsiteY44" fmla="*/ 440755 h 476936"/>
                <a:gd name="connsiteX45" fmla="*/ 1009787 w 2368230"/>
                <a:gd name="connsiteY45" fmla="*/ 434176 h 476936"/>
                <a:gd name="connsiteX46" fmla="*/ 990052 w 2368230"/>
                <a:gd name="connsiteY46" fmla="*/ 427598 h 476936"/>
                <a:gd name="connsiteX47" fmla="*/ 967027 w 2368230"/>
                <a:gd name="connsiteY47" fmla="*/ 430887 h 476936"/>
                <a:gd name="connsiteX48" fmla="*/ 953870 w 2368230"/>
                <a:gd name="connsiteY48" fmla="*/ 434176 h 476936"/>
                <a:gd name="connsiteX49" fmla="*/ 759807 w 2368230"/>
                <a:gd name="connsiteY49" fmla="*/ 440755 h 476936"/>
                <a:gd name="connsiteX50" fmla="*/ 697312 w 2368230"/>
                <a:gd name="connsiteY50" fmla="*/ 447333 h 476936"/>
                <a:gd name="connsiteX51" fmla="*/ 677577 w 2368230"/>
                <a:gd name="connsiteY51" fmla="*/ 450622 h 476936"/>
                <a:gd name="connsiteX52" fmla="*/ 522984 w 2368230"/>
                <a:gd name="connsiteY52" fmla="*/ 447333 h 476936"/>
                <a:gd name="connsiteX53" fmla="*/ 503249 w 2368230"/>
                <a:gd name="connsiteY53" fmla="*/ 440755 h 476936"/>
                <a:gd name="connsiteX54" fmla="*/ 490092 w 2368230"/>
                <a:gd name="connsiteY54" fmla="*/ 437465 h 476936"/>
                <a:gd name="connsiteX55" fmla="*/ 430886 w 2368230"/>
                <a:gd name="connsiteY55" fmla="*/ 440755 h 476936"/>
                <a:gd name="connsiteX56" fmla="*/ 421018 w 2368230"/>
                <a:gd name="connsiteY56" fmla="*/ 444044 h 476936"/>
                <a:gd name="connsiteX57" fmla="*/ 384837 w 2368230"/>
                <a:gd name="connsiteY57" fmla="*/ 453911 h 476936"/>
                <a:gd name="connsiteX58" fmla="*/ 365102 w 2368230"/>
                <a:gd name="connsiteY58" fmla="*/ 457201 h 476936"/>
                <a:gd name="connsiteX59" fmla="*/ 335499 w 2368230"/>
                <a:gd name="connsiteY59" fmla="*/ 467068 h 476936"/>
                <a:gd name="connsiteX60" fmla="*/ 282872 w 2368230"/>
                <a:gd name="connsiteY60" fmla="*/ 463779 h 476936"/>
                <a:gd name="connsiteX61" fmla="*/ 273004 w 2368230"/>
                <a:gd name="connsiteY61" fmla="*/ 460490 h 476936"/>
                <a:gd name="connsiteX62" fmla="*/ 266426 w 2368230"/>
                <a:gd name="connsiteY62" fmla="*/ 453911 h 476936"/>
                <a:gd name="connsiteX63" fmla="*/ 246690 w 2368230"/>
                <a:gd name="connsiteY63" fmla="*/ 447333 h 476936"/>
                <a:gd name="connsiteX64" fmla="*/ 236823 w 2368230"/>
                <a:gd name="connsiteY64" fmla="*/ 444044 h 476936"/>
                <a:gd name="connsiteX65" fmla="*/ 226955 w 2368230"/>
                <a:gd name="connsiteY65" fmla="*/ 440755 h 476936"/>
                <a:gd name="connsiteX66" fmla="*/ 138147 w 2368230"/>
                <a:gd name="connsiteY66" fmla="*/ 437465 h 476936"/>
                <a:gd name="connsiteX67" fmla="*/ 85519 w 2368230"/>
                <a:gd name="connsiteY67" fmla="*/ 440755 h 476936"/>
                <a:gd name="connsiteX68" fmla="*/ 69073 w 2368230"/>
                <a:gd name="connsiteY68" fmla="*/ 444044 h 476936"/>
                <a:gd name="connsiteX69" fmla="*/ 0 w 2368230"/>
                <a:gd name="connsiteY6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72883 w 2368230"/>
                <a:gd name="connsiteY12" fmla="*/ 296029 h 476936"/>
                <a:gd name="connsiteX13" fmla="*/ 1739991 w 2368230"/>
                <a:gd name="connsiteY13" fmla="*/ 299319 h 476936"/>
                <a:gd name="connsiteX14" fmla="*/ 1710388 w 2368230"/>
                <a:gd name="connsiteY14" fmla="*/ 309186 h 476936"/>
                <a:gd name="connsiteX15" fmla="*/ 1697231 w 2368230"/>
                <a:gd name="connsiteY15" fmla="*/ 312475 h 476936"/>
                <a:gd name="connsiteX16" fmla="*/ 1684075 w 2368230"/>
                <a:gd name="connsiteY16" fmla="*/ 319054 h 476936"/>
                <a:gd name="connsiteX17" fmla="*/ 1664339 w 2368230"/>
                <a:gd name="connsiteY17" fmla="*/ 325632 h 476936"/>
                <a:gd name="connsiteX18" fmla="*/ 1641315 w 2368230"/>
                <a:gd name="connsiteY18" fmla="*/ 332211 h 476936"/>
                <a:gd name="connsiteX19" fmla="*/ 1608423 w 2368230"/>
                <a:gd name="connsiteY19" fmla="*/ 338789 h 476936"/>
                <a:gd name="connsiteX20" fmla="*/ 1582109 w 2368230"/>
                <a:gd name="connsiteY20" fmla="*/ 342078 h 476936"/>
                <a:gd name="connsiteX21" fmla="*/ 1568952 w 2368230"/>
                <a:gd name="connsiteY21" fmla="*/ 345367 h 476936"/>
                <a:gd name="connsiteX22" fmla="*/ 1470276 w 2368230"/>
                <a:gd name="connsiteY22" fmla="*/ 351946 h 476936"/>
                <a:gd name="connsiteX23" fmla="*/ 1450541 w 2368230"/>
                <a:gd name="connsiteY23" fmla="*/ 365103 h 476936"/>
                <a:gd name="connsiteX24" fmla="*/ 1437384 w 2368230"/>
                <a:gd name="connsiteY24" fmla="*/ 378260 h 476936"/>
                <a:gd name="connsiteX25" fmla="*/ 1417649 w 2368230"/>
                <a:gd name="connsiteY25" fmla="*/ 388127 h 476936"/>
                <a:gd name="connsiteX26" fmla="*/ 1407781 w 2368230"/>
                <a:gd name="connsiteY26" fmla="*/ 397995 h 476936"/>
                <a:gd name="connsiteX27" fmla="*/ 1397913 w 2368230"/>
                <a:gd name="connsiteY27" fmla="*/ 401284 h 476936"/>
                <a:gd name="connsiteX28" fmla="*/ 1374889 w 2368230"/>
                <a:gd name="connsiteY28" fmla="*/ 411152 h 476936"/>
                <a:gd name="connsiteX29" fmla="*/ 1368311 w 2368230"/>
                <a:gd name="connsiteY29" fmla="*/ 421019 h 476936"/>
                <a:gd name="connsiteX30" fmla="*/ 1358443 w 2368230"/>
                <a:gd name="connsiteY30" fmla="*/ 424308 h 476936"/>
                <a:gd name="connsiteX31" fmla="*/ 1341997 w 2368230"/>
                <a:gd name="connsiteY31" fmla="*/ 427598 h 476936"/>
                <a:gd name="connsiteX32" fmla="*/ 1328840 w 2368230"/>
                <a:gd name="connsiteY32" fmla="*/ 430887 h 476936"/>
                <a:gd name="connsiteX33" fmla="*/ 1309105 w 2368230"/>
                <a:gd name="connsiteY33" fmla="*/ 444044 h 476936"/>
                <a:gd name="connsiteX34" fmla="*/ 1276213 w 2368230"/>
                <a:gd name="connsiteY34" fmla="*/ 453911 h 476936"/>
                <a:gd name="connsiteX35" fmla="*/ 1266345 w 2368230"/>
                <a:gd name="connsiteY35" fmla="*/ 457201 h 476936"/>
                <a:gd name="connsiteX36" fmla="*/ 1236742 w 2368230"/>
                <a:gd name="connsiteY36" fmla="*/ 473647 h 476936"/>
                <a:gd name="connsiteX37" fmla="*/ 1223585 w 2368230"/>
                <a:gd name="connsiteY37" fmla="*/ 476936 h 476936"/>
                <a:gd name="connsiteX38" fmla="*/ 1098595 w 2368230"/>
                <a:gd name="connsiteY38" fmla="*/ 473647 h 476936"/>
                <a:gd name="connsiteX39" fmla="*/ 1088728 w 2368230"/>
                <a:gd name="connsiteY39" fmla="*/ 467068 h 476936"/>
                <a:gd name="connsiteX40" fmla="*/ 1068993 w 2368230"/>
                <a:gd name="connsiteY40" fmla="*/ 460490 h 476936"/>
                <a:gd name="connsiteX41" fmla="*/ 1045968 w 2368230"/>
                <a:gd name="connsiteY41" fmla="*/ 453911 h 476936"/>
                <a:gd name="connsiteX42" fmla="*/ 1036100 w 2368230"/>
                <a:gd name="connsiteY42" fmla="*/ 447333 h 476936"/>
                <a:gd name="connsiteX43" fmla="*/ 1016365 w 2368230"/>
                <a:gd name="connsiteY43" fmla="*/ 440755 h 476936"/>
                <a:gd name="connsiteX44" fmla="*/ 1009787 w 2368230"/>
                <a:gd name="connsiteY44" fmla="*/ 434176 h 476936"/>
                <a:gd name="connsiteX45" fmla="*/ 990052 w 2368230"/>
                <a:gd name="connsiteY45" fmla="*/ 427598 h 476936"/>
                <a:gd name="connsiteX46" fmla="*/ 967027 w 2368230"/>
                <a:gd name="connsiteY46" fmla="*/ 430887 h 476936"/>
                <a:gd name="connsiteX47" fmla="*/ 953870 w 2368230"/>
                <a:gd name="connsiteY47" fmla="*/ 434176 h 476936"/>
                <a:gd name="connsiteX48" fmla="*/ 759807 w 2368230"/>
                <a:gd name="connsiteY48" fmla="*/ 440755 h 476936"/>
                <a:gd name="connsiteX49" fmla="*/ 697312 w 2368230"/>
                <a:gd name="connsiteY49" fmla="*/ 447333 h 476936"/>
                <a:gd name="connsiteX50" fmla="*/ 677577 w 2368230"/>
                <a:gd name="connsiteY50" fmla="*/ 450622 h 476936"/>
                <a:gd name="connsiteX51" fmla="*/ 522984 w 2368230"/>
                <a:gd name="connsiteY51" fmla="*/ 447333 h 476936"/>
                <a:gd name="connsiteX52" fmla="*/ 503249 w 2368230"/>
                <a:gd name="connsiteY52" fmla="*/ 440755 h 476936"/>
                <a:gd name="connsiteX53" fmla="*/ 490092 w 2368230"/>
                <a:gd name="connsiteY53" fmla="*/ 437465 h 476936"/>
                <a:gd name="connsiteX54" fmla="*/ 430886 w 2368230"/>
                <a:gd name="connsiteY54" fmla="*/ 440755 h 476936"/>
                <a:gd name="connsiteX55" fmla="*/ 421018 w 2368230"/>
                <a:gd name="connsiteY55" fmla="*/ 444044 h 476936"/>
                <a:gd name="connsiteX56" fmla="*/ 384837 w 2368230"/>
                <a:gd name="connsiteY56" fmla="*/ 453911 h 476936"/>
                <a:gd name="connsiteX57" fmla="*/ 365102 w 2368230"/>
                <a:gd name="connsiteY57" fmla="*/ 457201 h 476936"/>
                <a:gd name="connsiteX58" fmla="*/ 335499 w 2368230"/>
                <a:gd name="connsiteY58" fmla="*/ 467068 h 476936"/>
                <a:gd name="connsiteX59" fmla="*/ 282872 w 2368230"/>
                <a:gd name="connsiteY59" fmla="*/ 463779 h 476936"/>
                <a:gd name="connsiteX60" fmla="*/ 273004 w 2368230"/>
                <a:gd name="connsiteY60" fmla="*/ 460490 h 476936"/>
                <a:gd name="connsiteX61" fmla="*/ 266426 w 2368230"/>
                <a:gd name="connsiteY61" fmla="*/ 453911 h 476936"/>
                <a:gd name="connsiteX62" fmla="*/ 246690 w 2368230"/>
                <a:gd name="connsiteY62" fmla="*/ 447333 h 476936"/>
                <a:gd name="connsiteX63" fmla="*/ 236823 w 2368230"/>
                <a:gd name="connsiteY63" fmla="*/ 444044 h 476936"/>
                <a:gd name="connsiteX64" fmla="*/ 226955 w 2368230"/>
                <a:gd name="connsiteY64" fmla="*/ 440755 h 476936"/>
                <a:gd name="connsiteX65" fmla="*/ 138147 w 2368230"/>
                <a:gd name="connsiteY65" fmla="*/ 437465 h 476936"/>
                <a:gd name="connsiteX66" fmla="*/ 85519 w 2368230"/>
                <a:gd name="connsiteY66" fmla="*/ 440755 h 476936"/>
                <a:gd name="connsiteX67" fmla="*/ 69073 w 2368230"/>
                <a:gd name="connsiteY67" fmla="*/ 444044 h 476936"/>
                <a:gd name="connsiteX68" fmla="*/ 0 w 2368230"/>
                <a:gd name="connsiteY6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70276 w 2368230"/>
                <a:gd name="connsiteY21" fmla="*/ 351946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66987 w 2368230"/>
                <a:gd name="connsiteY21" fmla="*/ 335500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466987 w 2368230"/>
                <a:gd name="connsiteY20" fmla="*/ 335500 h 476936"/>
                <a:gd name="connsiteX21" fmla="*/ 1450541 w 2368230"/>
                <a:gd name="connsiteY21" fmla="*/ 365103 h 476936"/>
                <a:gd name="connsiteX22" fmla="*/ 1437384 w 2368230"/>
                <a:gd name="connsiteY22" fmla="*/ 378260 h 476936"/>
                <a:gd name="connsiteX23" fmla="*/ 1417649 w 2368230"/>
                <a:gd name="connsiteY23" fmla="*/ 388127 h 476936"/>
                <a:gd name="connsiteX24" fmla="*/ 1407781 w 2368230"/>
                <a:gd name="connsiteY24" fmla="*/ 397995 h 476936"/>
                <a:gd name="connsiteX25" fmla="*/ 1397913 w 2368230"/>
                <a:gd name="connsiteY25" fmla="*/ 401284 h 476936"/>
                <a:gd name="connsiteX26" fmla="*/ 1374889 w 2368230"/>
                <a:gd name="connsiteY26" fmla="*/ 411152 h 476936"/>
                <a:gd name="connsiteX27" fmla="*/ 1368311 w 2368230"/>
                <a:gd name="connsiteY27" fmla="*/ 421019 h 476936"/>
                <a:gd name="connsiteX28" fmla="*/ 1358443 w 2368230"/>
                <a:gd name="connsiteY28" fmla="*/ 424308 h 476936"/>
                <a:gd name="connsiteX29" fmla="*/ 1341997 w 2368230"/>
                <a:gd name="connsiteY29" fmla="*/ 427598 h 476936"/>
                <a:gd name="connsiteX30" fmla="*/ 1328840 w 2368230"/>
                <a:gd name="connsiteY30" fmla="*/ 430887 h 476936"/>
                <a:gd name="connsiteX31" fmla="*/ 1309105 w 2368230"/>
                <a:gd name="connsiteY31" fmla="*/ 444044 h 476936"/>
                <a:gd name="connsiteX32" fmla="*/ 1276213 w 2368230"/>
                <a:gd name="connsiteY32" fmla="*/ 453911 h 476936"/>
                <a:gd name="connsiteX33" fmla="*/ 1266345 w 2368230"/>
                <a:gd name="connsiteY33" fmla="*/ 457201 h 476936"/>
                <a:gd name="connsiteX34" fmla="*/ 1236742 w 2368230"/>
                <a:gd name="connsiteY34" fmla="*/ 473647 h 476936"/>
                <a:gd name="connsiteX35" fmla="*/ 1223585 w 2368230"/>
                <a:gd name="connsiteY35" fmla="*/ 476936 h 476936"/>
                <a:gd name="connsiteX36" fmla="*/ 1098595 w 2368230"/>
                <a:gd name="connsiteY36" fmla="*/ 473647 h 476936"/>
                <a:gd name="connsiteX37" fmla="*/ 1088728 w 2368230"/>
                <a:gd name="connsiteY37" fmla="*/ 467068 h 476936"/>
                <a:gd name="connsiteX38" fmla="*/ 1068993 w 2368230"/>
                <a:gd name="connsiteY38" fmla="*/ 460490 h 476936"/>
                <a:gd name="connsiteX39" fmla="*/ 1045968 w 2368230"/>
                <a:gd name="connsiteY39" fmla="*/ 453911 h 476936"/>
                <a:gd name="connsiteX40" fmla="*/ 1036100 w 2368230"/>
                <a:gd name="connsiteY40" fmla="*/ 447333 h 476936"/>
                <a:gd name="connsiteX41" fmla="*/ 1016365 w 2368230"/>
                <a:gd name="connsiteY41" fmla="*/ 440755 h 476936"/>
                <a:gd name="connsiteX42" fmla="*/ 1009787 w 2368230"/>
                <a:gd name="connsiteY42" fmla="*/ 434176 h 476936"/>
                <a:gd name="connsiteX43" fmla="*/ 990052 w 2368230"/>
                <a:gd name="connsiteY43" fmla="*/ 427598 h 476936"/>
                <a:gd name="connsiteX44" fmla="*/ 967027 w 2368230"/>
                <a:gd name="connsiteY44" fmla="*/ 430887 h 476936"/>
                <a:gd name="connsiteX45" fmla="*/ 953870 w 2368230"/>
                <a:gd name="connsiteY45" fmla="*/ 434176 h 476936"/>
                <a:gd name="connsiteX46" fmla="*/ 759807 w 2368230"/>
                <a:gd name="connsiteY46" fmla="*/ 440755 h 476936"/>
                <a:gd name="connsiteX47" fmla="*/ 697312 w 2368230"/>
                <a:gd name="connsiteY47" fmla="*/ 447333 h 476936"/>
                <a:gd name="connsiteX48" fmla="*/ 677577 w 2368230"/>
                <a:gd name="connsiteY48" fmla="*/ 450622 h 476936"/>
                <a:gd name="connsiteX49" fmla="*/ 522984 w 2368230"/>
                <a:gd name="connsiteY49" fmla="*/ 447333 h 476936"/>
                <a:gd name="connsiteX50" fmla="*/ 503249 w 2368230"/>
                <a:gd name="connsiteY50" fmla="*/ 440755 h 476936"/>
                <a:gd name="connsiteX51" fmla="*/ 490092 w 2368230"/>
                <a:gd name="connsiteY51" fmla="*/ 437465 h 476936"/>
                <a:gd name="connsiteX52" fmla="*/ 430886 w 2368230"/>
                <a:gd name="connsiteY52" fmla="*/ 440755 h 476936"/>
                <a:gd name="connsiteX53" fmla="*/ 421018 w 2368230"/>
                <a:gd name="connsiteY53" fmla="*/ 444044 h 476936"/>
                <a:gd name="connsiteX54" fmla="*/ 384837 w 2368230"/>
                <a:gd name="connsiteY54" fmla="*/ 453911 h 476936"/>
                <a:gd name="connsiteX55" fmla="*/ 365102 w 2368230"/>
                <a:gd name="connsiteY55" fmla="*/ 457201 h 476936"/>
                <a:gd name="connsiteX56" fmla="*/ 335499 w 2368230"/>
                <a:gd name="connsiteY56" fmla="*/ 467068 h 476936"/>
                <a:gd name="connsiteX57" fmla="*/ 282872 w 2368230"/>
                <a:gd name="connsiteY57" fmla="*/ 463779 h 476936"/>
                <a:gd name="connsiteX58" fmla="*/ 273004 w 2368230"/>
                <a:gd name="connsiteY58" fmla="*/ 460490 h 476936"/>
                <a:gd name="connsiteX59" fmla="*/ 266426 w 2368230"/>
                <a:gd name="connsiteY59" fmla="*/ 453911 h 476936"/>
                <a:gd name="connsiteX60" fmla="*/ 246690 w 2368230"/>
                <a:gd name="connsiteY60" fmla="*/ 447333 h 476936"/>
                <a:gd name="connsiteX61" fmla="*/ 236823 w 2368230"/>
                <a:gd name="connsiteY61" fmla="*/ 444044 h 476936"/>
                <a:gd name="connsiteX62" fmla="*/ 226955 w 2368230"/>
                <a:gd name="connsiteY62" fmla="*/ 440755 h 476936"/>
                <a:gd name="connsiteX63" fmla="*/ 138147 w 2368230"/>
                <a:gd name="connsiteY63" fmla="*/ 437465 h 476936"/>
                <a:gd name="connsiteX64" fmla="*/ 85519 w 2368230"/>
                <a:gd name="connsiteY64" fmla="*/ 440755 h 476936"/>
                <a:gd name="connsiteX65" fmla="*/ 69073 w 2368230"/>
                <a:gd name="connsiteY65" fmla="*/ 444044 h 476936"/>
                <a:gd name="connsiteX66" fmla="*/ 0 w 2368230"/>
                <a:gd name="connsiteY6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466987 w 2368230"/>
                <a:gd name="connsiteY19" fmla="*/ 335500 h 476936"/>
                <a:gd name="connsiteX20" fmla="*/ 1450541 w 2368230"/>
                <a:gd name="connsiteY20" fmla="*/ 365103 h 476936"/>
                <a:gd name="connsiteX21" fmla="*/ 1437384 w 2368230"/>
                <a:gd name="connsiteY21" fmla="*/ 378260 h 476936"/>
                <a:gd name="connsiteX22" fmla="*/ 1417649 w 2368230"/>
                <a:gd name="connsiteY22" fmla="*/ 388127 h 476936"/>
                <a:gd name="connsiteX23" fmla="*/ 1407781 w 2368230"/>
                <a:gd name="connsiteY23" fmla="*/ 397995 h 476936"/>
                <a:gd name="connsiteX24" fmla="*/ 1397913 w 2368230"/>
                <a:gd name="connsiteY24" fmla="*/ 401284 h 476936"/>
                <a:gd name="connsiteX25" fmla="*/ 1374889 w 2368230"/>
                <a:gd name="connsiteY25" fmla="*/ 411152 h 476936"/>
                <a:gd name="connsiteX26" fmla="*/ 1368311 w 2368230"/>
                <a:gd name="connsiteY26" fmla="*/ 421019 h 476936"/>
                <a:gd name="connsiteX27" fmla="*/ 1358443 w 2368230"/>
                <a:gd name="connsiteY27" fmla="*/ 424308 h 476936"/>
                <a:gd name="connsiteX28" fmla="*/ 1341997 w 2368230"/>
                <a:gd name="connsiteY28" fmla="*/ 427598 h 476936"/>
                <a:gd name="connsiteX29" fmla="*/ 1328840 w 2368230"/>
                <a:gd name="connsiteY29" fmla="*/ 430887 h 476936"/>
                <a:gd name="connsiteX30" fmla="*/ 1309105 w 2368230"/>
                <a:gd name="connsiteY30" fmla="*/ 444044 h 476936"/>
                <a:gd name="connsiteX31" fmla="*/ 1276213 w 2368230"/>
                <a:gd name="connsiteY31" fmla="*/ 453911 h 476936"/>
                <a:gd name="connsiteX32" fmla="*/ 1266345 w 2368230"/>
                <a:gd name="connsiteY32" fmla="*/ 457201 h 476936"/>
                <a:gd name="connsiteX33" fmla="*/ 1236742 w 2368230"/>
                <a:gd name="connsiteY33" fmla="*/ 473647 h 476936"/>
                <a:gd name="connsiteX34" fmla="*/ 1223585 w 2368230"/>
                <a:gd name="connsiteY34" fmla="*/ 476936 h 476936"/>
                <a:gd name="connsiteX35" fmla="*/ 1098595 w 2368230"/>
                <a:gd name="connsiteY35" fmla="*/ 473647 h 476936"/>
                <a:gd name="connsiteX36" fmla="*/ 1088728 w 2368230"/>
                <a:gd name="connsiteY36" fmla="*/ 467068 h 476936"/>
                <a:gd name="connsiteX37" fmla="*/ 1068993 w 2368230"/>
                <a:gd name="connsiteY37" fmla="*/ 460490 h 476936"/>
                <a:gd name="connsiteX38" fmla="*/ 1045968 w 2368230"/>
                <a:gd name="connsiteY38" fmla="*/ 453911 h 476936"/>
                <a:gd name="connsiteX39" fmla="*/ 1036100 w 2368230"/>
                <a:gd name="connsiteY39" fmla="*/ 447333 h 476936"/>
                <a:gd name="connsiteX40" fmla="*/ 1016365 w 2368230"/>
                <a:gd name="connsiteY40" fmla="*/ 440755 h 476936"/>
                <a:gd name="connsiteX41" fmla="*/ 1009787 w 2368230"/>
                <a:gd name="connsiteY41" fmla="*/ 434176 h 476936"/>
                <a:gd name="connsiteX42" fmla="*/ 990052 w 2368230"/>
                <a:gd name="connsiteY42" fmla="*/ 427598 h 476936"/>
                <a:gd name="connsiteX43" fmla="*/ 967027 w 2368230"/>
                <a:gd name="connsiteY43" fmla="*/ 430887 h 476936"/>
                <a:gd name="connsiteX44" fmla="*/ 953870 w 2368230"/>
                <a:gd name="connsiteY44" fmla="*/ 434176 h 476936"/>
                <a:gd name="connsiteX45" fmla="*/ 759807 w 2368230"/>
                <a:gd name="connsiteY45" fmla="*/ 440755 h 476936"/>
                <a:gd name="connsiteX46" fmla="*/ 697312 w 2368230"/>
                <a:gd name="connsiteY46" fmla="*/ 447333 h 476936"/>
                <a:gd name="connsiteX47" fmla="*/ 677577 w 2368230"/>
                <a:gd name="connsiteY47" fmla="*/ 450622 h 476936"/>
                <a:gd name="connsiteX48" fmla="*/ 522984 w 2368230"/>
                <a:gd name="connsiteY48" fmla="*/ 447333 h 476936"/>
                <a:gd name="connsiteX49" fmla="*/ 503249 w 2368230"/>
                <a:gd name="connsiteY49" fmla="*/ 440755 h 476936"/>
                <a:gd name="connsiteX50" fmla="*/ 490092 w 2368230"/>
                <a:gd name="connsiteY50" fmla="*/ 437465 h 476936"/>
                <a:gd name="connsiteX51" fmla="*/ 430886 w 2368230"/>
                <a:gd name="connsiteY51" fmla="*/ 440755 h 476936"/>
                <a:gd name="connsiteX52" fmla="*/ 421018 w 2368230"/>
                <a:gd name="connsiteY52" fmla="*/ 444044 h 476936"/>
                <a:gd name="connsiteX53" fmla="*/ 384837 w 2368230"/>
                <a:gd name="connsiteY53" fmla="*/ 453911 h 476936"/>
                <a:gd name="connsiteX54" fmla="*/ 365102 w 2368230"/>
                <a:gd name="connsiteY54" fmla="*/ 457201 h 476936"/>
                <a:gd name="connsiteX55" fmla="*/ 335499 w 2368230"/>
                <a:gd name="connsiteY55" fmla="*/ 467068 h 476936"/>
                <a:gd name="connsiteX56" fmla="*/ 282872 w 2368230"/>
                <a:gd name="connsiteY56" fmla="*/ 463779 h 476936"/>
                <a:gd name="connsiteX57" fmla="*/ 273004 w 2368230"/>
                <a:gd name="connsiteY57" fmla="*/ 460490 h 476936"/>
                <a:gd name="connsiteX58" fmla="*/ 266426 w 2368230"/>
                <a:gd name="connsiteY58" fmla="*/ 453911 h 476936"/>
                <a:gd name="connsiteX59" fmla="*/ 246690 w 2368230"/>
                <a:gd name="connsiteY59" fmla="*/ 447333 h 476936"/>
                <a:gd name="connsiteX60" fmla="*/ 236823 w 2368230"/>
                <a:gd name="connsiteY60" fmla="*/ 444044 h 476936"/>
                <a:gd name="connsiteX61" fmla="*/ 226955 w 2368230"/>
                <a:gd name="connsiteY61" fmla="*/ 440755 h 476936"/>
                <a:gd name="connsiteX62" fmla="*/ 138147 w 2368230"/>
                <a:gd name="connsiteY62" fmla="*/ 437465 h 476936"/>
                <a:gd name="connsiteX63" fmla="*/ 85519 w 2368230"/>
                <a:gd name="connsiteY63" fmla="*/ 440755 h 476936"/>
                <a:gd name="connsiteX64" fmla="*/ 69073 w 2368230"/>
                <a:gd name="connsiteY64" fmla="*/ 444044 h 476936"/>
                <a:gd name="connsiteX65" fmla="*/ 0 w 2368230"/>
                <a:gd name="connsiteY6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38026 w 2368230"/>
                <a:gd name="connsiteY17" fmla="*/ 319054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38026 w 2368230"/>
                <a:gd name="connsiteY16" fmla="*/ 319054 h 476936"/>
                <a:gd name="connsiteX17" fmla="*/ 1466987 w 2368230"/>
                <a:gd name="connsiteY17" fmla="*/ 335500 h 476936"/>
                <a:gd name="connsiteX18" fmla="*/ 1450541 w 2368230"/>
                <a:gd name="connsiteY18" fmla="*/ 365103 h 476936"/>
                <a:gd name="connsiteX19" fmla="*/ 1437384 w 2368230"/>
                <a:gd name="connsiteY19" fmla="*/ 378260 h 476936"/>
                <a:gd name="connsiteX20" fmla="*/ 1417649 w 2368230"/>
                <a:gd name="connsiteY20" fmla="*/ 388127 h 476936"/>
                <a:gd name="connsiteX21" fmla="*/ 1407781 w 2368230"/>
                <a:gd name="connsiteY21" fmla="*/ 397995 h 476936"/>
                <a:gd name="connsiteX22" fmla="*/ 1397913 w 2368230"/>
                <a:gd name="connsiteY22" fmla="*/ 401284 h 476936"/>
                <a:gd name="connsiteX23" fmla="*/ 1374889 w 2368230"/>
                <a:gd name="connsiteY23" fmla="*/ 411152 h 476936"/>
                <a:gd name="connsiteX24" fmla="*/ 1368311 w 2368230"/>
                <a:gd name="connsiteY24" fmla="*/ 421019 h 476936"/>
                <a:gd name="connsiteX25" fmla="*/ 1358443 w 2368230"/>
                <a:gd name="connsiteY25" fmla="*/ 424308 h 476936"/>
                <a:gd name="connsiteX26" fmla="*/ 1341997 w 2368230"/>
                <a:gd name="connsiteY26" fmla="*/ 427598 h 476936"/>
                <a:gd name="connsiteX27" fmla="*/ 1328840 w 2368230"/>
                <a:gd name="connsiteY27" fmla="*/ 430887 h 476936"/>
                <a:gd name="connsiteX28" fmla="*/ 1309105 w 2368230"/>
                <a:gd name="connsiteY28" fmla="*/ 444044 h 476936"/>
                <a:gd name="connsiteX29" fmla="*/ 1276213 w 2368230"/>
                <a:gd name="connsiteY29" fmla="*/ 453911 h 476936"/>
                <a:gd name="connsiteX30" fmla="*/ 1266345 w 2368230"/>
                <a:gd name="connsiteY30" fmla="*/ 457201 h 476936"/>
                <a:gd name="connsiteX31" fmla="*/ 1236742 w 2368230"/>
                <a:gd name="connsiteY31" fmla="*/ 473647 h 476936"/>
                <a:gd name="connsiteX32" fmla="*/ 1223585 w 2368230"/>
                <a:gd name="connsiteY32" fmla="*/ 476936 h 476936"/>
                <a:gd name="connsiteX33" fmla="*/ 1098595 w 2368230"/>
                <a:gd name="connsiteY33" fmla="*/ 473647 h 476936"/>
                <a:gd name="connsiteX34" fmla="*/ 1088728 w 2368230"/>
                <a:gd name="connsiteY34" fmla="*/ 467068 h 476936"/>
                <a:gd name="connsiteX35" fmla="*/ 1068993 w 2368230"/>
                <a:gd name="connsiteY35" fmla="*/ 460490 h 476936"/>
                <a:gd name="connsiteX36" fmla="*/ 1045968 w 2368230"/>
                <a:gd name="connsiteY36" fmla="*/ 453911 h 476936"/>
                <a:gd name="connsiteX37" fmla="*/ 1036100 w 2368230"/>
                <a:gd name="connsiteY37" fmla="*/ 447333 h 476936"/>
                <a:gd name="connsiteX38" fmla="*/ 1016365 w 2368230"/>
                <a:gd name="connsiteY38" fmla="*/ 440755 h 476936"/>
                <a:gd name="connsiteX39" fmla="*/ 1009787 w 2368230"/>
                <a:gd name="connsiteY39" fmla="*/ 434176 h 476936"/>
                <a:gd name="connsiteX40" fmla="*/ 990052 w 2368230"/>
                <a:gd name="connsiteY40" fmla="*/ 427598 h 476936"/>
                <a:gd name="connsiteX41" fmla="*/ 967027 w 2368230"/>
                <a:gd name="connsiteY41" fmla="*/ 430887 h 476936"/>
                <a:gd name="connsiteX42" fmla="*/ 953870 w 2368230"/>
                <a:gd name="connsiteY42" fmla="*/ 434176 h 476936"/>
                <a:gd name="connsiteX43" fmla="*/ 759807 w 2368230"/>
                <a:gd name="connsiteY43" fmla="*/ 440755 h 476936"/>
                <a:gd name="connsiteX44" fmla="*/ 697312 w 2368230"/>
                <a:gd name="connsiteY44" fmla="*/ 447333 h 476936"/>
                <a:gd name="connsiteX45" fmla="*/ 677577 w 2368230"/>
                <a:gd name="connsiteY45" fmla="*/ 450622 h 476936"/>
                <a:gd name="connsiteX46" fmla="*/ 522984 w 2368230"/>
                <a:gd name="connsiteY46" fmla="*/ 447333 h 476936"/>
                <a:gd name="connsiteX47" fmla="*/ 503249 w 2368230"/>
                <a:gd name="connsiteY47" fmla="*/ 440755 h 476936"/>
                <a:gd name="connsiteX48" fmla="*/ 490092 w 2368230"/>
                <a:gd name="connsiteY48" fmla="*/ 437465 h 476936"/>
                <a:gd name="connsiteX49" fmla="*/ 430886 w 2368230"/>
                <a:gd name="connsiteY49" fmla="*/ 440755 h 476936"/>
                <a:gd name="connsiteX50" fmla="*/ 421018 w 2368230"/>
                <a:gd name="connsiteY50" fmla="*/ 444044 h 476936"/>
                <a:gd name="connsiteX51" fmla="*/ 384837 w 2368230"/>
                <a:gd name="connsiteY51" fmla="*/ 453911 h 476936"/>
                <a:gd name="connsiteX52" fmla="*/ 365102 w 2368230"/>
                <a:gd name="connsiteY52" fmla="*/ 457201 h 476936"/>
                <a:gd name="connsiteX53" fmla="*/ 335499 w 2368230"/>
                <a:gd name="connsiteY53" fmla="*/ 467068 h 476936"/>
                <a:gd name="connsiteX54" fmla="*/ 282872 w 2368230"/>
                <a:gd name="connsiteY54" fmla="*/ 463779 h 476936"/>
                <a:gd name="connsiteX55" fmla="*/ 273004 w 2368230"/>
                <a:gd name="connsiteY55" fmla="*/ 460490 h 476936"/>
                <a:gd name="connsiteX56" fmla="*/ 266426 w 2368230"/>
                <a:gd name="connsiteY56" fmla="*/ 453911 h 476936"/>
                <a:gd name="connsiteX57" fmla="*/ 246690 w 2368230"/>
                <a:gd name="connsiteY57" fmla="*/ 447333 h 476936"/>
                <a:gd name="connsiteX58" fmla="*/ 236823 w 2368230"/>
                <a:gd name="connsiteY58" fmla="*/ 444044 h 476936"/>
                <a:gd name="connsiteX59" fmla="*/ 226955 w 2368230"/>
                <a:gd name="connsiteY59" fmla="*/ 440755 h 476936"/>
                <a:gd name="connsiteX60" fmla="*/ 138147 w 2368230"/>
                <a:gd name="connsiteY60" fmla="*/ 437465 h 476936"/>
                <a:gd name="connsiteX61" fmla="*/ 85519 w 2368230"/>
                <a:gd name="connsiteY61" fmla="*/ 440755 h 476936"/>
                <a:gd name="connsiteX62" fmla="*/ 69073 w 2368230"/>
                <a:gd name="connsiteY62" fmla="*/ 444044 h 476936"/>
                <a:gd name="connsiteX63" fmla="*/ 0 w 2368230"/>
                <a:gd name="connsiteY6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38026 w 2368230"/>
                <a:gd name="connsiteY15" fmla="*/ 319054 h 476936"/>
                <a:gd name="connsiteX16" fmla="*/ 1466987 w 2368230"/>
                <a:gd name="connsiteY16" fmla="*/ 335500 h 476936"/>
                <a:gd name="connsiteX17" fmla="*/ 1450541 w 2368230"/>
                <a:gd name="connsiteY17" fmla="*/ 365103 h 476936"/>
                <a:gd name="connsiteX18" fmla="*/ 1437384 w 2368230"/>
                <a:gd name="connsiteY18" fmla="*/ 378260 h 476936"/>
                <a:gd name="connsiteX19" fmla="*/ 1417649 w 2368230"/>
                <a:gd name="connsiteY19" fmla="*/ 388127 h 476936"/>
                <a:gd name="connsiteX20" fmla="*/ 1407781 w 2368230"/>
                <a:gd name="connsiteY20" fmla="*/ 397995 h 476936"/>
                <a:gd name="connsiteX21" fmla="*/ 1397913 w 2368230"/>
                <a:gd name="connsiteY21" fmla="*/ 401284 h 476936"/>
                <a:gd name="connsiteX22" fmla="*/ 1374889 w 2368230"/>
                <a:gd name="connsiteY22" fmla="*/ 411152 h 476936"/>
                <a:gd name="connsiteX23" fmla="*/ 1368311 w 2368230"/>
                <a:gd name="connsiteY23" fmla="*/ 421019 h 476936"/>
                <a:gd name="connsiteX24" fmla="*/ 1358443 w 2368230"/>
                <a:gd name="connsiteY24" fmla="*/ 424308 h 476936"/>
                <a:gd name="connsiteX25" fmla="*/ 1341997 w 2368230"/>
                <a:gd name="connsiteY25" fmla="*/ 427598 h 476936"/>
                <a:gd name="connsiteX26" fmla="*/ 1328840 w 2368230"/>
                <a:gd name="connsiteY26" fmla="*/ 430887 h 476936"/>
                <a:gd name="connsiteX27" fmla="*/ 1309105 w 2368230"/>
                <a:gd name="connsiteY27" fmla="*/ 444044 h 476936"/>
                <a:gd name="connsiteX28" fmla="*/ 1276213 w 2368230"/>
                <a:gd name="connsiteY28" fmla="*/ 453911 h 476936"/>
                <a:gd name="connsiteX29" fmla="*/ 1266345 w 2368230"/>
                <a:gd name="connsiteY29" fmla="*/ 457201 h 476936"/>
                <a:gd name="connsiteX30" fmla="*/ 1236742 w 2368230"/>
                <a:gd name="connsiteY30" fmla="*/ 473647 h 476936"/>
                <a:gd name="connsiteX31" fmla="*/ 1223585 w 2368230"/>
                <a:gd name="connsiteY31" fmla="*/ 476936 h 476936"/>
                <a:gd name="connsiteX32" fmla="*/ 1098595 w 2368230"/>
                <a:gd name="connsiteY32" fmla="*/ 473647 h 476936"/>
                <a:gd name="connsiteX33" fmla="*/ 1088728 w 2368230"/>
                <a:gd name="connsiteY33" fmla="*/ 467068 h 476936"/>
                <a:gd name="connsiteX34" fmla="*/ 1068993 w 2368230"/>
                <a:gd name="connsiteY34" fmla="*/ 460490 h 476936"/>
                <a:gd name="connsiteX35" fmla="*/ 1045968 w 2368230"/>
                <a:gd name="connsiteY35" fmla="*/ 453911 h 476936"/>
                <a:gd name="connsiteX36" fmla="*/ 1036100 w 2368230"/>
                <a:gd name="connsiteY36" fmla="*/ 447333 h 476936"/>
                <a:gd name="connsiteX37" fmla="*/ 1016365 w 2368230"/>
                <a:gd name="connsiteY37" fmla="*/ 440755 h 476936"/>
                <a:gd name="connsiteX38" fmla="*/ 1009787 w 2368230"/>
                <a:gd name="connsiteY38" fmla="*/ 434176 h 476936"/>
                <a:gd name="connsiteX39" fmla="*/ 990052 w 2368230"/>
                <a:gd name="connsiteY39" fmla="*/ 427598 h 476936"/>
                <a:gd name="connsiteX40" fmla="*/ 967027 w 2368230"/>
                <a:gd name="connsiteY40" fmla="*/ 430887 h 476936"/>
                <a:gd name="connsiteX41" fmla="*/ 953870 w 2368230"/>
                <a:gd name="connsiteY41" fmla="*/ 434176 h 476936"/>
                <a:gd name="connsiteX42" fmla="*/ 759807 w 2368230"/>
                <a:gd name="connsiteY42" fmla="*/ 440755 h 476936"/>
                <a:gd name="connsiteX43" fmla="*/ 697312 w 2368230"/>
                <a:gd name="connsiteY43" fmla="*/ 447333 h 476936"/>
                <a:gd name="connsiteX44" fmla="*/ 677577 w 2368230"/>
                <a:gd name="connsiteY44" fmla="*/ 450622 h 476936"/>
                <a:gd name="connsiteX45" fmla="*/ 522984 w 2368230"/>
                <a:gd name="connsiteY45" fmla="*/ 447333 h 476936"/>
                <a:gd name="connsiteX46" fmla="*/ 503249 w 2368230"/>
                <a:gd name="connsiteY46" fmla="*/ 440755 h 476936"/>
                <a:gd name="connsiteX47" fmla="*/ 490092 w 2368230"/>
                <a:gd name="connsiteY47" fmla="*/ 437465 h 476936"/>
                <a:gd name="connsiteX48" fmla="*/ 430886 w 2368230"/>
                <a:gd name="connsiteY48" fmla="*/ 440755 h 476936"/>
                <a:gd name="connsiteX49" fmla="*/ 421018 w 2368230"/>
                <a:gd name="connsiteY49" fmla="*/ 444044 h 476936"/>
                <a:gd name="connsiteX50" fmla="*/ 384837 w 2368230"/>
                <a:gd name="connsiteY50" fmla="*/ 453911 h 476936"/>
                <a:gd name="connsiteX51" fmla="*/ 365102 w 2368230"/>
                <a:gd name="connsiteY51" fmla="*/ 457201 h 476936"/>
                <a:gd name="connsiteX52" fmla="*/ 335499 w 2368230"/>
                <a:gd name="connsiteY52" fmla="*/ 467068 h 476936"/>
                <a:gd name="connsiteX53" fmla="*/ 282872 w 2368230"/>
                <a:gd name="connsiteY53" fmla="*/ 463779 h 476936"/>
                <a:gd name="connsiteX54" fmla="*/ 273004 w 2368230"/>
                <a:gd name="connsiteY54" fmla="*/ 460490 h 476936"/>
                <a:gd name="connsiteX55" fmla="*/ 266426 w 2368230"/>
                <a:gd name="connsiteY55" fmla="*/ 453911 h 476936"/>
                <a:gd name="connsiteX56" fmla="*/ 246690 w 2368230"/>
                <a:gd name="connsiteY56" fmla="*/ 447333 h 476936"/>
                <a:gd name="connsiteX57" fmla="*/ 236823 w 2368230"/>
                <a:gd name="connsiteY57" fmla="*/ 444044 h 476936"/>
                <a:gd name="connsiteX58" fmla="*/ 226955 w 2368230"/>
                <a:gd name="connsiteY58" fmla="*/ 440755 h 476936"/>
                <a:gd name="connsiteX59" fmla="*/ 138147 w 2368230"/>
                <a:gd name="connsiteY59" fmla="*/ 437465 h 476936"/>
                <a:gd name="connsiteX60" fmla="*/ 85519 w 2368230"/>
                <a:gd name="connsiteY60" fmla="*/ 440755 h 476936"/>
                <a:gd name="connsiteX61" fmla="*/ 69073 w 2368230"/>
                <a:gd name="connsiteY61" fmla="*/ 444044 h 476936"/>
                <a:gd name="connsiteX62" fmla="*/ 0 w 2368230"/>
                <a:gd name="connsiteY6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38026 w 2368230"/>
                <a:gd name="connsiteY14" fmla="*/ 319054 h 476936"/>
                <a:gd name="connsiteX15" fmla="*/ 1466987 w 2368230"/>
                <a:gd name="connsiteY15" fmla="*/ 335500 h 476936"/>
                <a:gd name="connsiteX16" fmla="*/ 1450541 w 2368230"/>
                <a:gd name="connsiteY16" fmla="*/ 365103 h 476936"/>
                <a:gd name="connsiteX17" fmla="*/ 1437384 w 2368230"/>
                <a:gd name="connsiteY17" fmla="*/ 378260 h 476936"/>
                <a:gd name="connsiteX18" fmla="*/ 1417649 w 2368230"/>
                <a:gd name="connsiteY18" fmla="*/ 388127 h 476936"/>
                <a:gd name="connsiteX19" fmla="*/ 1407781 w 2368230"/>
                <a:gd name="connsiteY19" fmla="*/ 397995 h 476936"/>
                <a:gd name="connsiteX20" fmla="*/ 1397913 w 2368230"/>
                <a:gd name="connsiteY20" fmla="*/ 401284 h 476936"/>
                <a:gd name="connsiteX21" fmla="*/ 1374889 w 2368230"/>
                <a:gd name="connsiteY21" fmla="*/ 411152 h 476936"/>
                <a:gd name="connsiteX22" fmla="*/ 1368311 w 2368230"/>
                <a:gd name="connsiteY22" fmla="*/ 421019 h 476936"/>
                <a:gd name="connsiteX23" fmla="*/ 1358443 w 2368230"/>
                <a:gd name="connsiteY23" fmla="*/ 424308 h 476936"/>
                <a:gd name="connsiteX24" fmla="*/ 1341997 w 2368230"/>
                <a:gd name="connsiteY24" fmla="*/ 427598 h 476936"/>
                <a:gd name="connsiteX25" fmla="*/ 1328840 w 2368230"/>
                <a:gd name="connsiteY25" fmla="*/ 430887 h 476936"/>
                <a:gd name="connsiteX26" fmla="*/ 1309105 w 2368230"/>
                <a:gd name="connsiteY26" fmla="*/ 444044 h 476936"/>
                <a:gd name="connsiteX27" fmla="*/ 1276213 w 2368230"/>
                <a:gd name="connsiteY27" fmla="*/ 453911 h 476936"/>
                <a:gd name="connsiteX28" fmla="*/ 1266345 w 2368230"/>
                <a:gd name="connsiteY28" fmla="*/ 457201 h 476936"/>
                <a:gd name="connsiteX29" fmla="*/ 1236742 w 2368230"/>
                <a:gd name="connsiteY29" fmla="*/ 473647 h 476936"/>
                <a:gd name="connsiteX30" fmla="*/ 1223585 w 2368230"/>
                <a:gd name="connsiteY30" fmla="*/ 476936 h 476936"/>
                <a:gd name="connsiteX31" fmla="*/ 1098595 w 2368230"/>
                <a:gd name="connsiteY31" fmla="*/ 473647 h 476936"/>
                <a:gd name="connsiteX32" fmla="*/ 1088728 w 2368230"/>
                <a:gd name="connsiteY32" fmla="*/ 467068 h 476936"/>
                <a:gd name="connsiteX33" fmla="*/ 1068993 w 2368230"/>
                <a:gd name="connsiteY33" fmla="*/ 460490 h 476936"/>
                <a:gd name="connsiteX34" fmla="*/ 1045968 w 2368230"/>
                <a:gd name="connsiteY34" fmla="*/ 453911 h 476936"/>
                <a:gd name="connsiteX35" fmla="*/ 1036100 w 2368230"/>
                <a:gd name="connsiteY35" fmla="*/ 447333 h 476936"/>
                <a:gd name="connsiteX36" fmla="*/ 1016365 w 2368230"/>
                <a:gd name="connsiteY36" fmla="*/ 440755 h 476936"/>
                <a:gd name="connsiteX37" fmla="*/ 1009787 w 2368230"/>
                <a:gd name="connsiteY37" fmla="*/ 434176 h 476936"/>
                <a:gd name="connsiteX38" fmla="*/ 990052 w 2368230"/>
                <a:gd name="connsiteY38" fmla="*/ 427598 h 476936"/>
                <a:gd name="connsiteX39" fmla="*/ 967027 w 2368230"/>
                <a:gd name="connsiteY39" fmla="*/ 430887 h 476936"/>
                <a:gd name="connsiteX40" fmla="*/ 953870 w 2368230"/>
                <a:gd name="connsiteY40" fmla="*/ 434176 h 476936"/>
                <a:gd name="connsiteX41" fmla="*/ 759807 w 2368230"/>
                <a:gd name="connsiteY41" fmla="*/ 440755 h 476936"/>
                <a:gd name="connsiteX42" fmla="*/ 697312 w 2368230"/>
                <a:gd name="connsiteY42" fmla="*/ 447333 h 476936"/>
                <a:gd name="connsiteX43" fmla="*/ 677577 w 2368230"/>
                <a:gd name="connsiteY43" fmla="*/ 450622 h 476936"/>
                <a:gd name="connsiteX44" fmla="*/ 522984 w 2368230"/>
                <a:gd name="connsiteY44" fmla="*/ 447333 h 476936"/>
                <a:gd name="connsiteX45" fmla="*/ 503249 w 2368230"/>
                <a:gd name="connsiteY45" fmla="*/ 440755 h 476936"/>
                <a:gd name="connsiteX46" fmla="*/ 490092 w 2368230"/>
                <a:gd name="connsiteY46" fmla="*/ 437465 h 476936"/>
                <a:gd name="connsiteX47" fmla="*/ 430886 w 2368230"/>
                <a:gd name="connsiteY47" fmla="*/ 440755 h 476936"/>
                <a:gd name="connsiteX48" fmla="*/ 421018 w 2368230"/>
                <a:gd name="connsiteY48" fmla="*/ 444044 h 476936"/>
                <a:gd name="connsiteX49" fmla="*/ 384837 w 2368230"/>
                <a:gd name="connsiteY49" fmla="*/ 453911 h 476936"/>
                <a:gd name="connsiteX50" fmla="*/ 365102 w 2368230"/>
                <a:gd name="connsiteY50" fmla="*/ 457201 h 476936"/>
                <a:gd name="connsiteX51" fmla="*/ 335499 w 2368230"/>
                <a:gd name="connsiteY51" fmla="*/ 467068 h 476936"/>
                <a:gd name="connsiteX52" fmla="*/ 282872 w 2368230"/>
                <a:gd name="connsiteY52" fmla="*/ 463779 h 476936"/>
                <a:gd name="connsiteX53" fmla="*/ 273004 w 2368230"/>
                <a:gd name="connsiteY53" fmla="*/ 460490 h 476936"/>
                <a:gd name="connsiteX54" fmla="*/ 266426 w 2368230"/>
                <a:gd name="connsiteY54" fmla="*/ 453911 h 476936"/>
                <a:gd name="connsiteX55" fmla="*/ 246690 w 2368230"/>
                <a:gd name="connsiteY55" fmla="*/ 447333 h 476936"/>
                <a:gd name="connsiteX56" fmla="*/ 236823 w 2368230"/>
                <a:gd name="connsiteY56" fmla="*/ 444044 h 476936"/>
                <a:gd name="connsiteX57" fmla="*/ 226955 w 2368230"/>
                <a:gd name="connsiteY57" fmla="*/ 440755 h 476936"/>
                <a:gd name="connsiteX58" fmla="*/ 138147 w 2368230"/>
                <a:gd name="connsiteY58" fmla="*/ 437465 h 476936"/>
                <a:gd name="connsiteX59" fmla="*/ 85519 w 2368230"/>
                <a:gd name="connsiteY59" fmla="*/ 440755 h 476936"/>
                <a:gd name="connsiteX60" fmla="*/ 69073 w 2368230"/>
                <a:gd name="connsiteY60" fmla="*/ 444044 h 476936"/>
                <a:gd name="connsiteX61" fmla="*/ 0 w 2368230"/>
                <a:gd name="connsiteY6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68311 w 2368230"/>
                <a:gd name="connsiteY21" fmla="*/ 421019 h 476936"/>
                <a:gd name="connsiteX22" fmla="*/ 1358443 w 2368230"/>
                <a:gd name="connsiteY22" fmla="*/ 424308 h 476936"/>
                <a:gd name="connsiteX23" fmla="*/ 1341997 w 2368230"/>
                <a:gd name="connsiteY23" fmla="*/ 427598 h 476936"/>
                <a:gd name="connsiteX24" fmla="*/ 1328840 w 2368230"/>
                <a:gd name="connsiteY24" fmla="*/ 430887 h 476936"/>
                <a:gd name="connsiteX25" fmla="*/ 1309105 w 2368230"/>
                <a:gd name="connsiteY25" fmla="*/ 444044 h 476936"/>
                <a:gd name="connsiteX26" fmla="*/ 1276213 w 2368230"/>
                <a:gd name="connsiteY26" fmla="*/ 453911 h 476936"/>
                <a:gd name="connsiteX27" fmla="*/ 1266345 w 2368230"/>
                <a:gd name="connsiteY27" fmla="*/ 457201 h 476936"/>
                <a:gd name="connsiteX28" fmla="*/ 1236742 w 2368230"/>
                <a:gd name="connsiteY28" fmla="*/ 473647 h 476936"/>
                <a:gd name="connsiteX29" fmla="*/ 1223585 w 2368230"/>
                <a:gd name="connsiteY29" fmla="*/ 476936 h 476936"/>
                <a:gd name="connsiteX30" fmla="*/ 1098595 w 2368230"/>
                <a:gd name="connsiteY30" fmla="*/ 473647 h 476936"/>
                <a:gd name="connsiteX31" fmla="*/ 1088728 w 2368230"/>
                <a:gd name="connsiteY31" fmla="*/ 467068 h 476936"/>
                <a:gd name="connsiteX32" fmla="*/ 1068993 w 2368230"/>
                <a:gd name="connsiteY32" fmla="*/ 460490 h 476936"/>
                <a:gd name="connsiteX33" fmla="*/ 1045968 w 2368230"/>
                <a:gd name="connsiteY33" fmla="*/ 453911 h 476936"/>
                <a:gd name="connsiteX34" fmla="*/ 1036100 w 2368230"/>
                <a:gd name="connsiteY34" fmla="*/ 447333 h 476936"/>
                <a:gd name="connsiteX35" fmla="*/ 1016365 w 2368230"/>
                <a:gd name="connsiteY35" fmla="*/ 440755 h 476936"/>
                <a:gd name="connsiteX36" fmla="*/ 1009787 w 2368230"/>
                <a:gd name="connsiteY36" fmla="*/ 434176 h 476936"/>
                <a:gd name="connsiteX37" fmla="*/ 990052 w 2368230"/>
                <a:gd name="connsiteY37" fmla="*/ 427598 h 476936"/>
                <a:gd name="connsiteX38" fmla="*/ 967027 w 2368230"/>
                <a:gd name="connsiteY38" fmla="*/ 430887 h 476936"/>
                <a:gd name="connsiteX39" fmla="*/ 953870 w 2368230"/>
                <a:gd name="connsiteY39" fmla="*/ 434176 h 476936"/>
                <a:gd name="connsiteX40" fmla="*/ 759807 w 2368230"/>
                <a:gd name="connsiteY40" fmla="*/ 440755 h 476936"/>
                <a:gd name="connsiteX41" fmla="*/ 697312 w 2368230"/>
                <a:gd name="connsiteY41" fmla="*/ 447333 h 476936"/>
                <a:gd name="connsiteX42" fmla="*/ 677577 w 2368230"/>
                <a:gd name="connsiteY42" fmla="*/ 450622 h 476936"/>
                <a:gd name="connsiteX43" fmla="*/ 522984 w 2368230"/>
                <a:gd name="connsiteY43" fmla="*/ 447333 h 476936"/>
                <a:gd name="connsiteX44" fmla="*/ 503249 w 2368230"/>
                <a:gd name="connsiteY44" fmla="*/ 440755 h 476936"/>
                <a:gd name="connsiteX45" fmla="*/ 490092 w 2368230"/>
                <a:gd name="connsiteY45" fmla="*/ 437465 h 476936"/>
                <a:gd name="connsiteX46" fmla="*/ 430886 w 2368230"/>
                <a:gd name="connsiteY46" fmla="*/ 440755 h 476936"/>
                <a:gd name="connsiteX47" fmla="*/ 421018 w 2368230"/>
                <a:gd name="connsiteY47" fmla="*/ 444044 h 476936"/>
                <a:gd name="connsiteX48" fmla="*/ 384837 w 2368230"/>
                <a:gd name="connsiteY48" fmla="*/ 453911 h 476936"/>
                <a:gd name="connsiteX49" fmla="*/ 365102 w 2368230"/>
                <a:gd name="connsiteY49" fmla="*/ 457201 h 476936"/>
                <a:gd name="connsiteX50" fmla="*/ 335499 w 2368230"/>
                <a:gd name="connsiteY50" fmla="*/ 467068 h 476936"/>
                <a:gd name="connsiteX51" fmla="*/ 282872 w 2368230"/>
                <a:gd name="connsiteY51" fmla="*/ 463779 h 476936"/>
                <a:gd name="connsiteX52" fmla="*/ 273004 w 2368230"/>
                <a:gd name="connsiteY52" fmla="*/ 460490 h 476936"/>
                <a:gd name="connsiteX53" fmla="*/ 266426 w 2368230"/>
                <a:gd name="connsiteY53" fmla="*/ 453911 h 476936"/>
                <a:gd name="connsiteX54" fmla="*/ 246690 w 2368230"/>
                <a:gd name="connsiteY54" fmla="*/ 447333 h 476936"/>
                <a:gd name="connsiteX55" fmla="*/ 236823 w 2368230"/>
                <a:gd name="connsiteY55" fmla="*/ 444044 h 476936"/>
                <a:gd name="connsiteX56" fmla="*/ 226955 w 2368230"/>
                <a:gd name="connsiteY56" fmla="*/ 440755 h 476936"/>
                <a:gd name="connsiteX57" fmla="*/ 138147 w 2368230"/>
                <a:gd name="connsiteY57" fmla="*/ 437465 h 476936"/>
                <a:gd name="connsiteX58" fmla="*/ 85519 w 2368230"/>
                <a:gd name="connsiteY58" fmla="*/ 440755 h 476936"/>
                <a:gd name="connsiteX59" fmla="*/ 69073 w 2368230"/>
                <a:gd name="connsiteY59" fmla="*/ 444044 h 476936"/>
                <a:gd name="connsiteX60" fmla="*/ 0 w 2368230"/>
                <a:gd name="connsiteY6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58443 w 2368230"/>
                <a:gd name="connsiteY21" fmla="*/ 424308 h 476936"/>
                <a:gd name="connsiteX22" fmla="*/ 1341997 w 2368230"/>
                <a:gd name="connsiteY22" fmla="*/ 427598 h 476936"/>
                <a:gd name="connsiteX23" fmla="*/ 1328840 w 2368230"/>
                <a:gd name="connsiteY23" fmla="*/ 430887 h 476936"/>
                <a:gd name="connsiteX24" fmla="*/ 1309105 w 2368230"/>
                <a:gd name="connsiteY24" fmla="*/ 444044 h 476936"/>
                <a:gd name="connsiteX25" fmla="*/ 1276213 w 2368230"/>
                <a:gd name="connsiteY25" fmla="*/ 453911 h 476936"/>
                <a:gd name="connsiteX26" fmla="*/ 1266345 w 2368230"/>
                <a:gd name="connsiteY26" fmla="*/ 457201 h 476936"/>
                <a:gd name="connsiteX27" fmla="*/ 1236742 w 2368230"/>
                <a:gd name="connsiteY27" fmla="*/ 473647 h 476936"/>
                <a:gd name="connsiteX28" fmla="*/ 1223585 w 2368230"/>
                <a:gd name="connsiteY28" fmla="*/ 476936 h 476936"/>
                <a:gd name="connsiteX29" fmla="*/ 1098595 w 2368230"/>
                <a:gd name="connsiteY29" fmla="*/ 473647 h 476936"/>
                <a:gd name="connsiteX30" fmla="*/ 1088728 w 2368230"/>
                <a:gd name="connsiteY30" fmla="*/ 467068 h 476936"/>
                <a:gd name="connsiteX31" fmla="*/ 1068993 w 2368230"/>
                <a:gd name="connsiteY31" fmla="*/ 460490 h 476936"/>
                <a:gd name="connsiteX32" fmla="*/ 1045968 w 2368230"/>
                <a:gd name="connsiteY32" fmla="*/ 453911 h 476936"/>
                <a:gd name="connsiteX33" fmla="*/ 1036100 w 2368230"/>
                <a:gd name="connsiteY33" fmla="*/ 447333 h 476936"/>
                <a:gd name="connsiteX34" fmla="*/ 1016365 w 2368230"/>
                <a:gd name="connsiteY34" fmla="*/ 440755 h 476936"/>
                <a:gd name="connsiteX35" fmla="*/ 1009787 w 2368230"/>
                <a:gd name="connsiteY35" fmla="*/ 434176 h 476936"/>
                <a:gd name="connsiteX36" fmla="*/ 990052 w 2368230"/>
                <a:gd name="connsiteY36" fmla="*/ 427598 h 476936"/>
                <a:gd name="connsiteX37" fmla="*/ 967027 w 2368230"/>
                <a:gd name="connsiteY37" fmla="*/ 430887 h 476936"/>
                <a:gd name="connsiteX38" fmla="*/ 953870 w 2368230"/>
                <a:gd name="connsiteY38" fmla="*/ 434176 h 476936"/>
                <a:gd name="connsiteX39" fmla="*/ 759807 w 2368230"/>
                <a:gd name="connsiteY39" fmla="*/ 440755 h 476936"/>
                <a:gd name="connsiteX40" fmla="*/ 697312 w 2368230"/>
                <a:gd name="connsiteY40" fmla="*/ 447333 h 476936"/>
                <a:gd name="connsiteX41" fmla="*/ 677577 w 2368230"/>
                <a:gd name="connsiteY41" fmla="*/ 450622 h 476936"/>
                <a:gd name="connsiteX42" fmla="*/ 522984 w 2368230"/>
                <a:gd name="connsiteY42" fmla="*/ 447333 h 476936"/>
                <a:gd name="connsiteX43" fmla="*/ 503249 w 2368230"/>
                <a:gd name="connsiteY43" fmla="*/ 440755 h 476936"/>
                <a:gd name="connsiteX44" fmla="*/ 490092 w 2368230"/>
                <a:gd name="connsiteY44" fmla="*/ 437465 h 476936"/>
                <a:gd name="connsiteX45" fmla="*/ 430886 w 2368230"/>
                <a:gd name="connsiteY45" fmla="*/ 440755 h 476936"/>
                <a:gd name="connsiteX46" fmla="*/ 421018 w 2368230"/>
                <a:gd name="connsiteY46" fmla="*/ 444044 h 476936"/>
                <a:gd name="connsiteX47" fmla="*/ 384837 w 2368230"/>
                <a:gd name="connsiteY47" fmla="*/ 453911 h 476936"/>
                <a:gd name="connsiteX48" fmla="*/ 365102 w 2368230"/>
                <a:gd name="connsiteY48" fmla="*/ 457201 h 476936"/>
                <a:gd name="connsiteX49" fmla="*/ 335499 w 2368230"/>
                <a:gd name="connsiteY49" fmla="*/ 467068 h 476936"/>
                <a:gd name="connsiteX50" fmla="*/ 282872 w 2368230"/>
                <a:gd name="connsiteY50" fmla="*/ 463779 h 476936"/>
                <a:gd name="connsiteX51" fmla="*/ 273004 w 2368230"/>
                <a:gd name="connsiteY51" fmla="*/ 460490 h 476936"/>
                <a:gd name="connsiteX52" fmla="*/ 266426 w 2368230"/>
                <a:gd name="connsiteY52" fmla="*/ 453911 h 476936"/>
                <a:gd name="connsiteX53" fmla="*/ 246690 w 2368230"/>
                <a:gd name="connsiteY53" fmla="*/ 447333 h 476936"/>
                <a:gd name="connsiteX54" fmla="*/ 236823 w 2368230"/>
                <a:gd name="connsiteY54" fmla="*/ 444044 h 476936"/>
                <a:gd name="connsiteX55" fmla="*/ 226955 w 2368230"/>
                <a:gd name="connsiteY55" fmla="*/ 440755 h 476936"/>
                <a:gd name="connsiteX56" fmla="*/ 138147 w 2368230"/>
                <a:gd name="connsiteY56" fmla="*/ 437465 h 476936"/>
                <a:gd name="connsiteX57" fmla="*/ 85519 w 2368230"/>
                <a:gd name="connsiteY57" fmla="*/ 440755 h 476936"/>
                <a:gd name="connsiteX58" fmla="*/ 69073 w 2368230"/>
                <a:gd name="connsiteY58" fmla="*/ 444044 h 476936"/>
                <a:gd name="connsiteX59" fmla="*/ 0 w 2368230"/>
                <a:gd name="connsiteY5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397913 w 2368230"/>
                <a:gd name="connsiteY18" fmla="*/ 401284 h 476936"/>
                <a:gd name="connsiteX19" fmla="*/ 1374889 w 2368230"/>
                <a:gd name="connsiteY19" fmla="*/ 411152 h 476936"/>
                <a:gd name="connsiteX20" fmla="*/ 1358443 w 2368230"/>
                <a:gd name="connsiteY20" fmla="*/ 424308 h 476936"/>
                <a:gd name="connsiteX21" fmla="*/ 1341997 w 2368230"/>
                <a:gd name="connsiteY21" fmla="*/ 427598 h 476936"/>
                <a:gd name="connsiteX22" fmla="*/ 1328840 w 2368230"/>
                <a:gd name="connsiteY22" fmla="*/ 430887 h 476936"/>
                <a:gd name="connsiteX23" fmla="*/ 1309105 w 2368230"/>
                <a:gd name="connsiteY23" fmla="*/ 444044 h 476936"/>
                <a:gd name="connsiteX24" fmla="*/ 1276213 w 2368230"/>
                <a:gd name="connsiteY24" fmla="*/ 453911 h 476936"/>
                <a:gd name="connsiteX25" fmla="*/ 1266345 w 2368230"/>
                <a:gd name="connsiteY25" fmla="*/ 457201 h 476936"/>
                <a:gd name="connsiteX26" fmla="*/ 1236742 w 2368230"/>
                <a:gd name="connsiteY26" fmla="*/ 473647 h 476936"/>
                <a:gd name="connsiteX27" fmla="*/ 1223585 w 2368230"/>
                <a:gd name="connsiteY27" fmla="*/ 476936 h 476936"/>
                <a:gd name="connsiteX28" fmla="*/ 1098595 w 2368230"/>
                <a:gd name="connsiteY28" fmla="*/ 473647 h 476936"/>
                <a:gd name="connsiteX29" fmla="*/ 1088728 w 2368230"/>
                <a:gd name="connsiteY29" fmla="*/ 467068 h 476936"/>
                <a:gd name="connsiteX30" fmla="*/ 1068993 w 2368230"/>
                <a:gd name="connsiteY30" fmla="*/ 460490 h 476936"/>
                <a:gd name="connsiteX31" fmla="*/ 1045968 w 2368230"/>
                <a:gd name="connsiteY31" fmla="*/ 453911 h 476936"/>
                <a:gd name="connsiteX32" fmla="*/ 1036100 w 2368230"/>
                <a:gd name="connsiteY32" fmla="*/ 447333 h 476936"/>
                <a:gd name="connsiteX33" fmla="*/ 1016365 w 2368230"/>
                <a:gd name="connsiteY33" fmla="*/ 440755 h 476936"/>
                <a:gd name="connsiteX34" fmla="*/ 1009787 w 2368230"/>
                <a:gd name="connsiteY34" fmla="*/ 434176 h 476936"/>
                <a:gd name="connsiteX35" fmla="*/ 990052 w 2368230"/>
                <a:gd name="connsiteY35" fmla="*/ 427598 h 476936"/>
                <a:gd name="connsiteX36" fmla="*/ 967027 w 2368230"/>
                <a:gd name="connsiteY36" fmla="*/ 430887 h 476936"/>
                <a:gd name="connsiteX37" fmla="*/ 953870 w 2368230"/>
                <a:gd name="connsiteY37" fmla="*/ 434176 h 476936"/>
                <a:gd name="connsiteX38" fmla="*/ 759807 w 2368230"/>
                <a:gd name="connsiteY38" fmla="*/ 440755 h 476936"/>
                <a:gd name="connsiteX39" fmla="*/ 697312 w 2368230"/>
                <a:gd name="connsiteY39" fmla="*/ 447333 h 476936"/>
                <a:gd name="connsiteX40" fmla="*/ 677577 w 2368230"/>
                <a:gd name="connsiteY40" fmla="*/ 450622 h 476936"/>
                <a:gd name="connsiteX41" fmla="*/ 522984 w 2368230"/>
                <a:gd name="connsiteY41" fmla="*/ 447333 h 476936"/>
                <a:gd name="connsiteX42" fmla="*/ 503249 w 2368230"/>
                <a:gd name="connsiteY42" fmla="*/ 440755 h 476936"/>
                <a:gd name="connsiteX43" fmla="*/ 490092 w 2368230"/>
                <a:gd name="connsiteY43" fmla="*/ 437465 h 476936"/>
                <a:gd name="connsiteX44" fmla="*/ 430886 w 2368230"/>
                <a:gd name="connsiteY44" fmla="*/ 440755 h 476936"/>
                <a:gd name="connsiteX45" fmla="*/ 421018 w 2368230"/>
                <a:gd name="connsiteY45" fmla="*/ 444044 h 476936"/>
                <a:gd name="connsiteX46" fmla="*/ 384837 w 2368230"/>
                <a:gd name="connsiteY46" fmla="*/ 453911 h 476936"/>
                <a:gd name="connsiteX47" fmla="*/ 365102 w 2368230"/>
                <a:gd name="connsiteY47" fmla="*/ 457201 h 476936"/>
                <a:gd name="connsiteX48" fmla="*/ 335499 w 2368230"/>
                <a:gd name="connsiteY48" fmla="*/ 467068 h 476936"/>
                <a:gd name="connsiteX49" fmla="*/ 282872 w 2368230"/>
                <a:gd name="connsiteY49" fmla="*/ 463779 h 476936"/>
                <a:gd name="connsiteX50" fmla="*/ 273004 w 2368230"/>
                <a:gd name="connsiteY50" fmla="*/ 460490 h 476936"/>
                <a:gd name="connsiteX51" fmla="*/ 266426 w 2368230"/>
                <a:gd name="connsiteY51" fmla="*/ 453911 h 476936"/>
                <a:gd name="connsiteX52" fmla="*/ 246690 w 2368230"/>
                <a:gd name="connsiteY52" fmla="*/ 447333 h 476936"/>
                <a:gd name="connsiteX53" fmla="*/ 236823 w 2368230"/>
                <a:gd name="connsiteY53" fmla="*/ 444044 h 476936"/>
                <a:gd name="connsiteX54" fmla="*/ 226955 w 2368230"/>
                <a:gd name="connsiteY54" fmla="*/ 440755 h 476936"/>
                <a:gd name="connsiteX55" fmla="*/ 138147 w 2368230"/>
                <a:gd name="connsiteY55" fmla="*/ 437465 h 476936"/>
                <a:gd name="connsiteX56" fmla="*/ 85519 w 2368230"/>
                <a:gd name="connsiteY56" fmla="*/ 440755 h 476936"/>
                <a:gd name="connsiteX57" fmla="*/ 69073 w 2368230"/>
                <a:gd name="connsiteY57" fmla="*/ 444044 h 476936"/>
                <a:gd name="connsiteX58" fmla="*/ 0 w 2368230"/>
                <a:gd name="connsiteY5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37384 w 2368230"/>
                <a:gd name="connsiteY15" fmla="*/ 378260 h 476936"/>
                <a:gd name="connsiteX16" fmla="*/ 1417649 w 2368230"/>
                <a:gd name="connsiteY16" fmla="*/ 388127 h 476936"/>
                <a:gd name="connsiteX17" fmla="*/ 1397913 w 2368230"/>
                <a:gd name="connsiteY17" fmla="*/ 401284 h 476936"/>
                <a:gd name="connsiteX18" fmla="*/ 1374889 w 2368230"/>
                <a:gd name="connsiteY18" fmla="*/ 411152 h 476936"/>
                <a:gd name="connsiteX19" fmla="*/ 1358443 w 2368230"/>
                <a:gd name="connsiteY19" fmla="*/ 424308 h 476936"/>
                <a:gd name="connsiteX20" fmla="*/ 1341997 w 2368230"/>
                <a:gd name="connsiteY20" fmla="*/ 427598 h 476936"/>
                <a:gd name="connsiteX21" fmla="*/ 1328840 w 2368230"/>
                <a:gd name="connsiteY21" fmla="*/ 430887 h 476936"/>
                <a:gd name="connsiteX22" fmla="*/ 1309105 w 2368230"/>
                <a:gd name="connsiteY22" fmla="*/ 444044 h 476936"/>
                <a:gd name="connsiteX23" fmla="*/ 1276213 w 2368230"/>
                <a:gd name="connsiteY23" fmla="*/ 453911 h 476936"/>
                <a:gd name="connsiteX24" fmla="*/ 1266345 w 2368230"/>
                <a:gd name="connsiteY24" fmla="*/ 457201 h 476936"/>
                <a:gd name="connsiteX25" fmla="*/ 1236742 w 2368230"/>
                <a:gd name="connsiteY25" fmla="*/ 473647 h 476936"/>
                <a:gd name="connsiteX26" fmla="*/ 1223585 w 2368230"/>
                <a:gd name="connsiteY26" fmla="*/ 476936 h 476936"/>
                <a:gd name="connsiteX27" fmla="*/ 1098595 w 2368230"/>
                <a:gd name="connsiteY27" fmla="*/ 473647 h 476936"/>
                <a:gd name="connsiteX28" fmla="*/ 1088728 w 2368230"/>
                <a:gd name="connsiteY28" fmla="*/ 467068 h 476936"/>
                <a:gd name="connsiteX29" fmla="*/ 1068993 w 2368230"/>
                <a:gd name="connsiteY29" fmla="*/ 460490 h 476936"/>
                <a:gd name="connsiteX30" fmla="*/ 1045968 w 2368230"/>
                <a:gd name="connsiteY30" fmla="*/ 453911 h 476936"/>
                <a:gd name="connsiteX31" fmla="*/ 1036100 w 2368230"/>
                <a:gd name="connsiteY31" fmla="*/ 447333 h 476936"/>
                <a:gd name="connsiteX32" fmla="*/ 1016365 w 2368230"/>
                <a:gd name="connsiteY32" fmla="*/ 440755 h 476936"/>
                <a:gd name="connsiteX33" fmla="*/ 1009787 w 2368230"/>
                <a:gd name="connsiteY33" fmla="*/ 434176 h 476936"/>
                <a:gd name="connsiteX34" fmla="*/ 990052 w 2368230"/>
                <a:gd name="connsiteY34" fmla="*/ 427598 h 476936"/>
                <a:gd name="connsiteX35" fmla="*/ 967027 w 2368230"/>
                <a:gd name="connsiteY35" fmla="*/ 430887 h 476936"/>
                <a:gd name="connsiteX36" fmla="*/ 953870 w 2368230"/>
                <a:gd name="connsiteY36" fmla="*/ 434176 h 476936"/>
                <a:gd name="connsiteX37" fmla="*/ 759807 w 2368230"/>
                <a:gd name="connsiteY37" fmla="*/ 440755 h 476936"/>
                <a:gd name="connsiteX38" fmla="*/ 697312 w 2368230"/>
                <a:gd name="connsiteY38" fmla="*/ 447333 h 476936"/>
                <a:gd name="connsiteX39" fmla="*/ 677577 w 2368230"/>
                <a:gd name="connsiteY39" fmla="*/ 450622 h 476936"/>
                <a:gd name="connsiteX40" fmla="*/ 522984 w 2368230"/>
                <a:gd name="connsiteY40" fmla="*/ 447333 h 476936"/>
                <a:gd name="connsiteX41" fmla="*/ 503249 w 2368230"/>
                <a:gd name="connsiteY41" fmla="*/ 440755 h 476936"/>
                <a:gd name="connsiteX42" fmla="*/ 490092 w 2368230"/>
                <a:gd name="connsiteY42" fmla="*/ 437465 h 476936"/>
                <a:gd name="connsiteX43" fmla="*/ 430886 w 2368230"/>
                <a:gd name="connsiteY43" fmla="*/ 440755 h 476936"/>
                <a:gd name="connsiteX44" fmla="*/ 421018 w 2368230"/>
                <a:gd name="connsiteY44" fmla="*/ 444044 h 476936"/>
                <a:gd name="connsiteX45" fmla="*/ 384837 w 2368230"/>
                <a:gd name="connsiteY45" fmla="*/ 453911 h 476936"/>
                <a:gd name="connsiteX46" fmla="*/ 365102 w 2368230"/>
                <a:gd name="connsiteY46" fmla="*/ 457201 h 476936"/>
                <a:gd name="connsiteX47" fmla="*/ 335499 w 2368230"/>
                <a:gd name="connsiteY47" fmla="*/ 467068 h 476936"/>
                <a:gd name="connsiteX48" fmla="*/ 282872 w 2368230"/>
                <a:gd name="connsiteY48" fmla="*/ 463779 h 476936"/>
                <a:gd name="connsiteX49" fmla="*/ 273004 w 2368230"/>
                <a:gd name="connsiteY49" fmla="*/ 460490 h 476936"/>
                <a:gd name="connsiteX50" fmla="*/ 266426 w 2368230"/>
                <a:gd name="connsiteY50" fmla="*/ 453911 h 476936"/>
                <a:gd name="connsiteX51" fmla="*/ 246690 w 2368230"/>
                <a:gd name="connsiteY51" fmla="*/ 447333 h 476936"/>
                <a:gd name="connsiteX52" fmla="*/ 236823 w 2368230"/>
                <a:gd name="connsiteY52" fmla="*/ 444044 h 476936"/>
                <a:gd name="connsiteX53" fmla="*/ 226955 w 2368230"/>
                <a:gd name="connsiteY53" fmla="*/ 440755 h 476936"/>
                <a:gd name="connsiteX54" fmla="*/ 138147 w 2368230"/>
                <a:gd name="connsiteY54" fmla="*/ 437465 h 476936"/>
                <a:gd name="connsiteX55" fmla="*/ 85519 w 2368230"/>
                <a:gd name="connsiteY55" fmla="*/ 440755 h 476936"/>
                <a:gd name="connsiteX56" fmla="*/ 69073 w 2368230"/>
                <a:gd name="connsiteY56" fmla="*/ 444044 h 476936"/>
                <a:gd name="connsiteX57" fmla="*/ 0 w 2368230"/>
                <a:gd name="connsiteY5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17649 w 2368230"/>
                <a:gd name="connsiteY15" fmla="*/ 388127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74889 w 2368230"/>
                <a:gd name="connsiteY16" fmla="*/ 411152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41997 w 2368230"/>
                <a:gd name="connsiteY17" fmla="*/ 427598 h 476936"/>
                <a:gd name="connsiteX18" fmla="*/ 1328840 w 2368230"/>
                <a:gd name="connsiteY18" fmla="*/ 430887 h 476936"/>
                <a:gd name="connsiteX19" fmla="*/ 1309105 w 2368230"/>
                <a:gd name="connsiteY19" fmla="*/ 444044 h 476936"/>
                <a:gd name="connsiteX20" fmla="*/ 1276213 w 2368230"/>
                <a:gd name="connsiteY20" fmla="*/ 453911 h 476936"/>
                <a:gd name="connsiteX21" fmla="*/ 1266345 w 2368230"/>
                <a:gd name="connsiteY21" fmla="*/ 457201 h 476936"/>
                <a:gd name="connsiteX22" fmla="*/ 1236742 w 2368230"/>
                <a:gd name="connsiteY22" fmla="*/ 473647 h 476936"/>
                <a:gd name="connsiteX23" fmla="*/ 1223585 w 2368230"/>
                <a:gd name="connsiteY23" fmla="*/ 476936 h 476936"/>
                <a:gd name="connsiteX24" fmla="*/ 1098595 w 2368230"/>
                <a:gd name="connsiteY24" fmla="*/ 473647 h 476936"/>
                <a:gd name="connsiteX25" fmla="*/ 1088728 w 2368230"/>
                <a:gd name="connsiteY25" fmla="*/ 467068 h 476936"/>
                <a:gd name="connsiteX26" fmla="*/ 1068993 w 2368230"/>
                <a:gd name="connsiteY26" fmla="*/ 460490 h 476936"/>
                <a:gd name="connsiteX27" fmla="*/ 1045968 w 2368230"/>
                <a:gd name="connsiteY27" fmla="*/ 453911 h 476936"/>
                <a:gd name="connsiteX28" fmla="*/ 1036100 w 2368230"/>
                <a:gd name="connsiteY28" fmla="*/ 447333 h 476936"/>
                <a:gd name="connsiteX29" fmla="*/ 1016365 w 2368230"/>
                <a:gd name="connsiteY29" fmla="*/ 440755 h 476936"/>
                <a:gd name="connsiteX30" fmla="*/ 1009787 w 2368230"/>
                <a:gd name="connsiteY30" fmla="*/ 434176 h 476936"/>
                <a:gd name="connsiteX31" fmla="*/ 990052 w 2368230"/>
                <a:gd name="connsiteY31" fmla="*/ 427598 h 476936"/>
                <a:gd name="connsiteX32" fmla="*/ 967027 w 2368230"/>
                <a:gd name="connsiteY32" fmla="*/ 430887 h 476936"/>
                <a:gd name="connsiteX33" fmla="*/ 953870 w 2368230"/>
                <a:gd name="connsiteY33" fmla="*/ 434176 h 476936"/>
                <a:gd name="connsiteX34" fmla="*/ 759807 w 2368230"/>
                <a:gd name="connsiteY34" fmla="*/ 440755 h 476936"/>
                <a:gd name="connsiteX35" fmla="*/ 697312 w 2368230"/>
                <a:gd name="connsiteY35" fmla="*/ 447333 h 476936"/>
                <a:gd name="connsiteX36" fmla="*/ 677577 w 2368230"/>
                <a:gd name="connsiteY36" fmla="*/ 450622 h 476936"/>
                <a:gd name="connsiteX37" fmla="*/ 522984 w 2368230"/>
                <a:gd name="connsiteY37" fmla="*/ 447333 h 476936"/>
                <a:gd name="connsiteX38" fmla="*/ 503249 w 2368230"/>
                <a:gd name="connsiteY38" fmla="*/ 440755 h 476936"/>
                <a:gd name="connsiteX39" fmla="*/ 490092 w 2368230"/>
                <a:gd name="connsiteY39" fmla="*/ 437465 h 476936"/>
                <a:gd name="connsiteX40" fmla="*/ 430886 w 2368230"/>
                <a:gd name="connsiteY40" fmla="*/ 440755 h 476936"/>
                <a:gd name="connsiteX41" fmla="*/ 421018 w 2368230"/>
                <a:gd name="connsiteY41" fmla="*/ 444044 h 476936"/>
                <a:gd name="connsiteX42" fmla="*/ 384837 w 2368230"/>
                <a:gd name="connsiteY42" fmla="*/ 453911 h 476936"/>
                <a:gd name="connsiteX43" fmla="*/ 365102 w 2368230"/>
                <a:gd name="connsiteY43" fmla="*/ 457201 h 476936"/>
                <a:gd name="connsiteX44" fmla="*/ 335499 w 2368230"/>
                <a:gd name="connsiteY44" fmla="*/ 467068 h 476936"/>
                <a:gd name="connsiteX45" fmla="*/ 282872 w 2368230"/>
                <a:gd name="connsiteY45" fmla="*/ 463779 h 476936"/>
                <a:gd name="connsiteX46" fmla="*/ 273004 w 2368230"/>
                <a:gd name="connsiteY46" fmla="*/ 460490 h 476936"/>
                <a:gd name="connsiteX47" fmla="*/ 266426 w 2368230"/>
                <a:gd name="connsiteY47" fmla="*/ 453911 h 476936"/>
                <a:gd name="connsiteX48" fmla="*/ 246690 w 2368230"/>
                <a:gd name="connsiteY48" fmla="*/ 447333 h 476936"/>
                <a:gd name="connsiteX49" fmla="*/ 236823 w 2368230"/>
                <a:gd name="connsiteY49" fmla="*/ 444044 h 476936"/>
                <a:gd name="connsiteX50" fmla="*/ 226955 w 2368230"/>
                <a:gd name="connsiteY50" fmla="*/ 440755 h 476936"/>
                <a:gd name="connsiteX51" fmla="*/ 138147 w 2368230"/>
                <a:gd name="connsiteY51" fmla="*/ 437465 h 476936"/>
                <a:gd name="connsiteX52" fmla="*/ 85519 w 2368230"/>
                <a:gd name="connsiteY52" fmla="*/ 440755 h 476936"/>
                <a:gd name="connsiteX53" fmla="*/ 69073 w 2368230"/>
                <a:gd name="connsiteY53" fmla="*/ 444044 h 476936"/>
                <a:gd name="connsiteX54" fmla="*/ 0 w 2368230"/>
                <a:gd name="connsiteY5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28840 w 2368230"/>
                <a:gd name="connsiteY17" fmla="*/ 430887 h 476936"/>
                <a:gd name="connsiteX18" fmla="*/ 1309105 w 2368230"/>
                <a:gd name="connsiteY18" fmla="*/ 444044 h 476936"/>
                <a:gd name="connsiteX19" fmla="*/ 1276213 w 2368230"/>
                <a:gd name="connsiteY19" fmla="*/ 453911 h 476936"/>
                <a:gd name="connsiteX20" fmla="*/ 1266345 w 2368230"/>
                <a:gd name="connsiteY20" fmla="*/ 457201 h 476936"/>
                <a:gd name="connsiteX21" fmla="*/ 1236742 w 2368230"/>
                <a:gd name="connsiteY21" fmla="*/ 473647 h 476936"/>
                <a:gd name="connsiteX22" fmla="*/ 1223585 w 2368230"/>
                <a:gd name="connsiteY22" fmla="*/ 476936 h 476936"/>
                <a:gd name="connsiteX23" fmla="*/ 1098595 w 2368230"/>
                <a:gd name="connsiteY23" fmla="*/ 473647 h 476936"/>
                <a:gd name="connsiteX24" fmla="*/ 1088728 w 2368230"/>
                <a:gd name="connsiteY24" fmla="*/ 467068 h 476936"/>
                <a:gd name="connsiteX25" fmla="*/ 1068993 w 2368230"/>
                <a:gd name="connsiteY25" fmla="*/ 460490 h 476936"/>
                <a:gd name="connsiteX26" fmla="*/ 1045968 w 2368230"/>
                <a:gd name="connsiteY26" fmla="*/ 453911 h 476936"/>
                <a:gd name="connsiteX27" fmla="*/ 1036100 w 2368230"/>
                <a:gd name="connsiteY27" fmla="*/ 447333 h 476936"/>
                <a:gd name="connsiteX28" fmla="*/ 1016365 w 2368230"/>
                <a:gd name="connsiteY28" fmla="*/ 440755 h 476936"/>
                <a:gd name="connsiteX29" fmla="*/ 1009787 w 2368230"/>
                <a:gd name="connsiteY29" fmla="*/ 434176 h 476936"/>
                <a:gd name="connsiteX30" fmla="*/ 990052 w 2368230"/>
                <a:gd name="connsiteY30" fmla="*/ 427598 h 476936"/>
                <a:gd name="connsiteX31" fmla="*/ 967027 w 2368230"/>
                <a:gd name="connsiteY31" fmla="*/ 430887 h 476936"/>
                <a:gd name="connsiteX32" fmla="*/ 953870 w 2368230"/>
                <a:gd name="connsiteY32" fmla="*/ 434176 h 476936"/>
                <a:gd name="connsiteX33" fmla="*/ 759807 w 2368230"/>
                <a:gd name="connsiteY33" fmla="*/ 440755 h 476936"/>
                <a:gd name="connsiteX34" fmla="*/ 697312 w 2368230"/>
                <a:gd name="connsiteY34" fmla="*/ 447333 h 476936"/>
                <a:gd name="connsiteX35" fmla="*/ 677577 w 2368230"/>
                <a:gd name="connsiteY35" fmla="*/ 450622 h 476936"/>
                <a:gd name="connsiteX36" fmla="*/ 522984 w 2368230"/>
                <a:gd name="connsiteY36" fmla="*/ 447333 h 476936"/>
                <a:gd name="connsiteX37" fmla="*/ 503249 w 2368230"/>
                <a:gd name="connsiteY37" fmla="*/ 440755 h 476936"/>
                <a:gd name="connsiteX38" fmla="*/ 490092 w 2368230"/>
                <a:gd name="connsiteY38" fmla="*/ 437465 h 476936"/>
                <a:gd name="connsiteX39" fmla="*/ 430886 w 2368230"/>
                <a:gd name="connsiteY39" fmla="*/ 440755 h 476936"/>
                <a:gd name="connsiteX40" fmla="*/ 421018 w 2368230"/>
                <a:gd name="connsiteY40" fmla="*/ 444044 h 476936"/>
                <a:gd name="connsiteX41" fmla="*/ 384837 w 2368230"/>
                <a:gd name="connsiteY41" fmla="*/ 453911 h 476936"/>
                <a:gd name="connsiteX42" fmla="*/ 365102 w 2368230"/>
                <a:gd name="connsiteY42" fmla="*/ 457201 h 476936"/>
                <a:gd name="connsiteX43" fmla="*/ 335499 w 2368230"/>
                <a:gd name="connsiteY43" fmla="*/ 467068 h 476936"/>
                <a:gd name="connsiteX44" fmla="*/ 282872 w 2368230"/>
                <a:gd name="connsiteY44" fmla="*/ 463779 h 476936"/>
                <a:gd name="connsiteX45" fmla="*/ 273004 w 2368230"/>
                <a:gd name="connsiteY45" fmla="*/ 460490 h 476936"/>
                <a:gd name="connsiteX46" fmla="*/ 266426 w 2368230"/>
                <a:gd name="connsiteY46" fmla="*/ 453911 h 476936"/>
                <a:gd name="connsiteX47" fmla="*/ 246690 w 2368230"/>
                <a:gd name="connsiteY47" fmla="*/ 447333 h 476936"/>
                <a:gd name="connsiteX48" fmla="*/ 236823 w 2368230"/>
                <a:gd name="connsiteY48" fmla="*/ 444044 h 476936"/>
                <a:gd name="connsiteX49" fmla="*/ 226955 w 2368230"/>
                <a:gd name="connsiteY49" fmla="*/ 440755 h 476936"/>
                <a:gd name="connsiteX50" fmla="*/ 138147 w 2368230"/>
                <a:gd name="connsiteY50" fmla="*/ 437465 h 476936"/>
                <a:gd name="connsiteX51" fmla="*/ 85519 w 2368230"/>
                <a:gd name="connsiteY51" fmla="*/ 440755 h 476936"/>
                <a:gd name="connsiteX52" fmla="*/ 69073 w 2368230"/>
                <a:gd name="connsiteY52" fmla="*/ 444044 h 476936"/>
                <a:gd name="connsiteX53" fmla="*/ 0 w 2368230"/>
                <a:gd name="connsiteY5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09105 w 2368230"/>
                <a:gd name="connsiteY17" fmla="*/ 444044 h 476936"/>
                <a:gd name="connsiteX18" fmla="*/ 1276213 w 2368230"/>
                <a:gd name="connsiteY18" fmla="*/ 453911 h 476936"/>
                <a:gd name="connsiteX19" fmla="*/ 1266345 w 2368230"/>
                <a:gd name="connsiteY19" fmla="*/ 457201 h 476936"/>
                <a:gd name="connsiteX20" fmla="*/ 1236742 w 2368230"/>
                <a:gd name="connsiteY20" fmla="*/ 473647 h 476936"/>
                <a:gd name="connsiteX21" fmla="*/ 1223585 w 2368230"/>
                <a:gd name="connsiteY21" fmla="*/ 476936 h 476936"/>
                <a:gd name="connsiteX22" fmla="*/ 1098595 w 2368230"/>
                <a:gd name="connsiteY22" fmla="*/ 473647 h 476936"/>
                <a:gd name="connsiteX23" fmla="*/ 1088728 w 2368230"/>
                <a:gd name="connsiteY23" fmla="*/ 467068 h 476936"/>
                <a:gd name="connsiteX24" fmla="*/ 1068993 w 2368230"/>
                <a:gd name="connsiteY24" fmla="*/ 460490 h 476936"/>
                <a:gd name="connsiteX25" fmla="*/ 1045968 w 2368230"/>
                <a:gd name="connsiteY25" fmla="*/ 453911 h 476936"/>
                <a:gd name="connsiteX26" fmla="*/ 1036100 w 2368230"/>
                <a:gd name="connsiteY26" fmla="*/ 447333 h 476936"/>
                <a:gd name="connsiteX27" fmla="*/ 1016365 w 2368230"/>
                <a:gd name="connsiteY27" fmla="*/ 440755 h 476936"/>
                <a:gd name="connsiteX28" fmla="*/ 1009787 w 2368230"/>
                <a:gd name="connsiteY28" fmla="*/ 434176 h 476936"/>
                <a:gd name="connsiteX29" fmla="*/ 990052 w 2368230"/>
                <a:gd name="connsiteY29" fmla="*/ 427598 h 476936"/>
                <a:gd name="connsiteX30" fmla="*/ 967027 w 2368230"/>
                <a:gd name="connsiteY30" fmla="*/ 430887 h 476936"/>
                <a:gd name="connsiteX31" fmla="*/ 953870 w 2368230"/>
                <a:gd name="connsiteY31" fmla="*/ 434176 h 476936"/>
                <a:gd name="connsiteX32" fmla="*/ 759807 w 2368230"/>
                <a:gd name="connsiteY32" fmla="*/ 440755 h 476936"/>
                <a:gd name="connsiteX33" fmla="*/ 697312 w 2368230"/>
                <a:gd name="connsiteY33" fmla="*/ 447333 h 476936"/>
                <a:gd name="connsiteX34" fmla="*/ 677577 w 2368230"/>
                <a:gd name="connsiteY34" fmla="*/ 450622 h 476936"/>
                <a:gd name="connsiteX35" fmla="*/ 522984 w 2368230"/>
                <a:gd name="connsiteY35" fmla="*/ 447333 h 476936"/>
                <a:gd name="connsiteX36" fmla="*/ 503249 w 2368230"/>
                <a:gd name="connsiteY36" fmla="*/ 440755 h 476936"/>
                <a:gd name="connsiteX37" fmla="*/ 490092 w 2368230"/>
                <a:gd name="connsiteY37" fmla="*/ 437465 h 476936"/>
                <a:gd name="connsiteX38" fmla="*/ 430886 w 2368230"/>
                <a:gd name="connsiteY38" fmla="*/ 440755 h 476936"/>
                <a:gd name="connsiteX39" fmla="*/ 421018 w 2368230"/>
                <a:gd name="connsiteY39" fmla="*/ 444044 h 476936"/>
                <a:gd name="connsiteX40" fmla="*/ 384837 w 2368230"/>
                <a:gd name="connsiteY40" fmla="*/ 453911 h 476936"/>
                <a:gd name="connsiteX41" fmla="*/ 365102 w 2368230"/>
                <a:gd name="connsiteY41" fmla="*/ 457201 h 476936"/>
                <a:gd name="connsiteX42" fmla="*/ 335499 w 2368230"/>
                <a:gd name="connsiteY42" fmla="*/ 467068 h 476936"/>
                <a:gd name="connsiteX43" fmla="*/ 282872 w 2368230"/>
                <a:gd name="connsiteY43" fmla="*/ 463779 h 476936"/>
                <a:gd name="connsiteX44" fmla="*/ 273004 w 2368230"/>
                <a:gd name="connsiteY44" fmla="*/ 460490 h 476936"/>
                <a:gd name="connsiteX45" fmla="*/ 266426 w 2368230"/>
                <a:gd name="connsiteY45" fmla="*/ 453911 h 476936"/>
                <a:gd name="connsiteX46" fmla="*/ 246690 w 2368230"/>
                <a:gd name="connsiteY46" fmla="*/ 447333 h 476936"/>
                <a:gd name="connsiteX47" fmla="*/ 236823 w 2368230"/>
                <a:gd name="connsiteY47" fmla="*/ 444044 h 476936"/>
                <a:gd name="connsiteX48" fmla="*/ 226955 w 2368230"/>
                <a:gd name="connsiteY48" fmla="*/ 440755 h 476936"/>
                <a:gd name="connsiteX49" fmla="*/ 138147 w 2368230"/>
                <a:gd name="connsiteY49" fmla="*/ 437465 h 476936"/>
                <a:gd name="connsiteX50" fmla="*/ 85519 w 2368230"/>
                <a:gd name="connsiteY50" fmla="*/ 440755 h 476936"/>
                <a:gd name="connsiteX51" fmla="*/ 69073 w 2368230"/>
                <a:gd name="connsiteY51" fmla="*/ 444044 h 476936"/>
                <a:gd name="connsiteX52" fmla="*/ 0 w 2368230"/>
                <a:gd name="connsiteY5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66345 w 2368230"/>
                <a:gd name="connsiteY18" fmla="*/ 457201 h 476936"/>
                <a:gd name="connsiteX19" fmla="*/ 1236742 w 2368230"/>
                <a:gd name="connsiteY19" fmla="*/ 473647 h 476936"/>
                <a:gd name="connsiteX20" fmla="*/ 1223585 w 2368230"/>
                <a:gd name="connsiteY20" fmla="*/ 476936 h 476936"/>
                <a:gd name="connsiteX21" fmla="*/ 1098595 w 2368230"/>
                <a:gd name="connsiteY21" fmla="*/ 473647 h 476936"/>
                <a:gd name="connsiteX22" fmla="*/ 1088728 w 2368230"/>
                <a:gd name="connsiteY22" fmla="*/ 467068 h 476936"/>
                <a:gd name="connsiteX23" fmla="*/ 1068993 w 2368230"/>
                <a:gd name="connsiteY23" fmla="*/ 460490 h 476936"/>
                <a:gd name="connsiteX24" fmla="*/ 1045968 w 2368230"/>
                <a:gd name="connsiteY24" fmla="*/ 453911 h 476936"/>
                <a:gd name="connsiteX25" fmla="*/ 1036100 w 2368230"/>
                <a:gd name="connsiteY25" fmla="*/ 447333 h 476936"/>
                <a:gd name="connsiteX26" fmla="*/ 1016365 w 2368230"/>
                <a:gd name="connsiteY26" fmla="*/ 440755 h 476936"/>
                <a:gd name="connsiteX27" fmla="*/ 1009787 w 2368230"/>
                <a:gd name="connsiteY27" fmla="*/ 434176 h 476936"/>
                <a:gd name="connsiteX28" fmla="*/ 990052 w 2368230"/>
                <a:gd name="connsiteY28" fmla="*/ 427598 h 476936"/>
                <a:gd name="connsiteX29" fmla="*/ 967027 w 2368230"/>
                <a:gd name="connsiteY29" fmla="*/ 430887 h 476936"/>
                <a:gd name="connsiteX30" fmla="*/ 953870 w 2368230"/>
                <a:gd name="connsiteY30" fmla="*/ 434176 h 476936"/>
                <a:gd name="connsiteX31" fmla="*/ 759807 w 2368230"/>
                <a:gd name="connsiteY31" fmla="*/ 440755 h 476936"/>
                <a:gd name="connsiteX32" fmla="*/ 697312 w 2368230"/>
                <a:gd name="connsiteY32" fmla="*/ 447333 h 476936"/>
                <a:gd name="connsiteX33" fmla="*/ 677577 w 2368230"/>
                <a:gd name="connsiteY33" fmla="*/ 450622 h 476936"/>
                <a:gd name="connsiteX34" fmla="*/ 522984 w 2368230"/>
                <a:gd name="connsiteY34" fmla="*/ 447333 h 476936"/>
                <a:gd name="connsiteX35" fmla="*/ 503249 w 2368230"/>
                <a:gd name="connsiteY35" fmla="*/ 440755 h 476936"/>
                <a:gd name="connsiteX36" fmla="*/ 490092 w 2368230"/>
                <a:gd name="connsiteY36" fmla="*/ 437465 h 476936"/>
                <a:gd name="connsiteX37" fmla="*/ 430886 w 2368230"/>
                <a:gd name="connsiteY37" fmla="*/ 440755 h 476936"/>
                <a:gd name="connsiteX38" fmla="*/ 421018 w 2368230"/>
                <a:gd name="connsiteY38" fmla="*/ 444044 h 476936"/>
                <a:gd name="connsiteX39" fmla="*/ 384837 w 2368230"/>
                <a:gd name="connsiteY39" fmla="*/ 453911 h 476936"/>
                <a:gd name="connsiteX40" fmla="*/ 365102 w 2368230"/>
                <a:gd name="connsiteY40" fmla="*/ 457201 h 476936"/>
                <a:gd name="connsiteX41" fmla="*/ 335499 w 2368230"/>
                <a:gd name="connsiteY41" fmla="*/ 467068 h 476936"/>
                <a:gd name="connsiteX42" fmla="*/ 282872 w 2368230"/>
                <a:gd name="connsiteY42" fmla="*/ 463779 h 476936"/>
                <a:gd name="connsiteX43" fmla="*/ 273004 w 2368230"/>
                <a:gd name="connsiteY43" fmla="*/ 460490 h 476936"/>
                <a:gd name="connsiteX44" fmla="*/ 266426 w 2368230"/>
                <a:gd name="connsiteY44" fmla="*/ 453911 h 476936"/>
                <a:gd name="connsiteX45" fmla="*/ 246690 w 2368230"/>
                <a:gd name="connsiteY45" fmla="*/ 447333 h 476936"/>
                <a:gd name="connsiteX46" fmla="*/ 236823 w 2368230"/>
                <a:gd name="connsiteY46" fmla="*/ 444044 h 476936"/>
                <a:gd name="connsiteX47" fmla="*/ 226955 w 2368230"/>
                <a:gd name="connsiteY47" fmla="*/ 440755 h 476936"/>
                <a:gd name="connsiteX48" fmla="*/ 138147 w 2368230"/>
                <a:gd name="connsiteY48" fmla="*/ 437465 h 476936"/>
                <a:gd name="connsiteX49" fmla="*/ 85519 w 2368230"/>
                <a:gd name="connsiteY49" fmla="*/ 440755 h 476936"/>
                <a:gd name="connsiteX50" fmla="*/ 69073 w 2368230"/>
                <a:gd name="connsiteY50" fmla="*/ 444044 h 476936"/>
                <a:gd name="connsiteX51" fmla="*/ 0 w 2368230"/>
                <a:gd name="connsiteY5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335499 w 2368230"/>
                <a:gd name="connsiteY40" fmla="*/ 467068 h 476936"/>
                <a:gd name="connsiteX41" fmla="*/ 282872 w 2368230"/>
                <a:gd name="connsiteY41" fmla="*/ 463779 h 476936"/>
                <a:gd name="connsiteX42" fmla="*/ 273004 w 2368230"/>
                <a:gd name="connsiteY42" fmla="*/ 460490 h 476936"/>
                <a:gd name="connsiteX43" fmla="*/ 266426 w 2368230"/>
                <a:gd name="connsiteY43" fmla="*/ 453911 h 476936"/>
                <a:gd name="connsiteX44" fmla="*/ 246690 w 2368230"/>
                <a:gd name="connsiteY44" fmla="*/ 447333 h 476936"/>
                <a:gd name="connsiteX45" fmla="*/ 236823 w 2368230"/>
                <a:gd name="connsiteY45" fmla="*/ 444044 h 476936"/>
                <a:gd name="connsiteX46" fmla="*/ 226955 w 2368230"/>
                <a:gd name="connsiteY46" fmla="*/ 440755 h 476936"/>
                <a:gd name="connsiteX47" fmla="*/ 138147 w 2368230"/>
                <a:gd name="connsiteY47" fmla="*/ 437465 h 476936"/>
                <a:gd name="connsiteX48" fmla="*/ 85519 w 2368230"/>
                <a:gd name="connsiteY48" fmla="*/ 440755 h 476936"/>
                <a:gd name="connsiteX49" fmla="*/ 69073 w 2368230"/>
                <a:gd name="connsiteY49" fmla="*/ 444044 h 476936"/>
                <a:gd name="connsiteX50" fmla="*/ 0 w 2368230"/>
                <a:gd name="connsiteY5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73004 w 2368230"/>
                <a:gd name="connsiteY41" fmla="*/ 460490 h 476936"/>
                <a:gd name="connsiteX42" fmla="*/ 266426 w 2368230"/>
                <a:gd name="connsiteY42" fmla="*/ 453911 h 476936"/>
                <a:gd name="connsiteX43" fmla="*/ 246690 w 2368230"/>
                <a:gd name="connsiteY43" fmla="*/ 447333 h 476936"/>
                <a:gd name="connsiteX44" fmla="*/ 236823 w 2368230"/>
                <a:gd name="connsiteY44" fmla="*/ 444044 h 476936"/>
                <a:gd name="connsiteX45" fmla="*/ 226955 w 2368230"/>
                <a:gd name="connsiteY45" fmla="*/ 440755 h 476936"/>
                <a:gd name="connsiteX46" fmla="*/ 138147 w 2368230"/>
                <a:gd name="connsiteY46" fmla="*/ 437465 h 476936"/>
                <a:gd name="connsiteX47" fmla="*/ 85519 w 2368230"/>
                <a:gd name="connsiteY47" fmla="*/ 440755 h 476936"/>
                <a:gd name="connsiteX48" fmla="*/ 69073 w 2368230"/>
                <a:gd name="connsiteY48" fmla="*/ 444044 h 476936"/>
                <a:gd name="connsiteX49" fmla="*/ 0 w 2368230"/>
                <a:gd name="connsiteY4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66426 w 2368230"/>
                <a:gd name="connsiteY41" fmla="*/ 453911 h 476936"/>
                <a:gd name="connsiteX42" fmla="*/ 246690 w 2368230"/>
                <a:gd name="connsiteY42" fmla="*/ 447333 h 476936"/>
                <a:gd name="connsiteX43" fmla="*/ 236823 w 2368230"/>
                <a:gd name="connsiteY43" fmla="*/ 444044 h 476936"/>
                <a:gd name="connsiteX44" fmla="*/ 226955 w 2368230"/>
                <a:gd name="connsiteY44" fmla="*/ 440755 h 476936"/>
                <a:gd name="connsiteX45" fmla="*/ 138147 w 2368230"/>
                <a:gd name="connsiteY45" fmla="*/ 437465 h 476936"/>
                <a:gd name="connsiteX46" fmla="*/ 85519 w 2368230"/>
                <a:gd name="connsiteY46" fmla="*/ 440755 h 476936"/>
                <a:gd name="connsiteX47" fmla="*/ 69073 w 2368230"/>
                <a:gd name="connsiteY47" fmla="*/ 444044 h 476936"/>
                <a:gd name="connsiteX48" fmla="*/ 0 w 2368230"/>
                <a:gd name="connsiteY4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66426 w 2368230"/>
                <a:gd name="connsiteY40" fmla="*/ 453911 h 476936"/>
                <a:gd name="connsiteX41" fmla="*/ 246690 w 2368230"/>
                <a:gd name="connsiteY41" fmla="*/ 447333 h 476936"/>
                <a:gd name="connsiteX42" fmla="*/ 236823 w 2368230"/>
                <a:gd name="connsiteY42" fmla="*/ 444044 h 476936"/>
                <a:gd name="connsiteX43" fmla="*/ 226955 w 2368230"/>
                <a:gd name="connsiteY43" fmla="*/ 440755 h 476936"/>
                <a:gd name="connsiteX44" fmla="*/ 138147 w 2368230"/>
                <a:gd name="connsiteY44" fmla="*/ 437465 h 476936"/>
                <a:gd name="connsiteX45" fmla="*/ 85519 w 2368230"/>
                <a:gd name="connsiteY45" fmla="*/ 440755 h 476936"/>
                <a:gd name="connsiteX46" fmla="*/ 69073 w 2368230"/>
                <a:gd name="connsiteY46" fmla="*/ 444044 h 476936"/>
                <a:gd name="connsiteX47" fmla="*/ 0 w 2368230"/>
                <a:gd name="connsiteY4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46690 w 2368230"/>
                <a:gd name="connsiteY40" fmla="*/ 447333 h 476936"/>
                <a:gd name="connsiteX41" fmla="*/ 236823 w 2368230"/>
                <a:gd name="connsiteY41" fmla="*/ 444044 h 476936"/>
                <a:gd name="connsiteX42" fmla="*/ 226955 w 2368230"/>
                <a:gd name="connsiteY42" fmla="*/ 440755 h 476936"/>
                <a:gd name="connsiteX43" fmla="*/ 138147 w 2368230"/>
                <a:gd name="connsiteY43" fmla="*/ 437465 h 476936"/>
                <a:gd name="connsiteX44" fmla="*/ 85519 w 2368230"/>
                <a:gd name="connsiteY44" fmla="*/ 440755 h 476936"/>
                <a:gd name="connsiteX45" fmla="*/ 69073 w 2368230"/>
                <a:gd name="connsiteY45" fmla="*/ 444044 h 476936"/>
                <a:gd name="connsiteX46" fmla="*/ 0 w 2368230"/>
                <a:gd name="connsiteY4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61813 w 2368230"/>
                <a:gd name="connsiteY38" fmla="*/ 444043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26955 w 2368230"/>
                <a:gd name="connsiteY40" fmla="*/ 440755 h 476936"/>
                <a:gd name="connsiteX41" fmla="*/ 138147 w 2368230"/>
                <a:gd name="connsiteY41" fmla="*/ 437465 h 476936"/>
                <a:gd name="connsiteX42" fmla="*/ 85519 w 2368230"/>
                <a:gd name="connsiteY42" fmla="*/ 440755 h 476936"/>
                <a:gd name="connsiteX43" fmla="*/ 69073 w 2368230"/>
                <a:gd name="connsiteY43" fmla="*/ 444044 h 476936"/>
                <a:gd name="connsiteX44" fmla="*/ 0 w 2368230"/>
                <a:gd name="connsiteY4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26955 w 2368230"/>
                <a:gd name="connsiteY39" fmla="*/ 440755 h 476936"/>
                <a:gd name="connsiteX40" fmla="*/ 138147 w 2368230"/>
                <a:gd name="connsiteY40" fmla="*/ 437465 h 476936"/>
                <a:gd name="connsiteX41" fmla="*/ 85519 w 2368230"/>
                <a:gd name="connsiteY41" fmla="*/ 440755 h 476936"/>
                <a:gd name="connsiteX42" fmla="*/ 69073 w 2368230"/>
                <a:gd name="connsiteY42" fmla="*/ 444044 h 476936"/>
                <a:gd name="connsiteX43" fmla="*/ 0 w 2368230"/>
                <a:gd name="connsiteY43" fmla="*/ 444044 h 476936"/>
                <a:gd name="connsiteX0" fmla="*/ 2368230 w 2368230"/>
                <a:gd name="connsiteY0" fmla="*/ 0 h 476936"/>
                <a:gd name="connsiteX1" fmla="*/ 2289290 w 2368230"/>
                <a:gd name="connsiteY1" fmla="*/ 124991 h 476936"/>
                <a:gd name="connsiteX2" fmla="*/ 2272843 w 2368230"/>
                <a:gd name="connsiteY2" fmla="*/ 148015 h 476936"/>
                <a:gd name="connsiteX3" fmla="*/ 2239951 w 2368230"/>
                <a:gd name="connsiteY3" fmla="*/ 157883 h 476936"/>
                <a:gd name="connsiteX4" fmla="*/ 2216926 w 2368230"/>
                <a:gd name="connsiteY4" fmla="*/ 161172 h 476936"/>
                <a:gd name="connsiteX5" fmla="*/ 2167588 w 2368230"/>
                <a:gd name="connsiteY5" fmla="*/ 174329 h 476936"/>
                <a:gd name="connsiteX6" fmla="*/ 2151142 w 2368230"/>
                <a:gd name="connsiteY6" fmla="*/ 177618 h 476936"/>
                <a:gd name="connsiteX7" fmla="*/ 2085359 w 2368230"/>
                <a:gd name="connsiteY7" fmla="*/ 167749 h 476936"/>
                <a:gd name="connsiteX8" fmla="*/ 1950500 w 2368230"/>
                <a:gd name="connsiteY8" fmla="*/ 187486 h 476936"/>
                <a:gd name="connsiteX9" fmla="*/ 1911030 w 2368230"/>
                <a:gd name="connsiteY9" fmla="*/ 210510 h 476936"/>
                <a:gd name="connsiteX10" fmla="*/ 1739991 w 2368230"/>
                <a:gd name="connsiteY10" fmla="*/ 299319 h 476936"/>
                <a:gd name="connsiteX11" fmla="*/ 1710388 w 2368230"/>
                <a:gd name="connsiteY11" fmla="*/ 309186 h 476936"/>
                <a:gd name="connsiteX12" fmla="*/ 1638026 w 2368230"/>
                <a:gd name="connsiteY12" fmla="*/ 319054 h 476936"/>
                <a:gd name="connsiteX13" fmla="*/ 1466987 w 2368230"/>
                <a:gd name="connsiteY13" fmla="*/ 335500 h 476936"/>
                <a:gd name="connsiteX14" fmla="*/ 1401203 w 2368230"/>
                <a:gd name="connsiteY14" fmla="*/ 378260 h 476936"/>
                <a:gd name="connsiteX15" fmla="*/ 1365021 w 2368230"/>
                <a:gd name="connsiteY15" fmla="*/ 404573 h 476936"/>
                <a:gd name="connsiteX16" fmla="*/ 1276213 w 2368230"/>
                <a:gd name="connsiteY16" fmla="*/ 453911 h 476936"/>
                <a:gd name="connsiteX17" fmla="*/ 1236742 w 2368230"/>
                <a:gd name="connsiteY17" fmla="*/ 473647 h 476936"/>
                <a:gd name="connsiteX18" fmla="*/ 1223585 w 2368230"/>
                <a:gd name="connsiteY18" fmla="*/ 476936 h 476936"/>
                <a:gd name="connsiteX19" fmla="*/ 1098595 w 2368230"/>
                <a:gd name="connsiteY19" fmla="*/ 473647 h 476936"/>
                <a:gd name="connsiteX20" fmla="*/ 1088728 w 2368230"/>
                <a:gd name="connsiteY20" fmla="*/ 467068 h 476936"/>
                <a:gd name="connsiteX21" fmla="*/ 1068993 w 2368230"/>
                <a:gd name="connsiteY21" fmla="*/ 460490 h 476936"/>
                <a:gd name="connsiteX22" fmla="*/ 1045968 w 2368230"/>
                <a:gd name="connsiteY22" fmla="*/ 453911 h 476936"/>
                <a:gd name="connsiteX23" fmla="*/ 1036100 w 2368230"/>
                <a:gd name="connsiteY23" fmla="*/ 447333 h 476936"/>
                <a:gd name="connsiteX24" fmla="*/ 1016365 w 2368230"/>
                <a:gd name="connsiteY24" fmla="*/ 440755 h 476936"/>
                <a:gd name="connsiteX25" fmla="*/ 1009787 w 2368230"/>
                <a:gd name="connsiteY25" fmla="*/ 434176 h 476936"/>
                <a:gd name="connsiteX26" fmla="*/ 990052 w 2368230"/>
                <a:gd name="connsiteY26" fmla="*/ 427598 h 476936"/>
                <a:gd name="connsiteX27" fmla="*/ 967027 w 2368230"/>
                <a:gd name="connsiteY27" fmla="*/ 430887 h 476936"/>
                <a:gd name="connsiteX28" fmla="*/ 953870 w 2368230"/>
                <a:gd name="connsiteY28" fmla="*/ 434176 h 476936"/>
                <a:gd name="connsiteX29" fmla="*/ 759807 w 2368230"/>
                <a:gd name="connsiteY29" fmla="*/ 440755 h 476936"/>
                <a:gd name="connsiteX30" fmla="*/ 697312 w 2368230"/>
                <a:gd name="connsiteY30" fmla="*/ 447333 h 476936"/>
                <a:gd name="connsiteX31" fmla="*/ 677577 w 2368230"/>
                <a:gd name="connsiteY31" fmla="*/ 450622 h 476936"/>
                <a:gd name="connsiteX32" fmla="*/ 522984 w 2368230"/>
                <a:gd name="connsiteY32" fmla="*/ 447333 h 476936"/>
                <a:gd name="connsiteX33" fmla="*/ 503249 w 2368230"/>
                <a:gd name="connsiteY33" fmla="*/ 440755 h 476936"/>
                <a:gd name="connsiteX34" fmla="*/ 490092 w 2368230"/>
                <a:gd name="connsiteY34" fmla="*/ 437465 h 476936"/>
                <a:gd name="connsiteX35" fmla="*/ 430886 w 2368230"/>
                <a:gd name="connsiteY35" fmla="*/ 440755 h 476936"/>
                <a:gd name="connsiteX36" fmla="*/ 421018 w 2368230"/>
                <a:gd name="connsiteY36" fmla="*/ 444044 h 476936"/>
                <a:gd name="connsiteX37" fmla="*/ 315764 w 2368230"/>
                <a:gd name="connsiteY37" fmla="*/ 440754 h 476936"/>
                <a:gd name="connsiteX38" fmla="*/ 226955 w 2368230"/>
                <a:gd name="connsiteY38" fmla="*/ 440755 h 476936"/>
                <a:gd name="connsiteX39" fmla="*/ 138147 w 2368230"/>
                <a:gd name="connsiteY39" fmla="*/ 437465 h 476936"/>
                <a:gd name="connsiteX40" fmla="*/ 85519 w 2368230"/>
                <a:gd name="connsiteY40" fmla="*/ 440755 h 476936"/>
                <a:gd name="connsiteX41" fmla="*/ 69073 w 2368230"/>
                <a:gd name="connsiteY41" fmla="*/ 444044 h 476936"/>
                <a:gd name="connsiteX42" fmla="*/ 0 w 2368230"/>
                <a:gd name="connsiteY42"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216926 w 2368230"/>
                <a:gd name="connsiteY3" fmla="*/ 161172 h 476936"/>
                <a:gd name="connsiteX4" fmla="*/ 2167588 w 2368230"/>
                <a:gd name="connsiteY4" fmla="*/ 174329 h 476936"/>
                <a:gd name="connsiteX5" fmla="*/ 2151142 w 2368230"/>
                <a:gd name="connsiteY5" fmla="*/ 177618 h 476936"/>
                <a:gd name="connsiteX6" fmla="*/ 2085359 w 2368230"/>
                <a:gd name="connsiteY6" fmla="*/ 167749 h 476936"/>
                <a:gd name="connsiteX7" fmla="*/ 1950500 w 2368230"/>
                <a:gd name="connsiteY7" fmla="*/ 187486 h 476936"/>
                <a:gd name="connsiteX8" fmla="*/ 1911030 w 2368230"/>
                <a:gd name="connsiteY8" fmla="*/ 210510 h 476936"/>
                <a:gd name="connsiteX9" fmla="*/ 1739991 w 2368230"/>
                <a:gd name="connsiteY9" fmla="*/ 299319 h 476936"/>
                <a:gd name="connsiteX10" fmla="*/ 1710388 w 2368230"/>
                <a:gd name="connsiteY10" fmla="*/ 309186 h 476936"/>
                <a:gd name="connsiteX11" fmla="*/ 1638026 w 2368230"/>
                <a:gd name="connsiteY11" fmla="*/ 319054 h 476936"/>
                <a:gd name="connsiteX12" fmla="*/ 1466987 w 2368230"/>
                <a:gd name="connsiteY12" fmla="*/ 335500 h 476936"/>
                <a:gd name="connsiteX13" fmla="*/ 1401203 w 2368230"/>
                <a:gd name="connsiteY13" fmla="*/ 378260 h 476936"/>
                <a:gd name="connsiteX14" fmla="*/ 1365021 w 2368230"/>
                <a:gd name="connsiteY14" fmla="*/ 404573 h 476936"/>
                <a:gd name="connsiteX15" fmla="*/ 1276213 w 2368230"/>
                <a:gd name="connsiteY15" fmla="*/ 453911 h 476936"/>
                <a:gd name="connsiteX16" fmla="*/ 1236742 w 2368230"/>
                <a:gd name="connsiteY16" fmla="*/ 473647 h 476936"/>
                <a:gd name="connsiteX17" fmla="*/ 1223585 w 2368230"/>
                <a:gd name="connsiteY17" fmla="*/ 476936 h 476936"/>
                <a:gd name="connsiteX18" fmla="*/ 1098595 w 2368230"/>
                <a:gd name="connsiteY18" fmla="*/ 473647 h 476936"/>
                <a:gd name="connsiteX19" fmla="*/ 1088728 w 2368230"/>
                <a:gd name="connsiteY19" fmla="*/ 467068 h 476936"/>
                <a:gd name="connsiteX20" fmla="*/ 1068993 w 2368230"/>
                <a:gd name="connsiteY20" fmla="*/ 460490 h 476936"/>
                <a:gd name="connsiteX21" fmla="*/ 1045968 w 2368230"/>
                <a:gd name="connsiteY21" fmla="*/ 453911 h 476936"/>
                <a:gd name="connsiteX22" fmla="*/ 1036100 w 2368230"/>
                <a:gd name="connsiteY22" fmla="*/ 447333 h 476936"/>
                <a:gd name="connsiteX23" fmla="*/ 1016365 w 2368230"/>
                <a:gd name="connsiteY23" fmla="*/ 440755 h 476936"/>
                <a:gd name="connsiteX24" fmla="*/ 1009787 w 2368230"/>
                <a:gd name="connsiteY24" fmla="*/ 434176 h 476936"/>
                <a:gd name="connsiteX25" fmla="*/ 990052 w 2368230"/>
                <a:gd name="connsiteY25" fmla="*/ 427598 h 476936"/>
                <a:gd name="connsiteX26" fmla="*/ 967027 w 2368230"/>
                <a:gd name="connsiteY26" fmla="*/ 430887 h 476936"/>
                <a:gd name="connsiteX27" fmla="*/ 953870 w 2368230"/>
                <a:gd name="connsiteY27" fmla="*/ 434176 h 476936"/>
                <a:gd name="connsiteX28" fmla="*/ 759807 w 2368230"/>
                <a:gd name="connsiteY28" fmla="*/ 440755 h 476936"/>
                <a:gd name="connsiteX29" fmla="*/ 697312 w 2368230"/>
                <a:gd name="connsiteY29" fmla="*/ 447333 h 476936"/>
                <a:gd name="connsiteX30" fmla="*/ 677577 w 2368230"/>
                <a:gd name="connsiteY30" fmla="*/ 450622 h 476936"/>
                <a:gd name="connsiteX31" fmla="*/ 522984 w 2368230"/>
                <a:gd name="connsiteY31" fmla="*/ 447333 h 476936"/>
                <a:gd name="connsiteX32" fmla="*/ 503249 w 2368230"/>
                <a:gd name="connsiteY32" fmla="*/ 440755 h 476936"/>
                <a:gd name="connsiteX33" fmla="*/ 490092 w 2368230"/>
                <a:gd name="connsiteY33" fmla="*/ 437465 h 476936"/>
                <a:gd name="connsiteX34" fmla="*/ 430886 w 2368230"/>
                <a:gd name="connsiteY34" fmla="*/ 440755 h 476936"/>
                <a:gd name="connsiteX35" fmla="*/ 421018 w 2368230"/>
                <a:gd name="connsiteY35" fmla="*/ 444044 h 476936"/>
                <a:gd name="connsiteX36" fmla="*/ 315764 w 2368230"/>
                <a:gd name="connsiteY36" fmla="*/ 440754 h 476936"/>
                <a:gd name="connsiteX37" fmla="*/ 226955 w 2368230"/>
                <a:gd name="connsiteY37" fmla="*/ 440755 h 476936"/>
                <a:gd name="connsiteX38" fmla="*/ 138147 w 2368230"/>
                <a:gd name="connsiteY38" fmla="*/ 437465 h 476936"/>
                <a:gd name="connsiteX39" fmla="*/ 85519 w 2368230"/>
                <a:gd name="connsiteY39" fmla="*/ 440755 h 476936"/>
                <a:gd name="connsiteX40" fmla="*/ 69073 w 2368230"/>
                <a:gd name="connsiteY40" fmla="*/ 444044 h 476936"/>
                <a:gd name="connsiteX41" fmla="*/ 0 w 2368230"/>
                <a:gd name="connsiteY41"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67588 w 2368230"/>
                <a:gd name="connsiteY3" fmla="*/ 174329 h 476936"/>
                <a:gd name="connsiteX4" fmla="*/ 2151142 w 2368230"/>
                <a:gd name="connsiteY4" fmla="*/ 177618 h 476936"/>
                <a:gd name="connsiteX5" fmla="*/ 2085359 w 2368230"/>
                <a:gd name="connsiteY5" fmla="*/ 167749 h 476936"/>
                <a:gd name="connsiteX6" fmla="*/ 1950500 w 2368230"/>
                <a:gd name="connsiteY6" fmla="*/ 187486 h 476936"/>
                <a:gd name="connsiteX7" fmla="*/ 1911030 w 2368230"/>
                <a:gd name="connsiteY7" fmla="*/ 210510 h 476936"/>
                <a:gd name="connsiteX8" fmla="*/ 1739991 w 2368230"/>
                <a:gd name="connsiteY8" fmla="*/ 299319 h 476936"/>
                <a:gd name="connsiteX9" fmla="*/ 1710388 w 2368230"/>
                <a:gd name="connsiteY9" fmla="*/ 309186 h 476936"/>
                <a:gd name="connsiteX10" fmla="*/ 1638026 w 2368230"/>
                <a:gd name="connsiteY10" fmla="*/ 319054 h 476936"/>
                <a:gd name="connsiteX11" fmla="*/ 1466987 w 2368230"/>
                <a:gd name="connsiteY11" fmla="*/ 335500 h 476936"/>
                <a:gd name="connsiteX12" fmla="*/ 1401203 w 2368230"/>
                <a:gd name="connsiteY12" fmla="*/ 378260 h 476936"/>
                <a:gd name="connsiteX13" fmla="*/ 1365021 w 2368230"/>
                <a:gd name="connsiteY13" fmla="*/ 404573 h 476936"/>
                <a:gd name="connsiteX14" fmla="*/ 1276213 w 2368230"/>
                <a:gd name="connsiteY14" fmla="*/ 453911 h 476936"/>
                <a:gd name="connsiteX15" fmla="*/ 1236742 w 2368230"/>
                <a:gd name="connsiteY15" fmla="*/ 473647 h 476936"/>
                <a:gd name="connsiteX16" fmla="*/ 1223585 w 2368230"/>
                <a:gd name="connsiteY16" fmla="*/ 476936 h 476936"/>
                <a:gd name="connsiteX17" fmla="*/ 1098595 w 2368230"/>
                <a:gd name="connsiteY17" fmla="*/ 473647 h 476936"/>
                <a:gd name="connsiteX18" fmla="*/ 1088728 w 2368230"/>
                <a:gd name="connsiteY18" fmla="*/ 467068 h 476936"/>
                <a:gd name="connsiteX19" fmla="*/ 1068993 w 2368230"/>
                <a:gd name="connsiteY19" fmla="*/ 460490 h 476936"/>
                <a:gd name="connsiteX20" fmla="*/ 1045968 w 2368230"/>
                <a:gd name="connsiteY20" fmla="*/ 453911 h 476936"/>
                <a:gd name="connsiteX21" fmla="*/ 1036100 w 2368230"/>
                <a:gd name="connsiteY21" fmla="*/ 447333 h 476936"/>
                <a:gd name="connsiteX22" fmla="*/ 1016365 w 2368230"/>
                <a:gd name="connsiteY22" fmla="*/ 440755 h 476936"/>
                <a:gd name="connsiteX23" fmla="*/ 1009787 w 2368230"/>
                <a:gd name="connsiteY23" fmla="*/ 434176 h 476936"/>
                <a:gd name="connsiteX24" fmla="*/ 990052 w 2368230"/>
                <a:gd name="connsiteY24" fmla="*/ 427598 h 476936"/>
                <a:gd name="connsiteX25" fmla="*/ 967027 w 2368230"/>
                <a:gd name="connsiteY25" fmla="*/ 430887 h 476936"/>
                <a:gd name="connsiteX26" fmla="*/ 953870 w 2368230"/>
                <a:gd name="connsiteY26" fmla="*/ 434176 h 476936"/>
                <a:gd name="connsiteX27" fmla="*/ 759807 w 2368230"/>
                <a:gd name="connsiteY27" fmla="*/ 440755 h 476936"/>
                <a:gd name="connsiteX28" fmla="*/ 697312 w 2368230"/>
                <a:gd name="connsiteY28" fmla="*/ 447333 h 476936"/>
                <a:gd name="connsiteX29" fmla="*/ 677577 w 2368230"/>
                <a:gd name="connsiteY29" fmla="*/ 450622 h 476936"/>
                <a:gd name="connsiteX30" fmla="*/ 522984 w 2368230"/>
                <a:gd name="connsiteY30" fmla="*/ 447333 h 476936"/>
                <a:gd name="connsiteX31" fmla="*/ 503249 w 2368230"/>
                <a:gd name="connsiteY31" fmla="*/ 440755 h 476936"/>
                <a:gd name="connsiteX32" fmla="*/ 490092 w 2368230"/>
                <a:gd name="connsiteY32" fmla="*/ 437465 h 476936"/>
                <a:gd name="connsiteX33" fmla="*/ 430886 w 2368230"/>
                <a:gd name="connsiteY33" fmla="*/ 440755 h 476936"/>
                <a:gd name="connsiteX34" fmla="*/ 421018 w 2368230"/>
                <a:gd name="connsiteY34" fmla="*/ 444044 h 476936"/>
                <a:gd name="connsiteX35" fmla="*/ 315764 w 2368230"/>
                <a:gd name="connsiteY35" fmla="*/ 440754 h 476936"/>
                <a:gd name="connsiteX36" fmla="*/ 226955 w 2368230"/>
                <a:gd name="connsiteY36" fmla="*/ 440755 h 476936"/>
                <a:gd name="connsiteX37" fmla="*/ 138147 w 2368230"/>
                <a:gd name="connsiteY37" fmla="*/ 437465 h 476936"/>
                <a:gd name="connsiteX38" fmla="*/ 85519 w 2368230"/>
                <a:gd name="connsiteY38" fmla="*/ 440755 h 476936"/>
                <a:gd name="connsiteX39" fmla="*/ 69073 w 2368230"/>
                <a:gd name="connsiteY39" fmla="*/ 444044 h 476936"/>
                <a:gd name="connsiteX40" fmla="*/ 0 w 2368230"/>
                <a:gd name="connsiteY40"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51142 w 2368230"/>
                <a:gd name="connsiteY3" fmla="*/ 177618 h 476936"/>
                <a:gd name="connsiteX4" fmla="*/ 2085359 w 2368230"/>
                <a:gd name="connsiteY4" fmla="*/ 167749 h 476936"/>
                <a:gd name="connsiteX5" fmla="*/ 1950500 w 2368230"/>
                <a:gd name="connsiteY5" fmla="*/ 187486 h 476936"/>
                <a:gd name="connsiteX6" fmla="*/ 1911030 w 2368230"/>
                <a:gd name="connsiteY6" fmla="*/ 210510 h 476936"/>
                <a:gd name="connsiteX7" fmla="*/ 1739991 w 2368230"/>
                <a:gd name="connsiteY7" fmla="*/ 299319 h 476936"/>
                <a:gd name="connsiteX8" fmla="*/ 1710388 w 2368230"/>
                <a:gd name="connsiteY8" fmla="*/ 309186 h 476936"/>
                <a:gd name="connsiteX9" fmla="*/ 1638026 w 2368230"/>
                <a:gd name="connsiteY9" fmla="*/ 319054 h 476936"/>
                <a:gd name="connsiteX10" fmla="*/ 1466987 w 2368230"/>
                <a:gd name="connsiteY10" fmla="*/ 335500 h 476936"/>
                <a:gd name="connsiteX11" fmla="*/ 1401203 w 2368230"/>
                <a:gd name="connsiteY11" fmla="*/ 378260 h 476936"/>
                <a:gd name="connsiteX12" fmla="*/ 1365021 w 2368230"/>
                <a:gd name="connsiteY12" fmla="*/ 404573 h 476936"/>
                <a:gd name="connsiteX13" fmla="*/ 1276213 w 2368230"/>
                <a:gd name="connsiteY13" fmla="*/ 453911 h 476936"/>
                <a:gd name="connsiteX14" fmla="*/ 1236742 w 2368230"/>
                <a:gd name="connsiteY14" fmla="*/ 473647 h 476936"/>
                <a:gd name="connsiteX15" fmla="*/ 1223585 w 2368230"/>
                <a:gd name="connsiteY15" fmla="*/ 476936 h 476936"/>
                <a:gd name="connsiteX16" fmla="*/ 1098595 w 2368230"/>
                <a:gd name="connsiteY16" fmla="*/ 473647 h 476936"/>
                <a:gd name="connsiteX17" fmla="*/ 1088728 w 2368230"/>
                <a:gd name="connsiteY17" fmla="*/ 467068 h 476936"/>
                <a:gd name="connsiteX18" fmla="*/ 1068993 w 2368230"/>
                <a:gd name="connsiteY18" fmla="*/ 460490 h 476936"/>
                <a:gd name="connsiteX19" fmla="*/ 1045968 w 2368230"/>
                <a:gd name="connsiteY19" fmla="*/ 453911 h 476936"/>
                <a:gd name="connsiteX20" fmla="*/ 1036100 w 2368230"/>
                <a:gd name="connsiteY20" fmla="*/ 447333 h 476936"/>
                <a:gd name="connsiteX21" fmla="*/ 1016365 w 2368230"/>
                <a:gd name="connsiteY21" fmla="*/ 440755 h 476936"/>
                <a:gd name="connsiteX22" fmla="*/ 1009787 w 2368230"/>
                <a:gd name="connsiteY22" fmla="*/ 434176 h 476936"/>
                <a:gd name="connsiteX23" fmla="*/ 990052 w 2368230"/>
                <a:gd name="connsiteY23" fmla="*/ 427598 h 476936"/>
                <a:gd name="connsiteX24" fmla="*/ 967027 w 2368230"/>
                <a:gd name="connsiteY24" fmla="*/ 430887 h 476936"/>
                <a:gd name="connsiteX25" fmla="*/ 953870 w 2368230"/>
                <a:gd name="connsiteY25" fmla="*/ 434176 h 476936"/>
                <a:gd name="connsiteX26" fmla="*/ 759807 w 2368230"/>
                <a:gd name="connsiteY26" fmla="*/ 440755 h 476936"/>
                <a:gd name="connsiteX27" fmla="*/ 697312 w 2368230"/>
                <a:gd name="connsiteY27" fmla="*/ 447333 h 476936"/>
                <a:gd name="connsiteX28" fmla="*/ 677577 w 2368230"/>
                <a:gd name="connsiteY28" fmla="*/ 450622 h 476936"/>
                <a:gd name="connsiteX29" fmla="*/ 522984 w 2368230"/>
                <a:gd name="connsiteY29" fmla="*/ 447333 h 476936"/>
                <a:gd name="connsiteX30" fmla="*/ 503249 w 2368230"/>
                <a:gd name="connsiteY30" fmla="*/ 440755 h 476936"/>
                <a:gd name="connsiteX31" fmla="*/ 490092 w 2368230"/>
                <a:gd name="connsiteY31" fmla="*/ 437465 h 476936"/>
                <a:gd name="connsiteX32" fmla="*/ 430886 w 2368230"/>
                <a:gd name="connsiteY32" fmla="*/ 440755 h 476936"/>
                <a:gd name="connsiteX33" fmla="*/ 421018 w 2368230"/>
                <a:gd name="connsiteY33" fmla="*/ 444044 h 476936"/>
                <a:gd name="connsiteX34" fmla="*/ 315764 w 2368230"/>
                <a:gd name="connsiteY34" fmla="*/ 440754 h 476936"/>
                <a:gd name="connsiteX35" fmla="*/ 226955 w 2368230"/>
                <a:gd name="connsiteY35" fmla="*/ 440755 h 476936"/>
                <a:gd name="connsiteX36" fmla="*/ 138147 w 2368230"/>
                <a:gd name="connsiteY36" fmla="*/ 437465 h 476936"/>
                <a:gd name="connsiteX37" fmla="*/ 85519 w 2368230"/>
                <a:gd name="connsiteY37" fmla="*/ 440755 h 476936"/>
                <a:gd name="connsiteX38" fmla="*/ 69073 w 2368230"/>
                <a:gd name="connsiteY38" fmla="*/ 444044 h 476936"/>
                <a:gd name="connsiteX39" fmla="*/ 0 w 2368230"/>
                <a:gd name="connsiteY39" fmla="*/ 444044 h 4769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368230" h="476936">
                  <a:moveTo>
                    <a:pt x="2368230" y="0"/>
                  </a:moveTo>
                  <a:cubicBezTo>
                    <a:pt x="2352469" y="24669"/>
                    <a:pt x="2310670" y="98677"/>
                    <a:pt x="2289290" y="124991"/>
                  </a:cubicBezTo>
                  <a:cubicBezTo>
                    <a:pt x="2267910" y="151305"/>
                    <a:pt x="2262976" y="149112"/>
                    <a:pt x="2239951" y="157883"/>
                  </a:cubicBezTo>
                  <a:cubicBezTo>
                    <a:pt x="2216926" y="166654"/>
                    <a:pt x="2176907" y="175974"/>
                    <a:pt x="2151142" y="177618"/>
                  </a:cubicBezTo>
                  <a:cubicBezTo>
                    <a:pt x="2125377" y="179262"/>
                    <a:pt x="2118799" y="166104"/>
                    <a:pt x="2085359" y="167749"/>
                  </a:cubicBezTo>
                  <a:cubicBezTo>
                    <a:pt x="2051919" y="169394"/>
                    <a:pt x="1979555" y="180359"/>
                    <a:pt x="1950500" y="187486"/>
                  </a:cubicBezTo>
                  <a:cubicBezTo>
                    <a:pt x="1921445" y="194613"/>
                    <a:pt x="1946115" y="191871"/>
                    <a:pt x="1911030" y="210510"/>
                  </a:cubicBezTo>
                  <a:cubicBezTo>
                    <a:pt x="1875945" y="229149"/>
                    <a:pt x="1773431" y="282873"/>
                    <a:pt x="1739991" y="299319"/>
                  </a:cubicBezTo>
                  <a:cubicBezTo>
                    <a:pt x="1706551" y="315765"/>
                    <a:pt x="1727382" y="305897"/>
                    <a:pt x="1710388" y="309186"/>
                  </a:cubicBezTo>
                  <a:cubicBezTo>
                    <a:pt x="1693394" y="312475"/>
                    <a:pt x="1678593" y="314668"/>
                    <a:pt x="1638026" y="319054"/>
                  </a:cubicBezTo>
                  <a:cubicBezTo>
                    <a:pt x="1597459" y="323440"/>
                    <a:pt x="1503717" y="323988"/>
                    <a:pt x="1466987" y="335500"/>
                  </a:cubicBezTo>
                  <a:cubicBezTo>
                    <a:pt x="1430258" y="347012"/>
                    <a:pt x="1416553" y="365651"/>
                    <a:pt x="1401203" y="378260"/>
                  </a:cubicBezTo>
                  <a:cubicBezTo>
                    <a:pt x="1385853" y="390869"/>
                    <a:pt x="1377081" y="395802"/>
                    <a:pt x="1365021" y="404573"/>
                  </a:cubicBezTo>
                  <a:lnTo>
                    <a:pt x="1276213" y="453911"/>
                  </a:lnTo>
                  <a:cubicBezTo>
                    <a:pt x="1254833" y="465423"/>
                    <a:pt x="1245513" y="469810"/>
                    <a:pt x="1236742" y="473647"/>
                  </a:cubicBezTo>
                  <a:cubicBezTo>
                    <a:pt x="1227971" y="477485"/>
                    <a:pt x="1227971" y="475840"/>
                    <a:pt x="1223585" y="476936"/>
                  </a:cubicBezTo>
                  <a:cubicBezTo>
                    <a:pt x="1181922" y="475840"/>
                    <a:pt x="1140162" y="476689"/>
                    <a:pt x="1098595" y="473647"/>
                  </a:cubicBezTo>
                  <a:cubicBezTo>
                    <a:pt x="1094652" y="473359"/>
                    <a:pt x="1092340" y="468674"/>
                    <a:pt x="1088728" y="467068"/>
                  </a:cubicBezTo>
                  <a:cubicBezTo>
                    <a:pt x="1082392" y="464252"/>
                    <a:pt x="1075571" y="462683"/>
                    <a:pt x="1068993" y="460490"/>
                  </a:cubicBezTo>
                  <a:cubicBezTo>
                    <a:pt x="1062660" y="458379"/>
                    <a:pt x="1052310" y="457082"/>
                    <a:pt x="1045968" y="453911"/>
                  </a:cubicBezTo>
                  <a:cubicBezTo>
                    <a:pt x="1042432" y="452143"/>
                    <a:pt x="1039712" y="448938"/>
                    <a:pt x="1036100" y="447333"/>
                  </a:cubicBezTo>
                  <a:cubicBezTo>
                    <a:pt x="1029763" y="444517"/>
                    <a:pt x="1016365" y="440755"/>
                    <a:pt x="1016365" y="440755"/>
                  </a:cubicBezTo>
                  <a:cubicBezTo>
                    <a:pt x="1014172" y="438562"/>
                    <a:pt x="1012561" y="435563"/>
                    <a:pt x="1009787" y="434176"/>
                  </a:cubicBezTo>
                  <a:cubicBezTo>
                    <a:pt x="1003585" y="431075"/>
                    <a:pt x="990052" y="427598"/>
                    <a:pt x="990052" y="427598"/>
                  </a:cubicBezTo>
                  <a:cubicBezTo>
                    <a:pt x="982377" y="428694"/>
                    <a:pt x="974655" y="429500"/>
                    <a:pt x="967027" y="430887"/>
                  </a:cubicBezTo>
                  <a:cubicBezTo>
                    <a:pt x="962579" y="431696"/>
                    <a:pt x="958356" y="433615"/>
                    <a:pt x="953870" y="434176"/>
                  </a:cubicBezTo>
                  <a:cubicBezTo>
                    <a:pt x="899526" y="440969"/>
                    <a:pt x="785136" y="440216"/>
                    <a:pt x="759807" y="440755"/>
                  </a:cubicBezTo>
                  <a:lnTo>
                    <a:pt x="697312" y="447333"/>
                  </a:lnTo>
                  <a:cubicBezTo>
                    <a:pt x="690701" y="448214"/>
                    <a:pt x="684155" y="449526"/>
                    <a:pt x="677577" y="450622"/>
                  </a:cubicBezTo>
                  <a:cubicBezTo>
                    <a:pt x="626046" y="449526"/>
                    <a:pt x="574444" y="450246"/>
                    <a:pt x="522984" y="447333"/>
                  </a:cubicBezTo>
                  <a:cubicBezTo>
                    <a:pt x="516061" y="446941"/>
                    <a:pt x="509827" y="442948"/>
                    <a:pt x="503249" y="440755"/>
                  </a:cubicBezTo>
                  <a:cubicBezTo>
                    <a:pt x="498960" y="439325"/>
                    <a:pt x="494478" y="438562"/>
                    <a:pt x="490092" y="437465"/>
                  </a:cubicBezTo>
                  <a:cubicBezTo>
                    <a:pt x="470357" y="438562"/>
                    <a:pt x="450563" y="438881"/>
                    <a:pt x="430886" y="440755"/>
                  </a:cubicBezTo>
                  <a:cubicBezTo>
                    <a:pt x="427434" y="441084"/>
                    <a:pt x="440205" y="444044"/>
                    <a:pt x="421018" y="444044"/>
                  </a:cubicBezTo>
                  <a:cubicBezTo>
                    <a:pt x="401831" y="444044"/>
                    <a:pt x="348108" y="441302"/>
                    <a:pt x="315764" y="440754"/>
                  </a:cubicBezTo>
                  <a:cubicBezTo>
                    <a:pt x="283420" y="440206"/>
                    <a:pt x="256558" y="441303"/>
                    <a:pt x="226955" y="440755"/>
                  </a:cubicBezTo>
                  <a:cubicBezTo>
                    <a:pt x="197352" y="440207"/>
                    <a:pt x="167750" y="438562"/>
                    <a:pt x="138147" y="437465"/>
                  </a:cubicBezTo>
                  <a:cubicBezTo>
                    <a:pt x="120604" y="438562"/>
                    <a:pt x="103017" y="439088"/>
                    <a:pt x="85519" y="440755"/>
                  </a:cubicBezTo>
                  <a:cubicBezTo>
                    <a:pt x="79954" y="441285"/>
                    <a:pt x="74659" y="443829"/>
                    <a:pt x="69073" y="444044"/>
                  </a:cubicBezTo>
                  <a:cubicBezTo>
                    <a:pt x="46066" y="444929"/>
                    <a:pt x="23024" y="444044"/>
                    <a:pt x="0" y="444044"/>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0" name="Freeform 1029"/>
            <p:cNvSpPr/>
            <p:nvPr/>
          </p:nvSpPr>
          <p:spPr bwMode="auto">
            <a:xfrm>
              <a:off x="5871236" y="2519534"/>
              <a:ext cx="301813" cy="664087"/>
            </a:xfrm>
            <a:custGeom>
              <a:avLst/>
              <a:gdLst>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9602 w 230244"/>
                <a:gd name="connsiteY32" fmla="*/ 19736 h 631528"/>
                <a:gd name="connsiteX33" fmla="*/ 23024 w 230244"/>
                <a:gd name="connsiteY33" fmla="*/ 13157 h 631528"/>
                <a:gd name="connsiteX34" fmla="*/ 13156 w 230244"/>
                <a:gd name="connsiteY34" fmla="*/ 6579 h 631528"/>
                <a:gd name="connsiteX35" fmla="*/ 0 w 230244"/>
                <a:gd name="connsiteY35"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3024 w 230244"/>
                <a:gd name="connsiteY32" fmla="*/ 13157 h 631528"/>
                <a:gd name="connsiteX33" fmla="*/ 13156 w 230244"/>
                <a:gd name="connsiteY33" fmla="*/ 6579 h 631528"/>
                <a:gd name="connsiteX34" fmla="*/ 0 w 230244"/>
                <a:gd name="connsiteY34"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33928 w 230244"/>
                <a:gd name="connsiteY32" fmla="*/ 23882 h 631528"/>
                <a:gd name="connsiteX33" fmla="*/ 23024 w 230244"/>
                <a:gd name="connsiteY33" fmla="*/ 13157 h 631528"/>
                <a:gd name="connsiteX34" fmla="*/ 13156 w 230244"/>
                <a:gd name="connsiteY34" fmla="*/ 6579 h 631528"/>
                <a:gd name="connsiteX35" fmla="*/ 0 w 230244"/>
                <a:gd name="connsiteY35" fmla="*/ 0 h 631528"/>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36182 w 217088"/>
                <a:gd name="connsiteY31" fmla="*/ 23024 h 624949"/>
                <a:gd name="connsiteX32" fmla="*/ 20772 w 217088"/>
                <a:gd name="connsiteY32" fmla="*/ 17303 h 624949"/>
                <a:gd name="connsiteX33" fmla="*/ 9868 w 217088"/>
                <a:gd name="connsiteY33" fmla="*/ 6578 h 624949"/>
                <a:gd name="connsiteX34" fmla="*/ 0 w 217088"/>
                <a:gd name="connsiteY3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45678 w 217088"/>
                <a:gd name="connsiteY30" fmla="*/ 35093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45678 w 217088"/>
                <a:gd name="connsiteY29" fmla="*/ 35093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45678 w 217088"/>
                <a:gd name="connsiteY28" fmla="*/ 35093 h 624949"/>
                <a:gd name="connsiteX29" fmla="*/ 20772 w 217088"/>
                <a:gd name="connsiteY29" fmla="*/ 17303 h 624949"/>
                <a:gd name="connsiteX30" fmla="*/ 9868 w 217088"/>
                <a:gd name="connsiteY30" fmla="*/ 6578 h 624949"/>
                <a:gd name="connsiteX31" fmla="*/ 0 w 217088"/>
                <a:gd name="connsiteY31"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45678 w 217088"/>
                <a:gd name="connsiteY27" fmla="*/ 35093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4330 w 217088"/>
                <a:gd name="connsiteY27" fmla="*/ 27977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20772 w 217088"/>
                <a:gd name="connsiteY26" fmla="*/ 17303 h 624949"/>
                <a:gd name="connsiteX27" fmla="*/ 9868 w 217088"/>
                <a:gd name="connsiteY27" fmla="*/ 6578 h 624949"/>
                <a:gd name="connsiteX28" fmla="*/ 0 w 217088"/>
                <a:gd name="connsiteY28"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98677 w 217088"/>
                <a:gd name="connsiteY24" fmla="*/ 187485 h 624949"/>
                <a:gd name="connsiteX25" fmla="*/ 20772 w 217088"/>
                <a:gd name="connsiteY25" fmla="*/ 17303 h 624949"/>
                <a:gd name="connsiteX26" fmla="*/ 9868 w 217088"/>
                <a:gd name="connsiteY26" fmla="*/ 6578 h 624949"/>
                <a:gd name="connsiteX27" fmla="*/ 0 w 217088"/>
                <a:gd name="connsiteY27"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98677 w 217088"/>
                <a:gd name="connsiteY23" fmla="*/ 187485 h 624949"/>
                <a:gd name="connsiteX24" fmla="*/ 20772 w 217088"/>
                <a:gd name="connsiteY24" fmla="*/ 17303 h 624949"/>
                <a:gd name="connsiteX25" fmla="*/ 9868 w 217088"/>
                <a:gd name="connsiteY25" fmla="*/ 6578 h 624949"/>
                <a:gd name="connsiteX26" fmla="*/ 0 w 217088"/>
                <a:gd name="connsiteY26"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98677 w 217088"/>
                <a:gd name="connsiteY22" fmla="*/ 187485 h 624949"/>
                <a:gd name="connsiteX23" fmla="*/ 20772 w 217088"/>
                <a:gd name="connsiteY23" fmla="*/ 17303 h 624949"/>
                <a:gd name="connsiteX24" fmla="*/ 9868 w 217088"/>
                <a:gd name="connsiteY24" fmla="*/ 6578 h 624949"/>
                <a:gd name="connsiteX25" fmla="*/ 0 w 217088"/>
                <a:gd name="connsiteY25"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28280 w 217088"/>
                <a:gd name="connsiteY19" fmla="*/ 266426 h 624949"/>
                <a:gd name="connsiteX20" fmla="*/ 124990 w 217088"/>
                <a:gd name="connsiteY20" fmla="*/ 256558 h 624949"/>
                <a:gd name="connsiteX21" fmla="*/ 98677 w 217088"/>
                <a:gd name="connsiteY21" fmla="*/ 187485 h 624949"/>
                <a:gd name="connsiteX22" fmla="*/ 20772 w 217088"/>
                <a:gd name="connsiteY22" fmla="*/ 17303 h 624949"/>
                <a:gd name="connsiteX23" fmla="*/ 9868 w 217088"/>
                <a:gd name="connsiteY23" fmla="*/ 6578 h 624949"/>
                <a:gd name="connsiteX24" fmla="*/ 0 w 217088"/>
                <a:gd name="connsiteY2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63091 w 217088"/>
                <a:gd name="connsiteY16" fmla="*/ 312615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197353 w 217088"/>
                <a:gd name="connsiteY10" fmla="*/ 444043 h 624949"/>
                <a:gd name="connsiteX11" fmla="*/ 194064 w 217088"/>
                <a:gd name="connsiteY11" fmla="*/ 427597 h 624949"/>
                <a:gd name="connsiteX12" fmla="*/ 190775 w 217088"/>
                <a:gd name="connsiteY12" fmla="*/ 365102 h 624949"/>
                <a:gd name="connsiteX13" fmla="*/ 184196 w 217088"/>
                <a:gd name="connsiteY13" fmla="*/ 345367 h 624949"/>
                <a:gd name="connsiteX14" fmla="*/ 180907 w 217088"/>
                <a:gd name="connsiteY14" fmla="*/ 335499 h 624949"/>
                <a:gd name="connsiteX15" fmla="*/ 163091 w 217088"/>
                <a:gd name="connsiteY15" fmla="*/ 312615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197353 w 217088"/>
                <a:gd name="connsiteY9" fmla="*/ 444043 h 624949"/>
                <a:gd name="connsiteX10" fmla="*/ 194064 w 217088"/>
                <a:gd name="connsiteY10" fmla="*/ 427597 h 624949"/>
                <a:gd name="connsiteX11" fmla="*/ 190775 w 217088"/>
                <a:gd name="connsiteY11" fmla="*/ 365102 h 624949"/>
                <a:gd name="connsiteX12" fmla="*/ 184196 w 217088"/>
                <a:gd name="connsiteY12" fmla="*/ 345367 h 624949"/>
                <a:gd name="connsiteX13" fmla="*/ 180907 w 217088"/>
                <a:gd name="connsiteY13" fmla="*/ 335499 h 624949"/>
                <a:gd name="connsiteX14" fmla="*/ 163091 w 217088"/>
                <a:gd name="connsiteY14" fmla="*/ 312615 h 624949"/>
                <a:gd name="connsiteX15" fmla="*/ 141436 w 217088"/>
                <a:gd name="connsiteY15" fmla="*/ 282872 h 624949"/>
                <a:gd name="connsiteX16" fmla="*/ 128280 w 217088"/>
                <a:gd name="connsiteY16" fmla="*/ 266426 h 624949"/>
                <a:gd name="connsiteX17" fmla="*/ 124990 w 217088"/>
                <a:gd name="connsiteY17" fmla="*/ 256558 h 624949"/>
                <a:gd name="connsiteX18" fmla="*/ 98677 w 217088"/>
                <a:gd name="connsiteY18" fmla="*/ 187485 h 624949"/>
                <a:gd name="connsiteX19" fmla="*/ 20772 w 217088"/>
                <a:gd name="connsiteY19" fmla="*/ 17303 h 624949"/>
                <a:gd name="connsiteX20" fmla="*/ 9868 w 217088"/>
                <a:gd name="connsiteY20" fmla="*/ 6578 h 624949"/>
                <a:gd name="connsiteX21" fmla="*/ 0 w 217088"/>
                <a:gd name="connsiteY21"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0775 w 210643"/>
                <a:gd name="connsiteY4" fmla="*/ 569033 h 624949"/>
                <a:gd name="connsiteX5" fmla="*/ 197353 w 210643"/>
                <a:gd name="connsiteY5" fmla="*/ 549298 h 624949"/>
                <a:gd name="connsiteX6" fmla="*/ 203931 w 210643"/>
                <a:gd name="connsiteY6" fmla="*/ 536141 h 624949"/>
                <a:gd name="connsiteX7" fmla="*/ 210510 w 210643"/>
                <a:gd name="connsiteY7" fmla="*/ 529562 h 624949"/>
                <a:gd name="connsiteX8" fmla="*/ 197353 w 210643"/>
                <a:gd name="connsiteY8" fmla="*/ 444043 h 624949"/>
                <a:gd name="connsiteX9" fmla="*/ 194064 w 210643"/>
                <a:gd name="connsiteY9" fmla="*/ 427597 h 624949"/>
                <a:gd name="connsiteX10" fmla="*/ 190775 w 210643"/>
                <a:gd name="connsiteY10" fmla="*/ 365102 h 624949"/>
                <a:gd name="connsiteX11" fmla="*/ 184196 w 210643"/>
                <a:gd name="connsiteY11" fmla="*/ 345367 h 624949"/>
                <a:gd name="connsiteX12" fmla="*/ 180907 w 210643"/>
                <a:gd name="connsiteY12" fmla="*/ 335499 h 624949"/>
                <a:gd name="connsiteX13" fmla="*/ 163091 w 210643"/>
                <a:gd name="connsiteY13" fmla="*/ 312615 h 624949"/>
                <a:gd name="connsiteX14" fmla="*/ 141436 w 210643"/>
                <a:gd name="connsiteY14" fmla="*/ 282872 h 624949"/>
                <a:gd name="connsiteX15" fmla="*/ 128280 w 210643"/>
                <a:gd name="connsiteY15" fmla="*/ 266426 h 624949"/>
                <a:gd name="connsiteX16" fmla="*/ 124990 w 210643"/>
                <a:gd name="connsiteY16" fmla="*/ 256558 h 624949"/>
                <a:gd name="connsiteX17" fmla="*/ 98677 w 210643"/>
                <a:gd name="connsiteY17" fmla="*/ 187485 h 624949"/>
                <a:gd name="connsiteX18" fmla="*/ 20772 w 210643"/>
                <a:gd name="connsiteY18" fmla="*/ 17303 h 624949"/>
                <a:gd name="connsiteX19" fmla="*/ 9868 w 210643"/>
                <a:gd name="connsiteY19" fmla="*/ 6578 h 624949"/>
                <a:gd name="connsiteX20" fmla="*/ 0 w 210643"/>
                <a:gd name="connsiteY20"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7353 w 210643"/>
                <a:gd name="connsiteY4" fmla="*/ 549298 h 624949"/>
                <a:gd name="connsiteX5" fmla="*/ 203931 w 210643"/>
                <a:gd name="connsiteY5" fmla="*/ 536141 h 624949"/>
                <a:gd name="connsiteX6" fmla="*/ 210510 w 210643"/>
                <a:gd name="connsiteY6" fmla="*/ 529562 h 624949"/>
                <a:gd name="connsiteX7" fmla="*/ 197353 w 210643"/>
                <a:gd name="connsiteY7" fmla="*/ 444043 h 624949"/>
                <a:gd name="connsiteX8" fmla="*/ 194064 w 210643"/>
                <a:gd name="connsiteY8" fmla="*/ 427597 h 624949"/>
                <a:gd name="connsiteX9" fmla="*/ 190775 w 210643"/>
                <a:gd name="connsiteY9" fmla="*/ 365102 h 624949"/>
                <a:gd name="connsiteX10" fmla="*/ 184196 w 210643"/>
                <a:gd name="connsiteY10" fmla="*/ 345367 h 624949"/>
                <a:gd name="connsiteX11" fmla="*/ 180907 w 210643"/>
                <a:gd name="connsiteY11" fmla="*/ 335499 h 624949"/>
                <a:gd name="connsiteX12" fmla="*/ 163091 w 210643"/>
                <a:gd name="connsiteY12" fmla="*/ 312615 h 624949"/>
                <a:gd name="connsiteX13" fmla="*/ 141436 w 210643"/>
                <a:gd name="connsiteY13" fmla="*/ 282872 h 624949"/>
                <a:gd name="connsiteX14" fmla="*/ 128280 w 210643"/>
                <a:gd name="connsiteY14" fmla="*/ 266426 h 624949"/>
                <a:gd name="connsiteX15" fmla="*/ 124990 w 210643"/>
                <a:gd name="connsiteY15" fmla="*/ 256558 h 624949"/>
                <a:gd name="connsiteX16" fmla="*/ 98677 w 210643"/>
                <a:gd name="connsiteY16" fmla="*/ 187485 h 624949"/>
                <a:gd name="connsiteX17" fmla="*/ 20772 w 210643"/>
                <a:gd name="connsiteY17" fmla="*/ 17303 h 624949"/>
                <a:gd name="connsiteX18" fmla="*/ 9868 w 210643"/>
                <a:gd name="connsiteY18" fmla="*/ 6578 h 624949"/>
                <a:gd name="connsiteX19" fmla="*/ 0 w 210643"/>
                <a:gd name="connsiteY19"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203931 w 210643"/>
                <a:gd name="connsiteY4" fmla="*/ 536141 h 624949"/>
                <a:gd name="connsiteX5" fmla="*/ 210510 w 210643"/>
                <a:gd name="connsiteY5" fmla="*/ 529562 h 624949"/>
                <a:gd name="connsiteX6" fmla="*/ 197353 w 210643"/>
                <a:gd name="connsiteY6" fmla="*/ 444043 h 624949"/>
                <a:gd name="connsiteX7" fmla="*/ 194064 w 210643"/>
                <a:gd name="connsiteY7" fmla="*/ 427597 h 624949"/>
                <a:gd name="connsiteX8" fmla="*/ 190775 w 210643"/>
                <a:gd name="connsiteY8" fmla="*/ 365102 h 624949"/>
                <a:gd name="connsiteX9" fmla="*/ 184196 w 210643"/>
                <a:gd name="connsiteY9" fmla="*/ 345367 h 624949"/>
                <a:gd name="connsiteX10" fmla="*/ 180907 w 210643"/>
                <a:gd name="connsiteY10" fmla="*/ 335499 h 624949"/>
                <a:gd name="connsiteX11" fmla="*/ 163091 w 210643"/>
                <a:gd name="connsiteY11" fmla="*/ 312615 h 624949"/>
                <a:gd name="connsiteX12" fmla="*/ 141436 w 210643"/>
                <a:gd name="connsiteY12" fmla="*/ 282872 h 624949"/>
                <a:gd name="connsiteX13" fmla="*/ 128280 w 210643"/>
                <a:gd name="connsiteY13" fmla="*/ 266426 h 624949"/>
                <a:gd name="connsiteX14" fmla="*/ 124990 w 210643"/>
                <a:gd name="connsiteY14" fmla="*/ 256558 h 624949"/>
                <a:gd name="connsiteX15" fmla="*/ 98677 w 210643"/>
                <a:gd name="connsiteY15" fmla="*/ 187485 h 624949"/>
                <a:gd name="connsiteX16" fmla="*/ 20772 w 210643"/>
                <a:gd name="connsiteY16" fmla="*/ 17303 h 624949"/>
                <a:gd name="connsiteX17" fmla="*/ 9868 w 210643"/>
                <a:gd name="connsiteY17" fmla="*/ 6578 h 624949"/>
                <a:gd name="connsiteX18" fmla="*/ 0 w 210643"/>
                <a:gd name="connsiteY18" fmla="*/ 0 h 624949"/>
                <a:gd name="connsiteX0" fmla="*/ 138147 w 210643"/>
                <a:gd name="connsiteY0" fmla="*/ 624949 h 624949"/>
                <a:gd name="connsiteX1" fmla="*/ 167750 w 210643"/>
                <a:gd name="connsiteY1" fmla="*/ 592057 h 624949"/>
                <a:gd name="connsiteX2" fmla="*/ 177618 w 210643"/>
                <a:gd name="connsiteY2" fmla="*/ 588768 h 624949"/>
                <a:gd name="connsiteX3" fmla="*/ 203931 w 210643"/>
                <a:gd name="connsiteY3" fmla="*/ 536141 h 624949"/>
                <a:gd name="connsiteX4" fmla="*/ 210510 w 210643"/>
                <a:gd name="connsiteY4" fmla="*/ 529562 h 624949"/>
                <a:gd name="connsiteX5" fmla="*/ 197353 w 210643"/>
                <a:gd name="connsiteY5" fmla="*/ 444043 h 624949"/>
                <a:gd name="connsiteX6" fmla="*/ 194064 w 210643"/>
                <a:gd name="connsiteY6" fmla="*/ 427597 h 624949"/>
                <a:gd name="connsiteX7" fmla="*/ 190775 w 210643"/>
                <a:gd name="connsiteY7" fmla="*/ 365102 h 624949"/>
                <a:gd name="connsiteX8" fmla="*/ 184196 w 210643"/>
                <a:gd name="connsiteY8" fmla="*/ 345367 h 624949"/>
                <a:gd name="connsiteX9" fmla="*/ 180907 w 210643"/>
                <a:gd name="connsiteY9" fmla="*/ 335499 h 624949"/>
                <a:gd name="connsiteX10" fmla="*/ 163091 w 210643"/>
                <a:gd name="connsiteY10" fmla="*/ 312615 h 624949"/>
                <a:gd name="connsiteX11" fmla="*/ 141436 w 210643"/>
                <a:gd name="connsiteY11" fmla="*/ 282872 h 624949"/>
                <a:gd name="connsiteX12" fmla="*/ 128280 w 210643"/>
                <a:gd name="connsiteY12" fmla="*/ 266426 h 624949"/>
                <a:gd name="connsiteX13" fmla="*/ 124990 w 210643"/>
                <a:gd name="connsiteY13" fmla="*/ 256558 h 624949"/>
                <a:gd name="connsiteX14" fmla="*/ 98677 w 210643"/>
                <a:gd name="connsiteY14" fmla="*/ 187485 h 624949"/>
                <a:gd name="connsiteX15" fmla="*/ 20772 w 210643"/>
                <a:gd name="connsiteY15" fmla="*/ 17303 h 624949"/>
                <a:gd name="connsiteX16" fmla="*/ 9868 w 210643"/>
                <a:gd name="connsiteY16" fmla="*/ 6578 h 624949"/>
                <a:gd name="connsiteX17" fmla="*/ 0 w 210643"/>
                <a:gd name="connsiteY17" fmla="*/ 0 h 624949"/>
                <a:gd name="connsiteX0" fmla="*/ 138147 w 210643"/>
                <a:gd name="connsiteY0" fmla="*/ 624949 h 624949"/>
                <a:gd name="connsiteX1" fmla="*/ 167750 w 210643"/>
                <a:gd name="connsiteY1" fmla="*/ 592057 h 624949"/>
                <a:gd name="connsiteX2" fmla="*/ 203931 w 210643"/>
                <a:gd name="connsiteY2" fmla="*/ 536141 h 624949"/>
                <a:gd name="connsiteX3" fmla="*/ 210510 w 210643"/>
                <a:gd name="connsiteY3" fmla="*/ 529562 h 624949"/>
                <a:gd name="connsiteX4" fmla="*/ 197353 w 210643"/>
                <a:gd name="connsiteY4" fmla="*/ 444043 h 624949"/>
                <a:gd name="connsiteX5" fmla="*/ 194064 w 210643"/>
                <a:gd name="connsiteY5" fmla="*/ 427597 h 624949"/>
                <a:gd name="connsiteX6" fmla="*/ 190775 w 210643"/>
                <a:gd name="connsiteY6" fmla="*/ 365102 h 624949"/>
                <a:gd name="connsiteX7" fmla="*/ 184196 w 210643"/>
                <a:gd name="connsiteY7" fmla="*/ 345367 h 624949"/>
                <a:gd name="connsiteX8" fmla="*/ 180907 w 210643"/>
                <a:gd name="connsiteY8" fmla="*/ 335499 h 624949"/>
                <a:gd name="connsiteX9" fmla="*/ 163091 w 210643"/>
                <a:gd name="connsiteY9" fmla="*/ 312615 h 624949"/>
                <a:gd name="connsiteX10" fmla="*/ 141436 w 210643"/>
                <a:gd name="connsiteY10" fmla="*/ 282872 h 624949"/>
                <a:gd name="connsiteX11" fmla="*/ 128280 w 210643"/>
                <a:gd name="connsiteY11" fmla="*/ 266426 h 624949"/>
                <a:gd name="connsiteX12" fmla="*/ 124990 w 210643"/>
                <a:gd name="connsiteY12" fmla="*/ 256558 h 624949"/>
                <a:gd name="connsiteX13" fmla="*/ 98677 w 210643"/>
                <a:gd name="connsiteY13" fmla="*/ 187485 h 624949"/>
                <a:gd name="connsiteX14" fmla="*/ 20772 w 210643"/>
                <a:gd name="connsiteY14" fmla="*/ 17303 h 624949"/>
                <a:gd name="connsiteX15" fmla="*/ 9868 w 210643"/>
                <a:gd name="connsiteY15" fmla="*/ 6578 h 624949"/>
                <a:gd name="connsiteX16" fmla="*/ 0 w 210643"/>
                <a:gd name="connsiteY16" fmla="*/ 0 h 624949"/>
                <a:gd name="connsiteX0" fmla="*/ 259118 w 259381"/>
                <a:gd name="connsiteY0" fmla="*/ 656971 h 656971"/>
                <a:gd name="connsiteX1" fmla="*/ 167750 w 259381"/>
                <a:gd name="connsiteY1" fmla="*/ 592057 h 656971"/>
                <a:gd name="connsiteX2" fmla="*/ 203931 w 259381"/>
                <a:gd name="connsiteY2" fmla="*/ 536141 h 656971"/>
                <a:gd name="connsiteX3" fmla="*/ 210510 w 259381"/>
                <a:gd name="connsiteY3" fmla="*/ 529562 h 656971"/>
                <a:gd name="connsiteX4" fmla="*/ 197353 w 259381"/>
                <a:gd name="connsiteY4" fmla="*/ 444043 h 656971"/>
                <a:gd name="connsiteX5" fmla="*/ 194064 w 259381"/>
                <a:gd name="connsiteY5" fmla="*/ 427597 h 656971"/>
                <a:gd name="connsiteX6" fmla="*/ 190775 w 259381"/>
                <a:gd name="connsiteY6" fmla="*/ 365102 h 656971"/>
                <a:gd name="connsiteX7" fmla="*/ 184196 w 259381"/>
                <a:gd name="connsiteY7" fmla="*/ 345367 h 656971"/>
                <a:gd name="connsiteX8" fmla="*/ 180907 w 259381"/>
                <a:gd name="connsiteY8" fmla="*/ 335499 h 656971"/>
                <a:gd name="connsiteX9" fmla="*/ 163091 w 259381"/>
                <a:gd name="connsiteY9" fmla="*/ 312615 h 656971"/>
                <a:gd name="connsiteX10" fmla="*/ 141436 w 259381"/>
                <a:gd name="connsiteY10" fmla="*/ 282872 h 656971"/>
                <a:gd name="connsiteX11" fmla="*/ 128280 w 259381"/>
                <a:gd name="connsiteY11" fmla="*/ 266426 h 656971"/>
                <a:gd name="connsiteX12" fmla="*/ 124990 w 259381"/>
                <a:gd name="connsiteY12" fmla="*/ 256558 h 656971"/>
                <a:gd name="connsiteX13" fmla="*/ 98677 w 259381"/>
                <a:gd name="connsiteY13" fmla="*/ 187485 h 656971"/>
                <a:gd name="connsiteX14" fmla="*/ 20772 w 259381"/>
                <a:gd name="connsiteY14" fmla="*/ 17303 h 656971"/>
                <a:gd name="connsiteX15" fmla="*/ 9868 w 259381"/>
                <a:gd name="connsiteY15" fmla="*/ 6578 h 656971"/>
                <a:gd name="connsiteX16" fmla="*/ 0 w 259381"/>
                <a:gd name="connsiteY16" fmla="*/ 0 h 656971"/>
                <a:gd name="connsiteX0" fmla="*/ 301813 w 302002"/>
                <a:gd name="connsiteY0" fmla="*/ 664087 h 664087"/>
                <a:gd name="connsiteX1" fmla="*/ 167750 w 302002"/>
                <a:gd name="connsiteY1" fmla="*/ 592057 h 664087"/>
                <a:gd name="connsiteX2" fmla="*/ 203931 w 302002"/>
                <a:gd name="connsiteY2" fmla="*/ 536141 h 664087"/>
                <a:gd name="connsiteX3" fmla="*/ 210510 w 302002"/>
                <a:gd name="connsiteY3" fmla="*/ 529562 h 664087"/>
                <a:gd name="connsiteX4" fmla="*/ 197353 w 302002"/>
                <a:gd name="connsiteY4" fmla="*/ 444043 h 664087"/>
                <a:gd name="connsiteX5" fmla="*/ 194064 w 302002"/>
                <a:gd name="connsiteY5" fmla="*/ 427597 h 664087"/>
                <a:gd name="connsiteX6" fmla="*/ 190775 w 302002"/>
                <a:gd name="connsiteY6" fmla="*/ 365102 h 664087"/>
                <a:gd name="connsiteX7" fmla="*/ 184196 w 302002"/>
                <a:gd name="connsiteY7" fmla="*/ 345367 h 664087"/>
                <a:gd name="connsiteX8" fmla="*/ 180907 w 302002"/>
                <a:gd name="connsiteY8" fmla="*/ 335499 h 664087"/>
                <a:gd name="connsiteX9" fmla="*/ 163091 w 302002"/>
                <a:gd name="connsiteY9" fmla="*/ 312615 h 664087"/>
                <a:gd name="connsiteX10" fmla="*/ 141436 w 302002"/>
                <a:gd name="connsiteY10" fmla="*/ 282872 h 664087"/>
                <a:gd name="connsiteX11" fmla="*/ 128280 w 302002"/>
                <a:gd name="connsiteY11" fmla="*/ 266426 h 664087"/>
                <a:gd name="connsiteX12" fmla="*/ 124990 w 302002"/>
                <a:gd name="connsiteY12" fmla="*/ 256558 h 664087"/>
                <a:gd name="connsiteX13" fmla="*/ 98677 w 302002"/>
                <a:gd name="connsiteY13" fmla="*/ 187485 h 664087"/>
                <a:gd name="connsiteX14" fmla="*/ 20772 w 302002"/>
                <a:gd name="connsiteY14" fmla="*/ 17303 h 664087"/>
                <a:gd name="connsiteX15" fmla="*/ 9868 w 302002"/>
                <a:gd name="connsiteY15" fmla="*/ 6578 h 664087"/>
                <a:gd name="connsiteX16" fmla="*/ 0 w 302002"/>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210510 w 301813"/>
                <a:gd name="connsiteY3" fmla="*/ 529562 h 664087"/>
                <a:gd name="connsiteX4" fmla="*/ 197353 w 301813"/>
                <a:gd name="connsiteY4" fmla="*/ 444043 h 664087"/>
                <a:gd name="connsiteX5" fmla="*/ 194064 w 301813"/>
                <a:gd name="connsiteY5" fmla="*/ 427597 h 664087"/>
                <a:gd name="connsiteX6" fmla="*/ 190775 w 301813"/>
                <a:gd name="connsiteY6" fmla="*/ 365102 h 664087"/>
                <a:gd name="connsiteX7" fmla="*/ 184196 w 301813"/>
                <a:gd name="connsiteY7" fmla="*/ 345367 h 664087"/>
                <a:gd name="connsiteX8" fmla="*/ 180907 w 301813"/>
                <a:gd name="connsiteY8" fmla="*/ 335499 h 664087"/>
                <a:gd name="connsiteX9" fmla="*/ 163091 w 301813"/>
                <a:gd name="connsiteY9" fmla="*/ 312615 h 664087"/>
                <a:gd name="connsiteX10" fmla="*/ 141436 w 301813"/>
                <a:gd name="connsiteY10" fmla="*/ 282872 h 664087"/>
                <a:gd name="connsiteX11" fmla="*/ 128280 w 301813"/>
                <a:gd name="connsiteY11" fmla="*/ 266426 h 664087"/>
                <a:gd name="connsiteX12" fmla="*/ 124990 w 301813"/>
                <a:gd name="connsiteY12" fmla="*/ 256558 h 664087"/>
                <a:gd name="connsiteX13" fmla="*/ 98677 w 301813"/>
                <a:gd name="connsiteY13" fmla="*/ 187485 h 664087"/>
                <a:gd name="connsiteX14" fmla="*/ 20772 w 301813"/>
                <a:gd name="connsiteY14" fmla="*/ 17303 h 664087"/>
                <a:gd name="connsiteX15" fmla="*/ 9868 w 301813"/>
                <a:gd name="connsiteY15" fmla="*/ 6578 h 664087"/>
                <a:gd name="connsiteX16" fmla="*/ 0 w 301813"/>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4196 w 301813"/>
                <a:gd name="connsiteY6" fmla="*/ 345367 h 664087"/>
                <a:gd name="connsiteX7" fmla="*/ 180907 w 301813"/>
                <a:gd name="connsiteY7" fmla="*/ 335499 h 664087"/>
                <a:gd name="connsiteX8" fmla="*/ 163091 w 301813"/>
                <a:gd name="connsiteY8" fmla="*/ 312615 h 664087"/>
                <a:gd name="connsiteX9" fmla="*/ 141436 w 301813"/>
                <a:gd name="connsiteY9" fmla="*/ 282872 h 664087"/>
                <a:gd name="connsiteX10" fmla="*/ 128280 w 301813"/>
                <a:gd name="connsiteY10" fmla="*/ 266426 h 664087"/>
                <a:gd name="connsiteX11" fmla="*/ 124990 w 301813"/>
                <a:gd name="connsiteY11" fmla="*/ 256558 h 664087"/>
                <a:gd name="connsiteX12" fmla="*/ 98677 w 301813"/>
                <a:gd name="connsiteY12" fmla="*/ 187485 h 664087"/>
                <a:gd name="connsiteX13" fmla="*/ 20772 w 301813"/>
                <a:gd name="connsiteY13" fmla="*/ 17303 h 664087"/>
                <a:gd name="connsiteX14" fmla="*/ 9868 w 301813"/>
                <a:gd name="connsiteY14" fmla="*/ 6578 h 664087"/>
                <a:gd name="connsiteX15" fmla="*/ 0 w 301813"/>
                <a:gd name="connsiteY15"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63091 w 301813"/>
                <a:gd name="connsiteY7" fmla="*/ 312615 h 664087"/>
                <a:gd name="connsiteX8" fmla="*/ 141436 w 301813"/>
                <a:gd name="connsiteY8" fmla="*/ 282872 h 664087"/>
                <a:gd name="connsiteX9" fmla="*/ 128280 w 301813"/>
                <a:gd name="connsiteY9" fmla="*/ 266426 h 664087"/>
                <a:gd name="connsiteX10" fmla="*/ 124990 w 301813"/>
                <a:gd name="connsiteY10" fmla="*/ 256558 h 664087"/>
                <a:gd name="connsiteX11" fmla="*/ 98677 w 301813"/>
                <a:gd name="connsiteY11" fmla="*/ 187485 h 664087"/>
                <a:gd name="connsiteX12" fmla="*/ 20772 w 301813"/>
                <a:gd name="connsiteY12" fmla="*/ 17303 h 664087"/>
                <a:gd name="connsiteX13" fmla="*/ 9868 w 301813"/>
                <a:gd name="connsiteY13" fmla="*/ 6578 h 664087"/>
                <a:gd name="connsiteX14" fmla="*/ 0 w 301813"/>
                <a:gd name="connsiteY14"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124990 w 301813"/>
                <a:gd name="connsiteY9" fmla="*/ 256558 h 664087"/>
                <a:gd name="connsiteX10" fmla="*/ 98677 w 301813"/>
                <a:gd name="connsiteY10" fmla="*/ 187485 h 664087"/>
                <a:gd name="connsiteX11" fmla="*/ 20772 w 301813"/>
                <a:gd name="connsiteY11" fmla="*/ 17303 h 664087"/>
                <a:gd name="connsiteX12" fmla="*/ 9868 w 301813"/>
                <a:gd name="connsiteY12" fmla="*/ 6578 h 664087"/>
                <a:gd name="connsiteX13" fmla="*/ 0 w 301813"/>
                <a:gd name="connsiteY13"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98677 w 301813"/>
                <a:gd name="connsiteY9" fmla="*/ 187485 h 664087"/>
                <a:gd name="connsiteX10" fmla="*/ 20772 w 301813"/>
                <a:gd name="connsiteY10" fmla="*/ 17303 h 664087"/>
                <a:gd name="connsiteX11" fmla="*/ 9868 w 301813"/>
                <a:gd name="connsiteY11" fmla="*/ 6578 h 664087"/>
                <a:gd name="connsiteX12" fmla="*/ 0 w 301813"/>
                <a:gd name="connsiteY12" fmla="*/ 0 h 6640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01813" h="664087">
                  <a:moveTo>
                    <a:pt x="301813" y="664087"/>
                  </a:moveTo>
                  <a:cubicBezTo>
                    <a:pt x="297306" y="643003"/>
                    <a:pt x="161172" y="598087"/>
                    <a:pt x="167750" y="592057"/>
                  </a:cubicBezTo>
                  <a:cubicBezTo>
                    <a:pt x="179810" y="573418"/>
                    <a:pt x="198997" y="560810"/>
                    <a:pt x="203931" y="536141"/>
                  </a:cubicBezTo>
                  <a:cubicBezTo>
                    <a:pt x="208865" y="511472"/>
                    <a:pt x="198998" y="462134"/>
                    <a:pt x="197353" y="444043"/>
                  </a:cubicBezTo>
                  <a:cubicBezTo>
                    <a:pt x="196257" y="438561"/>
                    <a:pt x="194528" y="433168"/>
                    <a:pt x="194064" y="427597"/>
                  </a:cubicBezTo>
                  <a:cubicBezTo>
                    <a:pt x="192332" y="406809"/>
                    <a:pt x="192968" y="380452"/>
                    <a:pt x="190775" y="365102"/>
                  </a:cubicBezTo>
                  <a:cubicBezTo>
                    <a:pt x="188582" y="349752"/>
                    <a:pt x="189130" y="349204"/>
                    <a:pt x="180907" y="335499"/>
                  </a:cubicBezTo>
                  <a:cubicBezTo>
                    <a:pt x="172684" y="321794"/>
                    <a:pt x="150207" y="294384"/>
                    <a:pt x="141436" y="282872"/>
                  </a:cubicBezTo>
                  <a:cubicBezTo>
                    <a:pt x="132665" y="271360"/>
                    <a:pt x="135407" y="282324"/>
                    <a:pt x="128280" y="266426"/>
                  </a:cubicBezTo>
                  <a:cubicBezTo>
                    <a:pt x="121153" y="250528"/>
                    <a:pt x="116595" y="229005"/>
                    <a:pt x="98677" y="187485"/>
                  </a:cubicBezTo>
                  <a:cubicBezTo>
                    <a:pt x="80759" y="145965"/>
                    <a:pt x="35574" y="47454"/>
                    <a:pt x="20772" y="17303"/>
                  </a:cubicBezTo>
                  <a:cubicBezTo>
                    <a:pt x="16386" y="14562"/>
                    <a:pt x="13330" y="9462"/>
                    <a:pt x="9868" y="6578"/>
                  </a:cubicBezTo>
                  <a:cubicBezTo>
                    <a:pt x="6406" y="3694"/>
                    <a:pt x="3536" y="1768"/>
                    <a:pt x="0" y="0"/>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1" name="Freeform 1030"/>
            <p:cNvSpPr/>
            <p:nvPr/>
          </p:nvSpPr>
          <p:spPr bwMode="auto">
            <a:xfrm>
              <a:off x="5147612" y="3029361"/>
              <a:ext cx="98680" cy="286161"/>
            </a:xfrm>
            <a:custGeom>
              <a:avLst/>
              <a:gdLst>
                <a:gd name="connsiteX0" fmla="*/ 0 w 98680"/>
                <a:gd name="connsiteY0" fmla="*/ 0 h 286161"/>
                <a:gd name="connsiteX1" fmla="*/ 16446 w 98680"/>
                <a:gd name="connsiteY1" fmla="*/ 42760 h 286161"/>
                <a:gd name="connsiteX2" fmla="*/ 19735 w 98680"/>
                <a:gd name="connsiteY2" fmla="*/ 55917 h 286161"/>
                <a:gd name="connsiteX3" fmla="*/ 26313 w 98680"/>
                <a:gd name="connsiteY3" fmla="*/ 75652 h 286161"/>
                <a:gd name="connsiteX4" fmla="*/ 23024 w 98680"/>
                <a:gd name="connsiteY4" fmla="*/ 108544 h 286161"/>
                <a:gd name="connsiteX5" fmla="*/ 19735 w 98680"/>
                <a:gd name="connsiteY5" fmla="*/ 121701 h 286161"/>
                <a:gd name="connsiteX6" fmla="*/ 16446 w 98680"/>
                <a:gd name="connsiteY6" fmla="*/ 174328 h 286161"/>
                <a:gd name="connsiteX7" fmla="*/ 9867 w 98680"/>
                <a:gd name="connsiteY7" fmla="*/ 194063 h 286161"/>
                <a:gd name="connsiteX8" fmla="*/ 6578 w 98680"/>
                <a:gd name="connsiteY8" fmla="*/ 203931 h 286161"/>
                <a:gd name="connsiteX9" fmla="*/ 9867 w 98680"/>
                <a:gd name="connsiteY9" fmla="*/ 213799 h 286161"/>
                <a:gd name="connsiteX10" fmla="*/ 19735 w 98680"/>
                <a:gd name="connsiteY10" fmla="*/ 217088 h 286161"/>
                <a:gd name="connsiteX11" fmla="*/ 49338 w 98680"/>
                <a:gd name="connsiteY11" fmla="*/ 223666 h 286161"/>
                <a:gd name="connsiteX12" fmla="*/ 65784 w 98680"/>
                <a:gd name="connsiteY12" fmla="*/ 236823 h 286161"/>
                <a:gd name="connsiteX13" fmla="*/ 69073 w 98680"/>
                <a:gd name="connsiteY13" fmla="*/ 246691 h 286161"/>
                <a:gd name="connsiteX14" fmla="*/ 85519 w 98680"/>
                <a:gd name="connsiteY14" fmla="*/ 263137 h 286161"/>
                <a:gd name="connsiteX15" fmla="*/ 98676 w 98680"/>
                <a:gd name="connsiteY15" fmla="*/ 286161 h 2861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8680" h="286161">
                  <a:moveTo>
                    <a:pt x="0" y="0"/>
                  </a:moveTo>
                  <a:cubicBezTo>
                    <a:pt x="20068" y="25087"/>
                    <a:pt x="10534" y="7291"/>
                    <a:pt x="16446" y="42760"/>
                  </a:cubicBezTo>
                  <a:cubicBezTo>
                    <a:pt x="17189" y="47219"/>
                    <a:pt x="18436" y="51587"/>
                    <a:pt x="19735" y="55917"/>
                  </a:cubicBezTo>
                  <a:cubicBezTo>
                    <a:pt x="21727" y="62559"/>
                    <a:pt x="26313" y="75652"/>
                    <a:pt x="26313" y="75652"/>
                  </a:cubicBezTo>
                  <a:cubicBezTo>
                    <a:pt x="25217" y="86616"/>
                    <a:pt x="24582" y="97636"/>
                    <a:pt x="23024" y="108544"/>
                  </a:cubicBezTo>
                  <a:cubicBezTo>
                    <a:pt x="22385" y="113019"/>
                    <a:pt x="20185" y="117203"/>
                    <a:pt x="19735" y="121701"/>
                  </a:cubicBezTo>
                  <a:cubicBezTo>
                    <a:pt x="17986" y="139190"/>
                    <a:pt x="18821" y="156913"/>
                    <a:pt x="16446" y="174328"/>
                  </a:cubicBezTo>
                  <a:cubicBezTo>
                    <a:pt x="15509" y="181199"/>
                    <a:pt x="12060" y="187485"/>
                    <a:pt x="9867" y="194063"/>
                  </a:cubicBezTo>
                  <a:lnTo>
                    <a:pt x="6578" y="203931"/>
                  </a:lnTo>
                  <a:cubicBezTo>
                    <a:pt x="7674" y="207220"/>
                    <a:pt x="7415" y="211347"/>
                    <a:pt x="9867" y="213799"/>
                  </a:cubicBezTo>
                  <a:cubicBezTo>
                    <a:pt x="12319" y="216251"/>
                    <a:pt x="16401" y="216136"/>
                    <a:pt x="19735" y="217088"/>
                  </a:cubicBezTo>
                  <a:cubicBezTo>
                    <a:pt x="30574" y="220185"/>
                    <a:pt x="38033" y="221405"/>
                    <a:pt x="49338" y="223666"/>
                  </a:cubicBezTo>
                  <a:cubicBezTo>
                    <a:pt x="53816" y="226652"/>
                    <a:pt x="62661" y="231618"/>
                    <a:pt x="65784" y="236823"/>
                  </a:cubicBezTo>
                  <a:cubicBezTo>
                    <a:pt x="67568" y="239796"/>
                    <a:pt x="67522" y="243590"/>
                    <a:pt x="69073" y="246691"/>
                  </a:cubicBezTo>
                  <a:cubicBezTo>
                    <a:pt x="74554" y="257654"/>
                    <a:pt x="75652" y="256559"/>
                    <a:pt x="85519" y="263137"/>
                  </a:cubicBezTo>
                  <a:cubicBezTo>
                    <a:pt x="99284" y="283784"/>
                    <a:pt x="98676" y="274966"/>
                    <a:pt x="98676" y="28616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9" name="Freeform 1028"/>
            <p:cNvSpPr/>
            <p:nvPr/>
          </p:nvSpPr>
          <p:spPr bwMode="auto">
            <a:xfrm>
              <a:off x="5101563" y="3012634"/>
              <a:ext cx="993546" cy="174609"/>
            </a:xfrm>
            <a:custGeom>
              <a:avLst/>
              <a:gdLst>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223666 w 947292"/>
                <a:gd name="connsiteY34" fmla="*/ 6578 h 177617"/>
                <a:gd name="connsiteX35" fmla="*/ 194063 w 947292"/>
                <a:gd name="connsiteY35" fmla="*/ 3289 h 177617"/>
                <a:gd name="connsiteX36" fmla="*/ 184195 w 947292"/>
                <a:gd name="connsiteY36" fmla="*/ 0 h 177617"/>
                <a:gd name="connsiteX37" fmla="*/ 124990 w 947292"/>
                <a:gd name="connsiteY37" fmla="*/ 9868 h 177617"/>
                <a:gd name="connsiteX38" fmla="*/ 105254 w 947292"/>
                <a:gd name="connsiteY38" fmla="*/ 13157 h 177617"/>
                <a:gd name="connsiteX39" fmla="*/ 92097 w 947292"/>
                <a:gd name="connsiteY39" fmla="*/ 16446 h 177617"/>
                <a:gd name="connsiteX40" fmla="*/ 82230 w 947292"/>
                <a:gd name="connsiteY40" fmla="*/ 19735 h 177617"/>
                <a:gd name="connsiteX41" fmla="*/ 0 w 947292"/>
                <a:gd name="connsiteY4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194063 w 947292"/>
                <a:gd name="connsiteY34" fmla="*/ 3289 h 177617"/>
                <a:gd name="connsiteX35" fmla="*/ 184195 w 947292"/>
                <a:gd name="connsiteY35" fmla="*/ 0 h 177617"/>
                <a:gd name="connsiteX36" fmla="*/ 124990 w 947292"/>
                <a:gd name="connsiteY36" fmla="*/ 9868 h 177617"/>
                <a:gd name="connsiteX37" fmla="*/ 105254 w 947292"/>
                <a:gd name="connsiteY37" fmla="*/ 13157 h 177617"/>
                <a:gd name="connsiteX38" fmla="*/ 92097 w 947292"/>
                <a:gd name="connsiteY38" fmla="*/ 16446 h 177617"/>
                <a:gd name="connsiteX39" fmla="*/ 82230 w 947292"/>
                <a:gd name="connsiteY39" fmla="*/ 19735 h 177617"/>
                <a:gd name="connsiteX40" fmla="*/ 0 w 947292"/>
                <a:gd name="connsiteY40"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194063 w 947292"/>
                <a:gd name="connsiteY33" fmla="*/ 3289 h 177617"/>
                <a:gd name="connsiteX34" fmla="*/ 184195 w 947292"/>
                <a:gd name="connsiteY34" fmla="*/ 0 h 177617"/>
                <a:gd name="connsiteX35" fmla="*/ 124990 w 947292"/>
                <a:gd name="connsiteY35" fmla="*/ 9868 h 177617"/>
                <a:gd name="connsiteX36" fmla="*/ 105254 w 947292"/>
                <a:gd name="connsiteY36" fmla="*/ 13157 h 177617"/>
                <a:gd name="connsiteX37" fmla="*/ 92097 w 947292"/>
                <a:gd name="connsiteY37" fmla="*/ 16446 h 177617"/>
                <a:gd name="connsiteX38" fmla="*/ 82230 w 947292"/>
                <a:gd name="connsiteY38" fmla="*/ 19735 h 177617"/>
                <a:gd name="connsiteX39" fmla="*/ 0 w 947292"/>
                <a:gd name="connsiteY39"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49979 w 947292"/>
                <a:gd name="connsiteY30" fmla="*/ 23024 h 177617"/>
                <a:gd name="connsiteX31" fmla="*/ 240112 w 947292"/>
                <a:gd name="connsiteY31" fmla="*/ 19735 h 177617"/>
                <a:gd name="connsiteX32" fmla="*/ 194063 w 947292"/>
                <a:gd name="connsiteY32" fmla="*/ 3289 h 177617"/>
                <a:gd name="connsiteX33" fmla="*/ 184195 w 947292"/>
                <a:gd name="connsiteY33" fmla="*/ 0 h 177617"/>
                <a:gd name="connsiteX34" fmla="*/ 124990 w 947292"/>
                <a:gd name="connsiteY34" fmla="*/ 9868 h 177617"/>
                <a:gd name="connsiteX35" fmla="*/ 105254 w 947292"/>
                <a:gd name="connsiteY35" fmla="*/ 13157 h 177617"/>
                <a:gd name="connsiteX36" fmla="*/ 92097 w 947292"/>
                <a:gd name="connsiteY36" fmla="*/ 16446 h 177617"/>
                <a:gd name="connsiteX37" fmla="*/ 82230 w 947292"/>
                <a:gd name="connsiteY37" fmla="*/ 19735 h 177617"/>
                <a:gd name="connsiteX38" fmla="*/ 0 w 947292"/>
                <a:gd name="connsiteY38"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296028 w 947292"/>
                <a:gd name="connsiteY27" fmla="*/ 55916 h 177617"/>
                <a:gd name="connsiteX28" fmla="*/ 279582 w 947292"/>
                <a:gd name="connsiteY28" fmla="*/ 39470 h 177617"/>
                <a:gd name="connsiteX29" fmla="*/ 249979 w 947292"/>
                <a:gd name="connsiteY29" fmla="*/ 23024 h 177617"/>
                <a:gd name="connsiteX30" fmla="*/ 240112 w 947292"/>
                <a:gd name="connsiteY30" fmla="*/ 19735 h 177617"/>
                <a:gd name="connsiteX31" fmla="*/ 194063 w 947292"/>
                <a:gd name="connsiteY31" fmla="*/ 3289 h 177617"/>
                <a:gd name="connsiteX32" fmla="*/ 184195 w 947292"/>
                <a:gd name="connsiteY32" fmla="*/ 0 h 177617"/>
                <a:gd name="connsiteX33" fmla="*/ 124990 w 947292"/>
                <a:gd name="connsiteY33" fmla="*/ 9868 h 177617"/>
                <a:gd name="connsiteX34" fmla="*/ 105254 w 947292"/>
                <a:gd name="connsiteY34" fmla="*/ 13157 h 177617"/>
                <a:gd name="connsiteX35" fmla="*/ 92097 w 947292"/>
                <a:gd name="connsiteY35" fmla="*/ 16446 h 177617"/>
                <a:gd name="connsiteX36" fmla="*/ 82230 w 947292"/>
                <a:gd name="connsiteY36" fmla="*/ 19735 h 177617"/>
                <a:gd name="connsiteX37" fmla="*/ 0 w 947292"/>
                <a:gd name="connsiteY37"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88126 w 947292"/>
                <a:gd name="connsiteY24" fmla="*/ 75652 h 177617"/>
                <a:gd name="connsiteX25" fmla="*/ 381548 w 947292"/>
                <a:gd name="connsiteY25" fmla="*/ 69073 h 177617"/>
                <a:gd name="connsiteX26" fmla="*/ 296028 w 947292"/>
                <a:gd name="connsiteY26" fmla="*/ 55916 h 177617"/>
                <a:gd name="connsiteX27" fmla="*/ 279582 w 947292"/>
                <a:gd name="connsiteY27" fmla="*/ 39470 h 177617"/>
                <a:gd name="connsiteX28" fmla="*/ 249979 w 947292"/>
                <a:gd name="connsiteY28" fmla="*/ 23024 h 177617"/>
                <a:gd name="connsiteX29" fmla="*/ 240112 w 947292"/>
                <a:gd name="connsiteY29" fmla="*/ 19735 h 177617"/>
                <a:gd name="connsiteX30" fmla="*/ 194063 w 947292"/>
                <a:gd name="connsiteY30" fmla="*/ 3289 h 177617"/>
                <a:gd name="connsiteX31" fmla="*/ 184195 w 947292"/>
                <a:gd name="connsiteY31" fmla="*/ 0 h 177617"/>
                <a:gd name="connsiteX32" fmla="*/ 124990 w 947292"/>
                <a:gd name="connsiteY32" fmla="*/ 9868 h 177617"/>
                <a:gd name="connsiteX33" fmla="*/ 105254 w 947292"/>
                <a:gd name="connsiteY33" fmla="*/ 13157 h 177617"/>
                <a:gd name="connsiteX34" fmla="*/ 92097 w 947292"/>
                <a:gd name="connsiteY34" fmla="*/ 16446 h 177617"/>
                <a:gd name="connsiteX35" fmla="*/ 82230 w 947292"/>
                <a:gd name="connsiteY35" fmla="*/ 19735 h 177617"/>
                <a:gd name="connsiteX36" fmla="*/ 0 w 947292"/>
                <a:gd name="connsiteY36"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37464 w 947292"/>
                <a:gd name="connsiteY21" fmla="*/ 95387 h 177617"/>
                <a:gd name="connsiteX22" fmla="*/ 407861 w 947292"/>
                <a:gd name="connsiteY22" fmla="*/ 85519 h 177617"/>
                <a:gd name="connsiteX23" fmla="*/ 388126 w 947292"/>
                <a:gd name="connsiteY23" fmla="*/ 75652 h 177617"/>
                <a:gd name="connsiteX24" fmla="*/ 381548 w 947292"/>
                <a:gd name="connsiteY24" fmla="*/ 69073 h 177617"/>
                <a:gd name="connsiteX25" fmla="*/ 296028 w 947292"/>
                <a:gd name="connsiteY25" fmla="*/ 55916 h 177617"/>
                <a:gd name="connsiteX26" fmla="*/ 279582 w 947292"/>
                <a:gd name="connsiteY26" fmla="*/ 39470 h 177617"/>
                <a:gd name="connsiteX27" fmla="*/ 249979 w 947292"/>
                <a:gd name="connsiteY27" fmla="*/ 23024 h 177617"/>
                <a:gd name="connsiteX28" fmla="*/ 240112 w 947292"/>
                <a:gd name="connsiteY28" fmla="*/ 19735 h 177617"/>
                <a:gd name="connsiteX29" fmla="*/ 194063 w 947292"/>
                <a:gd name="connsiteY29" fmla="*/ 3289 h 177617"/>
                <a:gd name="connsiteX30" fmla="*/ 184195 w 947292"/>
                <a:gd name="connsiteY30" fmla="*/ 0 h 177617"/>
                <a:gd name="connsiteX31" fmla="*/ 124990 w 947292"/>
                <a:gd name="connsiteY31" fmla="*/ 9868 h 177617"/>
                <a:gd name="connsiteX32" fmla="*/ 105254 w 947292"/>
                <a:gd name="connsiteY32" fmla="*/ 13157 h 177617"/>
                <a:gd name="connsiteX33" fmla="*/ 92097 w 947292"/>
                <a:gd name="connsiteY33" fmla="*/ 16446 h 177617"/>
                <a:gd name="connsiteX34" fmla="*/ 82230 w 947292"/>
                <a:gd name="connsiteY34" fmla="*/ 19735 h 177617"/>
                <a:gd name="connsiteX35" fmla="*/ 0 w 947292"/>
                <a:gd name="connsiteY35"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76935 w 947292"/>
                <a:gd name="connsiteY18" fmla="*/ 111833 h 177617"/>
                <a:gd name="connsiteX19" fmla="*/ 467067 w 947292"/>
                <a:gd name="connsiteY19" fmla="*/ 108544 h 177617"/>
                <a:gd name="connsiteX20" fmla="*/ 437464 w 947292"/>
                <a:gd name="connsiteY20" fmla="*/ 95387 h 177617"/>
                <a:gd name="connsiteX21" fmla="*/ 407861 w 947292"/>
                <a:gd name="connsiteY21" fmla="*/ 85519 h 177617"/>
                <a:gd name="connsiteX22" fmla="*/ 388126 w 947292"/>
                <a:gd name="connsiteY22" fmla="*/ 75652 h 177617"/>
                <a:gd name="connsiteX23" fmla="*/ 381548 w 947292"/>
                <a:gd name="connsiteY23" fmla="*/ 69073 h 177617"/>
                <a:gd name="connsiteX24" fmla="*/ 296028 w 947292"/>
                <a:gd name="connsiteY24" fmla="*/ 55916 h 177617"/>
                <a:gd name="connsiteX25" fmla="*/ 279582 w 947292"/>
                <a:gd name="connsiteY25" fmla="*/ 39470 h 177617"/>
                <a:gd name="connsiteX26" fmla="*/ 249979 w 947292"/>
                <a:gd name="connsiteY26" fmla="*/ 23024 h 177617"/>
                <a:gd name="connsiteX27" fmla="*/ 240112 w 947292"/>
                <a:gd name="connsiteY27" fmla="*/ 19735 h 177617"/>
                <a:gd name="connsiteX28" fmla="*/ 194063 w 947292"/>
                <a:gd name="connsiteY28" fmla="*/ 3289 h 177617"/>
                <a:gd name="connsiteX29" fmla="*/ 184195 w 947292"/>
                <a:gd name="connsiteY29" fmla="*/ 0 h 177617"/>
                <a:gd name="connsiteX30" fmla="*/ 124990 w 947292"/>
                <a:gd name="connsiteY30" fmla="*/ 9868 h 177617"/>
                <a:gd name="connsiteX31" fmla="*/ 105254 w 947292"/>
                <a:gd name="connsiteY31" fmla="*/ 13157 h 177617"/>
                <a:gd name="connsiteX32" fmla="*/ 92097 w 947292"/>
                <a:gd name="connsiteY32" fmla="*/ 16446 h 177617"/>
                <a:gd name="connsiteX33" fmla="*/ 82230 w 947292"/>
                <a:gd name="connsiteY33" fmla="*/ 19735 h 177617"/>
                <a:gd name="connsiteX34" fmla="*/ 0 w 947292"/>
                <a:gd name="connsiteY34"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22984 w 947292"/>
                <a:gd name="connsiteY15" fmla="*/ 138147 h 177617"/>
                <a:gd name="connsiteX16" fmla="*/ 516405 w 947292"/>
                <a:gd name="connsiteY16" fmla="*/ 128279 h 177617"/>
                <a:gd name="connsiteX17" fmla="*/ 476935 w 947292"/>
                <a:gd name="connsiteY17" fmla="*/ 111833 h 177617"/>
                <a:gd name="connsiteX18" fmla="*/ 467067 w 947292"/>
                <a:gd name="connsiteY18" fmla="*/ 108544 h 177617"/>
                <a:gd name="connsiteX19" fmla="*/ 437464 w 947292"/>
                <a:gd name="connsiteY19" fmla="*/ 95387 h 177617"/>
                <a:gd name="connsiteX20" fmla="*/ 407861 w 947292"/>
                <a:gd name="connsiteY20" fmla="*/ 85519 h 177617"/>
                <a:gd name="connsiteX21" fmla="*/ 388126 w 947292"/>
                <a:gd name="connsiteY21" fmla="*/ 75652 h 177617"/>
                <a:gd name="connsiteX22" fmla="*/ 381548 w 947292"/>
                <a:gd name="connsiteY22" fmla="*/ 69073 h 177617"/>
                <a:gd name="connsiteX23" fmla="*/ 296028 w 947292"/>
                <a:gd name="connsiteY23" fmla="*/ 55916 h 177617"/>
                <a:gd name="connsiteX24" fmla="*/ 279582 w 947292"/>
                <a:gd name="connsiteY24" fmla="*/ 39470 h 177617"/>
                <a:gd name="connsiteX25" fmla="*/ 249979 w 947292"/>
                <a:gd name="connsiteY25" fmla="*/ 23024 h 177617"/>
                <a:gd name="connsiteX26" fmla="*/ 240112 w 947292"/>
                <a:gd name="connsiteY26" fmla="*/ 19735 h 177617"/>
                <a:gd name="connsiteX27" fmla="*/ 194063 w 947292"/>
                <a:gd name="connsiteY27" fmla="*/ 3289 h 177617"/>
                <a:gd name="connsiteX28" fmla="*/ 184195 w 947292"/>
                <a:gd name="connsiteY28" fmla="*/ 0 h 177617"/>
                <a:gd name="connsiteX29" fmla="*/ 124990 w 947292"/>
                <a:gd name="connsiteY29" fmla="*/ 9868 h 177617"/>
                <a:gd name="connsiteX30" fmla="*/ 105254 w 947292"/>
                <a:gd name="connsiteY30" fmla="*/ 13157 h 177617"/>
                <a:gd name="connsiteX31" fmla="*/ 92097 w 947292"/>
                <a:gd name="connsiteY31" fmla="*/ 16446 h 177617"/>
                <a:gd name="connsiteX32" fmla="*/ 82230 w 947292"/>
                <a:gd name="connsiteY32" fmla="*/ 19735 h 177617"/>
                <a:gd name="connsiteX33" fmla="*/ 0 w 947292"/>
                <a:gd name="connsiteY33"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381548 w 947292"/>
                <a:gd name="connsiteY21" fmla="*/ 69073 h 177617"/>
                <a:gd name="connsiteX22" fmla="*/ 296028 w 947292"/>
                <a:gd name="connsiteY22" fmla="*/ 55916 h 177617"/>
                <a:gd name="connsiteX23" fmla="*/ 279582 w 947292"/>
                <a:gd name="connsiteY23" fmla="*/ 39470 h 177617"/>
                <a:gd name="connsiteX24" fmla="*/ 249979 w 947292"/>
                <a:gd name="connsiteY24" fmla="*/ 23024 h 177617"/>
                <a:gd name="connsiteX25" fmla="*/ 240112 w 947292"/>
                <a:gd name="connsiteY25" fmla="*/ 19735 h 177617"/>
                <a:gd name="connsiteX26" fmla="*/ 194063 w 947292"/>
                <a:gd name="connsiteY26" fmla="*/ 3289 h 177617"/>
                <a:gd name="connsiteX27" fmla="*/ 184195 w 947292"/>
                <a:gd name="connsiteY27" fmla="*/ 0 h 177617"/>
                <a:gd name="connsiteX28" fmla="*/ 124990 w 947292"/>
                <a:gd name="connsiteY28" fmla="*/ 9868 h 177617"/>
                <a:gd name="connsiteX29" fmla="*/ 105254 w 947292"/>
                <a:gd name="connsiteY29" fmla="*/ 13157 h 177617"/>
                <a:gd name="connsiteX30" fmla="*/ 92097 w 947292"/>
                <a:gd name="connsiteY30" fmla="*/ 16446 h 177617"/>
                <a:gd name="connsiteX31" fmla="*/ 82230 w 947292"/>
                <a:gd name="connsiteY31" fmla="*/ 19735 h 177617"/>
                <a:gd name="connsiteX32" fmla="*/ 0 w 947292"/>
                <a:gd name="connsiteY32"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105254 w 947292"/>
                <a:gd name="connsiteY28" fmla="*/ 13157 h 177617"/>
                <a:gd name="connsiteX29" fmla="*/ 92097 w 947292"/>
                <a:gd name="connsiteY29" fmla="*/ 16446 h 177617"/>
                <a:gd name="connsiteX30" fmla="*/ 82230 w 947292"/>
                <a:gd name="connsiteY30" fmla="*/ 19735 h 177617"/>
                <a:gd name="connsiteX31" fmla="*/ 0 w 947292"/>
                <a:gd name="connsiteY3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92097 w 947292"/>
                <a:gd name="connsiteY28" fmla="*/ 16446 h 177617"/>
                <a:gd name="connsiteX29" fmla="*/ 82230 w 947292"/>
                <a:gd name="connsiteY29" fmla="*/ 19735 h 177617"/>
                <a:gd name="connsiteX30" fmla="*/ 0 w 947292"/>
                <a:gd name="connsiteY30" fmla="*/ 23024 h 177617"/>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72964 w 947292"/>
                <a:gd name="connsiteY9" fmla="*/ 171320 h 174609"/>
                <a:gd name="connsiteX10" fmla="*/ 749939 w 947292"/>
                <a:gd name="connsiteY10" fmla="*/ 174609 h 174609"/>
                <a:gd name="connsiteX11" fmla="*/ 670998 w 947292"/>
                <a:gd name="connsiteY11" fmla="*/ 171320 h 174609"/>
                <a:gd name="connsiteX12" fmla="*/ 651263 w 947292"/>
                <a:gd name="connsiteY12" fmla="*/ 158163 h 174609"/>
                <a:gd name="connsiteX13" fmla="*/ 621660 w 947292"/>
                <a:gd name="connsiteY13" fmla="*/ 148295 h 174609"/>
                <a:gd name="connsiteX14" fmla="*/ 555876 w 947292"/>
                <a:gd name="connsiteY14" fmla="*/ 145006 h 174609"/>
                <a:gd name="connsiteX15" fmla="*/ 516405 w 947292"/>
                <a:gd name="connsiteY15" fmla="*/ 125271 h 174609"/>
                <a:gd name="connsiteX16" fmla="*/ 476935 w 947292"/>
                <a:gd name="connsiteY16" fmla="*/ 108825 h 174609"/>
                <a:gd name="connsiteX17" fmla="*/ 467067 w 947292"/>
                <a:gd name="connsiteY17" fmla="*/ 105536 h 174609"/>
                <a:gd name="connsiteX18" fmla="*/ 437464 w 947292"/>
                <a:gd name="connsiteY18" fmla="*/ 92379 h 174609"/>
                <a:gd name="connsiteX19" fmla="*/ 407861 w 947292"/>
                <a:gd name="connsiteY19" fmla="*/ 82511 h 174609"/>
                <a:gd name="connsiteX20" fmla="*/ 388126 w 947292"/>
                <a:gd name="connsiteY20" fmla="*/ 72644 h 174609"/>
                <a:gd name="connsiteX21" fmla="*/ 296028 w 947292"/>
                <a:gd name="connsiteY21" fmla="*/ 52908 h 174609"/>
                <a:gd name="connsiteX22" fmla="*/ 279582 w 947292"/>
                <a:gd name="connsiteY22" fmla="*/ 36462 h 174609"/>
                <a:gd name="connsiteX23" fmla="*/ 249979 w 947292"/>
                <a:gd name="connsiteY23" fmla="*/ 20016 h 174609"/>
                <a:gd name="connsiteX24" fmla="*/ 240112 w 947292"/>
                <a:gd name="connsiteY24" fmla="*/ 16727 h 174609"/>
                <a:gd name="connsiteX25" fmla="*/ 194063 w 947292"/>
                <a:gd name="connsiteY25" fmla="*/ 281 h 174609"/>
                <a:gd name="connsiteX26" fmla="*/ 124990 w 947292"/>
                <a:gd name="connsiteY26" fmla="*/ 6860 h 174609"/>
                <a:gd name="connsiteX27" fmla="*/ 92097 w 947292"/>
                <a:gd name="connsiteY27" fmla="*/ 13438 h 174609"/>
                <a:gd name="connsiteX28" fmla="*/ 82230 w 947292"/>
                <a:gd name="connsiteY28" fmla="*/ 16727 h 174609"/>
                <a:gd name="connsiteX29" fmla="*/ 0 w 947292"/>
                <a:gd name="connsiteY29"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49939 w 947292"/>
                <a:gd name="connsiteY9" fmla="*/ 174609 h 174609"/>
                <a:gd name="connsiteX10" fmla="*/ 670998 w 947292"/>
                <a:gd name="connsiteY10" fmla="*/ 171320 h 174609"/>
                <a:gd name="connsiteX11" fmla="*/ 651263 w 947292"/>
                <a:gd name="connsiteY11" fmla="*/ 158163 h 174609"/>
                <a:gd name="connsiteX12" fmla="*/ 621660 w 947292"/>
                <a:gd name="connsiteY12" fmla="*/ 148295 h 174609"/>
                <a:gd name="connsiteX13" fmla="*/ 555876 w 947292"/>
                <a:gd name="connsiteY13" fmla="*/ 145006 h 174609"/>
                <a:gd name="connsiteX14" fmla="*/ 516405 w 947292"/>
                <a:gd name="connsiteY14" fmla="*/ 125271 h 174609"/>
                <a:gd name="connsiteX15" fmla="*/ 476935 w 947292"/>
                <a:gd name="connsiteY15" fmla="*/ 108825 h 174609"/>
                <a:gd name="connsiteX16" fmla="*/ 467067 w 947292"/>
                <a:gd name="connsiteY16" fmla="*/ 105536 h 174609"/>
                <a:gd name="connsiteX17" fmla="*/ 437464 w 947292"/>
                <a:gd name="connsiteY17" fmla="*/ 92379 h 174609"/>
                <a:gd name="connsiteX18" fmla="*/ 407861 w 947292"/>
                <a:gd name="connsiteY18" fmla="*/ 82511 h 174609"/>
                <a:gd name="connsiteX19" fmla="*/ 388126 w 947292"/>
                <a:gd name="connsiteY19" fmla="*/ 72644 h 174609"/>
                <a:gd name="connsiteX20" fmla="*/ 296028 w 947292"/>
                <a:gd name="connsiteY20" fmla="*/ 52908 h 174609"/>
                <a:gd name="connsiteX21" fmla="*/ 279582 w 947292"/>
                <a:gd name="connsiteY21" fmla="*/ 36462 h 174609"/>
                <a:gd name="connsiteX22" fmla="*/ 249979 w 947292"/>
                <a:gd name="connsiteY22" fmla="*/ 20016 h 174609"/>
                <a:gd name="connsiteX23" fmla="*/ 240112 w 947292"/>
                <a:gd name="connsiteY23" fmla="*/ 16727 h 174609"/>
                <a:gd name="connsiteX24" fmla="*/ 194063 w 947292"/>
                <a:gd name="connsiteY24" fmla="*/ 281 h 174609"/>
                <a:gd name="connsiteX25" fmla="*/ 124990 w 947292"/>
                <a:gd name="connsiteY25" fmla="*/ 6860 h 174609"/>
                <a:gd name="connsiteX26" fmla="*/ 92097 w 947292"/>
                <a:gd name="connsiteY26" fmla="*/ 13438 h 174609"/>
                <a:gd name="connsiteX27" fmla="*/ 82230 w 947292"/>
                <a:gd name="connsiteY27" fmla="*/ 16727 h 174609"/>
                <a:gd name="connsiteX28" fmla="*/ 0 w 947292"/>
                <a:gd name="connsiteY28"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795988 w 947292"/>
                <a:gd name="connsiteY6" fmla="*/ 164742 h 174609"/>
                <a:gd name="connsiteX7" fmla="*/ 782831 w 947292"/>
                <a:gd name="connsiteY7" fmla="*/ 168031 h 174609"/>
                <a:gd name="connsiteX8" fmla="*/ 749939 w 947292"/>
                <a:gd name="connsiteY8" fmla="*/ 174609 h 174609"/>
                <a:gd name="connsiteX9" fmla="*/ 670998 w 947292"/>
                <a:gd name="connsiteY9" fmla="*/ 171320 h 174609"/>
                <a:gd name="connsiteX10" fmla="*/ 651263 w 947292"/>
                <a:gd name="connsiteY10" fmla="*/ 158163 h 174609"/>
                <a:gd name="connsiteX11" fmla="*/ 621660 w 947292"/>
                <a:gd name="connsiteY11" fmla="*/ 148295 h 174609"/>
                <a:gd name="connsiteX12" fmla="*/ 555876 w 947292"/>
                <a:gd name="connsiteY12" fmla="*/ 145006 h 174609"/>
                <a:gd name="connsiteX13" fmla="*/ 516405 w 947292"/>
                <a:gd name="connsiteY13" fmla="*/ 125271 h 174609"/>
                <a:gd name="connsiteX14" fmla="*/ 476935 w 947292"/>
                <a:gd name="connsiteY14" fmla="*/ 108825 h 174609"/>
                <a:gd name="connsiteX15" fmla="*/ 467067 w 947292"/>
                <a:gd name="connsiteY15" fmla="*/ 105536 h 174609"/>
                <a:gd name="connsiteX16" fmla="*/ 437464 w 947292"/>
                <a:gd name="connsiteY16" fmla="*/ 92379 h 174609"/>
                <a:gd name="connsiteX17" fmla="*/ 407861 w 947292"/>
                <a:gd name="connsiteY17" fmla="*/ 82511 h 174609"/>
                <a:gd name="connsiteX18" fmla="*/ 388126 w 947292"/>
                <a:gd name="connsiteY18" fmla="*/ 72644 h 174609"/>
                <a:gd name="connsiteX19" fmla="*/ 296028 w 947292"/>
                <a:gd name="connsiteY19" fmla="*/ 52908 h 174609"/>
                <a:gd name="connsiteX20" fmla="*/ 279582 w 947292"/>
                <a:gd name="connsiteY20" fmla="*/ 36462 h 174609"/>
                <a:gd name="connsiteX21" fmla="*/ 249979 w 947292"/>
                <a:gd name="connsiteY21" fmla="*/ 20016 h 174609"/>
                <a:gd name="connsiteX22" fmla="*/ 240112 w 947292"/>
                <a:gd name="connsiteY22" fmla="*/ 16727 h 174609"/>
                <a:gd name="connsiteX23" fmla="*/ 194063 w 947292"/>
                <a:gd name="connsiteY23" fmla="*/ 281 h 174609"/>
                <a:gd name="connsiteX24" fmla="*/ 124990 w 947292"/>
                <a:gd name="connsiteY24" fmla="*/ 6860 h 174609"/>
                <a:gd name="connsiteX25" fmla="*/ 92097 w 947292"/>
                <a:gd name="connsiteY25" fmla="*/ 13438 h 174609"/>
                <a:gd name="connsiteX26" fmla="*/ 82230 w 947292"/>
                <a:gd name="connsiteY26" fmla="*/ 16727 h 174609"/>
                <a:gd name="connsiteX27" fmla="*/ 0 w 947292"/>
                <a:gd name="connsiteY27"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795988 w 947292"/>
                <a:gd name="connsiteY5" fmla="*/ 164742 h 174609"/>
                <a:gd name="connsiteX6" fmla="*/ 782831 w 947292"/>
                <a:gd name="connsiteY6" fmla="*/ 168031 h 174609"/>
                <a:gd name="connsiteX7" fmla="*/ 749939 w 947292"/>
                <a:gd name="connsiteY7" fmla="*/ 174609 h 174609"/>
                <a:gd name="connsiteX8" fmla="*/ 670998 w 947292"/>
                <a:gd name="connsiteY8" fmla="*/ 171320 h 174609"/>
                <a:gd name="connsiteX9" fmla="*/ 651263 w 947292"/>
                <a:gd name="connsiteY9" fmla="*/ 158163 h 174609"/>
                <a:gd name="connsiteX10" fmla="*/ 621660 w 947292"/>
                <a:gd name="connsiteY10" fmla="*/ 148295 h 174609"/>
                <a:gd name="connsiteX11" fmla="*/ 555876 w 947292"/>
                <a:gd name="connsiteY11" fmla="*/ 145006 h 174609"/>
                <a:gd name="connsiteX12" fmla="*/ 516405 w 947292"/>
                <a:gd name="connsiteY12" fmla="*/ 125271 h 174609"/>
                <a:gd name="connsiteX13" fmla="*/ 476935 w 947292"/>
                <a:gd name="connsiteY13" fmla="*/ 108825 h 174609"/>
                <a:gd name="connsiteX14" fmla="*/ 467067 w 947292"/>
                <a:gd name="connsiteY14" fmla="*/ 105536 h 174609"/>
                <a:gd name="connsiteX15" fmla="*/ 437464 w 947292"/>
                <a:gd name="connsiteY15" fmla="*/ 92379 h 174609"/>
                <a:gd name="connsiteX16" fmla="*/ 407861 w 947292"/>
                <a:gd name="connsiteY16" fmla="*/ 82511 h 174609"/>
                <a:gd name="connsiteX17" fmla="*/ 388126 w 947292"/>
                <a:gd name="connsiteY17" fmla="*/ 72644 h 174609"/>
                <a:gd name="connsiteX18" fmla="*/ 296028 w 947292"/>
                <a:gd name="connsiteY18" fmla="*/ 52908 h 174609"/>
                <a:gd name="connsiteX19" fmla="*/ 279582 w 947292"/>
                <a:gd name="connsiteY19" fmla="*/ 36462 h 174609"/>
                <a:gd name="connsiteX20" fmla="*/ 249979 w 947292"/>
                <a:gd name="connsiteY20" fmla="*/ 20016 h 174609"/>
                <a:gd name="connsiteX21" fmla="*/ 240112 w 947292"/>
                <a:gd name="connsiteY21" fmla="*/ 16727 h 174609"/>
                <a:gd name="connsiteX22" fmla="*/ 194063 w 947292"/>
                <a:gd name="connsiteY22" fmla="*/ 281 h 174609"/>
                <a:gd name="connsiteX23" fmla="*/ 124990 w 947292"/>
                <a:gd name="connsiteY23" fmla="*/ 6860 h 174609"/>
                <a:gd name="connsiteX24" fmla="*/ 92097 w 947292"/>
                <a:gd name="connsiteY24" fmla="*/ 13438 h 174609"/>
                <a:gd name="connsiteX25" fmla="*/ 82230 w 947292"/>
                <a:gd name="connsiteY25" fmla="*/ 16727 h 174609"/>
                <a:gd name="connsiteX26" fmla="*/ 0 w 947292"/>
                <a:gd name="connsiteY26" fmla="*/ 20016 h 174609"/>
                <a:gd name="connsiteX0" fmla="*/ 947292 w 947292"/>
                <a:gd name="connsiteY0" fmla="*/ 161452 h 174609"/>
                <a:gd name="connsiteX1" fmla="*/ 930846 w 947292"/>
                <a:gd name="connsiteY1" fmla="*/ 151585 h 174609"/>
                <a:gd name="connsiteX2" fmla="*/ 914400 w 947292"/>
                <a:gd name="connsiteY2" fmla="*/ 138428 h 174609"/>
                <a:gd name="connsiteX3" fmla="*/ 861772 w 947292"/>
                <a:gd name="connsiteY3" fmla="*/ 145006 h 174609"/>
                <a:gd name="connsiteX4" fmla="*/ 795988 w 947292"/>
                <a:gd name="connsiteY4" fmla="*/ 164742 h 174609"/>
                <a:gd name="connsiteX5" fmla="*/ 782831 w 947292"/>
                <a:gd name="connsiteY5" fmla="*/ 168031 h 174609"/>
                <a:gd name="connsiteX6" fmla="*/ 749939 w 947292"/>
                <a:gd name="connsiteY6" fmla="*/ 174609 h 174609"/>
                <a:gd name="connsiteX7" fmla="*/ 670998 w 947292"/>
                <a:gd name="connsiteY7" fmla="*/ 171320 h 174609"/>
                <a:gd name="connsiteX8" fmla="*/ 651263 w 947292"/>
                <a:gd name="connsiteY8" fmla="*/ 158163 h 174609"/>
                <a:gd name="connsiteX9" fmla="*/ 621660 w 947292"/>
                <a:gd name="connsiteY9" fmla="*/ 148295 h 174609"/>
                <a:gd name="connsiteX10" fmla="*/ 555876 w 947292"/>
                <a:gd name="connsiteY10" fmla="*/ 145006 h 174609"/>
                <a:gd name="connsiteX11" fmla="*/ 516405 w 947292"/>
                <a:gd name="connsiteY11" fmla="*/ 125271 h 174609"/>
                <a:gd name="connsiteX12" fmla="*/ 476935 w 947292"/>
                <a:gd name="connsiteY12" fmla="*/ 108825 h 174609"/>
                <a:gd name="connsiteX13" fmla="*/ 467067 w 947292"/>
                <a:gd name="connsiteY13" fmla="*/ 105536 h 174609"/>
                <a:gd name="connsiteX14" fmla="*/ 437464 w 947292"/>
                <a:gd name="connsiteY14" fmla="*/ 92379 h 174609"/>
                <a:gd name="connsiteX15" fmla="*/ 407861 w 947292"/>
                <a:gd name="connsiteY15" fmla="*/ 82511 h 174609"/>
                <a:gd name="connsiteX16" fmla="*/ 388126 w 947292"/>
                <a:gd name="connsiteY16" fmla="*/ 72644 h 174609"/>
                <a:gd name="connsiteX17" fmla="*/ 296028 w 947292"/>
                <a:gd name="connsiteY17" fmla="*/ 52908 h 174609"/>
                <a:gd name="connsiteX18" fmla="*/ 279582 w 947292"/>
                <a:gd name="connsiteY18" fmla="*/ 36462 h 174609"/>
                <a:gd name="connsiteX19" fmla="*/ 249979 w 947292"/>
                <a:gd name="connsiteY19" fmla="*/ 20016 h 174609"/>
                <a:gd name="connsiteX20" fmla="*/ 240112 w 947292"/>
                <a:gd name="connsiteY20" fmla="*/ 16727 h 174609"/>
                <a:gd name="connsiteX21" fmla="*/ 194063 w 947292"/>
                <a:gd name="connsiteY21" fmla="*/ 281 h 174609"/>
                <a:gd name="connsiteX22" fmla="*/ 124990 w 947292"/>
                <a:gd name="connsiteY22" fmla="*/ 6860 h 174609"/>
                <a:gd name="connsiteX23" fmla="*/ 92097 w 947292"/>
                <a:gd name="connsiteY23" fmla="*/ 13438 h 174609"/>
                <a:gd name="connsiteX24" fmla="*/ 82230 w 947292"/>
                <a:gd name="connsiteY24" fmla="*/ 16727 h 174609"/>
                <a:gd name="connsiteX25" fmla="*/ 0 w 947292"/>
                <a:gd name="connsiteY25" fmla="*/ 20016 h 174609"/>
                <a:gd name="connsiteX0" fmla="*/ 947292 w 947292"/>
                <a:gd name="connsiteY0" fmla="*/ 161452 h 174609"/>
                <a:gd name="connsiteX1" fmla="*/ 914400 w 947292"/>
                <a:gd name="connsiteY1" fmla="*/ 138428 h 174609"/>
                <a:gd name="connsiteX2" fmla="*/ 861772 w 947292"/>
                <a:gd name="connsiteY2" fmla="*/ 145006 h 174609"/>
                <a:gd name="connsiteX3" fmla="*/ 795988 w 947292"/>
                <a:gd name="connsiteY3" fmla="*/ 164742 h 174609"/>
                <a:gd name="connsiteX4" fmla="*/ 782831 w 947292"/>
                <a:gd name="connsiteY4" fmla="*/ 168031 h 174609"/>
                <a:gd name="connsiteX5" fmla="*/ 749939 w 947292"/>
                <a:gd name="connsiteY5" fmla="*/ 174609 h 174609"/>
                <a:gd name="connsiteX6" fmla="*/ 670998 w 947292"/>
                <a:gd name="connsiteY6" fmla="*/ 171320 h 174609"/>
                <a:gd name="connsiteX7" fmla="*/ 651263 w 947292"/>
                <a:gd name="connsiteY7" fmla="*/ 158163 h 174609"/>
                <a:gd name="connsiteX8" fmla="*/ 621660 w 947292"/>
                <a:gd name="connsiteY8" fmla="*/ 148295 h 174609"/>
                <a:gd name="connsiteX9" fmla="*/ 555876 w 947292"/>
                <a:gd name="connsiteY9" fmla="*/ 145006 h 174609"/>
                <a:gd name="connsiteX10" fmla="*/ 516405 w 947292"/>
                <a:gd name="connsiteY10" fmla="*/ 125271 h 174609"/>
                <a:gd name="connsiteX11" fmla="*/ 476935 w 947292"/>
                <a:gd name="connsiteY11" fmla="*/ 108825 h 174609"/>
                <a:gd name="connsiteX12" fmla="*/ 467067 w 947292"/>
                <a:gd name="connsiteY12" fmla="*/ 105536 h 174609"/>
                <a:gd name="connsiteX13" fmla="*/ 437464 w 947292"/>
                <a:gd name="connsiteY13" fmla="*/ 92379 h 174609"/>
                <a:gd name="connsiteX14" fmla="*/ 407861 w 947292"/>
                <a:gd name="connsiteY14" fmla="*/ 82511 h 174609"/>
                <a:gd name="connsiteX15" fmla="*/ 388126 w 947292"/>
                <a:gd name="connsiteY15" fmla="*/ 72644 h 174609"/>
                <a:gd name="connsiteX16" fmla="*/ 296028 w 947292"/>
                <a:gd name="connsiteY16" fmla="*/ 52908 h 174609"/>
                <a:gd name="connsiteX17" fmla="*/ 279582 w 947292"/>
                <a:gd name="connsiteY17" fmla="*/ 36462 h 174609"/>
                <a:gd name="connsiteX18" fmla="*/ 249979 w 947292"/>
                <a:gd name="connsiteY18" fmla="*/ 20016 h 174609"/>
                <a:gd name="connsiteX19" fmla="*/ 240112 w 947292"/>
                <a:gd name="connsiteY19" fmla="*/ 16727 h 174609"/>
                <a:gd name="connsiteX20" fmla="*/ 194063 w 947292"/>
                <a:gd name="connsiteY20" fmla="*/ 281 h 174609"/>
                <a:gd name="connsiteX21" fmla="*/ 124990 w 947292"/>
                <a:gd name="connsiteY21" fmla="*/ 6860 h 174609"/>
                <a:gd name="connsiteX22" fmla="*/ 92097 w 947292"/>
                <a:gd name="connsiteY22" fmla="*/ 13438 h 174609"/>
                <a:gd name="connsiteX23" fmla="*/ 82230 w 947292"/>
                <a:gd name="connsiteY23" fmla="*/ 16727 h 174609"/>
                <a:gd name="connsiteX24" fmla="*/ 0 w 947292"/>
                <a:gd name="connsiteY24" fmla="*/ 20016 h 174609"/>
                <a:gd name="connsiteX0" fmla="*/ 965082 w 965082"/>
                <a:gd name="connsiteY0" fmla="*/ 129430 h 174609"/>
                <a:gd name="connsiteX1" fmla="*/ 914400 w 965082"/>
                <a:gd name="connsiteY1" fmla="*/ 138428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65082 w 965082"/>
                <a:gd name="connsiteY0" fmla="*/ 129430 h 174609"/>
                <a:gd name="connsiteX1" fmla="*/ 921516 w 965082"/>
                <a:gd name="connsiteY1" fmla="*/ 124196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93546 w 993546"/>
                <a:gd name="connsiteY0" fmla="*/ 115198 h 174609"/>
                <a:gd name="connsiteX1" fmla="*/ 921516 w 993546"/>
                <a:gd name="connsiteY1" fmla="*/ 124196 h 174609"/>
                <a:gd name="connsiteX2" fmla="*/ 861772 w 993546"/>
                <a:gd name="connsiteY2" fmla="*/ 145006 h 174609"/>
                <a:gd name="connsiteX3" fmla="*/ 795988 w 993546"/>
                <a:gd name="connsiteY3" fmla="*/ 164742 h 174609"/>
                <a:gd name="connsiteX4" fmla="*/ 782831 w 993546"/>
                <a:gd name="connsiteY4" fmla="*/ 168031 h 174609"/>
                <a:gd name="connsiteX5" fmla="*/ 749939 w 993546"/>
                <a:gd name="connsiteY5" fmla="*/ 174609 h 174609"/>
                <a:gd name="connsiteX6" fmla="*/ 670998 w 993546"/>
                <a:gd name="connsiteY6" fmla="*/ 171320 h 174609"/>
                <a:gd name="connsiteX7" fmla="*/ 651263 w 993546"/>
                <a:gd name="connsiteY7" fmla="*/ 158163 h 174609"/>
                <a:gd name="connsiteX8" fmla="*/ 621660 w 993546"/>
                <a:gd name="connsiteY8" fmla="*/ 148295 h 174609"/>
                <a:gd name="connsiteX9" fmla="*/ 555876 w 993546"/>
                <a:gd name="connsiteY9" fmla="*/ 145006 h 174609"/>
                <a:gd name="connsiteX10" fmla="*/ 516405 w 993546"/>
                <a:gd name="connsiteY10" fmla="*/ 125271 h 174609"/>
                <a:gd name="connsiteX11" fmla="*/ 476935 w 993546"/>
                <a:gd name="connsiteY11" fmla="*/ 108825 h 174609"/>
                <a:gd name="connsiteX12" fmla="*/ 467067 w 993546"/>
                <a:gd name="connsiteY12" fmla="*/ 105536 h 174609"/>
                <a:gd name="connsiteX13" fmla="*/ 437464 w 993546"/>
                <a:gd name="connsiteY13" fmla="*/ 92379 h 174609"/>
                <a:gd name="connsiteX14" fmla="*/ 407861 w 993546"/>
                <a:gd name="connsiteY14" fmla="*/ 82511 h 174609"/>
                <a:gd name="connsiteX15" fmla="*/ 388126 w 993546"/>
                <a:gd name="connsiteY15" fmla="*/ 72644 h 174609"/>
                <a:gd name="connsiteX16" fmla="*/ 296028 w 993546"/>
                <a:gd name="connsiteY16" fmla="*/ 52908 h 174609"/>
                <a:gd name="connsiteX17" fmla="*/ 279582 w 993546"/>
                <a:gd name="connsiteY17" fmla="*/ 36462 h 174609"/>
                <a:gd name="connsiteX18" fmla="*/ 249979 w 993546"/>
                <a:gd name="connsiteY18" fmla="*/ 20016 h 174609"/>
                <a:gd name="connsiteX19" fmla="*/ 240112 w 993546"/>
                <a:gd name="connsiteY19" fmla="*/ 16727 h 174609"/>
                <a:gd name="connsiteX20" fmla="*/ 194063 w 993546"/>
                <a:gd name="connsiteY20" fmla="*/ 281 h 174609"/>
                <a:gd name="connsiteX21" fmla="*/ 124990 w 993546"/>
                <a:gd name="connsiteY21" fmla="*/ 6860 h 174609"/>
                <a:gd name="connsiteX22" fmla="*/ 92097 w 993546"/>
                <a:gd name="connsiteY22" fmla="*/ 13438 h 174609"/>
                <a:gd name="connsiteX23" fmla="*/ 82230 w 993546"/>
                <a:gd name="connsiteY23" fmla="*/ 16727 h 174609"/>
                <a:gd name="connsiteX24" fmla="*/ 0 w 993546"/>
                <a:gd name="connsiteY24" fmla="*/ 20016 h 17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93546" h="174609">
                  <a:moveTo>
                    <a:pt x="993546" y="115198"/>
                  </a:moveTo>
                  <a:cubicBezTo>
                    <a:pt x="986694" y="110401"/>
                    <a:pt x="935769" y="126937"/>
                    <a:pt x="921516" y="124196"/>
                  </a:cubicBezTo>
                  <a:lnTo>
                    <a:pt x="861772" y="145006"/>
                  </a:lnTo>
                  <a:cubicBezTo>
                    <a:pt x="842037" y="149392"/>
                    <a:pt x="809145" y="160905"/>
                    <a:pt x="795988" y="164742"/>
                  </a:cubicBezTo>
                  <a:cubicBezTo>
                    <a:pt x="782831" y="168579"/>
                    <a:pt x="790506" y="166387"/>
                    <a:pt x="782831" y="168031"/>
                  </a:cubicBezTo>
                  <a:cubicBezTo>
                    <a:pt x="775156" y="169675"/>
                    <a:pt x="768578" y="174061"/>
                    <a:pt x="749939" y="174609"/>
                  </a:cubicBezTo>
                  <a:cubicBezTo>
                    <a:pt x="723625" y="173513"/>
                    <a:pt x="696976" y="175650"/>
                    <a:pt x="670998" y="171320"/>
                  </a:cubicBezTo>
                  <a:cubicBezTo>
                    <a:pt x="663199" y="170020"/>
                    <a:pt x="658764" y="160663"/>
                    <a:pt x="651263" y="158163"/>
                  </a:cubicBezTo>
                  <a:lnTo>
                    <a:pt x="621660" y="148295"/>
                  </a:lnTo>
                  <a:cubicBezTo>
                    <a:pt x="600832" y="141351"/>
                    <a:pt x="577804" y="146102"/>
                    <a:pt x="555876" y="145006"/>
                  </a:cubicBezTo>
                  <a:cubicBezTo>
                    <a:pt x="538334" y="141169"/>
                    <a:pt x="529562" y="131301"/>
                    <a:pt x="516405" y="125271"/>
                  </a:cubicBezTo>
                  <a:cubicBezTo>
                    <a:pt x="503248" y="119241"/>
                    <a:pt x="485158" y="112114"/>
                    <a:pt x="476935" y="108825"/>
                  </a:cubicBezTo>
                  <a:lnTo>
                    <a:pt x="467067" y="105536"/>
                  </a:lnTo>
                  <a:cubicBezTo>
                    <a:pt x="460489" y="102795"/>
                    <a:pt x="447332" y="96216"/>
                    <a:pt x="437464" y="92379"/>
                  </a:cubicBezTo>
                  <a:lnTo>
                    <a:pt x="407861" y="82511"/>
                  </a:lnTo>
                  <a:cubicBezTo>
                    <a:pt x="399638" y="79222"/>
                    <a:pt x="406765" y="77578"/>
                    <a:pt x="388126" y="72644"/>
                  </a:cubicBezTo>
                  <a:cubicBezTo>
                    <a:pt x="369487" y="67710"/>
                    <a:pt x="314119" y="58938"/>
                    <a:pt x="296028" y="52908"/>
                  </a:cubicBezTo>
                  <a:lnTo>
                    <a:pt x="279582" y="36462"/>
                  </a:lnTo>
                  <a:cubicBezTo>
                    <a:pt x="271907" y="30980"/>
                    <a:pt x="256557" y="23305"/>
                    <a:pt x="249979" y="20016"/>
                  </a:cubicBezTo>
                  <a:cubicBezTo>
                    <a:pt x="243401" y="16727"/>
                    <a:pt x="249431" y="20016"/>
                    <a:pt x="240112" y="16727"/>
                  </a:cubicBezTo>
                  <a:lnTo>
                    <a:pt x="194063" y="281"/>
                  </a:lnTo>
                  <a:cubicBezTo>
                    <a:pt x="174876" y="-1363"/>
                    <a:pt x="141984" y="4667"/>
                    <a:pt x="124990" y="6860"/>
                  </a:cubicBezTo>
                  <a:cubicBezTo>
                    <a:pt x="107996" y="9053"/>
                    <a:pt x="99224" y="11793"/>
                    <a:pt x="92097" y="13438"/>
                  </a:cubicBezTo>
                  <a:cubicBezTo>
                    <a:pt x="84970" y="15083"/>
                    <a:pt x="85681" y="16398"/>
                    <a:pt x="82230" y="16727"/>
                  </a:cubicBezTo>
                  <a:cubicBezTo>
                    <a:pt x="43224" y="20442"/>
                    <a:pt x="31971" y="20016"/>
                    <a:pt x="0" y="20016"/>
                  </a:cubicBezTo>
                </a:path>
              </a:pathLst>
            </a:custGeom>
            <a:noFill/>
            <a:ln w="76200" cap="flat">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nvGrpSpPr>
          <p:cNvPr id="16" name="SWP Westside"/>
          <p:cNvGrpSpPr/>
          <p:nvPr/>
        </p:nvGrpSpPr>
        <p:grpSpPr>
          <a:xfrm>
            <a:off x="2585318" y="1381953"/>
            <a:ext cx="759807" cy="1181071"/>
            <a:chOff x="2585318" y="1381953"/>
            <a:chExt cx="759807" cy="1181071"/>
          </a:xfrm>
          <a:effectLst>
            <a:outerShdw dist="50800" dir="5400000" algn="ctr" rotWithShape="0">
              <a:schemeClr val="tx1"/>
            </a:outerShdw>
          </a:effectLst>
        </p:grpSpPr>
        <p:sp>
          <p:nvSpPr>
            <p:cNvPr id="17" name="Freeform 16"/>
            <p:cNvSpPr/>
            <p:nvPr/>
          </p:nvSpPr>
          <p:spPr bwMode="auto">
            <a:xfrm>
              <a:off x="2980023" y="1845246"/>
              <a:ext cx="365102" cy="128279"/>
            </a:xfrm>
            <a:custGeom>
              <a:avLst/>
              <a:gdLst>
                <a:gd name="connsiteX0" fmla="*/ 0 w 365102"/>
                <a:gd name="connsiteY0" fmla="*/ 0 h 128279"/>
                <a:gd name="connsiteX1" fmla="*/ 19735 w 365102"/>
                <a:gd name="connsiteY1" fmla="*/ 3289 h 128279"/>
                <a:gd name="connsiteX2" fmla="*/ 26314 w 365102"/>
                <a:gd name="connsiteY2" fmla="*/ 9868 h 128279"/>
                <a:gd name="connsiteX3" fmla="*/ 46049 w 365102"/>
                <a:gd name="connsiteY3" fmla="*/ 19735 h 128279"/>
                <a:gd name="connsiteX4" fmla="*/ 78941 w 365102"/>
                <a:gd name="connsiteY4" fmla="*/ 29603 h 128279"/>
                <a:gd name="connsiteX5" fmla="*/ 101965 w 365102"/>
                <a:gd name="connsiteY5" fmla="*/ 36181 h 128279"/>
                <a:gd name="connsiteX6" fmla="*/ 138147 w 365102"/>
                <a:gd name="connsiteY6" fmla="*/ 39471 h 128279"/>
                <a:gd name="connsiteX7" fmla="*/ 167750 w 365102"/>
                <a:gd name="connsiteY7" fmla="*/ 42760 h 128279"/>
                <a:gd name="connsiteX8" fmla="*/ 190774 w 365102"/>
                <a:gd name="connsiteY8" fmla="*/ 49338 h 128279"/>
                <a:gd name="connsiteX9" fmla="*/ 210509 w 365102"/>
                <a:gd name="connsiteY9" fmla="*/ 55917 h 128279"/>
                <a:gd name="connsiteX10" fmla="*/ 236823 w 365102"/>
                <a:gd name="connsiteY10" fmla="*/ 59206 h 128279"/>
                <a:gd name="connsiteX11" fmla="*/ 256558 w 365102"/>
                <a:gd name="connsiteY11" fmla="*/ 65784 h 128279"/>
                <a:gd name="connsiteX12" fmla="*/ 269715 w 365102"/>
                <a:gd name="connsiteY12" fmla="*/ 69073 h 128279"/>
                <a:gd name="connsiteX13" fmla="*/ 289450 w 365102"/>
                <a:gd name="connsiteY13" fmla="*/ 75652 h 128279"/>
                <a:gd name="connsiteX14" fmla="*/ 302607 w 365102"/>
                <a:gd name="connsiteY14" fmla="*/ 92098 h 128279"/>
                <a:gd name="connsiteX15" fmla="*/ 312475 w 365102"/>
                <a:gd name="connsiteY15" fmla="*/ 95387 h 128279"/>
                <a:gd name="connsiteX16" fmla="*/ 328921 w 365102"/>
                <a:gd name="connsiteY16" fmla="*/ 105255 h 128279"/>
                <a:gd name="connsiteX17" fmla="*/ 348656 w 365102"/>
                <a:gd name="connsiteY17" fmla="*/ 115122 h 128279"/>
                <a:gd name="connsiteX18" fmla="*/ 365102 w 365102"/>
                <a:gd name="connsiteY18" fmla="*/ 128279 h 1282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65102" h="128279">
                  <a:moveTo>
                    <a:pt x="0" y="0"/>
                  </a:moveTo>
                  <a:cubicBezTo>
                    <a:pt x="6578" y="1096"/>
                    <a:pt x="13491" y="947"/>
                    <a:pt x="19735" y="3289"/>
                  </a:cubicBezTo>
                  <a:cubicBezTo>
                    <a:pt x="22639" y="4378"/>
                    <a:pt x="23892" y="7931"/>
                    <a:pt x="26314" y="9868"/>
                  </a:cubicBezTo>
                  <a:cubicBezTo>
                    <a:pt x="34324" y="16276"/>
                    <a:pt x="36591" y="17032"/>
                    <a:pt x="46049" y="19735"/>
                  </a:cubicBezTo>
                  <a:cubicBezTo>
                    <a:pt x="80845" y="29677"/>
                    <a:pt x="32045" y="13972"/>
                    <a:pt x="78941" y="29603"/>
                  </a:cubicBezTo>
                  <a:cubicBezTo>
                    <a:pt x="85705" y="31857"/>
                    <a:pt x="95083" y="35263"/>
                    <a:pt x="101965" y="36181"/>
                  </a:cubicBezTo>
                  <a:cubicBezTo>
                    <a:pt x="113969" y="37782"/>
                    <a:pt x="126097" y="38266"/>
                    <a:pt x="138147" y="39471"/>
                  </a:cubicBezTo>
                  <a:cubicBezTo>
                    <a:pt x="148026" y="40459"/>
                    <a:pt x="157882" y="41664"/>
                    <a:pt x="167750" y="42760"/>
                  </a:cubicBezTo>
                  <a:cubicBezTo>
                    <a:pt x="200929" y="53820"/>
                    <a:pt x="149448" y="36940"/>
                    <a:pt x="190774" y="49338"/>
                  </a:cubicBezTo>
                  <a:cubicBezTo>
                    <a:pt x="197416" y="51331"/>
                    <a:pt x="203931" y="53724"/>
                    <a:pt x="210509" y="55917"/>
                  </a:cubicBezTo>
                  <a:cubicBezTo>
                    <a:pt x="218895" y="58713"/>
                    <a:pt x="228052" y="58110"/>
                    <a:pt x="236823" y="59206"/>
                  </a:cubicBezTo>
                  <a:cubicBezTo>
                    <a:pt x="243401" y="61399"/>
                    <a:pt x="249831" y="64102"/>
                    <a:pt x="256558" y="65784"/>
                  </a:cubicBezTo>
                  <a:cubicBezTo>
                    <a:pt x="260944" y="66880"/>
                    <a:pt x="265385" y="67774"/>
                    <a:pt x="269715" y="69073"/>
                  </a:cubicBezTo>
                  <a:cubicBezTo>
                    <a:pt x="276357" y="71066"/>
                    <a:pt x="289450" y="75652"/>
                    <a:pt x="289450" y="75652"/>
                  </a:cubicBezTo>
                  <a:cubicBezTo>
                    <a:pt x="292436" y="80130"/>
                    <a:pt x="297402" y="88975"/>
                    <a:pt x="302607" y="92098"/>
                  </a:cubicBezTo>
                  <a:cubicBezTo>
                    <a:pt x="305580" y="93882"/>
                    <a:pt x="309186" y="94291"/>
                    <a:pt x="312475" y="95387"/>
                  </a:cubicBezTo>
                  <a:cubicBezTo>
                    <a:pt x="325322" y="108236"/>
                    <a:pt x="311843" y="96717"/>
                    <a:pt x="328921" y="105255"/>
                  </a:cubicBezTo>
                  <a:cubicBezTo>
                    <a:pt x="354429" y="118008"/>
                    <a:pt x="323852" y="106854"/>
                    <a:pt x="348656" y="115122"/>
                  </a:cubicBezTo>
                  <a:cubicBezTo>
                    <a:pt x="361104" y="123421"/>
                    <a:pt x="355729" y="118906"/>
                    <a:pt x="365102" y="128279"/>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8" name="Freeform 17"/>
            <p:cNvSpPr/>
            <p:nvPr/>
          </p:nvSpPr>
          <p:spPr bwMode="auto">
            <a:xfrm>
              <a:off x="3016204" y="2009706"/>
              <a:ext cx="236846" cy="85520"/>
            </a:xfrm>
            <a:custGeom>
              <a:avLst/>
              <a:gdLst>
                <a:gd name="connsiteX0" fmla="*/ 0 w 236846"/>
                <a:gd name="connsiteY0" fmla="*/ 0 h 85520"/>
                <a:gd name="connsiteX1" fmla="*/ 16446 w 236846"/>
                <a:gd name="connsiteY1" fmla="*/ 3290 h 85520"/>
                <a:gd name="connsiteX2" fmla="*/ 148015 w 236846"/>
                <a:gd name="connsiteY2" fmla="*/ 9868 h 85520"/>
                <a:gd name="connsiteX3" fmla="*/ 171039 w 236846"/>
                <a:gd name="connsiteY3" fmla="*/ 29603 h 85520"/>
                <a:gd name="connsiteX4" fmla="*/ 177618 w 236846"/>
                <a:gd name="connsiteY4" fmla="*/ 36182 h 85520"/>
                <a:gd name="connsiteX5" fmla="*/ 207220 w 236846"/>
                <a:gd name="connsiteY5" fmla="*/ 55917 h 85520"/>
                <a:gd name="connsiteX6" fmla="*/ 217088 w 236846"/>
                <a:gd name="connsiteY6" fmla="*/ 59206 h 85520"/>
                <a:gd name="connsiteX7" fmla="*/ 230245 w 236846"/>
                <a:gd name="connsiteY7" fmla="*/ 75652 h 85520"/>
                <a:gd name="connsiteX8" fmla="*/ 236823 w 236846"/>
                <a:gd name="connsiteY8" fmla="*/ 85520 h 85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6846" h="85520">
                  <a:moveTo>
                    <a:pt x="0" y="0"/>
                  </a:moveTo>
                  <a:cubicBezTo>
                    <a:pt x="5482" y="1097"/>
                    <a:pt x="10862" y="3018"/>
                    <a:pt x="16446" y="3290"/>
                  </a:cubicBezTo>
                  <a:cubicBezTo>
                    <a:pt x="152213" y="9913"/>
                    <a:pt x="95081" y="-3364"/>
                    <a:pt x="148015" y="9868"/>
                  </a:cubicBezTo>
                  <a:cubicBezTo>
                    <a:pt x="179689" y="41542"/>
                    <a:pt x="145991" y="9565"/>
                    <a:pt x="171039" y="29603"/>
                  </a:cubicBezTo>
                  <a:cubicBezTo>
                    <a:pt x="173461" y="31540"/>
                    <a:pt x="175137" y="34321"/>
                    <a:pt x="177618" y="36182"/>
                  </a:cubicBezTo>
                  <a:cubicBezTo>
                    <a:pt x="177623" y="36185"/>
                    <a:pt x="202284" y="52626"/>
                    <a:pt x="207220" y="55917"/>
                  </a:cubicBezTo>
                  <a:cubicBezTo>
                    <a:pt x="210105" y="57840"/>
                    <a:pt x="213799" y="58110"/>
                    <a:pt x="217088" y="59206"/>
                  </a:cubicBezTo>
                  <a:cubicBezTo>
                    <a:pt x="232969" y="75087"/>
                    <a:pt x="213653" y="54911"/>
                    <a:pt x="230245" y="75652"/>
                  </a:cubicBezTo>
                  <a:cubicBezTo>
                    <a:pt x="237598" y="84844"/>
                    <a:pt x="236823" y="78480"/>
                    <a:pt x="236823" y="8552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0" name="Freeform 19"/>
            <p:cNvSpPr/>
            <p:nvPr/>
          </p:nvSpPr>
          <p:spPr bwMode="auto">
            <a:xfrm>
              <a:off x="2585318" y="2006414"/>
              <a:ext cx="417729" cy="302610"/>
            </a:xfrm>
            <a:custGeom>
              <a:avLst/>
              <a:gdLst>
                <a:gd name="connsiteX0" fmla="*/ 417729 w 417729"/>
                <a:gd name="connsiteY0" fmla="*/ 6582 h 302610"/>
                <a:gd name="connsiteX1" fmla="*/ 332210 w 417729"/>
                <a:gd name="connsiteY1" fmla="*/ 3 h 302610"/>
                <a:gd name="connsiteX2" fmla="*/ 322342 w 417729"/>
                <a:gd name="connsiteY2" fmla="*/ 3292 h 302610"/>
                <a:gd name="connsiteX3" fmla="*/ 319053 w 417729"/>
                <a:gd name="connsiteY3" fmla="*/ 13160 h 302610"/>
                <a:gd name="connsiteX4" fmla="*/ 305896 w 417729"/>
                <a:gd name="connsiteY4" fmla="*/ 29606 h 302610"/>
                <a:gd name="connsiteX5" fmla="*/ 276294 w 417729"/>
                <a:gd name="connsiteY5" fmla="*/ 26317 h 302610"/>
                <a:gd name="connsiteX6" fmla="*/ 259847 w 417729"/>
                <a:gd name="connsiteY6" fmla="*/ 23028 h 302610"/>
                <a:gd name="connsiteX7" fmla="*/ 240112 w 417729"/>
                <a:gd name="connsiteY7" fmla="*/ 19739 h 302610"/>
                <a:gd name="connsiteX8" fmla="*/ 161171 w 417729"/>
                <a:gd name="connsiteY8" fmla="*/ 19739 h 302610"/>
                <a:gd name="connsiteX9" fmla="*/ 148014 w 417729"/>
                <a:gd name="connsiteY9" fmla="*/ 23028 h 302610"/>
                <a:gd name="connsiteX10" fmla="*/ 131568 w 417729"/>
                <a:gd name="connsiteY10" fmla="*/ 29606 h 302610"/>
                <a:gd name="connsiteX11" fmla="*/ 124990 w 417729"/>
                <a:gd name="connsiteY11" fmla="*/ 36185 h 302610"/>
                <a:gd name="connsiteX12" fmla="*/ 121701 w 417729"/>
                <a:gd name="connsiteY12" fmla="*/ 59209 h 302610"/>
                <a:gd name="connsiteX13" fmla="*/ 118411 w 417729"/>
                <a:gd name="connsiteY13" fmla="*/ 101969 h 302610"/>
                <a:gd name="connsiteX14" fmla="*/ 101965 w 417729"/>
                <a:gd name="connsiteY14" fmla="*/ 124993 h 302610"/>
                <a:gd name="connsiteX15" fmla="*/ 82230 w 417729"/>
                <a:gd name="connsiteY15" fmla="*/ 128282 h 302610"/>
                <a:gd name="connsiteX16" fmla="*/ 72363 w 417729"/>
                <a:gd name="connsiteY16" fmla="*/ 131572 h 302610"/>
                <a:gd name="connsiteX17" fmla="*/ 55917 w 417729"/>
                <a:gd name="connsiteY17" fmla="*/ 148018 h 302610"/>
                <a:gd name="connsiteX18" fmla="*/ 49338 w 417729"/>
                <a:gd name="connsiteY18" fmla="*/ 207223 h 302610"/>
                <a:gd name="connsiteX19" fmla="*/ 46049 w 417729"/>
                <a:gd name="connsiteY19" fmla="*/ 249983 h 302610"/>
                <a:gd name="connsiteX20" fmla="*/ 39470 w 417729"/>
                <a:gd name="connsiteY20" fmla="*/ 269718 h 302610"/>
                <a:gd name="connsiteX21" fmla="*/ 36181 w 417729"/>
                <a:gd name="connsiteY21" fmla="*/ 279586 h 302610"/>
                <a:gd name="connsiteX22" fmla="*/ 16446 w 417729"/>
                <a:gd name="connsiteY22" fmla="*/ 292743 h 302610"/>
                <a:gd name="connsiteX23" fmla="*/ 0 w 417729"/>
                <a:gd name="connsiteY23" fmla="*/ 302610 h 3026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417729" h="302610">
                  <a:moveTo>
                    <a:pt x="417729" y="6582"/>
                  </a:moveTo>
                  <a:cubicBezTo>
                    <a:pt x="382990" y="-367"/>
                    <a:pt x="389097" y="3"/>
                    <a:pt x="332210" y="3"/>
                  </a:cubicBezTo>
                  <a:cubicBezTo>
                    <a:pt x="328743" y="3"/>
                    <a:pt x="325631" y="2196"/>
                    <a:pt x="322342" y="3292"/>
                  </a:cubicBezTo>
                  <a:cubicBezTo>
                    <a:pt x="321246" y="6581"/>
                    <a:pt x="320603" y="10059"/>
                    <a:pt x="319053" y="13160"/>
                  </a:cubicBezTo>
                  <a:cubicBezTo>
                    <a:pt x="314903" y="21461"/>
                    <a:pt x="312017" y="23486"/>
                    <a:pt x="305896" y="29606"/>
                  </a:cubicBezTo>
                  <a:cubicBezTo>
                    <a:pt x="296029" y="28510"/>
                    <a:pt x="286122" y="27721"/>
                    <a:pt x="276294" y="26317"/>
                  </a:cubicBezTo>
                  <a:cubicBezTo>
                    <a:pt x="270759" y="25526"/>
                    <a:pt x="265348" y="24028"/>
                    <a:pt x="259847" y="23028"/>
                  </a:cubicBezTo>
                  <a:cubicBezTo>
                    <a:pt x="253285" y="21835"/>
                    <a:pt x="246690" y="20835"/>
                    <a:pt x="240112" y="19739"/>
                  </a:cubicBezTo>
                  <a:cubicBezTo>
                    <a:pt x="209232" y="9443"/>
                    <a:pt x="228028" y="14390"/>
                    <a:pt x="161171" y="19739"/>
                  </a:cubicBezTo>
                  <a:cubicBezTo>
                    <a:pt x="156665" y="20100"/>
                    <a:pt x="152303" y="21599"/>
                    <a:pt x="148014" y="23028"/>
                  </a:cubicBezTo>
                  <a:cubicBezTo>
                    <a:pt x="142413" y="24895"/>
                    <a:pt x="137050" y="27413"/>
                    <a:pt x="131568" y="29606"/>
                  </a:cubicBezTo>
                  <a:cubicBezTo>
                    <a:pt x="129375" y="31799"/>
                    <a:pt x="125971" y="33243"/>
                    <a:pt x="124990" y="36185"/>
                  </a:cubicBezTo>
                  <a:cubicBezTo>
                    <a:pt x="122539" y="43540"/>
                    <a:pt x="122472" y="51495"/>
                    <a:pt x="121701" y="59209"/>
                  </a:cubicBezTo>
                  <a:cubicBezTo>
                    <a:pt x="120278" y="73434"/>
                    <a:pt x="120184" y="87784"/>
                    <a:pt x="118411" y="101969"/>
                  </a:cubicBezTo>
                  <a:cubicBezTo>
                    <a:pt x="117440" y="109736"/>
                    <a:pt x="109918" y="123668"/>
                    <a:pt x="101965" y="124993"/>
                  </a:cubicBezTo>
                  <a:lnTo>
                    <a:pt x="82230" y="128282"/>
                  </a:lnTo>
                  <a:cubicBezTo>
                    <a:pt x="78941" y="129379"/>
                    <a:pt x="75137" y="129492"/>
                    <a:pt x="72363" y="131572"/>
                  </a:cubicBezTo>
                  <a:cubicBezTo>
                    <a:pt x="66161" y="136224"/>
                    <a:pt x="55917" y="148018"/>
                    <a:pt x="55917" y="148018"/>
                  </a:cubicBezTo>
                  <a:cubicBezTo>
                    <a:pt x="47346" y="173723"/>
                    <a:pt x="53178" y="153466"/>
                    <a:pt x="49338" y="207223"/>
                  </a:cubicBezTo>
                  <a:cubicBezTo>
                    <a:pt x="48320" y="221482"/>
                    <a:pt x="48279" y="235863"/>
                    <a:pt x="46049" y="249983"/>
                  </a:cubicBezTo>
                  <a:cubicBezTo>
                    <a:pt x="44967" y="256832"/>
                    <a:pt x="41663" y="263140"/>
                    <a:pt x="39470" y="269718"/>
                  </a:cubicBezTo>
                  <a:lnTo>
                    <a:pt x="36181" y="279586"/>
                  </a:lnTo>
                  <a:cubicBezTo>
                    <a:pt x="33681" y="287087"/>
                    <a:pt x="23024" y="288357"/>
                    <a:pt x="16446" y="292743"/>
                  </a:cubicBezTo>
                  <a:cubicBezTo>
                    <a:pt x="4542" y="300679"/>
                    <a:pt x="10111" y="297554"/>
                    <a:pt x="0" y="30261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9" name="Freeform 18"/>
            <p:cNvSpPr/>
            <p:nvPr/>
          </p:nvSpPr>
          <p:spPr bwMode="auto">
            <a:xfrm>
              <a:off x="2618210" y="1996550"/>
              <a:ext cx="388127" cy="32900"/>
            </a:xfrm>
            <a:custGeom>
              <a:avLst/>
              <a:gdLst>
                <a:gd name="connsiteX0" fmla="*/ 388127 w 388127"/>
                <a:gd name="connsiteY0" fmla="*/ 9867 h 32900"/>
                <a:gd name="connsiteX1" fmla="*/ 319053 w 388127"/>
                <a:gd name="connsiteY1" fmla="*/ 6578 h 32900"/>
                <a:gd name="connsiteX2" fmla="*/ 269715 w 388127"/>
                <a:gd name="connsiteY2" fmla="*/ 0 h 32900"/>
                <a:gd name="connsiteX3" fmla="*/ 226955 w 388127"/>
                <a:gd name="connsiteY3" fmla="*/ 3289 h 32900"/>
                <a:gd name="connsiteX4" fmla="*/ 197353 w 388127"/>
                <a:gd name="connsiteY4" fmla="*/ 13156 h 32900"/>
                <a:gd name="connsiteX5" fmla="*/ 187485 w 388127"/>
                <a:gd name="connsiteY5" fmla="*/ 16446 h 32900"/>
                <a:gd name="connsiteX6" fmla="*/ 157882 w 388127"/>
                <a:gd name="connsiteY6" fmla="*/ 19735 h 32900"/>
                <a:gd name="connsiteX7" fmla="*/ 134858 w 388127"/>
                <a:gd name="connsiteY7" fmla="*/ 26313 h 32900"/>
                <a:gd name="connsiteX8" fmla="*/ 69073 w 388127"/>
                <a:gd name="connsiteY8" fmla="*/ 23024 h 32900"/>
                <a:gd name="connsiteX9" fmla="*/ 23025 w 388127"/>
                <a:gd name="connsiteY9" fmla="*/ 23024 h 32900"/>
                <a:gd name="connsiteX10" fmla="*/ 13157 w 388127"/>
                <a:gd name="connsiteY10" fmla="*/ 29603 h 32900"/>
                <a:gd name="connsiteX11" fmla="*/ 0 w 388127"/>
                <a:gd name="connsiteY11" fmla="*/ 32892 h 32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8127" h="32900">
                  <a:moveTo>
                    <a:pt x="388127" y="9867"/>
                  </a:moveTo>
                  <a:cubicBezTo>
                    <a:pt x="365102" y="8771"/>
                    <a:pt x="342049" y="8164"/>
                    <a:pt x="319053" y="6578"/>
                  </a:cubicBezTo>
                  <a:cubicBezTo>
                    <a:pt x="310838" y="6011"/>
                    <a:pt x="278870" y="1308"/>
                    <a:pt x="269715" y="0"/>
                  </a:cubicBezTo>
                  <a:cubicBezTo>
                    <a:pt x="255462" y="1096"/>
                    <a:pt x="241076" y="1060"/>
                    <a:pt x="226955" y="3289"/>
                  </a:cubicBezTo>
                  <a:lnTo>
                    <a:pt x="197353" y="13156"/>
                  </a:lnTo>
                  <a:cubicBezTo>
                    <a:pt x="194064" y="14253"/>
                    <a:pt x="190931" y="16063"/>
                    <a:pt x="187485" y="16446"/>
                  </a:cubicBezTo>
                  <a:lnTo>
                    <a:pt x="157882" y="19735"/>
                  </a:lnTo>
                  <a:cubicBezTo>
                    <a:pt x="153230" y="21286"/>
                    <a:pt x="138987" y="26313"/>
                    <a:pt x="134858" y="26313"/>
                  </a:cubicBezTo>
                  <a:cubicBezTo>
                    <a:pt x="112902" y="26313"/>
                    <a:pt x="91001" y="24120"/>
                    <a:pt x="69073" y="23024"/>
                  </a:cubicBezTo>
                  <a:cubicBezTo>
                    <a:pt x="49858" y="20622"/>
                    <a:pt x="41131" y="16988"/>
                    <a:pt x="23025" y="23024"/>
                  </a:cubicBezTo>
                  <a:cubicBezTo>
                    <a:pt x="19275" y="24274"/>
                    <a:pt x="16693" y="27835"/>
                    <a:pt x="13157" y="29603"/>
                  </a:cubicBezTo>
                  <a:cubicBezTo>
                    <a:pt x="5886" y="33239"/>
                    <a:pt x="5606" y="32892"/>
                    <a:pt x="0" y="3289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7" name="Freeform 6"/>
            <p:cNvSpPr/>
            <p:nvPr/>
          </p:nvSpPr>
          <p:spPr bwMode="auto">
            <a:xfrm>
              <a:off x="2673638" y="1381953"/>
              <a:ext cx="421871" cy="1181071"/>
            </a:xfrm>
            <a:custGeom>
              <a:avLst/>
              <a:gdLst>
                <a:gd name="connsiteX0" fmla="*/ 0 w 389466"/>
                <a:gd name="connsiteY0" fmla="*/ 0 h 1168400"/>
                <a:gd name="connsiteX1" fmla="*/ 42333 w 389466"/>
                <a:gd name="connsiteY1" fmla="*/ 8467 h 1168400"/>
                <a:gd name="connsiteX2" fmla="*/ 67733 w 389466"/>
                <a:gd name="connsiteY2" fmla="*/ 16934 h 1168400"/>
                <a:gd name="connsiteX3" fmla="*/ 84666 w 389466"/>
                <a:gd name="connsiteY3" fmla="*/ 76200 h 1168400"/>
                <a:gd name="connsiteX4" fmla="*/ 118533 w 389466"/>
                <a:gd name="connsiteY4" fmla="*/ 152400 h 1168400"/>
                <a:gd name="connsiteX5" fmla="*/ 135466 w 389466"/>
                <a:gd name="connsiteY5" fmla="*/ 169334 h 1168400"/>
                <a:gd name="connsiteX6" fmla="*/ 152400 w 389466"/>
                <a:gd name="connsiteY6" fmla="*/ 220134 h 1168400"/>
                <a:gd name="connsiteX7" fmla="*/ 160866 w 389466"/>
                <a:gd name="connsiteY7" fmla="*/ 270934 h 1168400"/>
                <a:gd name="connsiteX8" fmla="*/ 177800 w 389466"/>
                <a:gd name="connsiteY8" fmla="*/ 287867 h 1168400"/>
                <a:gd name="connsiteX9" fmla="*/ 194733 w 389466"/>
                <a:gd name="connsiteY9" fmla="*/ 338667 h 1168400"/>
                <a:gd name="connsiteX10" fmla="*/ 211666 w 389466"/>
                <a:gd name="connsiteY10" fmla="*/ 364067 h 1168400"/>
                <a:gd name="connsiteX11" fmla="*/ 245533 w 389466"/>
                <a:gd name="connsiteY11" fmla="*/ 440267 h 1168400"/>
                <a:gd name="connsiteX12" fmla="*/ 270933 w 389466"/>
                <a:gd name="connsiteY12" fmla="*/ 516467 h 1168400"/>
                <a:gd name="connsiteX13" fmla="*/ 287866 w 389466"/>
                <a:gd name="connsiteY13" fmla="*/ 567267 h 1168400"/>
                <a:gd name="connsiteX14" fmla="*/ 296333 w 389466"/>
                <a:gd name="connsiteY14" fmla="*/ 821267 h 1168400"/>
                <a:gd name="connsiteX15" fmla="*/ 321733 w 389466"/>
                <a:gd name="connsiteY15" fmla="*/ 829734 h 1168400"/>
                <a:gd name="connsiteX16" fmla="*/ 347133 w 389466"/>
                <a:gd name="connsiteY16" fmla="*/ 846667 h 1168400"/>
                <a:gd name="connsiteX17" fmla="*/ 355600 w 389466"/>
                <a:gd name="connsiteY17" fmla="*/ 872067 h 1168400"/>
                <a:gd name="connsiteX18" fmla="*/ 347133 w 389466"/>
                <a:gd name="connsiteY18" fmla="*/ 956734 h 1168400"/>
                <a:gd name="connsiteX19" fmla="*/ 321733 w 389466"/>
                <a:gd name="connsiteY19" fmla="*/ 1032934 h 1168400"/>
                <a:gd name="connsiteX20" fmla="*/ 313266 w 389466"/>
                <a:gd name="connsiteY20" fmla="*/ 1075267 h 1168400"/>
                <a:gd name="connsiteX21" fmla="*/ 330200 w 389466"/>
                <a:gd name="connsiteY21" fmla="*/ 1117600 h 1168400"/>
                <a:gd name="connsiteX22" fmla="*/ 372533 w 389466"/>
                <a:gd name="connsiteY22" fmla="*/ 1151467 h 1168400"/>
                <a:gd name="connsiteX23" fmla="*/ 389466 w 389466"/>
                <a:gd name="connsiteY23" fmla="*/ 1168400 h 1168400"/>
                <a:gd name="connsiteX0" fmla="*/ 0 w 389466"/>
                <a:gd name="connsiteY0" fmla="*/ 0 h 1168400"/>
                <a:gd name="connsiteX1" fmla="*/ 42333 w 389466"/>
                <a:gd name="connsiteY1" fmla="*/ 8467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389466"/>
                <a:gd name="connsiteY0" fmla="*/ 0 h 1168400"/>
                <a:gd name="connsiteX1" fmla="*/ 29176 w 389466"/>
                <a:gd name="connsiteY1" fmla="*/ 57805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442093"/>
                <a:gd name="connsiteY0" fmla="*/ 0 h 1174979"/>
                <a:gd name="connsiteX1" fmla="*/ 81803 w 442093"/>
                <a:gd name="connsiteY1" fmla="*/ 64384 h 1174979"/>
                <a:gd name="connsiteX2" fmla="*/ 137293 w 442093"/>
                <a:gd name="connsiteY2" fmla="*/ 82779 h 1174979"/>
                <a:gd name="connsiteX3" fmla="*/ 171160 w 442093"/>
                <a:gd name="connsiteY3" fmla="*/ 158979 h 1174979"/>
                <a:gd name="connsiteX4" fmla="*/ 188093 w 442093"/>
                <a:gd name="connsiteY4" fmla="*/ 175913 h 1174979"/>
                <a:gd name="connsiteX5" fmla="*/ 205027 w 442093"/>
                <a:gd name="connsiteY5" fmla="*/ 226713 h 1174979"/>
                <a:gd name="connsiteX6" fmla="*/ 213493 w 442093"/>
                <a:gd name="connsiteY6" fmla="*/ 277513 h 1174979"/>
                <a:gd name="connsiteX7" fmla="*/ 230427 w 442093"/>
                <a:gd name="connsiteY7" fmla="*/ 294446 h 1174979"/>
                <a:gd name="connsiteX8" fmla="*/ 247360 w 442093"/>
                <a:gd name="connsiteY8" fmla="*/ 345246 h 1174979"/>
                <a:gd name="connsiteX9" fmla="*/ 264293 w 442093"/>
                <a:gd name="connsiteY9" fmla="*/ 370646 h 1174979"/>
                <a:gd name="connsiteX10" fmla="*/ 298160 w 442093"/>
                <a:gd name="connsiteY10" fmla="*/ 446846 h 1174979"/>
                <a:gd name="connsiteX11" fmla="*/ 323560 w 442093"/>
                <a:gd name="connsiteY11" fmla="*/ 523046 h 1174979"/>
                <a:gd name="connsiteX12" fmla="*/ 340493 w 442093"/>
                <a:gd name="connsiteY12" fmla="*/ 573846 h 1174979"/>
                <a:gd name="connsiteX13" fmla="*/ 348960 w 442093"/>
                <a:gd name="connsiteY13" fmla="*/ 827846 h 1174979"/>
                <a:gd name="connsiteX14" fmla="*/ 374360 w 442093"/>
                <a:gd name="connsiteY14" fmla="*/ 836313 h 1174979"/>
                <a:gd name="connsiteX15" fmla="*/ 399760 w 442093"/>
                <a:gd name="connsiteY15" fmla="*/ 853246 h 1174979"/>
                <a:gd name="connsiteX16" fmla="*/ 408227 w 442093"/>
                <a:gd name="connsiteY16" fmla="*/ 878646 h 1174979"/>
                <a:gd name="connsiteX17" fmla="*/ 399760 w 442093"/>
                <a:gd name="connsiteY17" fmla="*/ 963313 h 1174979"/>
                <a:gd name="connsiteX18" fmla="*/ 374360 w 442093"/>
                <a:gd name="connsiteY18" fmla="*/ 1039513 h 1174979"/>
                <a:gd name="connsiteX19" fmla="*/ 365893 w 442093"/>
                <a:gd name="connsiteY19" fmla="*/ 1081846 h 1174979"/>
                <a:gd name="connsiteX20" fmla="*/ 382827 w 442093"/>
                <a:gd name="connsiteY20" fmla="*/ 1124179 h 1174979"/>
                <a:gd name="connsiteX21" fmla="*/ 425160 w 442093"/>
                <a:gd name="connsiteY21" fmla="*/ 1158046 h 1174979"/>
                <a:gd name="connsiteX22" fmla="*/ 442093 w 442093"/>
                <a:gd name="connsiteY22" fmla="*/ 1174979 h 1174979"/>
                <a:gd name="connsiteX0" fmla="*/ 0 w 442093"/>
                <a:gd name="connsiteY0" fmla="*/ 0 h 1174979"/>
                <a:gd name="connsiteX1" fmla="*/ 81803 w 442093"/>
                <a:gd name="connsiteY1" fmla="*/ 64384 h 1174979"/>
                <a:gd name="connsiteX2" fmla="*/ 171160 w 442093"/>
                <a:gd name="connsiteY2" fmla="*/ 158979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7582 w 442093"/>
                <a:gd name="connsiteY8" fmla="*/ 393670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25160"/>
                <a:gd name="connsiteY0" fmla="*/ 0 h 1158046"/>
                <a:gd name="connsiteX1" fmla="*/ 81803 w 425160"/>
                <a:gd name="connsiteY1" fmla="*/ 64384 h 1158046"/>
                <a:gd name="connsiteX2" fmla="*/ 144846 w 425160"/>
                <a:gd name="connsiteY2" fmla="*/ 149112 h 1158046"/>
                <a:gd name="connsiteX3" fmla="*/ 161779 w 425160"/>
                <a:gd name="connsiteY3" fmla="*/ 192359 h 1158046"/>
                <a:gd name="connsiteX4" fmla="*/ 191870 w 425160"/>
                <a:gd name="connsiteY4" fmla="*/ 239870 h 1158046"/>
                <a:gd name="connsiteX5" fmla="*/ 213493 w 425160"/>
                <a:gd name="connsiteY5" fmla="*/ 277513 h 1158046"/>
                <a:gd name="connsiteX6" fmla="*/ 230427 w 425160"/>
                <a:gd name="connsiteY6" fmla="*/ 294446 h 1158046"/>
                <a:gd name="connsiteX7" fmla="*/ 247360 w 425160"/>
                <a:gd name="connsiteY7" fmla="*/ 345246 h 1158046"/>
                <a:gd name="connsiteX8" fmla="*/ 267582 w 425160"/>
                <a:gd name="connsiteY8" fmla="*/ 393670 h 1158046"/>
                <a:gd name="connsiteX9" fmla="*/ 298160 w 425160"/>
                <a:gd name="connsiteY9" fmla="*/ 446846 h 1158046"/>
                <a:gd name="connsiteX10" fmla="*/ 323560 w 425160"/>
                <a:gd name="connsiteY10" fmla="*/ 523046 h 1158046"/>
                <a:gd name="connsiteX11" fmla="*/ 340493 w 425160"/>
                <a:gd name="connsiteY11" fmla="*/ 573846 h 1158046"/>
                <a:gd name="connsiteX12" fmla="*/ 348960 w 425160"/>
                <a:gd name="connsiteY12" fmla="*/ 827846 h 1158046"/>
                <a:gd name="connsiteX13" fmla="*/ 374360 w 425160"/>
                <a:gd name="connsiteY13" fmla="*/ 836313 h 1158046"/>
                <a:gd name="connsiteX14" fmla="*/ 399760 w 425160"/>
                <a:gd name="connsiteY14" fmla="*/ 853246 h 1158046"/>
                <a:gd name="connsiteX15" fmla="*/ 408227 w 425160"/>
                <a:gd name="connsiteY15" fmla="*/ 878646 h 1158046"/>
                <a:gd name="connsiteX16" fmla="*/ 399760 w 425160"/>
                <a:gd name="connsiteY16" fmla="*/ 963313 h 1158046"/>
                <a:gd name="connsiteX17" fmla="*/ 374360 w 425160"/>
                <a:gd name="connsiteY17" fmla="*/ 1039513 h 1158046"/>
                <a:gd name="connsiteX18" fmla="*/ 365893 w 425160"/>
                <a:gd name="connsiteY18" fmla="*/ 1081846 h 1158046"/>
                <a:gd name="connsiteX19" fmla="*/ 382827 w 425160"/>
                <a:gd name="connsiteY19" fmla="*/ 1124179 h 1158046"/>
                <a:gd name="connsiteX20" fmla="*/ 425160 w 425160"/>
                <a:gd name="connsiteY20" fmla="*/ 1158046 h 1158046"/>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48960 w 421871"/>
                <a:gd name="connsiteY12" fmla="*/ 827846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1649 w 421871"/>
                <a:gd name="connsiteY15" fmla="*/ 898381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3560 w 421871"/>
                <a:gd name="connsiteY9" fmla="*/ 523046 h 1181071"/>
                <a:gd name="connsiteX10" fmla="*/ 327336 w 421871"/>
                <a:gd name="connsiteY10" fmla="*/ 593581 h 1181071"/>
                <a:gd name="connsiteX11" fmla="*/ 335803 w 421871"/>
                <a:gd name="connsiteY11" fmla="*/ 739038 h 1181071"/>
                <a:gd name="connsiteX12" fmla="*/ 338179 w 421871"/>
                <a:gd name="connsiteY12" fmla="*/ 836313 h 1181071"/>
                <a:gd name="connsiteX13" fmla="*/ 373446 w 421871"/>
                <a:gd name="connsiteY13" fmla="*/ 856535 h 1181071"/>
                <a:gd name="connsiteX14" fmla="*/ 401649 w 421871"/>
                <a:gd name="connsiteY14" fmla="*/ 898381 h 1181071"/>
                <a:gd name="connsiteX15" fmla="*/ 399760 w 421871"/>
                <a:gd name="connsiteY15" fmla="*/ 963313 h 1181071"/>
                <a:gd name="connsiteX16" fmla="*/ 374360 w 421871"/>
                <a:gd name="connsiteY16" fmla="*/ 1039513 h 1181071"/>
                <a:gd name="connsiteX17" fmla="*/ 365893 w 421871"/>
                <a:gd name="connsiteY17" fmla="*/ 1081846 h 1181071"/>
                <a:gd name="connsiteX18" fmla="*/ 382827 w 421871"/>
                <a:gd name="connsiteY18" fmla="*/ 1124179 h 1181071"/>
                <a:gd name="connsiteX19" fmla="*/ 421871 w 421871"/>
                <a:gd name="connsiteY19"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7336 w 421871"/>
                <a:gd name="connsiteY9" fmla="*/ 593581 h 1181071"/>
                <a:gd name="connsiteX10" fmla="*/ 335803 w 421871"/>
                <a:gd name="connsiteY10" fmla="*/ 739038 h 1181071"/>
                <a:gd name="connsiteX11" fmla="*/ 338179 w 421871"/>
                <a:gd name="connsiteY11" fmla="*/ 836313 h 1181071"/>
                <a:gd name="connsiteX12" fmla="*/ 373446 w 421871"/>
                <a:gd name="connsiteY12" fmla="*/ 856535 h 1181071"/>
                <a:gd name="connsiteX13" fmla="*/ 401649 w 421871"/>
                <a:gd name="connsiteY13" fmla="*/ 898381 h 1181071"/>
                <a:gd name="connsiteX14" fmla="*/ 399760 w 421871"/>
                <a:gd name="connsiteY14" fmla="*/ 963313 h 1181071"/>
                <a:gd name="connsiteX15" fmla="*/ 374360 w 421871"/>
                <a:gd name="connsiteY15" fmla="*/ 1039513 h 1181071"/>
                <a:gd name="connsiteX16" fmla="*/ 365893 w 421871"/>
                <a:gd name="connsiteY16" fmla="*/ 1081846 h 1181071"/>
                <a:gd name="connsiteX17" fmla="*/ 382827 w 421871"/>
                <a:gd name="connsiteY17" fmla="*/ 1124179 h 1181071"/>
                <a:gd name="connsiteX18" fmla="*/ 421871 w 421871"/>
                <a:gd name="connsiteY18" fmla="*/ 1181071 h 1181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1871" h="1181071">
                  <a:moveTo>
                    <a:pt x="0" y="0"/>
                  </a:moveTo>
                  <a:cubicBezTo>
                    <a:pt x="14111" y="2822"/>
                    <a:pt x="57662" y="39532"/>
                    <a:pt x="81803" y="64384"/>
                  </a:cubicBezTo>
                  <a:cubicBezTo>
                    <a:pt x="105944" y="89236"/>
                    <a:pt x="131517" y="127783"/>
                    <a:pt x="144846" y="149112"/>
                  </a:cubicBezTo>
                  <a:cubicBezTo>
                    <a:pt x="158175" y="170441"/>
                    <a:pt x="156135" y="186714"/>
                    <a:pt x="161779" y="192359"/>
                  </a:cubicBezTo>
                  <a:cubicBezTo>
                    <a:pt x="167424" y="209292"/>
                    <a:pt x="183251" y="225678"/>
                    <a:pt x="191870" y="239870"/>
                  </a:cubicBezTo>
                  <a:cubicBezTo>
                    <a:pt x="200489" y="254062"/>
                    <a:pt x="207067" y="268417"/>
                    <a:pt x="213493" y="277513"/>
                  </a:cubicBezTo>
                  <a:cubicBezTo>
                    <a:pt x="219919" y="286609"/>
                    <a:pt x="224782" y="288802"/>
                    <a:pt x="230427" y="294446"/>
                  </a:cubicBezTo>
                  <a:cubicBezTo>
                    <a:pt x="236071" y="311379"/>
                    <a:pt x="241168" y="328709"/>
                    <a:pt x="247360" y="345246"/>
                  </a:cubicBezTo>
                  <a:cubicBezTo>
                    <a:pt x="253553" y="361783"/>
                    <a:pt x="254253" y="352281"/>
                    <a:pt x="267582" y="393670"/>
                  </a:cubicBezTo>
                  <a:cubicBezTo>
                    <a:pt x="280911" y="435059"/>
                    <a:pt x="315966" y="536020"/>
                    <a:pt x="327336" y="593581"/>
                  </a:cubicBezTo>
                  <a:cubicBezTo>
                    <a:pt x="338706" y="651142"/>
                    <a:pt x="333996" y="698583"/>
                    <a:pt x="335803" y="739038"/>
                  </a:cubicBezTo>
                  <a:cubicBezTo>
                    <a:pt x="337610" y="779493"/>
                    <a:pt x="331905" y="816730"/>
                    <a:pt x="338179" y="836313"/>
                  </a:cubicBezTo>
                  <a:cubicBezTo>
                    <a:pt x="344453" y="855896"/>
                    <a:pt x="364979" y="850891"/>
                    <a:pt x="373446" y="856535"/>
                  </a:cubicBezTo>
                  <a:cubicBezTo>
                    <a:pt x="376268" y="865002"/>
                    <a:pt x="397263" y="880585"/>
                    <a:pt x="401649" y="898381"/>
                  </a:cubicBezTo>
                  <a:cubicBezTo>
                    <a:pt x="406035" y="916177"/>
                    <a:pt x="404987" y="935436"/>
                    <a:pt x="399760" y="963313"/>
                  </a:cubicBezTo>
                  <a:cubicBezTo>
                    <a:pt x="399759" y="963321"/>
                    <a:pt x="378595" y="1026809"/>
                    <a:pt x="374360" y="1039513"/>
                  </a:cubicBezTo>
                  <a:cubicBezTo>
                    <a:pt x="369809" y="1053165"/>
                    <a:pt x="368715" y="1067735"/>
                    <a:pt x="365893" y="1081846"/>
                  </a:cubicBezTo>
                  <a:cubicBezTo>
                    <a:pt x="371538" y="1095957"/>
                    <a:pt x="373497" y="1107642"/>
                    <a:pt x="382827" y="1124179"/>
                  </a:cubicBezTo>
                  <a:cubicBezTo>
                    <a:pt x="392157" y="1140716"/>
                    <a:pt x="409611" y="1171263"/>
                    <a:pt x="421871" y="1181071"/>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sp>
        <p:nvSpPr>
          <p:cNvPr id="6" name="Oval 5"/>
          <p:cNvSpPr/>
          <p:nvPr/>
        </p:nvSpPr>
        <p:spPr bwMode="auto">
          <a:xfrm>
            <a:off x="2918046" y="18448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32" name="SWP TextBox"/>
          <p:cNvSpPr txBox="1"/>
          <p:nvPr/>
        </p:nvSpPr>
        <p:spPr>
          <a:xfrm>
            <a:off x="547761" y="1208288"/>
            <a:ext cx="2125877" cy="347329"/>
          </a:xfrm>
          <a:prstGeom prst="roundRect">
            <a:avLst/>
          </a:prstGeom>
          <a:solidFill>
            <a:srgbClr val="003DB8"/>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State Project Water</a:t>
            </a:r>
            <a:endParaRPr lang="en-US" sz="1600" b="1" dirty="0">
              <a:solidFill>
                <a:prstClr val="white"/>
              </a:solidFill>
              <a:effectLst>
                <a:outerShdw blurRad="38100" dist="38100" dir="2700000" algn="tl">
                  <a:srgbClr val="000000">
                    <a:alpha val="43137"/>
                  </a:srgbClr>
                </a:outerShdw>
              </a:effectLst>
            </a:endParaRPr>
          </a:p>
        </p:txBody>
      </p:sp>
      <p:sp>
        <p:nvSpPr>
          <p:cNvPr id="42" name="CRA TextBox"/>
          <p:cNvSpPr txBox="1"/>
          <p:nvPr/>
        </p:nvSpPr>
        <p:spPr>
          <a:xfrm>
            <a:off x="7772400" y="2192785"/>
            <a:ext cx="1188720" cy="592503"/>
          </a:xfrm>
          <a:prstGeom prst="roundRect">
            <a:avLst/>
          </a:prstGeom>
          <a:solidFill>
            <a:srgbClr val="996633"/>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Colorado </a:t>
            </a:r>
          </a:p>
          <a:p>
            <a:pPr algn="ctr">
              <a:lnSpc>
                <a:spcPct val="90000"/>
              </a:lnSpc>
            </a:pPr>
            <a:r>
              <a:rPr lang="en-US" sz="1600" b="1" dirty="0" smtClean="0">
                <a:solidFill>
                  <a:prstClr val="white"/>
                </a:solidFill>
                <a:effectLst>
                  <a:outerShdw blurRad="38100" dist="38100" dir="2700000" algn="tl">
                    <a:srgbClr val="000000">
                      <a:alpha val="43137"/>
                    </a:srgbClr>
                  </a:outerShdw>
                </a:effectLst>
              </a:rPr>
              <a:t>Water</a:t>
            </a:r>
            <a:endParaRPr lang="en-US" sz="1600" b="1" dirty="0">
              <a:solidFill>
                <a:prstClr val="white"/>
              </a:solidFill>
              <a:effectLst>
                <a:outerShdw blurRad="38100" dist="38100" dir="2700000" algn="tl">
                  <a:srgbClr val="000000">
                    <a:alpha val="43137"/>
                  </a:srgbClr>
                </a:outerShdw>
              </a:effectLst>
            </a:endParaRPr>
          </a:p>
        </p:txBody>
      </p:sp>
      <p:sp>
        <p:nvSpPr>
          <p:cNvPr id="43" name="Oval 42"/>
          <p:cNvSpPr/>
          <p:nvPr/>
        </p:nvSpPr>
        <p:spPr bwMode="auto">
          <a:xfrm>
            <a:off x="6352928" y="2906430"/>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4" name="Blending Colored Textbox"/>
          <p:cNvGrpSpPr/>
          <p:nvPr/>
        </p:nvGrpSpPr>
        <p:grpSpPr>
          <a:xfrm>
            <a:off x="3830096" y="5044438"/>
            <a:ext cx="1596014" cy="1560008"/>
            <a:chOff x="3830096" y="5044438"/>
            <a:chExt cx="1596014" cy="1560008"/>
          </a:xfrm>
        </p:grpSpPr>
        <p:sp>
          <p:nvSpPr>
            <p:cNvPr id="1036" name="Rectangle 1035"/>
            <p:cNvSpPr/>
            <p:nvPr/>
          </p:nvSpPr>
          <p:spPr bwMode="auto">
            <a:xfrm>
              <a:off x="3830096" y="5044438"/>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0" name="Rectangle 49"/>
            <p:cNvSpPr/>
            <p:nvPr/>
          </p:nvSpPr>
          <p:spPr bwMode="auto">
            <a:xfrm>
              <a:off x="3830096" y="5442521"/>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1" name="Rectangle 50"/>
            <p:cNvSpPr/>
            <p:nvPr/>
          </p:nvSpPr>
          <p:spPr bwMode="auto">
            <a:xfrm>
              <a:off x="3830096" y="5840604"/>
              <a:ext cx="1596014" cy="365760"/>
            </a:xfrm>
            <a:prstGeom prst="rect">
              <a:avLst/>
            </a:prstGeom>
            <a:solidFill>
              <a:srgbClr val="FF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2" name="Rectangle 51"/>
            <p:cNvSpPr/>
            <p:nvPr/>
          </p:nvSpPr>
          <p:spPr bwMode="auto">
            <a:xfrm>
              <a:off x="3830096" y="6238686"/>
              <a:ext cx="1596014" cy="365760"/>
            </a:xfrm>
            <a:prstGeom prst="rect">
              <a:avLst/>
            </a:prstGeom>
            <a:solidFill>
              <a:srgbClr val="FF00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grpSp>
      <p:sp>
        <p:nvSpPr>
          <p:cNvPr id="46" name="TextBox 45"/>
          <p:cNvSpPr txBox="1"/>
          <p:nvPr/>
        </p:nvSpPr>
        <p:spPr>
          <a:xfrm rot="17069897">
            <a:off x="6359362" y="4001869"/>
            <a:ext cx="1236237" cy="646331"/>
          </a:xfrm>
          <a:prstGeom prst="rect">
            <a:avLst/>
          </a:prstGeom>
          <a:noFill/>
        </p:spPr>
        <p:txBody>
          <a:bodyPr wrap="none" rtlCol="0">
            <a:spAutoFit/>
          </a:bodyPr>
          <a:lstStyle/>
          <a:p>
            <a:pPr algn="ctr"/>
            <a:r>
              <a:rPr lang="en-US" b="1" dirty="0" smtClean="0">
                <a:solidFill>
                  <a:prstClr val="white"/>
                </a:solidFill>
              </a:rPr>
              <a:t>Blend ing</a:t>
            </a:r>
          </a:p>
          <a:p>
            <a:pPr algn="ctr"/>
            <a:r>
              <a:rPr lang="en-US" b="1" dirty="0" smtClean="0">
                <a:solidFill>
                  <a:prstClr val="white"/>
                </a:solidFill>
              </a:rPr>
              <a:t>Zone</a:t>
            </a:r>
            <a:endParaRPr lang="en-US" b="1" dirty="0">
              <a:solidFill>
                <a:prstClr val="white"/>
              </a:solidFill>
            </a:endParaRPr>
          </a:p>
        </p:txBody>
      </p:sp>
      <p:graphicFrame>
        <p:nvGraphicFramePr>
          <p:cNvPr id="24" name="MWD SWP Supply Table"/>
          <p:cNvGraphicFramePr>
            <a:graphicFrameLocks noGrp="1"/>
          </p:cNvGraphicFramePr>
          <p:nvPr>
            <p:extLst>
              <p:ext uri="{D42A27DB-BD31-4B8C-83A1-F6EECF244321}">
                <p14:modId xmlns:p14="http://schemas.microsoft.com/office/powerpoint/2010/main" val="1256361721"/>
              </p:ext>
            </p:extLst>
          </p:nvPr>
        </p:nvGraphicFramePr>
        <p:xfrm>
          <a:off x="170351" y="4572000"/>
          <a:ext cx="5283843" cy="2042160"/>
        </p:xfrm>
        <a:graphic>
          <a:graphicData uri="http://schemas.openxmlformats.org/drawingml/2006/table">
            <a:tbl>
              <a:tblPr firstRow="1" bandRow="1">
                <a:tableStyleId>{5C22544A-7EE6-4342-B048-85BDC9FD1C3A}</a:tableStyleId>
              </a:tblPr>
              <a:tblGrid>
                <a:gridCol w="3642620"/>
                <a:gridCol w="1641223"/>
              </a:tblGrid>
              <a:tr h="370840">
                <a:tc>
                  <a:txBody>
                    <a:bodyPr/>
                    <a:lstStyle/>
                    <a:p>
                      <a:pPr algn="ctr"/>
                      <a:r>
                        <a:rPr lang="en-US" sz="2400" b="1" dirty="0" smtClean="0">
                          <a:solidFill>
                            <a:schemeClr val="tx1"/>
                          </a:solidFill>
                          <a:effectLst>
                            <a:outerShdw blurRad="50800" dist="50800" dir="5400000" algn="ctr" rotWithShape="0">
                              <a:schemeClr val="bg1"/>
                            </a:outerShdw>
                          </a:effectLst>
                        </a:rPr>
                        <a:t>MWD</a:t>
                      </a:r>
                      <a:r>
                        <a:rPr lang="en-US" sz="2400" b="1" baseline="0" dirty="0" smtClean="0">
                          <a:solidFill>
                            <a:schemeClr val="tx1"/>
                          </a:solidFill>
                          <a:effectLst>
                            <a:outerShdw blurRad="50800" dist="50800" dir="5400000" algn="ctr" rotWithShape="0">
                              <a:schemeClr val="bg1"/>
                            </a:outerShdw>
                          </a:effectLst>
                        </a:rPr>
                        <a:t> SWP Supplies</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c>
                  <a:txBody>
                    <a:bodyPr/>
                    <a:lstStyle/>
                    <a:p>
                      <a:pPr algn="ctr"/>
                      <a:r>
                        <a:rPr lang="en-US" sz="2400" b="1" dirty="0" smtClean="0">
                          <a:solidFill>
                            <a:schemeClr val="tx1"/>
                          </a:solidFill>
                          <a:effectLst>
                            <a:outerShdw blurRad="50800" dist="50800" dir="5400000" algn="ctr" rotWithShape="0">
                              <a:schemeClr val="bg1"/>
                            </a:outerShdw>
                          </a:effectLst>
                        </a:rPr>
                        <a:t>Blending</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r>
              <a:tr h="370840">
                <a:tc>
                  <a:txBody>
                    <a:bodyPr/>
                    <a:lstStyle/>
                    <a:p>
                      <a:r>
                        <a:rPr lang="en-US" sz="2000" b="1" dirty="0" smtClean="0">
                          <a:solidFill>
                            <a:schemeClr val="tx1"/>
                          </a:solidFill>
                          <a:effectLst>
                            <a:outerShdw blurRad="50800" dist="50800" dir="5400000" algn="ctr" rotWithShape="0">
                              <a:schemeClr val="bg1"/>
                            </a:outerShdw>
                          </a:effectLst>
                        </a:rPr>
                        <a:t>Existing (Avg.</a:t>
                      </a:r>
                      <a:r>
                        <a:rPr lang="en-US" sz="2000" b="1" baseline="0" dirty="0" smtClean="0">
                          <a:solidFill>
                            <a:schemeClr val="tx1"/>
                          </a:solidFill>
                          <a:effectLst>
                            <a:outerShdw blurRad="50800" dist="50800" dir="5400000" algn="ctr" rotWithShape="0">
                              <a:schemeClr val="bg1"/>
                            </a:outerShdw>
                          </a:effectLst>
                        </a:rPr>
                        <a:t> Yr.)</a:t>
                      </a:r>
                      <a:endParaRPr lang="en-US" sz="2000" b="1" dirty="0" smtClean="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BDCP Preferred Alt</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Delta No Fix (Avg. Yr.)</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Sometimes</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spc="-100" dirty="0" smtClean="0">
                          <a:solidFill>
                            <a:schemeClr val="tx1"/>
                          </a:solidFill>
                          <a:effectLst>
                            <a:outerShdw blurRad="50800" dist="50800" dir="5400000" algn="ctr" rotWithShape="0">
                              <a:schemeClr val="bg1"/>
                            </a:outerShdw>
                          </a:effectLst>
                          <a:latin typeface="+mn-lt"/>
                        </a:rPr>
                        <a:t>Delta No Fix (Below Normal)</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Rarely</a:t>
                      </a:r>
                      <a:endParaRPr lang="en-US" sz="2000" b="1" dirty="0">
                        <a:solidFill>
                          <a:schemeClr val="tx1"/>
                        </a:solidFill>
                        <a:effectLst>
                          <a:outerShdw blurRad="50800" dist="50800" dir="5400000" algn="ctr" rotWithShape="0">
                            <a:schemeClr val="bg1"/>
                          </a:outerShdw>
                        </a:effectLst>
                      </a:endParaRPr>
                    </a:p>
                  </a:txBody>
                  <a:tcPr>
                    <a:noFill/>
                  </a:tcPr>
                </a:tc>
              </a:tr>
            </a:tbl>
          </a:graphicData>
        </a:graphic>
      </p:graphicFrame>
      <p:sp>
        <p:nvSpPr>
          <p:cNvPr id="53" name="Blending Freeform 1"/>
          <p:cNvSpPr/>
          <p:nvPr/>
        </p:nvSpPr>
        <p:spPr bwMode="auto">
          <a:xfrm>
            <a:off x="3095509" y="1996550"/>
            <a:ext cx="2758440" cy="1950720"/>
          </a:xfrm>
          <a:custGeom>
            <a:avLst/>
            <a:gdLst>
              <a:gd name="connsiteX0" fmla="*/ 2712720 w 2758440"/>
              <a:gd name="connsiteY0" fmla="*/ 518160 h 1950720"/>
              <a:gd name="connsiteX1" fmla="*/ 2636520 w 2758440"/>
              <a:gd name="connsiteY1" fmla="*/ 411480 h 1950720"/>
              <a:gd name="connsiteX2" fmla="*/ 2407920 w 2758440"/>
              <a:gd name="connsiteY2" fmla="*/ 426720 h 1950720"/>
              <a:gd name="connsiteX3" fmla="*/ 2042160 w 2758440"/>
              <a:gd name="connsiteY3" fmla="*/ 411480 h 1950720"/>
              <a:gd name="connsiteX4" fmla="*/ 1874520 w 2758440"/>
              <a:gd name="connsiteY4" fmla="*/ 289560 h 1950720"/>
              <a:gd name="connsiteX5" fmla="*/ 1706880 w 2758440"/>
              <a:gd name="connsiteY5" fmla="*/ 320040 h 1950720"/>
              <a:gd name="connsiteX6" fmla="*/ 1508760 w 2758440"/>
              <a:gd name="connsiteY6" fmla="*/ 335280 h 1950720"/>
              <a:gd name="connsiteX7" fmla="*/ 1295400 w 2758440"/>
              <a:gd name="connsiteY7" fmla="*/ 274320 h 1950720"/>
              <a:gd name="connsiteX8" fmla="*/ 1188720 w 2758440"/>
              <a:gd name="connsiteY8" fmla="*/ 289560 h 1950720"/>
              <a:gd name="connsiteX9" fmla="*/ 960120 w 2758440"/>
              <a:gd name="connsiteY9" fmla="*/ 304800 h 1950720"/>
              <a:gd name="connsiteX10" fmla="*/ 944880 w 2758440"/>
              <a:gd name="connsiteY10" fmla="*/ 228600 h 1950720"/>
              <a:gd name="connsiteX11" fmla="*/ 731520 w 2758440"/>
              <a:gd name="connsiteY11" fmla="*/ 182880 h 1950720"/>
              <a:gd name="connsiteX12" fmla="*/ 624840 w 2758440"/>
              <a:gd name="connsiteY12" fmla="*/ 106680 h 1950720"/>
              <a:gd name="connsiteX13" fmla="*/ 518160 w 2758440"/>
              <a:gd name="connsiteY13" fmla="*/ 45720 h 1950720"/>
              <a:gd name="connsiteX14" fmla="*/ 518160 w 2758440"/>
              <a:gd name="connsiteY14" fmla="*/ 45720 h 1950720"/>
              <a:gd name="connsiteX15" fmla="*/ 167640 w 2758440"/>
              <a:gd name="connsiteY15" fmla="*/ 0 h 1950720"/>
              <a:gd name="connsiteX16" fmla="*/ 76200 w 2758440"/>
              <a:gd name="connsiteY16" fmla="*/ 259080 h 1950720"/>
              <a:gd name="connsiteX17" fmla="*/ 121920 w 2758440"/>
              <a:gd name="connsiteY17" fmla="*/ 396240 h 1950720"/>
              <a:gd name="connsiteX18" fmla="*/ 0 w 2758440"/>
              <a:gd name="connsiteY18" fmla="*/ 563880 h 1950720"/>
              <a:gd name="connsiteX19" fmla="*/ 76200 w 2758440"/>
              <a:gd name="connsiteY19" fmla="*/ 731520 h 1950720"/>
              <a:gd name="connsiteX20" fmla="*/ 228600 w 2758440"/>
              <a:gd name="connsiteY20" fmla="*/ 1188720 h 1950720"/>
              <a:gd name="connsiteX21" fmla="*/ 457200 w 2758440"/>
              <a:gd name="connsiteY21" fmla="*/ 1447800 h 1950720"/>
              <a:gd name="connsiteX22" fmla="*/ 685800 w 2758440"/>
              <a:gd name="connsiteY22" fmla="*/ 1356360 h 1950720"/>
              <a:gd name="connsiteX23" fmla="*/ 944880 w 2758440"/>
              <a:gd name="connsiteY23" fmla="*/ 1356360 h 1950720"/>
              <a:gd name="connsiteX24" fmla="*/ 1158240 w 2758440"/>
              <a:gd name="connsiteY24" fmla="*/ 1539240 h 1950720"/>
              <a:gd name="connsiteX25" fmla="*/ 1325880 w 2758440"/>
              <a:gd name="connsiteY25" fmla="*/ 1661160 h 1950720"/>
              <a:gd name="connsiteX26" fmla="*/ 1584960 w 2758440"/>
              <a:gd name="connsiteY26" fmla="*/ 1798320 h 1950720"/>
              <a:gd name="connsiteX27" fmla="*/ 1783080 w 2758440"/>
              <a:gd name="connsiteY27" fmla="*/ 1859280 h 1950720"/>
              <a:gd name="connsiteX28" fmla="*/ 1920240 w 2758440"/>
              <a:gd name="connsiteY28" fmla="*/ 1950720 h 1950720"/>
              <a:gd name="connsiteX29" fmla="*/ 2225040 w 2758440"/>
              <a:gd name="connsiteY29" fmla="*/ 1859280 h 1950720"/>
              <a:gd name="connsiteX30" fmla="*/ 2407920 w 2758440"/>
              <a:gd name="connsiteY30" fmla="*/ 1752600 h 1950720"/>
              <a:gd name="connsiteX31" fmla="*/ 2346960 w 2758440"/>
              <a:gd name="connsiteY31" fmla="*/ 1645920 h 1950720"/>
              <a:gd name="connsiteX32" fmla="*/ 2270760 w 2758440"/>
              <a:gd name="connsiteY32" fmla="*/ 1432560 h 1950720"/>
              <a:gd name="connsiteX33" fmla="*/ 2042160 w 2758440"/>
              <a:gd name="connsiteY33" fmla="*/ 1310640 h 1950720"/>
              <a:gd name="connsiteX34" fmla="*/ 1905000 w 2758440"/>
              <a:gd name="connsiteY34" fmla="*/ 1188720 h 1950720"/>
              <a:gd name="connsiteX35" fmla="*/ 1935480 w 2758440"/>
              <a:gd name="connsiteY35" fmla="*/ 899160 h 1950720"/>
              <a:gd name="connsiteX36" fmla="*/ 2118360 w 2758440"/>
              <a:gd name="connsiteY36" fmla="*/ 655320 h 1950720"/>
              <a:gd name="connsiteX37" fmla="*/ 2316480 w 2758440"/>
              <a:gd name="connsiteY37" fmla="*/ 624840 h 1950720"/>
              <a:gd name="connsiteX38" fmla="*/ 2560320 w 2758440"/>
              <a:gd name="connsiteY38" fmla="*/ 609600 h 1950720"/>
              <a:gd name="connsiteX39" fmla="*/ 2727960 w 2758440"/>
              <a:gd name="connsiteY39" fmla="*/ 579120 h 1950720"/>
              <a:gd name="connsiteX40" fmla="*/ 2758440 w 2758440"/>
              <a:gd name="connsiteY40" fmla="*/ 426720 h 19507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758440" h="1950720">
                <a:moveTo>
                  <a:pt x="2712720" y="518160"/>
                </a:moveTo>
                <a:lnTo>
                  <a:pt x="2636520" y="411480"/>
                </a:lnTo>
                <a:lnTo>
                  <a:pt x="2407920" y="426720"/>
                </a:lnTo>
                <a:lnTo>
                  <a:pt x="2042160" y="411480"/>
                </a:lnTo>
                <a:lnTo>
                  <a:pt x="1874520" y="289560"/>
                </a:lnTo>
                <a:lnTo>
                  <a:pt x="1706880" y="320040"/>
                </a:lnTo>
                <a:lnTo>
                  <a:pt x="1508760" y="335280"/>
                </a:lnTo>
                <a:lnTo>
                  <a:pt x="1295400" y="274320"/>
                </a:lnTo>
                <a:lnTo>
                  <a:pt x="1188720" y="289560"/>
                </a:lnTo>
                <a:lnTo>
                  <a:pt x="960120" y="304800"/>
                </a:lnTo>
                <a:lnTo>
                  <a:pt x="944880" y="228600"/>
                </a:lnTo>
                <a:lnTo>
                  <a:pt x="731520" y="182880"/>
                </a:lnTo>
                <a:lnTo>
                  <a:pt x="624840" y="106680"/>
                </a:lnTo>
                <a:lnTo>
                  <a:pt x="518160" y="45720"/>
                </a:lnTo>
                <a:lnTo>
                  <a:pt x="518160" y="45720"/>
                </a:lnTo>
                <a:lnTo>
                  <a:pt x="167640" y="0"/>
                </a:lnTo>
                <a:lnTo>
                  <a:pt x="76200" y="259080"/>
                </a:lnTo>
                <a:lnTo>
                  <a:pt x="121920" y="396240"/>
                </a:lnTo>
                <a:lnTo>
                  <a:pt x="0" y="563880"/>
                </a:lnTo>
                <a:lnTo>
                  <a:pt x="76200" y="731520"/>
                </a:lnTo>
                <a:lnTo>
                  <a:pt x="228600" y="1188720"/>
                </a:lnTo>
                <a:lnTo>
                  <a:pt x="457200" y="1447800"/>
                </a:lnTo>
                <a:lnTo>
                  <a:pt x="685800" y="1356360"/>
                </a:lnTo>
                <a:lnTo>
                  <a:pt x="944880" y="1356360"/>
                </a:lnTo>
                <a:lnTo>
                  <a:pt x="1158240" y="1539240"/>
                </a:lnTo>
                <a:lnTo>
                  <a:pt x="1325880" y="1661160"/>
                </a:lnTo>
                <a:lnTo>
                  <a:pt x="1584960" y="1798320"/>
                </a:lnTo>
                <a:lnTo>
                  <a:pt x="1783080" y="1859280"/>
                </a:lnTo>
                <a:lnTo>
                  <a:pt x="1920240" y="1950720"/>
                </a:lnTo>
                <a:lnTo>
                  <a:pt x="2225040" y="1859280"/>
                </a:lnTo>
                <a:lnTo>
                  <a:pt x="2407920" y="1752600"/>
                </a:lnTo>
                <a:lnTo>
                  <a:pt x="2346960" y="1645920"/>
                </a:lnTo>
                <a:lnTo>
                  <a:pt x="2270760" y="1432560"/>
                </a:lnTo>
                <a:lnTo>
                  <a:pt x="2042160" y="1310640"/>
                </a:lnTo>
                <a:lnTo>
                  <a:pt x="1905000" y="1188720"/>
                </a:lnTo>
                <a:lnTo>
                  <a:pt x="1935480" y="899160"/>
                </a:lnTo>
                <a:lnTo>
                  <a:pt x="2118360" y="655320"/>
                </a:lnTo>
                <a:lnTo>
                  <a:pt x="2316480" y="624840"/>
                </a:lnTo>
                <a:lnTo>
                  <a:pt x="2560320" y="609600"/>
                </a:lnTo>
                <a:lnTo>
                  <a:pt x="2727960" y="579120"/>
                </a:lnTo>
                <a:lnTo>
                  <a:pt x="2758440" y="426720"/>
                </a:lnTo>
              </a:path>
            </a:pathLst>
          </a:custGeom>
          <a:solidFill>
            <a:srgbClr val="000000">
              <a:alpha val="89804"/>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33" name="Blending TextBox"/>
          <p:cNvSpPr txBox="1"/>
          <p:nvPr/>
        </p:nvSpPr>
        <p:spPr>
          <a:xfrm>
            <a:off x="3616265" y="2439147"/>
            <a:ext cx="1172117" cy="646331"/>
          </a:xfrm>
          <a:prstGeom prst="rect">
            <a:avLst/>
          </a:prstGeom>
          <a:noFill/>
          <a:effectLst>
            <a:outerShdw blurRad="50800" dist="50800" dir="5400000" algn="ctr" rotWithShape="0">
              <a:schemeClr val="bg1"/>
            </a:outerShdw>
          </a:effectLst>
        </p:spPr>
        <p:txBody>
          <a:bodyPr wrap="none" rtlCol="0">
            <a:spAutoFit/>
          </a:bodyPr>
          <a:lstStyle/>
          <a:p>
            <a:pPr algn="ctr"/>
            <a:r>
              <a:rPr lang="en-US" b="1" dirty="0" smtClean="0">
                <a:solidFill>
                  <a:prstClr val="white"/>
                </a:solidFill>
                <a:effectLst>
                  <a:outerShdw blurRad="38100" dist="38100" dir="2700000" algn="tl">
                    <a:srgbClr val="000000">
                      <a:alpha val="43137"/>
                    </a:srgbClr>
                  </a:outerShdw>
                </a:effectLst>
              </a:rPr>
              <a:t>Blending</a:t>
            </a:r>
          </a:p>
          <a:p>
            <a:pPr algn="ctr"/>
            <a:r>
              <a:rPr lang="en-US" b="1" dirty="0" smtClean="0">
                <a:solidFill>
                  <a:prstClr val="white"/>
                </a:solidFill>
                <a:effectLst>
                  <a:outerShdw blurRad="38100" dist="38100" dir="2700000" algn="tl">
                    <a:srgbClr val="000000">
                      <a:alpha val="43137"/>
                    </a:srgbClr>
                  </a:outerShdw>
                </a:effectLst>
              </a:rPr>
              <a:t>Zone</a:t>
            </a:r>
            <a:endParaRPr lang="en-US" b="1" dirty="0">
              <a:solidFill>
                <a:prstClr val="white"/>
              </a:solidFill>
              <a:effectLst>
                <a:outerShdw blurRad="38100" dist="38100" dir="2700000" algn="tl">
                  <a:srgbClr val="000000">
                    <a:alpha val="43137"/>
                  </a:srgbClr>
                </a:outerShdw>
              </a:effectLst>
            </a:endParaRPr>
          </a:p>
        </p:txBody>
      </p:sp>
      <p:sp>
        <p:nvSpPr>
          <p:cNvPr id="4" name="Title 5"/>
          <p:cNvSpPr txBox="1">
            <a:spLocks/>
          </p:cNvSpPr>
          <p:nvPr/>
        </p:nvSpPr>
        <p:spPr>
          <a:xfrm>
            <a:off x="381000" y="304800"/>
            <a:ext cx="8580120" cy="1606594"/>
          </a:xfrm>
          <a:prstGeom prst="rect">
            <a:avLst/>
          </a:prstGeom>
        </p:spPr>
        <p:txBody>
          <a:bodyPr/>
          <a:lstStyle/>
          <a:p>
            <a:pPr algn="r" defTabSz="912813" eaLnBrk="0" hangingPunct="0">
              <a:lnSpc>
                <a:spcPct val="90000"/>
              </a:lnSpc>
              <a:defRPr/>
            </a:pPr>
            <a:r>
              <a:rPr lang="en-US" sz="4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California WaterFix allows MWD blending goals to be met</a:t>
            </a:r>
            <a:endParaRPr lang="en-US" sz="44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Tree>
    <p:extLst>
      <p:ext uri="{BB962C8B-B14F-4D97-AF65-F5344CB8AC3E}">
        <p14:creationId xmlns:p14="http://schemas.microsoft.com/office/powerpoint/2010/main" val="15500419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32"/>
                                        </p:tgtEl>
                                        <p:attrNameLst>
                                          <p:attrName>style.visibility</p:attrName>
                                        </p:attrNameLst>
                                      </p:cBhvr>
                                      <p:to>
                                        <p:strVal val="visible"/>
                                      </p:to>
                                    </p:set>
                                    <p:animEffect transition="in" filter="fade">
                                      <p:cBhvr>
                                        <p:cTn id="7" dur="1000"/>
                                        <p:tgtEl>
                                          <p:spTgt spid="1032"/>
                                        </p:tgtEl>
                                      </p:cBhvr>
                                    </p:animEffect>
                                  </p:childTnLst>
                                </p:cTn>
                              </p:par>
                            </p:childTnLst>
                          </p:cTn>
                        </p:par>
                        <p:par>
                          <p:cTn id="8" fill="hold">
                            <p:stCondLst>
                              <p:cond delay="1000"/>
                            </p:stCondLst>
                            <p:childTnLst>
                              <p:par>
                                <p:cTn id="9" presetID="22" presetClass="entr" presetSubtype="1" fill="hold"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wipe(up)">
                                      <p:cBhvr>
                                        <p:cTn id="11" dur="2500"/>
                                        <p:tgtEl>
                                          <p:spTgt spid="16"/>
                                        </p:tgtEl>
                                      </p:cBhvr>
                                    </p:animEffect>
                                  </p:childTnLst>
                                </p:cTn>
                              </p:par>
                              <p:par>
                                <p:cTn id="12" presetID="22" presetClass="entr" presetSubtype="1" fill="hold" nodeType="withEffect">
                                  <p:stCondLst>
                                    <p:cond delay="0"/>
                                  </p:stCondLst>
                                  <p:childTnLst>
                                    <p:set>
                                      <p:cBhvr>
                                        <p:cTn id="13" dur="1" fill="hold">
                                          <p:stCondLst>
                                            <p:cond delay="0"/>
                                          </p:stCondLst>
                                        </p:cTn>
                                        <p:tgtEl>
                                          <p:spTgt spid="33"/>
                                        </p:tgtEl>
                                        <p:attrNameLst>
                                          <p:attrName>style.visibility</p:attrName>
                                        </p:attrNameLst>
                                      </p:cBhvr>
                                      <p:to>
                                        <p:strVal val="visible"/>
                                      </p:to>
                                    </p:set>
                                    <p:animEffect transition="in" filter="wipe(up)">
                                      <p:cBhvr>
                                        <p:cTn id="14" dur="2500"/>
                                        <p:tgtEl>
                                          <p:spTgt spid="33"/>
                                        </p:tgtEl>
                                      </p:cBhvr>
                                    </p:animEffec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42"/>
                                        </p:tgtEl>
                                        <p:attrNameLst>
                                          <p:attrName>style.visibility</p:attrName>
                                        </p:attrNameLst>
                                      </p:cBhvr>
                                      <p:to>
                                        <p:strVal val="visible"/>
                                      </p:to>
                                    </p:set>
                                    <p:animEffect transition="in" filter="fade">
                                      <p:cBhvr>
                                        <p:cTn id="19" dur="1000"/>
                                        <p:tgtEl>
                                          <p:spTgt spid="42"/>
                                        </p:tgtEl>
                                      </p:cBhvr>
                                    </p:animEffect>
                                  </p:childTnLst>
                                </p:cTn>
                              </p:par>
                            </p:childTnLst>
                          </p:cTn>
                        </p:par>
                        <p:par>
                          <p:cTn id="20" fill="hold">
                            <p:stCondLst>
                              <p:cond delay="1000"/>
                            </p:stCondLst>
                            <p:childTnLst>
                              <p:par>
                                <p:cTn id="21" presetID="22" presetClass="entr" presetSubtype="2" fill="hold" nodeType="afterEffect">
                                  <p:stCondLst>
                                    <p:cond delay="0"/>
                                  </p:stCondLst>
                                  <p:childTnLst>
                                    <p:set>
                                      <p:cBhvr>
                                        <p:cTn id="22" dur="1" fill="hold">
                                          <p:stCondLst>
                                            <p:cond delay="0"/>
                                          </p:stCondLst>
                                        </p:cTn>
                                        <p:tgtEl>
                                          <p:spTgt spid="30"/>
                                        </p:tgtEl>
                                        <p:attrNameLst>
                                          <p:attrName>style.visibility</p:attrName>
                                        </p:attrNameLst>
                                      </p:cBhvr>
                                      <p:to>
                                        <p:strVal val="visible"/>
                                      </p:to>
                                    </p:set>
                                    <p:animEffect transition="in" filter="wipe(right)">
                                      <p:cBhvr>
                                        <p:cTn id="23" dur="2500"/>
                                        <p:tgtEl>
                                          <p:spTgt spid="30"/>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53"/>
                                        </p:tgtEl>
                                        <p:attrNameLst>
                                          <p:attrName>style.visibility</p:attrName>
                                        </p:attrNameLst>
                                      </p:cBhvr>
                                      <p:to>
                                        <p:strVal val="visible"/>
                                      </p:to>
                                    </p:set>
                                    <p:animEffect transition="in" filter="fade">
                                      <p:cBhvr>
                                        <p:cTn id="28" dur="1250"/>
                                        <p:tgtEl>
                                          <p:spTgt spid="53"/>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033"/>
                                        </p:tgtEl>
                                        <p:attrNameLst>
                                          <p:attrName>style.visibility</p:attrName>
                                        </p:attrNameLst>
                                      </p:cBhvr>
                                      <p:to>
                                        <p:strVal val="visible"/>
                                      </p:to>
                                    </p:set>
                                    <p:animEffect transition="in" filter="fade">
                                      <p:cBhvr>
                                        <p:cTn id="31" dur="1250"/>
                                        <p:tgtEl>
                                          <p:spTgt spid="1033"/>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46"/>
                                        </p:tgtEl>
                                        <p:attrNameLst>
                                          <p:attrName>style.visibility</p:attrName>
                                        </p:attrNameLst>
                                      </p:cBhvr>
                                      <p:to>
                                        <p:strVal val="visible"/>
                                      </p:to>
                                    </p:set>
                                    <p:animEffect transition="in" filter="fade">
                                      <p:cBhvr>
                                        <p:cTn id="36" dur="1250"/>
                                        <p:tgtEl>
                                          <p:spTgt spid="46"/>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55"/>
                                        </p:tgtEl>
                                        <p:attrNameLst>
                                          <p:attrName>style.visibility</p:attrName>
                                        </p:attrNameLst>
                                      </p:cBhvr>
                                      <p:to>
                                        <p:strVal val="visible"/>
                                      </p:to>
                                    </p:set>
                                    <p:animEffect transition="in" filter="fade">
                                      <p:cBhvr>
                                        <p:cTn id="39" dur="1250"/>
                                        <p:tgtEl>
                                          <p:spTgt spid="55"/>
                                        </p:tgtEl>
                                      </p:cBhvr>
                                    </p:animEffect>
                                  </p:childTnLst>
                                </p:cTn>
                              </p:par>
                            </p:childTnLst>
                          </p:cTn>
                        </p:par>
                      </p:childTnLst>
                    </p:cTn>
                  </p:par>
                  <p:par>
                    <p:cTn id="40" fill="hold">
                      <p:stCondLst>
                        <p:cond delay="indefinite"/>
                      </p:stCondLst>
                      <p:childTnLst>
                        <p:par>
                          <p:cTn id="41" fill="hold">
                            <p:stCondLst>
                              <p:cond delay="0"/>
                            </p:stCondLst>
                            <p:childTnLst>
                              <p:par>
                                <p:cTn id="42" presetID="10" presetClass="entr" presetSubtype="0" fill="hold" nodeType="clickEffect">
                                  <p:stCondLst>
                                    <p:cond delay="0"/>
                                  </p:stCondLst>
                                  <p:childTnLst>
                                    <p:set>
                                      <p:cBhvr>
                                        <p:cTn id="43" dur="1" fill="hold">
                                          <p:stCondLst>
                                            <p:cond delay="0"/>
                                          </p:stCondLst>
                                        </p:cTn>
                                        <p:tgtEl>
                                          <p:spTgt spid="34"/>
                                        </p:tgtEl>
                                        <p:attrNameLst>
                                          <p:attrName>style.visibility</p:attrName>
                                        </p:attrNameLst>
                                      </p:cBhvr>
                                      <p:to>
                                        <p:strVal val="visible"/>
                                      </p:to>
                                    </p:set>
                                    <p:animEffect transition="in" filter="fade">
                                      <p:cBhvr>
                                        <p:cTn id="44" dur="1000"/>
                                        <p:tgtEl>
                                          <p:spTgt spid="34"/>
                                        </p:tgtEl>
                                      </p:cBhvr>
                                    </p:animEffect>
                                  </p:childTnLst>
                                </p:cTn>
                              </p:par>
                              <p:par>
                                <p:cTn id="45" presetID="10" presetClass="entr" presetSubtype="0" fill="hold" nodeType="withEffect">
                                  <p:stCondLst>
                                    <p:cond delay="0"/>
                                  </p:stCondLst>
                                  <p:childTnLst>
                                    <p:set>
                                      <p:cBhvr>
                                        <p:cTn id="46" dur="1" fill="hold">
                                          <p:stCondLst>
                                            <p:cond delay="0"/>
                                          </p:stCondLst>
                                        </p:cTn>
                                        <p:tgtEl>
                                          <p:spTgt spid="24"/>
                                        </p:tgtEl>
                                        <p:attrNameLst>
                                          <p:attrName>style.visibility</p:attrName>
                                        </p:attrNameLst>
                                      </p:cBhvr>
                                      <p:to>
                                        <p:strVal val="visible"/>
                                      </p:to>
                                    </p:set>
                                    <p:animEffect transition="in" filter="fade">
                                      <p:cBhvr>
                                        <p:cTn id="47" dur="10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5" grpId="0" animBg="1"/>
      <p:bldP spid="1032" grpId="0" animBg="1"/>
      <p:bldP spid="42" grpId="0" animBg="1"/>
      <p:bldP spid="46" grpId="0"/>
      <p:bldP spid="53" grpId="0" animBg="1"/>
      <p:bldP spid="1033" grpId="0"/>
    </p:bldLst>
  </p:timing>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p:txBody>
          <a:bodyPr/>
          <a:lstStyle/>
          <a:p>
            <a:r>
              <a:rPr lang="en-US" dirty="0" smtClean="0"/>
              <a:t>3,000 vs 6,000 cfs</a:t>
            </a:r>
            <a:br>
              <a:rPr lang="en-US" dirty="0" smtClean="0"/>
            </a:br>
            <a:r>
              <a:rPr lang="en-US" dirty="0" smtClean="0"/>
              <a:t>Capacity Analysis</a:t>
            </a:r>
            <a:endParaRPr lang="en-US" dirty="0"/>
          </a:p>
        </p:txBody>
      </p:sp>
    </p:spTree>
    <p:custDataLst>
      <p:tags r:id="rId1"/>
    </p:custDataLst>
    <p:extLst>
      <p:ext uri="{BB962C8B-B14F-4D97-AF65-F5344CB8AC3E}">
        <p14:creationId xmlns:p14="http://schemas.microsoft.com/office/powerpoint/2010/main" val="2435156752"/>
      </p:ext>
    </p:extLst>
  </p:cSld>
  <p:clrMapOvr>
    <a:masterClrMapping/>
  </p:clrMapOvr>
  <p:transition spd="med">
    <p:fade/>
  </p:transition>
  <p:timing>
    <p:tnLst>
      <p:par>
        <p:cTn id="1" dur="indefinite" restart="never" nodeType="tmRoot"/>
      </p:par>
    </p:tnLst>
  </p:timing>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4" name="Chart 23"/>
          <p:cNvGraphicFramePr/>
          <p:nvPr>
            <p:extLst>
              <p:ext uri="{D42A27DB-BD31-4B8C-83A1-F6EECF244321}">
                <p14:modId xmlns:p14="http://schemas.microsoft.com/office/powerpoint/2010/main" val="3169914257"/>
              </p:ext>
            </p:extLst>
          </p:nvPr>
        </p:nvGraphicFramePr>
        <p:xfrm>
          <a:off x="304800" y="1676400"/>
          <a:ext cx="8534400" cy="5105400"/>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0"/>
          <p:cNvSpPr txBox="1"/>
          <p:nvPr/>
        </p:nvSpPr>
        <p:spPr>
          <a:xfrm>
            <a:off x="457200" y="6474023"/>
            <a:ext cx="7138429" cy="307777"/>
          </a:xfrm>
          <a:prstGeom prst="rect">
            <a:avLst/>
          </a:prstGeom>
          <a:noFill/>
        </p:spPr>
        <p:txBody>
          <a:bodyPr wrap="none">
            <a:spAutoFit/>
          </a:bodyPr>
          <a:lstStyle/>
          <a:p>
            <a:pPr>
              <a:buFont typeface="Arial" pitchFamily="34" charset="0"/>
              <a:buChar char="•"/>
              <a:defRPr/>
            </a:pPr>
            <a:r>
              <a:rPr lang="en-US" sz="1400" b="1" i="1" dirty="0" smtClean="0">
                <a:solidFill>
                  <a:srgbClr val="FFC000"/>
                </a:solidFill>
                <a:latin typeface="+mn-lt"/>
              </a:rPr>
              <a:t> 3000 cfs – Assumes no participation/cost share from CVP Ag, SWP Ag, &amp; Feather River urban</a:t>
            </a:r>
          </a:p>
        </p:txBody>
      </p:sp>
      <p:sp>
        <p:nvSpPr>
          <p:cNvPr id="5" name="TextBox 4"/>
          <p:cNvSpPr txBox="1"/>
          <p:nvPr/>
        </p:nvSpPr>
        <p:spPr>
          <a:xfrm>
            <a:off x="2824660" y="5791200"/>
            <a:ext cx="1676400" cy="430887"/>
          </a:xfrm>
          <a:prstGeom prst="rect">
            <a:avLst/>
          </a:prstGeom>
          <a:noFill/>
        </p:spPr>
        <p:txBody>
          <a:bodyPr wrap="square" rtlCol="0">
            <a:spAutoFit/>
          </a:bodyPr>
          <a:lstStyle/>
          <a:p>
            <a:pPr algn="ctr"/>
            <a:r>
              <a:rPr lang="en-US" sz="2200" b="1" dirty="0" smtClean="0">
                <a:latin typeface="+mn-lt"/>
              </a:rPr>
              <a:t>3,000 cfs</a:t>
            </a:r>
          </a:p>
        </p:txBody>
      </p:sp>
      <p:sp>
        <p:nvSpPr>
          <p:cNvPr id="13" name="TextBox 12"/>
          <p:cNvSpPr txBox="1"/>
          <p:nvPr/>
        </p:nvSpPr>
        <p:spPr>
          <a:xfrm>
            <a:off x="5602008" y="5791200"/>
            <a:ext cx="1676400" cy="430887"/>
          </a:xfrm>
          <a:prstGeom prst="rect">
            <a:avLst/>
          </a:prstGeom>
          <a:noFill/>
        </p:spPr>
        <p:txBody>
          <a:bodyPr wrap="square" rtlCol="0">
            <a:spAutoFit/>
          </a:bodyPr>
          <a:lstStyle/>
          <a:p>
            <a:pPr algn="ctr"/>
            <a:r>
              <a:rPr lang="en-US" sz="2200" b="1" dirty="0" smtClean="0">
                <a:latin typeface="+mn-lt"/>
              </a:rPr>
              <a:t>9,000 cfs</a:t>
            </a:r>
          </a:p>
        </p:txBody>
      </p:sp>
      <p:grpSp>
        <p:nvGrpSpPr>
          <p:cNvPr id="2" name="Group 28"/>
          <p:cNvGrpSpPr/>
          <p:nvPr/>
        </p:nvGrpSpPr>
        <p:grpSpPr bwMode="ltGray">
          <a:xfrm>
            <a:off x="2498835" y="3691762"/>
            <a:ext cx="2301765" cy="898179"/>
            <a:chOff x="2420005" y="3539362"/>
            <a:chExt cx="2301765" cy="898179"/>
          </a:xfrm>
        </p:grpSpPr>
        <p:sp>
          <p:nvSpPr>
            <p:cNvPr id="23" name="Left-Right Arrow 22"/>
            <p:cNvSpPr/>
            <p:nvPr/>
          </p:nvSpPr>
          <p:spPr bwMode="ltGray">
            <a:xfrm>
              <a:off x="2421533" y="3980341"/>
              <a:ext cx="2298709" cy="457200"/>
            </a:xfrm>
            <a:prstGeom prst="leftRightArrow">
              <a:avLst>
                <a:gd name="adj1" fmla="val 13793"/>
                <a:gd name="adj2" fmla="val 21552"/>
              </a:avLst>
            </a:prstGeom>
            <a:solidFill>
              <a:schemeClr val="accent4">
                <a:lumMod val="60000"/>
                <a:lumOff val="40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5" name="TextBox 24"/>
            <p:cNvSpPr txBox="1"/>
            <p:nvPr/>
          </p:nvSpPr>
          <p:spPr bwMode="ltGray">
            <a:xfrm>
              <a:off x="2420005" y="3539362"/>
              <a:ext cx="2301765" cy="729430"/>
            </a:xfrm>
            <a:prstGeom prst="rect">
              <a:avLst/>
            </a:prstGeom>
            <a:noFill/>
          </p:spPr>
          <p:txBody>
            <a:bodyPr wrap="square" rtlCol="0">
              <a:spAutoFit/>
            </a:bodyPr>
            <a:lstStyle/>
            <a:p>
              <a:pPr algn="ctr">
                <a:lnSpc>
                  <a:spcPct val="90000"/>
                </a:lnSpc>
                <a:spcAft>
                  <a:spcPts val="1800"/>
                </a:spcAft>
              </a:pPr>
              <a:r>
                <a:rPr lang="en-US" sz="2400" b="1" dirty="0" smtClean="0">
                  <a:effectLst>
                    <a:outerShdw blurRad="38100" dist="38100" dir="2700000" algn="tl">
                      <a:srgbClr val="000000">
                        <a:alpha val="43137"/>
                      </a:srgbClr>
                    </a:outerShdw>
                  </a:effectLst>
                  <a:latin typeface="+mn-lt"/>
                </a:rPr>
                <a:t>MWD Share</a:t>
              </a:r>
              <a:r>
                <a:rPr lang="en-US" sz="2200" b="1" dirty="0" smtClean="0">
                  <a:effectLst>
                    <a:outerShdw blurRad="38100" dist="38100" dir="2700000" algn="tl">
                      <a:srgbClr val="000000">
                        <a:alpha val="43137"/>
                      </a:srgbClr>
                    </a:outerShdw>
                  </a:effectLst>
                  <a:latin typeface="+mn-lt"/>
                </a:rPr>
                <a:t/>
              </a:r>
              <a:br>
                <a:rPr lang="en-US" sz="2200" b="1" dirty="0" smtClean="0">
                  <a:effectLst>
                    <a:outerShdw blurRad="38100" dist="38100" dir="2700000" algn="tl">
                      <a:srgbClr val="000000">
                        <a:alpha val="43137"/>
                      </a:srgbClr>
                    </a:outerShdw>
                  </a:effectLst>
                  <a:latin typeface="+mn-lt"/>
                </a:rPr>
              </a:br>
              <a:r>
                <a:rPr lang="en-US" sz="2200" b="1" dirty="0" smtClean="0">
                  <a:effectLst>
                    <a:outerShdw blurRad="38100" dist="38100" dir="2700000" algn="tl">
                      <a:srgbClr val="000000">
                        <a:alpha val="43137"/>
                      </a:srgbClr>
                    </a:outerShdw>
                  </a:effectLst>
                  <a:latin typeface="+mn-lt"/>
                </a:rPr>
                <a:t>~ $5.7 billion</a:t>
              </a:r>
            </a:p>
          </p:txBody>
        </p:sp>
      </p:grpSp>
      <p:grpSp>
        <p:nvGrpSpPr>
          <p:cNvPr id="3" name="Group 27"/>
          <p:cNvGrpSpPr/>
          <p:nvPr/>
        </p:nvGrpSpPr>
        <p:grpSpPr bwMode="ltGray">
          <a:xfrm>
            <a:off x="5355179" y="4191000"/>
            <a:ext cx="2301765" cy="911191"/>
            <a:chOff x="8305800" y="2911490"/>
            <a:chExt cx="2301765" cy="911191"/>
          </a:xfrm>
        </p:grpSpPr>
        <p:sp>
          <p:nvSpPr>
            <p:cNvPr id="26" name="Left-Right Arrow 25"/>
            <p:cNvSpPr/>
            <p:nvPr/>
          </p:nvSpPr>
          <p:spPr bwMode="ltGray">
            <a:xfrm>
              <a:off x="8307328" y="3365481"/>
              <a:ext cx="2298709" cy="457200"/>
            </a:xfrm>
            <a:prstGeom prst="leftRightArrow">
              <a:avLst>
                <a:gd name="adj1" fmla="val 13793"/>
                <a:gd name="adj2" fmla="val 21552"/>
              </a:avLst>
            </a:prstGeom>
            <a:solidFill>
              <a:schemeClr val="accent4">
                <a:lumMod val="60000"/>
                <a:lumOff val="40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7" name="TextBox 26"/>
            <p:cNvSpPr txBox="1"/>
            <p:nvPr/>
          </p:nvSpPr>
          <p:spPr bwMode="ltGray">
            <a:xfrm>
              <a:off x="8305800" y="2911490"/>
              <a:ext cx="2301765" cy="729430"/>
            </a:xfrm>
            <a:prstGeom prst="rect">
              <a:avLst/>
            </a:prstGeom>
            <a:noFill/>
          </p:spPr>
          <p:txBody>
            <a:bodyPr wrap="square" rtlCol="0">
              <a:spAutoFit/>
            </a:bodyPr>
            <a:lstStyle/>
            <a:p>
              <a:pPr algn="ctr">
                <a:lnSpc>
                  <a:spcPct val="90000"/>
                </a:lnSpc>
                <a:spcAft>
                  <a:spcPts val="1800"/>
                </a:spcAft>
              </a:pPr>
              <a:r>
                <a:rPr lang="en-US" sz="2400" b="1" dirty="0" smtClean="0">
                  <a:effectLst>
                    <a:outerShdw blurRad="38100" dist="38100" dir="2700000" algn="tl">
                      <a:srgbClr val="000000">
                        <a:alpha val="43137"/>
                      </a:srgbClr>
                    </a:outerShdw>
                  </a:effectLst>
                  <a:latin typeface="+mn-lt"/>
                </a:rPr>
                <a:t>MWD Share</a:t>
              </a:r>
              <a:r>
                <a:rPr lang="en-US" sz="2200" b="1" dirty="0" smtClean="0">
                  <a:effectLst>
                    <a:outerShdw blurRad="38100" dist="38100" dir="2700000" algn="tl">
                      <a:srgbClr val="000000">
                        <a:alpha val="43137"/>
                      </a:srgbClr>
                    </a:outerShdw>
                  </a:effectLst>
                  <a:latin typeface="+mn-lt"/>
                </a:rPr>
                <a:t/>
              </a:r>
              <a:br>
                <a:rPr lang="en-US" sz="2200" b="1" dirty="0" smtClean="0">
                  <a:effectLst>
                    <a:outerShdw blurRad="38100" dist="38100" dir="2700000" algn="tl">
                      <a:srgbClr val="000000">
                        <a:alpha val="43137"/>
                      </a:srgbClr>
                    </a:outerShdw>
                  </a:effectLst>
                  <a:latin typeface="+mn-lt"/>
                </a:rPr>
              </a:br>
              <a:r>
                <a:rPr lang="en-US" sz="2200" b="1" dirty="0" smtClean="0">
                  <a:effectLst>
                    <a:outerShdw blurRad="38100" dist="38100" dir="2700000" algn="tl">
                      <a:srgbClr val="000000">
                        <a:alpha val="43137"/>
                      </a:srgbClr>
                    </a:outerShdw>
                  </a:effectLst>
                  <a:latin typeface="+mn-lt"/>
                </a:rPr>
                <a:t>~ $3.8 billion</a:t>
              </a:r>
            </a:p>
          </p:txBody>
        </p:sp>
      </p:grpSp>
      <p:sp>
        <p:nvSpPr>
          <p:cNvPr id="4" name="Title 3"/>
          <p:cNvSpPr>
            <a:spLocks noGrp="1"/>
          </p:cNvSpPr>
          <p:nvPr>
            <p:ph type="title"/>
          </p:nvPr>
        </p:nvSpPr>
        <p:spPr>
          <a:xfrm>
            <a:off x="533400" y="381000"/>
            <a:ext cx="8229600" cy="1440394"/>
          </a:xfrm>
        </p:spPr>
        <p:txBody>
          <a:bodyPr/>
          <a:lstStyle/>
          <a:p>
            <a:r>
              <a:rPr lang="en-US" sz="4000" dirty="0"/>
              <a:t>3,000 vs. 9,000 cfs Conveyance </a:t>
            </a:r>
            <a:br>
              <a:rPr lang="en-US" sz="4000" dirty="0"/>
            </a:br>
            <a:r>
              <a:rPr lang="en-US" sz="3200" dirty="0">
                <a:solidFill>
                  <a:schemeClr val="tx1"/>
                </a:solidFill>
              </a:rPr>
              <a:t>Preliminary Estimate of MWD’s Cost </a:t>
            </a:r>
            <a:r>
              <a:rPr lang="en-US" sz="3200" dirty="0" smtClean="0">
                <a:solidFill>
                  <a:schemeClr val="tx1"/>
                </a:solidFill>
              </a:rPr>
              <a:t>Share</a:t>
            </a:r>
            <a:br>
              <a:rPr lang="en-US" sz="3200" dirty="0" smtClean="0">
                <a:solidFill>
                  <a:schemeClr val="tx1"/>
                </a:solidFill>
              </a:rPr>
            </a:br>
            <a:r>
              <a:rPr lang="en-US" sz="3200" dirty="0" smtClean="0">
                <a:solidFill>
                  <a:schemeClr val="tx1"/>
                </a:solidFill>
              </a:rPr>
              <a:t>Capital Cost Estimate</a:t>
            </a:r>
            <a:endParaRPr lang="en-US" sz="3200" dirty="0">
              <a:solidFill>
                <a:schemeClr val="tx1"/>
              </a:solidFill>
            </a:endParaRPr>
          </a:p>
        </p:txBody>
      </p:sp>
      <p:sp>
        <p:nvSpPr>
          <p:cNvPr id="6" name="Rectangle 5"/>
          <p:cNvSpPr/>
          <p:nvPr/>
        </p:nvSpPr>
        <p:spPr bwMode="auto">
          <a:xfrm>
            <a:off x="7848600" y="2133600"/>
            <a:ext cx="1143000" cy="533400"/>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200" dirty="0" smtClean="0">
                <a:solidFill>
                  <a:srgbClr val="FFFFFF"/>
                </a:solidFill>
                <a:effectLst>
                  <a:outerShdw blurRad="38100" dist="38100" dir="2700000" algn="tl">
                    <a:srgbClr val="000000">
                      <a:alpha val="43137"/>
                    </a:srgbClr>
                  </a:outerShdw>
                </a:effectLst>
                <a:latin typeface="Segoe" pitchFamily="34" charset="0"/>
              </a:rPr>
              <a:t>Checking--Update</a:t>
            </a:r>
          </a:p>
        </p:txBody>
      </p:sp>
    </p:spTree>
    <p:extLst>
      <p:ext uri="{BB962C8B-B14F-4D97-AF65-F5344CB8AC3E}">
        <p14:creationId xmlns:p14="http://schemas.microsoft.com/office/powerpoint/2010/main" val="4040548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609600"/>
          </a:xfrm>
        </p:spPr>
        <p:txBody>
          <a:bodyPr>
            <a:noAutofit/>
          </a:bodyPr>
          <a:lstStyle/>
          <a:p>
            <a:r>
              <a:rPr lang="en-US" sz="4000" dirty="0" smtClean="0"/>
              <a:t>3,000 cfs Conveyance</a:t>
            </a:r>
            <a:br>
              <a:rPr lang="en-US" sz="4000" dirty="0" smtClean="0"/>
            </a:br>
            <a:r>
              <a:rPr lang="en-US" sz="3200" dirty="0">
                <a:solidFill>
                  <a:schemeClr val="tx1"/>
                </a:solidFill>
              </a:rPr>
              <a:t>with 32’ID Single Main Tunnel</a:t>
            </a:r>
            <a:r>
              <a:rPr lang="en-US" sz="4000" dirty="0" smtClean="0"/>
              <a:t/>
            </a:r>
            <a:br>
              <a:rPr lang="en-US" sz="4000" dirty="0" smtClean="0"/>
            </a:br>
            <a:r>
              <a:rPr lang="en-US" sz="4000" dirty="0" smtClean="0"/>
              <a:t> </a:t>
            </a:r>
            <a:endParaRPr lang="en-US" sz="2800" dirty="0">
              <a:solidFill>
                <a:schemeClr val="tx1"/>
              </a:solidFill>
            </a:endParaRPr>
          </a:p>
        </p:txBody>
      </p:sp>
      <p:graphicFrame>
        <p:nvGraphicFramePr>
          <p:cNvPr id="4" name="Table 3"/>
          <p:cNvGraphicFramePr>
            <a:graphicFrameLocks noGrp="1"/>
          </p:cNvGraphicFramePr>
          <p:nvPr>
            <p:extLst>
              <p:ext uri="{D42A27DB-BD31-4B8C-83A1-F6EECF244321}">
                <p14:modId xmlns:p14="http://schemas.microsoft.com/office/powerpoint/2010/main" val="1695900901"/>
              </p:ext>
            </p:extLst>
          </p:nvPr>
        </p:nvGraphicFramePr>
        <p:xfrm>
          <a:off x="457200" y="1964074"/>
          <a:ext cx="8229600" cy="4614334"/>
        </p:xfrm>
        <a:graphic>
          <a:graphicData uri="http://schemas.openxmlformats.org/drawingml/2006/table">
            <a:tbl>
              <a:tblPr/>
              <a:tblGrid>
                <a:gridCol w="3962400"/>
                <a:gridCol w="4267200"/>
              </a:tblGrid>
              <a:tr h="600093">
                <a:tc>
                  <a:txBody>
                    <a:bodyPr/>
                    <a:lstStyle/>
                    <a:p>
                      <a:pPr marL="0" algn="ctr" defTabSz="914363" rtl="0" eaLnBrk="1" fontAlgn="b" latinLnBrk="0" hangingPunct="1"/>
                      <a:r>
                        <a:rPr lang="en-US" sz="2000" b="1" i="0" u="none" strike="noStrike" kern="1200" dirty="0">
                          <a:solidFill>
                            <a:schemeClr val="tx1"/>
                          </a:solidFill>
                          <a:effectLst/>
                          <a:latin typeface="+mn-lt"/>
                          <a:ea typeface="+mn-ea"/>
                          <a:cs typeface="+mn-cs"/>
                        </a:rPr>
                        <a:t> </a:t>
                      </a:r>
                      <a:r>
                        <a:rPr lang="en-US" sz="2000" b="1" i="0" u="none" strike="noStrike" kern="1200" dirty="0" smtClean="0">
                          <a:solidFill>
                            <a:schemeClr val="tx1"/>
                          </a:solidFill>
                          <a:effectLst/>
                          <a:latin typeface="+mn-lt"/>
                          <a:ea typeface="+mn-ea"/>
                          <a:cs typeface="+mn-cs"/>
                        </a:rPr>
                        <a:t>Features</a:t>
                      </a:r>
                      <a:endParaRPr lang="en-US" sz="2000" b="1" i="0" u="none" strike="noStrike" kern="1200" dirty="0">
                        <a:solidFill>
                          <a:schemeClr val="tx1"/>
                        </a:solidFill>
                        <a:effectLst/>
                        <a:latin typeface="+mn-lt"/>
                        <a:ea typeface="+mn-ea"/>
                        <a:cs typeface="+mn-cs"/>
                      </a:endParaRPr>
                    </a:p>
                  </a:txBody>
                  <a:tcPr marL="7620" marR="7620" marT="7620" marB="0" anchor="b">
                    <a:lnL>
                      <a:noFill/>
                    </a:lnL>
                    <a:lnR>
                      <a:noFill/>
                    </a:lnR>
                    <a:lnT>
                      <a:noFill/>
                    </a:lnT>
                    <a:lnB>
                      <a:noFill/>
                    </a:lnB>
                    <a:solidFill>
                      <a:srgbClr val="617749"/>
                    </a:solidFill>
                  </a:tcPr>
                </a:tc>
                <a:tc>
                  <a:txBody>
                    <a:bodyPr/>
                    <a:lstStyle/>
                    <a:p>
                      <a:pPr marL="0" algn="ctr" defTabSz="914363" rtl="0" eaLnBrk="1" fontAlgn="b" latinLnBrk="0" hangingPunct="1"/>
                      <a:r>
                        <a:rPr lang="en-US" sz="2000" b="1" i="0" u="none" strike="noStrike" kern="1200" dirty="0" smtClean="0">
                          <a:solidFill>
                            <a:schemeClr val="tx1"/>
                          </a:solidFill>
                          <a:effectLst/>
                          <a:latin typeface="+mn-lt"/>
                          <a:ea typeface="+mn-ea"/>
                          <a:cs typeface="+mn-cs"/>
                        </a:rPr>
                        <a:t>Feature Costs </a:t>
                      </a:r>
                    </a:p>
                    <a:p>
                      <a:pPr marL="0" algn="ctr" defTabSz="914363" rtl="0" eaLnBrk="1" fontAlgn="b" latinLnBrk="0" hangingPunct="1"/>
                      <a:r>
                        <a:rPr lang="en-US" sz="2000" b="1" i="0" u="none" strike="noStrike" kern="1200" dirty="0" smtClean="0">
                          <a:solidFill>
                            <a:schemeClr val="tx1"/>
                          </a:solidFill>
                          <a:effectLst/>
                          <a:latin typeface="+mn-lt"/>
                          <a:ea typeface="+mn-ea"/>
                          <a:cs typeface="+mn-cs"/>
                        </a:rPr>
                        <a:t>(With PM/CM/Eng and Contingency)</a:t>
                      </a:r>
                      <a:endParaRPr lang="en-US" sz="2000" b="1" i="0" u="none" strike="noStrike" kern="1200" dirty="0">
                        <a:solidFill>
                          <a:schemeClr val="tx1"/>
                        </a:solidFill>
                        <a:effectLst/>
                        <a:latin typeface="+mn-lt"/>
                        <a:ea typeface="+mn-ea"/>
                        <a:cs typeface="+mn-cs"/>
                      </a:endParaRPr>
                    </a:p>
                  </a:txBody>
                  <a:tcPr marL="7620" marR="7620" marT="7620" marB="0" anchor="b">
                    <a:lnL>
                      <a:noFill/>
                    </a:lnL>
                    <a:lnR>
                      <a:noFill/>
                    </a:lnR>
                    <a:lnT>
                      <a:noFill/>
                    </a:lnT>
                    <a:lnB>
                      <a:noFill/>
                    </a:lnB>
                    <a:solidFill>
                      <a:srgbClr val="617749"/>
                    </a:solidFill>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Intake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303,600,000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Conveyance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82,761,360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Pumping Plant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274,697,280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Forebay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581,856,000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Tunnel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6,581,929,024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Road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382,158,082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Utilities and Communication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192,295,676 </a:t>
                      </a:r>
                    </a:p>
                  </a:txBody>
                  <a:tcPr marL="7620" marR="7620" marT="7620" marB="0" anchor="b">
                    <a:lnL>
                      <a:noFill/>
                    </a:lnL>
                    <a:lnR>
                      <a:noFill/>
                    </a:lnR>
                    <a:lnT>
                      <a:noFill/>
                    </a:lnT>
                    <a:lnB>
                      <a:noFill/>
                    </a:lnB>
                  </a:tcPr>
                </a:tc>
              </a:tr>
              <a:tr h="363374">
                <a:tc>
                  <a:txBody>
                    <a:bodyPr/>
                    <a:lstStyle/>
                    <a:p>
                      <a:pPr marL="0" algn="r" defTabSz="914363" rtl="0" eaLnBrk="1" fontAlgn="b" latinLnBrk="0" hangingPunct="1"/>
                      <a:r>
                        <a:rPr lang="en-US" sz="2000" b="1" i="0" u="none" strike="noStrike" kern="1200" dirty="0">
                          <a:solidFill>
                            <a:schemeClr val="tx1"/>
                          </a:solidFill>
                          <a:effectLst/>
                          <a:latin typeface="+mn-lt"/>
                          <a:ea typeface="+mn-ea"/>
                          <a:cs typeface="+mn-cs"/>
                        </a:rPr>
                        <a:t> Subtotal </a:t>
                      </a:r>
                    </a:p>
                  </a:txBody>
                  <a:tcPr marL="7620" marR="7620" marT="7620" marB="0" anchor="b">
                    <a:lnL>
                      <a:noFill/>
                    </a:lnL>
                    <a:lnR>
                      <a:noFill/>
                    </a:lnR>
                    <a:lnT>
                      <a:noFill/>
                    </a:lnT>
                    <a:lnB>
                      <a:noFill/>
                    </a:lnB>
                    <a:solidFill>
                      <a:srgbClr val="617749"/>
                    </a:solidFill>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8,399,297,422 </a:t>
                      </a:r>
                    </a:p>
                  </a:txBody>
                  <a:tcPr marL="7620" marR="7620" marT="7620" marB="0" anchor="b">
                    <a:lnL>
                      <a:noFill/>
                    </a:lnL>
                    <a:lnR>
                      <a:noFill/>
                    </a:lnR>
                    <a:lnT>
                      <a:noFill/>
                    </a:lnT>
                    <a:lnB>
                      <a:noFill/>
                    </a:lnB>
                    <a:solidFill>
                      <a:srgbClr val="617749"/>
                    </a:solidFill>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Land and Rights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150,000,000 </a:t>
                      </a:r>
                    </a:p>
                  </a:txBody>
                  <a:tcPr marL="7620" marR="7620" marT="7620" marB="0" anchor="b">
                    <a:lnL>
                      <a:noFill/>
                    </a:lnL>
                    <a:lnR>
                      <a:noFill/>
                    </a:lnR>
                    <a:lnT>
                      <a:noFill/>
                    </a:lnT>
                    <a:lnB>
                      <a:noFill/>
                    </a:lnB>
                  </a:tcPr>
                </a:tc>
              </a:tr>
              <a:tr h="363374">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Construction Related Mitigation </a:t>
                      </a:r>
                    </a:p>
                  </a:txBody>
                  <a:tcPr marL="7620" marR="7620" marT="7620" marB="0" anchor="b">
                    <a:lnL>
                      <a:noFill/>
                    </a:lnL>
                    <a:lnR>
                      <a:noFill/>
                    </a:lnR>
                    <a:lnT>
                      <a:noFill/>
                    </a:lnT>
                    <a:lnB>
                      <a:noFill/>
                    </a:lnB>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330,000,000 </a:t>
                      </a:r>
                    </a:p>
                  </a:txBody>
                  <a:tcPr marL="7620" marR="7620" marT="7620" marB="0" anchor="b">
                    <a:lnL>
                      <a:noFill/>
                    </a:lnL>
                    <a:lnR>
                      <a:noFill/>
                    </a:lnR>
                    <a:lnT>
                      <a:noFill/>
                    </a:lnT>
                    <a:lnB>
                      <a:noFill/>
                    </a:lnB>
                  </a:tcPr>
                </a:tc>
              </a:tr>
              <a:tr h="363374">
                <a:tc>
                  <a:txBody>
                    <a:bodyPr/>
                    <a:lstStyle/>
                    <a:p>
                      <a:pPr marL="0" algn="r" defTabSz="914363" rtl="0" eaLnBrk="1" fontAlgn="b" latinLnBrk="0" hangingPunct="1"/>
                      <a:r>
                        <a:rPr lang="en-US" sz="2000" b="1" i="0" u="none" strike="noStrike" kern="1200" dirty="0">
                          <a:solidFill>
                            <a:schemeClr val="tx1"/>
                          </a:solidFill>
                          <a:effectLst/>
                          <a:latin typeface="+mn-lt"/>
                          <a:ea typeface="+mn-ea"/>
                          <a:cs typeface="+mn-cs"/>
                        </a:rPr>
                        <a:t> Grand Total </a:t>
                      </a:r>
                    </a:p>
                  </a:txBody>
                  <a:tcPr marL="7620" marR="7620" marT="7620" marB="0" anchor="b">
                    <a:lnL>
                      <a:noFill/>
                    </a:lnL>
                    <a:lnR>
                      <a:noFill/>
                    </a:lnR>
                    <a:lnT>
                      <a:noFill/>
                    </a:lnT>
                    <a:lnB>
                      <a:noFill/>
                    </a:lnB>
                    <a:solidFill>
                      <a:srgbClr val="617749"/>
                    </a:solidFill>
                  </a:tcPr>
                </a:tc>
                <a:tc>
                  <a:txBody>
                    <a:bodyPr/>
                    <a:lstStyle/>
                    <a:p>
                      <a:pPr marL="0" algn="l" defTabSz="914363" rtl="0" eaLnBrk="1" fontAlgn="b" latinLnBrk="0" hangingPunct="1"/>
                      <a:r>
                        <a:rPr lang="en-US" sz="2000" b="1" i="0" u="none" strike="noStrike" kern="1200" dirty="0">
                          <a:solidFill>
                            <a:schemeClr val="tx1"/>
                          </a:solidFill>
                          <a:effectLst/>
                          <a:latin typeface="+mn-lt"/>
                          <a:ea typeface="+mn-ea"/>
                          <a:cs typeface="+mn-cs"/>
                        </a:rPr>
                        <a:t> $                8,879,297,422 </a:t>
                      </a:r>
                    </a:p>
                  </a:txBody>
                  <a:tcPr marL="7620" marR="7620" marT="7620" marB="0" anchor="b">
                    <a:lnL>
                      <a:noFill/>
                    </a:lnL>
                    <a:lnR>
                      <a:noFill/>
                    </a:lnR>
                    <a:lnT>
                      <a:noFill/>
                    </a:lnT>
                    <a:lnB>
                      <a:noFill/>
                    </a:lnB>
                    <a:solidFill>
                      <a:srgbClr val="617749"/>
                    </a:solidFill>
                  </a:tcPr>
                </a:tc>
              </a:tr>
            </a:tbl>
          </a:graphicData>
        </a:graphic>
      </p:graphicFrame>
    </p:spTree>
    <p:extLst>
      <p:ext uri="{BB962C8B-B14F-4D97-AF65-F5344CB8AC3E}">
        <p14:creationId xmlns:p14="http://schemas.microsoft.com/office/powerpoint/2010/main" val="56716118"/>
      </p:ext>
    </p:extLst>
  </p:cSld>
  <p:clrMapOvr>
    <a:masterClrMapping/>
  </p:clrMapOvr>
  <p:transition spd="slow">
    <p:fade/>
  </p:transition>
  <p:timing>
    <p:tnLst>
      <p:par>
        <p:cTn id="1" dur="indefinite" restart="never" nodeType="tmRoot"/>
      </p:par>
    </p:tnLst>
  </p:timing>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p:txBody>
          <a:bodyPr>
            <a:noAutofit/>
          </a:bodyPr>
          <a:lstStyle/>
          <a:p>
            <a:r>
              <a:rPr lang="en-US" sz="4000" dirty="0" smtClean="0"/>
              <a:t>9,000 cfs Conveyance</a:t>
            </a:r>
            <a:br>
              <a:rPr lang="en-US" sz="4000" dirty="0" smtClean="0"/>
            </a:br>
            <a:r>
              <a:rPr lang="en-US" sz="3200" dirty="0">
                <a:solidFill>
                  <a:schemeClr val="tx1"/>
                </a:solidFill>
              </a:rPr>
              <a:t>with 40’ID Dual Main Tunnels</a:t>
            </a:r>
            <a:r>
              <a:rPr lang="en-US" sz="3200" dirty="0" smtClean="0"/>
              <a:t> </a:t>
            </a:r>
            <a:endParaRPr lang="en-US" sz="3200" dirty="0">
              <a:solidFill>
                <a:schemeClr val="tx1"/>
              </a:solidFill>
            </a:endParaRPr>
          </a:p>
        </p:txBody>
      </p:sp>
      <p:graphicFrame>
        <p:nvGraphicFramePr>
          <p:cNvPr id="6" name="Content Placeholder 5"/>
          <p:cNvGraphicFramePr>
            <a:graphicFrameLocks noGrp="1"/>
          </p:cNvGraphicFramePr>
          <p:nvPr>
            <p:ph idx="4294967295"/>
            <p:extLst>
              <p:ext uri="{D42A27DB-BD31-4B8C-83A1-F6EECF244321}">
                <p14:modId xmlns:p14="http://schemas.microsoft.com/office/powerpoint/2010/main" val="909347342"/>
              </p:ext>
            </p:extLst>
          </p:nvPr>
        </p:nvGraphicFramePr>
        <p:xfrm>
          <a:off x="457200" y="1917700"/>
          <a:ext cx="8229600" cy="4635500"/>
        </p:xfrm>
        <a:graphic>
          <a:graphicData uri="http://schemas.openxmlformats.org/drawingml/2006/table">
            <a:tbl>
              <a:tblPr/>
              <a:tblGrid>
                <a:gridCol w="3962400"/>
                <a:gridCol w="4267200"/>
              </a:tblGrid>
              <a:tr h="553829">
                <a:tc>
                  <a:txBody>
                    <a:bodyPr/>
                    <a:lstStyle/>
                    <a:p>
                      <a:pPr algn="ctr" fontAlgn="b"/>
                      <a:r>
                        <a:rPr lang="en-US" sz="2000" b="1" i="0" u="none" strike="noStrike" dirty="0">
                          <a:solidFill>
                            <a:schemeClr val="tx1"/>
                          </a:solidFill>
                          <a:effectLst/>
                          <a:latin typeface="+mn-lt"/>
                        </a:rPr>
                        <a:t> Summary  </a:t>
                      </a:r>
                    </a:p>
                  </a:txBody>
                  <a:tcPr marL="7620" marR="7620" marT="7620" marB="0" anchor="b">
                    <a:lnL>
                      <a:noFill/>
                    </a:lnL>
                    <a:lnR>
                      <a:noFill/>
                    </a:lnR>
                    <a:lnT>
                      <a:noFill/>
                    </a:lnT>
                    <a:lnB>
                      <a:noFill/>
                    </a:lnB>
                    <a:solidFill>
                      <a:srgbClr val="617749"/>
                    </a:solidFill>
                  </a:tcPr>
                </a:tc>
                <a:tc>
                  <a:txBody>
                    <a:bodyPr/>
                    <a:lstStyle/>
                    <a:p>
                      <a:pPr algn="ctr" fontAlgn="b"/>
                      <a:r>
                        <a:rPr lang="en-US" sz="2000" b="1" i="0" u="none" strike="noStrike" dirty="0" smtClean="0">
                          <a:solidFill>
                            <a:schemeClr val="tx1"/>
                          </a:solidFill>
                          <a:effectLst/>
                          <a:latin typeface="+mn-lt"/>
                        </a:rPr>
                        <a:t>Feature Costs </a:t>
                      </a:r>
                    </a:p>
                    <a:p>
                      <a:pPr algn="ctr" fontAlgn="b"/>
                      <a:r>
                        <a:rPr lang="en-US" sz="2000" b="1" i="0" u="none" strike="noStrike" dirty="0" smtClean="0">
                          <a:solidFill>
                            <a:schemeClr val="tx1"/>
                          </a:solidFill>
                          <a:effectLst/>
                          <a:latin typeface="+mn-lt"/>
                        </a:rPr>
                        <a:t>(With</a:t>
                      </a:r>
                      <a:r>
                        <a:rPr lang="en-US" sz="2000" b="1" i="0" u="none" strike="noStrike" baseline="0" dirty="0" smtClean="0">
                          <a:solidFill>
                            <a:schemeClr val="tx1"/>
                          </a:solidFill>
                          <a:effectLst/>
                          <a:latin typeface="+mn-lt"/>
                        </a:rPr>
                        <a:t> </a:t>
                      </a:r>
                      <a:r>
                        <a:rPr lang="en-US" sz="2000" b="1" i="0" u="none" strike="noStrike" dirty="0" smtClean="0">
                          <a:solidFill>
                            <a:schemeClr val="tx1"/>
                          </a:solidFill>
                          <a:effectLst/>
                          <a:latin typeface="+mn-lt"/>
                        </a:rPr>
                        <a:t>PM/CM/Eng and Contingency)</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solidFill>
                      <a:srgbClr val="617749"/>
                    </a:solidFill>
                  </a:tcPr>
                </a:tc>
              </a:tr>
              <a:tr h="363284">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Intake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597,168,0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Conveyance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249,585,6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Pumping Plant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687,508,8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Forebay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581,856,0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Tunnel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11,718,781,402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Road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382,158,082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78833">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Utilities and Communication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192,295,676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410244">
                <a:tc>
                  <a:txBody>
                    <a:bodyPr/>
                    <a:lstStyle/>
                    <a:p>
                      <a:pPr marL="0" algn="r" rtl="0" eaLnBrk="1" fontAlgn="b" latinLnBrk="0" hangingPunct="1">
                        <a:spcBef>
                          <a:spcPts val="0"/>
                        </a:spcBef>
                        <a:spcAft>
                          <a:spcPts val="0"/>
                        </a:spcAft>
                      </a:pPr>
                      <a:r>
                        <a:rPr lang="en-US" sz="2000" b="1" i="0" u="none" strike="noStrike" kern="1200" dirty="0">
                          <a:solidFill>
                            <a:schemeClr val="tx1"/>
                          </a:solidFill>
                          <a:effectLst/>
                          <a:latin typeface="+mn-lt"/>
                        </a:rPr>
                        <a:t> Subtotal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solidFill>
                      <a:srgbClr val="617749"/>
                    </a:solidFill>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14,409,353,56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solidFill>
                      <a:srgbClr val="617749"/>
                    </a:solidFill>
                  </a:tcPr>
                </a:tc>
              </a:tr>
              <a:tr h="371218">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Land and Rights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150,000,0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12521">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Construction Related Mitigation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330,000,00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tcPr>
                </a:tc>
              </a:tr>
              <a:tr h="326090">
                <a:tc>
                  <a:txBody>
                    <a:bodyPr/>
                    <a:lstStyle/>
                    <a:p>
                      <a:pPr marL="0" algn="r" rtl="0" eaLnBrk="1" fontAlgn="b" latinLnBrk="0" hangingPunct="1">
                        <a:spcBef>
                          <a:spcPts val="0"/>
                        </a:spcBef>
                        <a:spcAft>
                          <a:spcPts val="0"/>
                        </a:spcAft>
                      </a:pPr>
                      <a:r>
                        <a:rPr lang="en-US" sz="2000" b="1" i="0" u="none" strike="noStrike" kern="1200" dirty="0">
                          <a:solidFill>
                            <a:schemeClr val="tx1"/>
                          </a:solidFill>
                          <a:effectLst/>
                          <a:latin typeface="+mn-lt"/>
                        </a:rPr>
                        <a:t> Grand Total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solidFill>
                      <a:srgbClr val="617749"/>
                    </a:solidFill>
                  </a:tcPr>
                </a:tc>
                <a:tc>
                  <a:txBody>
                    <a:bodyPr/>
                    <a:lstStyle/>
                    <a:p>
                      <a:pPr marL="0" algn="l" rtl="0" eaLnBrk="1" fontAlgn="b" latinLnBrk="0" hangingPunct="1">
                        <a:spcBef>
                          <a:spcPts val="0"/>
                        </a:spcBef>
                        <a:spcAft>
                          <a:spcPts val="0"/>
                        </a:spcAft>
                      </a:pPr>
                      <a:r>
                        <a:rPr lang="en-US" sz="2000" b="1" i="0" u="none" strike="noStrike" kern="1200" dirty="0">
                          <a:solidFill>
                            <a:schemeClr val="tx1"/>
                          </a:solidFill>
                          <a:effectLst/>
                          <a:latin typeface="+mn-lt"/>
                        </a:rPr>
                        <a:t> $     </a:t>
                      </a:r>
                      <a:r>
                        <a:rPr lang="en-US" sz="2000" b="1" i="0" u="none" strike="noStrike" kern="1200" dirty="0" smtClean="0">
                          <a:solidFill>
                            <a:schemeClr val="tx1"/>
                          </a:solidFill>
                          <a:effectLst/>
                          <a:latin typeface="+mn-lt"/>
                        </a:rPr>
                        <a:t>         </a:t>
                      </a:r>
                      <a:r>
                        <a:rPr lang="en-US" sz="2000" b="1" i="0" u="none" strike="noStrike" kern="1200" dirty="0">
                          <a:solidFill>
                            <a:schemeClr val="tx1"/>
                          </a:solidFill>
                          <a:effectLst/>
                          <a:latin typeface="+mn-lt"/>
                        </a:rPr>
                        <a:t>14,889,353,560 </a:t>
                      </a:r>
                      <a:endParaRPr lang="en-US" sz="2000" b="1" i="0" u="none" strike="noStrike" dirty="0">
                        <a:solidFill>
                          <a:schemeClr val="tx1"/>
                        </a:solidFill>
                        <a:effectLst/>
                        <a:latin typeface="+mn-lt"/>
                      </a:endParaRPr>
                    </a:p>
                  </a:txBody>
                  <a:tcPr marL="7620" marR="7620" marT="7620" marB="0" anchor="b">
                    <a:lnL>
                      <a:noFill/>
                    </a:lnL>
                    <a:lnR>
                      <a:noFill/>
                    </a:lnR>
                    <a:lnT>
                      <a:noFill/>
                    </a:lnT>
                    <a:lnB>
                      <a:noFill/>
                    </a:lnB>
                    <a:solidFill>
                      <a:srgbClr val="617749"/>
                    </a:solidFill>
                  </a:tcPr>
                </a:tc>
              </a:tr>
            </a:tbl>
          </a:graphicData>
        </a:graphic>
      </p:graphicFrame>
    </p:spTree>
    <p:extLst>
      <p:ext uri="{BB962C8B-B14F-4D97-AF65-F5344CB8AC3E}">
        <p14:creationId xmlns:p14="http://schemas.microsoft.com/office/powerpoint/2010/main" val="1511635404"/>
      </p:ext>
    </p:extLst>
  </p:cSld>
  <p:clrMapOvr>
    <a:masterClrMapping/>
  </p:clrMapOvr>
  <p:transition spd="slow">
    <p:fade/>
  </p:transition>
  <p:timing>
    <p:tnLst>
      <p:par>
        <p:cTn id="1" dur="indefinite" restart="never" nodeType="tmRoot"/>
      </p:par>
    </p:tn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a:xfrm>
            <a:off x="457200" y="2819603"/>
            <a:ext cx="8229600" cy="1218795"/>
          </a:xfrm>
        </p:spPr>
        <p:txBody>
          <a:bodyPr/>
          <a:lstStyle/>
          <a:p>
            <a:r>
              <a:rPr lang="en-US" dirty="0"/>
              <a:t>Collaborative Science </a:t>
            </a:r>
            <a:br>
              <a:rPr lang="en-US" dirty="0"/>
            </a:br>
            <a:r>
              <a:rPr lang="en-US" dirty="0"/>
              <a:t>&amp; Adaptive </a:t>
            </a:r>
            <a:r>
              <a:rPr lang="en-US" dirty="0" smtClean="0"/>
              <a:t>Management</a:t>
            </a:r>
            <a:endParaRPr lang="en-US" dirty="0"/>
          </a:p>
        </p:txBody>
      </p:sp>
    </p:spTree>
    <p:custDataLst>
      <p:tags r:id="rId1"/>
    </p:custDataLst>
    <p:extLst>
      <p:ext uri="{BB962C8B-B14F-4D97-AF65-F5344CB8AC3E}">
        <p14:creationId xmlns:p14="http://schemas.microsoft.com/office/powerpoint/2010/main" val="1626600594"/>
      </p:ext>
    </p:extLst>
  </p:cSld>
  <p:clrMapOvr>
    <a:masterClrMapping/>
  </p:clrMapOvr>
  <p:transition spd="med">
    <p:fade/>
  </p:transition>
  <p:timing>
    <p:tnLst>
      <p:par>
        <p:cTn id="1" dur="indefinite" restart="never" nodeType="tmRoot"/>
      </p:par>
    </p:tnLst>
  </p:timing>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5"/>
          <p:cNvSpPr txBox="1">
            <a:spLocks/>
          </p:cNvSpPr>
          <p:nvPr/>
        </p:nvSpPr>
        <p:spPr bwMode="ltGray">
          <a:xfrm>
            <a:off x="304800" y="152400"/>
            <a:ext cx="845820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Bay Delta Conservation Plan</a:t>
            </a:r>
          </a:p>
          <a:p>
            <a:pPr algn="r" defTabSz="914363" fontAlgn="auto">
              <a:lnSpc>
                <a:spcPct val="90000"/>
              </a:lnSpc>
              <a:spcAft>
                <a:spcPts val="0"/>
              </a:spcAft>
              <a:defRPr/>
            </a:pPr>
            <a:r>
              <a:rPr lang="en-US" sz="3600" b="1" spc="-150" dirty="0" smtClean="0">
                <a:ln w="3175">
                  <a:noFill/>
                </a:ln>
                <a:effectLst>
                  <a:outerShdw blurRad="50800" dist="38100" dir="2700000" algn="tl" rotWithShape="0">
                    <a:prstClr val="black">
                      <a:alpha val="40000"/>
                    </a:prstClr>
                  </a:outerShdw>
                </a:effectLst>
                <a:latin typeface="Calibri"/>
                <a:cs typeface="Arial" charset="0"/>
              </a:rPr>
              <a:t>Collaborative Science &amp; Adaptive Management</a:t>
            </a:r>
            <a:endPar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3" name="Content Placeholder 2"/>
          <p:cNvSpPr>
            <a:spLocks noGrp="1"/>
          </p:cNvSpPr>
          <p:nvPr>
            <p:ph idx="1"/>
          </p:nvPr>
        </p:nvSpPr>
        <p:spPr>
          <a:xfrm>
            <a:off x="381000" y="1828800"/>
            <a:ext cx="8610600" cy="4447371"/>
          </a:xfrm>
          <a:noFill/>
          <a:ln w="9525">
            <a:noFill/>
            <a:miter lim="800000"/>
            <a:headEnd/>
            <a:tailEnd/>
          </a:ln>
        </p:spPr>
        <p:txBody>
          <a:bodyPr vert="horz" wrap="square" lIns="0" tIns="0" rIns="0" bIns="0" numCol="1" anchor="t" anchorCtr="0" compatLnSpc="1">
            <a:prstTxWarp prst="textNoShape">
              <a:avLst/>
            </a:prstTxWarp>
            <a:spAutoFit/>
          </a:bodyPr>
          <a:lstStyle/>
          <a:p>
            <a:pPr>
              <a:spcAft>
                <a:spcPts val="600"/>
              </a:spcAft>
            </a:pPr>
            <a:r>
              <a:rPr lang="en-US" dirty="0" smtClean="0"/>
              <a:t>Ongoing Collaborative Science</a:t>
            </a:r>
            <a:endParaRPr lang="en-US" dirty="0"/>
          </a:p>
          <a:p>
            <a:pPr lvl="1">
              <a:spcAft>
                <a:spcPts val="600"/>
              </a:spcAft>
              <a:buClr>
                <a:srgbClr val="D8B25C"/>
              </a:buClr>
            </a:pPr>
            <a:r>
              <a:rPr lang="en-US" sz="2400" dirty="0" smtClean="0">
                <a:solidFill>
                  <a:srgbClr val="D8B25C"/>
                </a:solidFill>
              </a:rPr>
              <a:t>Two-tiered collaborate policy &amp; technical </a:t>
            </a:r>
            <a:r>
              <a:rPr lang="en-US" sz="2400" dirty="0">
                <a:solidFill>
                  <a:srgbClr val="D8B25C"/>
                </a:solidFill>
              </a:rPr>
              <a:t>team </a:t>
            </a:r>
            <a:endParaRPr lang="en-US" sz="2400" dirty="0" smtClean="0">
              <a:solidFill>
                <a:srgbClr val="D8B25C"/>
              </a:solidFill>
            </a:endParaRPr>
          </a:p>
          <a:p>
            <a:pPr lvl="1">
              <a:spcAft>
                <a:spcPts val="600"/>
              </a:spcAft>
              <a:buClr>
                <a:srgbClr val="D8B25C"/>
              </a:buClr>
            </a:pPr>
            <a:r>
              <a:rPr lang="en-US" sz="2400" dirty="0">
                <a:solidFill>
                  <a:srgbClr val="D8B25C"/>
                </a:solidFill>
              </a:rPr>
              <a:t>Conducts joint research on key Delta fishery issues</a:t>
            </a:r>
          </a:p>
          <a:p>
            <a:pPr lvl="1">
              <a:spcAft>
                <a:spcPts val="600"/>
              </a:spcAft>
              <a:buClr>
                <a:srgbClr val="D8B25C"/>
              </a:buClr>
            </a:pPr>
            <a:r>
              <a:rPr lang="en-US" sz="2400" dirty="0" smtClean="0">
                <a:solidFill>
                  <a:srgbClr val="D8B25C"/>
                </a:solidFill>
              </a:rPr>
              <a:t>Includes </a:t>
            </a:r>
          </a:p>
          <a:p>
            <a:pPr lvl="2">
              <a:spcAft>
                <a:spcPts val="600"/>
              </a:spcAft>
              <a:buClr>
                <a:srgbClr val="D8B25C"/>
              </a:buClr>
            </a:pPr>
            <a:r>
              <a:rPr lang="en-US" sz="2000" dirty="0" smtClean="0">
                <a:solidFill>
                  <a:srgbClr val="D8B25C"/>
                </a:solidFill>
              </a:rPr>
              <a:t>United States Fish and Wildlife Service</a:t>
            </a:r>
          </a:p>
          <a:p>
            <a:pPr lvl="2">
              <a:spcAft>
                <a:spcPts val="600"/>
              </a:spcAft>
              <a:buClr>
                <a:srgbClr val="D8B25C"/>
              </a:buClr>
            </a:pPr>
            <a:r>
              <a:rPr lang="en-US" sz="2000" dirty="0" smtClean="0">
                <a:solidFill>
                  <a:srgbClr val="D8B25C"/>
                </a:solidFill>
              </a:rPr>
              <a:t>National Marine Fisheries Service</a:t>
            </a:r>
          </a:p>
          <a:p>
            <a:pPr lvl="2">
              <a:spcAft>
                <a:spcPts val="600"/>
              </a:spcAft>
              <a:buClr>
                <a:srgbClr val="D8B25C"/>
              </a:buClr>
            </a:pPr>
            <a:r>
              <a:rPr lang="en-US" sz="2000" dirty="0" smtClean="0">
                <a:solidFill>
                  <a:srgbClr val="D8B25C"/>
                </a:solidFill>
              </a:rPr>
              <a:t>California Department of Fish and Wildlife</a:t>
            </a:r>
          </a:p>
          <a:p>
            <a:pPr lvl="2">
              <a:spcAft>
                <a:spcPts val="600"/>
              </a:spcAft>
              <a:buClr>
                <a:srgbClr val="D8B25C"/>
              </a:buClr>
            </a:pPr>
            <a:r>
              <a:rPr lang="en-US" sz="2000" dirty="0" smtClean="0">
                <a:solidFill>
                  <a:srgbClr val="D8B25C"/>
                </a:solidFill>
              </a:rPr>
              <a:t>United States Bureau of Reclamation</a:t>
            </a:r>
          </a:p>
          <a:p>
            <a:pPr lvl="2">
              <a:spcAft>
                <a:spcPts val="600"/>
              </a:spcAft>
              <a:buClr>
                <a:srgbClr val="D8B25C"/>
              </a:buClr>
            </a:pPr>
            <a:r>
              <a:rPr lang="en-US" sz="2000" dirty="0" smtClean="0">
                <a:solidFill>
                  <a:srgbClr val="D8B25C"/>
                </a:solidFill>
              </a:rPr>
              <a:t>California Department of Water Resources</a:t>
            </a:r>
          </a:p>
          <a:p>
            <a:pPr lvl="2">
              <a:spcAft>
                <a:spcPts val="600"/>
              </a:spcAft>
              <a:buClr>
                <a:srgbClr val="D8B25C"/>
              </a:buClr>
            </a:pPr>
            <a:r>
              <a:rPr lang="en-US" sz="2000" dirty="0" smtClean="0">
                <a:solidFill>
                  <a:srgbClr val="D8B25C"/>
                </a:solidFill>
              </a:rPr>
              <a:t>Environmental interests </a:t>
            </a:r>
            <a:r>
              <a:rPr lang="en-US" sz="2000" dirty="0">
                <a:solidFill>
                  <a:srgbClr val="D8B25C"/>
                </a:solidFill>
              </a:rPr>
              <a:t>(</a:t>
            </a:r>
            <a:r>
              <a:rPr lang="en-US" sz="2000" dirty="0" smtClean="0">
                <a:solidFill>
                  <a:srgbClr val="D8B25C"/>
                </a:solidFill>
              </a:rPr>
              <a:t>NRDC, TNC, PCFFA and Water4Fish)</a:t>
            </a:r>
            <a:endParaRPr lang="en-US" sz="2000" dirty="0">
              <a:solidFill>
                <a:srgbClr val="D8B25C"/>
              </a:solidFill>
            </a:endParaRPr>
          </a:p>
          <a:p>
            <a:pPr lvl="2">
              <a:spcAft>
                <a:spcPts val="600"/>
              </a:spcAft>
              <a:buClr>
                <a:srgbClr val="D8B25C"/>
              </a:buClr>
            </a:pPr>
            <a:r>
              <a:rPr lang="en-US" sz="2000" dirty="0">
                <a:solidFill>
                  <a:srgbClr val="D8B25C"/>
                </a:solidFill>
              </a:rPr>
              <a:t>Non-Governmental Organizations</a:t>
            </a:r>
          </a:p>
          <a:p>
            <a:pPr lvl="2">
              <a:spcAft>
                <a:spcPts val="600"/>
              </a:spcAft>
              <a:buClr>
                <a:srgbClr val="D8B25C"/>
              </a:buClr>
            </a:pPr>
            <a:r>
              <a:rPr lang="en-US" sz="2000" dirty="0" smtClean="0">
                <a:solidFill>
                  <a:srgbClr val="D8B25C"/>
                </a:solidFill>
              </a:rPr>
              <a:t>State and </a:t>
            </a:r>
            <a:r>
              <a:rPr lang="en-US" sz="2000" dirty="0">
                <a:solidFill>
                  <a:srgbClr val="D8B25C"/>
                </a:solidFill>
              </a:rPr>
              <a:t>Federal water </a:t>
            </a:r>
            <a:r>
              <a:rPr lang="en-US" sz="2000" dirty="0" smtClean="0">
                <a:solidFill>
                  <a:srgbClr val="D8B25C"/>
                </a:solidFill>
              </a:rPr>
              <a:t>contractors</a:t>
            </a:r>
          </a:p>
        </p:txBody>
      </p:sp>
    </p:spTree>
    <p:extLst>
      <p:ext uri="{BB962C8B-B14F-4D97-AF65-F5344CB8AC3E}">
        <p14:creationId xmlns:p14="http://schemas.microsoft.com/office/powerpoint/2010/main" val="2235599787"/>
      </p:ext>
    </p:extLst>
  </p:cSld>
  <p:clrMapOvr>
    <a:masterClrMapping/>
  </p:clrMapOvr>
  <p:transition>
    <p:fade/>
  </p:transition>
  <p:timing>
    <p:tnLst>
      <p:par>
        <p:cTn id="1" dur="indefinite" restart="never" nodeType="tmRoot"/>
      </p:par>
    </p:tnLst>
  </p:timing>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5"/>
          <p:cNvSpPr txBox="1">
            <a:spLocks/>
          </p:cNvSpPr>
          <p:nvPr/>
        </p:nvSpPr>
        <p:spPr bwMode="ltGray">
          <a:xfrm>
            <a:off x="304800" y="152400"/>
            <a:ext cx="845820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Bay Delta Conservation Plan</a:t>
            </a:r>
          </a:p>
          <a:p>
            <a:pPr algn="r" defTabSz="914363" fontAlgn="auto">
              <a:lnSpc>
                <a:spcPct val="90000"/>
              </a:lnSpc>
              <a:spcAft>
                <a:spcPts val="0"/>
              </a:spcAft>
              <a:defRPr/>
            </a:pPr>
            <a:r>
              <a:rPr lang="en-US" sz="3600" b="1" spc="-150" dirty="0" smtClean="0">
                <a:ln w="3175">
                  <a:noFill/>
                </a:ln>
                <a:effectLst>
                  <a:outerShdw blurRad="50800" dist="38100" dir="2700000" algn="tl" rotWithShape="0">
                    <a:prstClr val="black">
                      <a:alpha val="40000"/>
                    </a:prstClr>
                  </a:outerShdw>
                </a:effectLst>
                <a:latin typeface="Calibri"/>
                <a:cs typeface="Arial" charset="0"/>
              </a:rPr>
              <a:t>Collaborative Science &amp; Adaptive Management</a:t>
            </a:r>
            <a:endPar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3" name="Content Placeholder 2"/>
          <p:cNvSpPr>
            <a:spLocks noGrp="1"/>
          </p:cNvSpPr>
          <p:nvPr>
            <p:ph idx="1"/>
          </p:nvPr>
        </p:nvSpPr>
        <p:spPr>
          <a:xfrm>
            <a:off x="304800" y="2245209"/>
            <a:ext cx="8610600" cy="2788456"/>
          </a:xfrm>
          <a:noFill/>
          <a:ln w="9525">
            <a:noFill/>
            <a:miter lim="800000"/>
            <a:headEnd/>
            <a:tailEnd/>
          </a:ln>
        </p:spPr>
        <p:txBody>
          <a:bodyPr vert="horz" wrap="square" lIns="0" tIns="0" rIns="0" bIns="0" numCol="1" anchor="t" anchorCtr="0" compatLnSpc="1">
            <a:prstTxWarp prst="textNoShape">
              <a:avLst/>
            </a:prstTxWarp>
            <a:spAutoFit/>
          </a:bodyPr>
          <a:lstStyle/>
          <a:p>
            <a:pPr>
              <a:spcAft>
                <a:spcPts val="1200"/>
              </a:spcAft>
            </a:pPr>
            <a:r>
              <a:rPr lang="en-US" dirty="0" smtClean="0"/>
              <a:t>Adaptive Management &amp; Monitoring Plan</a:t>
            </a:r>
            <a:endParaRPr lang="en-US" dirty="0"/>
          </a:p>
          <a:p>
            <a:pPr lvl="1">
              <a:spcAft>
                <a:spcPts val="1200"/>
              </a:spcAft>
              <a:buClr>
                <a:srgbClr val="D8B25C"/>
              </a:buClr>
            </a:pPr>
            <a:r>
              <a:rPr lang="en-US" sz="2400" dirty="0" smtClean="0">
                <a:solidFill>
                  <a:srgbClr val="D8B25C"/>
                </a:solidFill>
              </a:rPr>
              <a:t>Mechanism to review and appropriately adjust existing and new operating requirements based </a:t>
            </a:r>
            <a:r>
              <a:rPr lang="en-US" sz="2400" dirty="0">
                <a:solidFill>
                  <a:srgbClr val="D8B25C"/>
                </a:solidFill>
              </a:rPr>
              <a:t>on </a:t>
            </a:r>
            <a:r>
              <a:rPr lang="en-US" sz="2400" dirty="0" smtClean="0">
                <a:solidFill>
                  <a:srgbClr val="D8B25C"/>
                </a:solidFill>
              </a:rPr>
              <a:t>new scientific information </a:t>
            </a:r>
            <a:r>
              <a:rPr lang="en-US" sz="2400" dirty="0">
                <a:solidFill>
                  <a:srgbClr val="D8B25C"/>
                </a:solidFill>
              </a:rPr>
              <a:t>and </a:t>
            </a:r>
            <a:r>
              <a:rPr lang="en-US" sz="2400" dirty="0" smtClean="0">
                <a:solidFill>
                  <a:srgbClr val="D8B25C"/>
                </a:solidFill>
              </a:rPr>
              <a:t>monitoring</a:t>
            </a:r>
          </a:p>
          <a:p>
            <a:pPr lvl="1">
              <a:spcAft>
                <a:spcPts val="1200"/>
              </a:spcAft>
              <a:buClr>
                <a:srgbClr val="D8B25C"/>
              </a:buClr>
            </a:pPr>
            <a:r>
              <a:rPr lang="en-US" sz="2400" dirty="0" smtClean="0">
                <a:solidFill>
                  <a:srgbClr val="D8B25C"/>
                </a:solidFill>
              </a:rPr>
              <a:t>Addresses </a:t>
            </a:r>
            <a:r>
              <a:rPr lang="en-US" sz="2400" dirty="0">
                <a:solidFill>
                  <a:srgbClr val="D8B25C"/>
                </a:solidFill>
              </a:rPr>
              <a:t>gaps in </a:t>
            </a:r>
            <a:r>
              <a:rPr lang="en-US" sz="2400" dirty="0" smtClean="0">
                <a:solidFill>
                  <a:srgbClr val="D8B25C"/>
                </a:solidFill>
              </a:rPr>
              <a:t>knowledge</a:t>
            </a:r>
          </a:p>
          <a:p>
            <a:pPr lvl="1">
              <a:spcAft>
                <a:spcPts val="1200"/>
              </a:spcAft>
              <a:buClr>
                <a:srgbClr val="D8B25C"/>
              </a:buClr>
            </a:pPr>
            <a:r>
              <a:rPr lang="en-US" sz="2400" dirty="0" smtClean="0">
                <a:solidFill>
                  <a:srgbClr val="D8B25C"/>
                </a:solidFill>
              </a:rPr>
              <a:t>Demonstrate project avoids jeopardy to listed species</a:t>
            </a:r>
          </a:p>
        </p:txBody>
      </p:sp>
    </p:spTree>
    <p:extLst>
      <p:ext uri="{BB962C8B-B14F-4D97-AF65-F5344CB8AC3E}">
        <p14:creationId xmlns:p14="http://schemas.microsoft.com/office/powerpoint/2010/main" val="3845989037"/>
      </p:ext>
    </p:extLst>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Water Supply" hidden="1"/>
          <p:cNvGraphicFramePr>
            <a:graphicFrameLocks noGrp="1"/>
          </p:cNvGraphicFramePr>
          <p:nvPr>
            <p:extLst>
              <p:ext uri="{D42A27DB-BD31-4B8C-83A1-F6EECF244321}">
                <p14:modId xmlns:p14="http://schemas.microsoft.com/office/powerpoint/2010/main" val="1036160768"/>
              </p:ext>
            </p:extLst>
          </p:nvPr>
        </p:nvGraphicFramePr>
        <p:xfrm>
          <a:off x="152399" y="3624193"/>
          <a:ext cx="8839200" cy="594666"/>
        </p:xfrm>
        <a:graphic>
          <a:graphicData uri="http://schemas.openxmlformats.org/drawingml/2006/table">
            <a:tbl>
              <a:tblPr firstRow="1" bandRow="1">
                <a:tableStyleId>{BDBED569-4797-4DF1-A0F4-6AAB3CD982D8}</a:tableStyleId>
              </a:tblPr>
              <a:tblGrid>
                <a:gridCol w="2362200"/>
                <a:gridCol w="6477000"/>
              </a:tblGrid>
              <a:tr h="594666">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a:lnSpc>
                          <a:spcPct val="85000"/>
                        </a:lnSpc>
                        <a:spcBef>
                          <a:spcPts val="0"/>
                        </a:spcBef>
                        <a:spcAft>
                          <a:spcPts val="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graphicFrame>
        <p:nvGraphicFramePr>
          <p:cNvPr id="6" name="Water Quality" hidden="1"/>
          <p:cNvGraphicFramePr>
            <a:graphicFrameLocks noGrp="1"/>
          </p:cNvGraphicFramePr>
          <p:nvPr>
            <p:extLst>
              <p:ext uri="{D42A27DB-BD31-4B8C-83A1-F6EECF244321}">
                <p14:modId xmlns:p14="http://schemas.microsoft.com/office/powerpoint/2010/main" val="1312069320"/>
              </p:ext>
            </p:extLst>
          </p:nvPr>
        </p:nvGraphicFramePr>
        <p:xfrm>
          <a:off x="152399" y="4309165"/>
          <a:ext cx="8839200" cy="594666"/>
        </p:xfrm>
        <a:graphic>
          <a:graphicData uri="http://schemas.openxmlformats.org/drawingml/2006/table">
            <a:tbl>
              <a:tblPr firstRow="1" bandRow="1">
                <a:tableStyleId>{BDBED569-4797-4DF1-A0F4-6AAB3CD982D8}</a:tableStyleId>
              </a:tblPr>
              <a:tblGrid>
                <a:gridCol w="2362200"/>
                <a:gridCol w="6477000"/>
              </a:tblGrid>
              <a:tr h="594666">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7" name="Flexible Pumping" hidden="1"/>
          <p:cNvGraphicFramePr>
            <a:graphicFrameLocks noGrp="1"/>
          </p:cNvGraphicFramePr>
          <p:nvPr>
            <p:extLst>
              <p:ext uri="{D42A27DB-BD31-4B8C-83A1-F6EECF244321}">
                <p14:modId xmlns:p14="http://schemas.microsoft.com/office/powerpoint/2010/main" val="3134296274"/>
              </p:ext>
            </p:extLst>
          </p:nvPr>
        </p:nvGraphicFramePr>
        <p:xfrm>
          <a:off x="152399" y="1505169"/>
          <a:ext cx="8839200" cy="1055595"/>
        </p:xfrm>
        <a:graphic>
          <a:graphicData uri="http://schemas.openxmlformats.org/drawingml/2006/table">
            <a:tbl>
              <a:tblPr firstRow="1" bandRow="1">
                <a:tableStyleId>{BDBED569-4797-4DF1-A0F4-6AAB3CD982D8}</a:tableStyleId>
              </a:tblPr>
              <a:tblGrid>
                <a:gridCol w="2362200"/>
                <a:gridCol w="6477000"/>
              </a:tblGrid>
              <a:tr h="1055595">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a:lnSpc>
                          <a:spcPct val="85000"/>
                        </a:lnSpc>
                        <a:spcBef>
                          <a:spcPts val="0"/>
                        </a:spcBef>
                        <a:spcAft>
                          <a:spcPts val="40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graphicFrame>
        <p:nvGraphicFramePr>
          <p:cNvPr id="8" name="Enhance Ecosystem" hidden="1"/>
          <p:cNvGraphicFramePr>
            <a:graphicFrameLocks noGrp="1"/>
          </p:cNvGraphicFramePr>
          <p:nvPr>
            <p:extLst>
              <p:ext uri="{D42A27DB-BD31-4B8C-83A1-F6EECF244321}">
                <p14:modId xmlns:p14="http://schemas.microsoft.com/office/powerpoint/2010/main" val="739917932"/>
              </p:ext>
            </p:extLst>
          </p:nvPr>
        </p:nvGraphicFramePr>
        <p:xfrm>
          <a:off x="152399" y="2641407"/>
          <a:ext cx="8839200" cy="892000"/>
        </p:xfrm>
        <a:graphic>
          <a:graphicData uri="http://schemas.openxmlformats.org/drawingml/2006/table">
            <a:tbl>
              <a:tblPr firstRow="1" bandRow="1">
                <a:tableStyleId>{BDBED569-4797-4DF1-A0F4-6AAB3CD982D8}</a:tableStyleId>
              </a:tblPr>
              <a:tblGrid>
                <a:gridCol w="2362200"/>
                <a:gridCol w="6477000"/>
              </a:tblGrid>
              <a:tr h="892000">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40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9" name="Seismic Risk" hidden="1"/>
          <p:cNvGraphicFramePr>
            <a:graphicFrameLocks noGrp="1"/>
          </p:cNvGraphicFramePr>
          <p:nvPr>
            <p:extLst>
              <p:ext uri="{D42A27DB-BD31-4B8C-83A1-F6EECF244321}">
                <p14:modId xmlns:p14="http://schemas.microsoft.com/office/powerpoint/2010/main" val="3189369157"/>
              </p:ext>
            </p:extLst>
          </p:nvPr>
        </p:nvGraphicFramePr>
        <p:xfrm>
          <a:off x="152399" y="4971824"/>
          <a:ext cx="8839200" cy="576668"/>
        </p:xfrm>
        <a:graphic>
          <a:graphicData uri="http://schemas.openxmlformats.org/drawingml/2006/table">
            <a:tbl>
              <a:tblPr firstRow="1" bandRow="1">
                <a:tableStyleId>{BDBED569-4797-4DF1-A0F4-6AAB3CD982D8}</a:tableStyleId>
              </a:tblPr>
              <a:tblGrid>
                <a:gridCol w="2362200"/>
                <a:gridCol w="6477000"/>
              </a:tblGrid>
              <a:tr h="576668">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11" name="Climate Change" hidden="1"/>
          <p:cNvGraphicFramePr>
            <a:graphicFrameLocks noGrp="1"/>
          </p:cNvGraphicFramePr>
          <p:nvPr>
            <p:extLst>
              <p:ext uri="{D42A27DB-BD31-4B8C-83A1-F6EECF244321}">
                <p14:modId xmlns:p14="http://schemas.microsoft.com/office/powerpoint/2010/main" val="3440789966"/>
              </p:ext>
            </p:extLst>
          </p:nvPr>
        </p:nvGraphicFramePr>
        <p:xfrm>
          <a:off x="152399" y="5638800"/>
          <a:ext cx="8839200" cy="1070400"/>
        </p:xfrm>
        <a:graphic>
          <a:graphicData uri="http://schemas.openxmlformats.org/drawingml/2006/table">
            <a:tbl>
              <a:tblPr firstRow="1" bandRow="1">
                <a:tableStyleId>{BDBED569-4797-4DF1-A0F4-6AAB3CD982D8}</a:tableStyleId>
              </a:tblPr>
              <a:tblGrid>
                <a:gridCol w="2362200"/>
                <a:gridCol w="6477000"/>
              </a:tblGrid>
              <a:tr h="1070400">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40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sp>
        <p:nvSpPr>
          <p:cNvPr id="10" name="Title 1"/>
          <p:cNvSpPr>
            <a:spLocks noGrp="1"/>
          </p:cNvSpPr>
          <p:nvPr>
            <p:ph type="title"/>
          </p:nvPr>
        </p:nvSpPr>
        <p:spPr bwMode="invGray"/>
        <p:txBody>
          <a:bodyPr>
            <a:noAutofit/>
          </a:bodyPr>
          <a:lstStyle/>
          <a:p>
            <a:pPr algn="ctr"/>
            <a:r>
              <a:rPr lang="en-US" sz="4000" dirty="0"/>
              <a:t>Metropolitan Board Actions</a:t>
            </a:r>
            <a:br>
              <a:rPr lang="en-US" sz="4000" dirty="0"/>
            </a:br>
            <a:r>
              <a:rPr lang="en-US" sz="3200" dirty="0">
                <a:solidFill>
                  <a:schemeClr val="tx1"/>
                </a:solidFill>
              </a:rPr>
              <a:t>Delta Conveyance Criteria (Sep 2007)</a:t>
            </a:r>
          </a:p>
        </p:txBody>
      </p:sp>
      <p:sp>
        <p:nvSpPr>
          <p:cNvPr id="3" name="Text Placeholder 2"/>
          <p:cNvSpPr>
            <a:spLocks noGrp="1"/>
          </p:cNvSpPr>
          <p:nvPr>
            <p:ph type="body" sz="quarter" idx="11"/>
          </p:nvPr>
        </p:nvSpPr>
        <p:spPr/>
        <p:txBody>
          <a:bodyPr/>
          <a:lstStyle/>
          <a:p>
            <a:endParaRPr lang="en-US" dirty="0"/>
          </a:p>
        </p:txBody>
      </p:sp>
      <p:graphicFrame>
        <p:nvGraphicFramePr>
          <p:cNvPr id="12" name="Water Supply"/>
          <p:cNvGraphicFramePr>
            <a:graphicFrameLocks noGrp="1"/>
          </p:cNvGraphicFramePr>
          <p:nvPr>
            <p:extLst>
              <p:ext uri="{D42A27DB-BD31-4B8C-83A1-F6EECF244321}">
                <p14:modId xmlns:p14="http://schemas.microsoft.com/office/powerpoint/2010/main" val="2852329829"/>
              </p:ext>
            </p:extLst>
          </p:nvPr>
        </p:nvGraphicFramePr>
        <p:xfrm>
          <a:off x="152400" y="3549041"/>
          <a:ext cx="8686800" cy="594666"/>
        </p:xfrm>
        <a:graphic>
          <a:graphicData uri="http://schemas.openxmlformats.org/drawingml/2006/table">
            <a:tbl>
              <a:tblPr firstRow="1" bandRow="1">
                <a:tableStyleId>{BC89EF96-8CEA-46FF-86C4-4CE0E7609802}</a:tableStyleId>
              </a:tblPr>
              <a:tblGrid>
                <a:gridCol w="2321472"/>
                <a:gridCol w="6365328"/>
              </a:tblGrid>
              <a:tr h="594666">
                <a:tc>
                  <a:txBody>
                    <a:bodyPr/>
                    <a:lstStyle/>
                    <a:p>
                      <a:pPr marL="0" marR="0" algn="l">
                        <a:lnSpc>
                          <a:spcPct val="85000"/>
                        </a:lnSpc>
                        <a:spcBef>
                          <a:spcPts val="0"/>
                        </a:spcBef>
                        <a:spcAft>
                          <a:spcPts val="0"/>
                        </a:spcAft>
                      </a:pPr>
                      <a:r>
                        <a:rPr lang="en-US" sz="2000" dirty="0">
                          <a:solidFill>
                            <a:schemeClr val="tx1"/>
                          </a:solidFill>
                          <a:effectLst/>
                        </a:rPr>
                        <a:t>Provide </a:t>
                      </a:r>
                      <a:r>
                        <a:rPr lang="en-US" sz="2000" dirty="0" smtClean="0">
                          <a:solidFill>
                            <a:schemeClr val="tx1"/>
                          </a:solidFill>
                          <a:effectLst/>
                        </a:rPr>
                        <a:t>Water</a:t>
                      </a:r>
                      <a:br>
                        <a:rPr lang="en-US" sz="2000" dirty="0" smtClean="0">
                          <a:solidFill>
                            <a:schemeClr val="tx1"/>
                          </a:solidFill>
                          <a:effectLst/>
                        </a:rPr>
                      </a:br>
                      <a:r>
                        <a:rPr lang="en-US" sz="2000" dirty="0" smtClean="0">
                          <a:solidFill>
                            <a:schemeClr val="tx1"/>
                          </a:solidFill>
                          <a:effectLst/>
                        </a:rPr>
                        <a:t>Supply </a:t>
                      </a:r>
                      <a:r>
                        <a:rPr lang="en-US" sz="2000" dirty="0">
                          <a:solidFill>
                            <a:schemeClr val="tx1"/>
                          </a:solidFill>
                          <a:effectLst/>
                        </a:rPr>
                        <a:t>Reliability</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Consistent with DWR’s State Water Project Reliability Report (2005)</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3" name="Water Quality"/>
          <p:cNvGraphicFramePr>
            <a:graphicFrameLocks noGrp="1"/>
          </p:cNvGraphicFramePr>
          <p:nvPr>
            <p:extLst>
              <p:ext uri="{D42A27DB-BD31-4B8C-83A1-F6EECF244321}">
                <p14:modId xmlns:p14="http://schemas.microsoft.com/office/powerpoint/2010/main" val="770990725"/>
              </p:ext>
            </p:extLst>
          </p:nvPr>
        </p:nvGraphicFramePr>
        <p:xfrm>
          <a:off x="152400" y="4220530"/>
          <a:ext cx="8686800" cy="594666"/>
        </p:xfrm>
        <a:graphic>
          <a:graphicData uri="http://schemas.openxmlformats.org/drawingml/2006/table">
            <a:tbl>
              <a:tblPr firstRow="1" bandRow="1">
                <a:tableStyleId>{BC89EF96-8CEA-46FF-86C4-4CE0E7609802}</a:tableStyleId>
              </a:tblPr>
              <a:tblGrid>
                <a:gridCol w="2321472"/>
                <a:gridCol w="6365328"/>
              </a:tblGrid>
              <a:tr h="594666">
                <a:tc>
                  <a:txBody>
                    <a:bodyPr/>
                    <a:lstStyle/>
                    <a:p>
                      <a:pPr marL="0" marR="0" algn="l" defTabSz="914363" rtl="0" eaLnBrk="1" latinLnBrk="0" hangingPunct="1">
                        <a:lnSpc>
                          <a:spcPct val="85000"/>
                        </a:lnSpc>
                        <a:spcBef>
                          <a:spcPts val="0"/>
                        </a:spcBef>
                        <a:spcAft>
                          <a:spcPts val="0"/>
                        </a:spcAft>
                      </a:pPr>
                      <a:r>
                        <a:rPr lang="en-US" sz="2000" kern="1200" dirty="0">
                          <a:solidFill>
                            <a:schemeClr val="tx1"/>
                          </a:solidFill>
                          <a:effectLst/>
                        </a:rPr>
                        <a:t>Improve Export </a:t>
                      </a:r>
                      <a:r>
                        <a:rPr lang="en-US" sz="2000" kern="1200" dirty="0" smtClean="0">
                          <a:solidFill>
                            <a:schemeClr val="tx1"/>
                          </a:solidFill>
                          <a:effectLst/>
                        </a:rPr>
                        <a:t/>
                      </a:r>
                      <a:br>
                        <a:rPr lang="en-US" sz="2000" kern="1200" dirty="0" smtClean="0">
                          <a:solidFill>
                            <a:schemeClr val="tx1"/>
                          </a:solidFill>
                          <a:effectLst/>
                        </a:rPr>
                      </a:br>
                      <a:r>
                        <a:rPr lang="en-US" sz="2000" kern="1200" dirty="0" smtClean="0">
                          <a:solidFill>
                            <a:schemeClr val="tx1"/>
                          </a:solidFill>
                          <a:effectLst/>
                        </a:rPr>
                        <a:t>Water </a:t>
                      </a:r>
                      <a:r>
                        <a:rPr lang="en-US" sz="2000" kern="1200" dirty="0">
                          <a:solidFill>
                            <a:schemeClr val="tx1"/>
                          </a:solidFill>
                          <a:effectLst/>
                        </a:rPr>
                        <a:t>Quality</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bromide and dissolved organic carbon concentration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4" name="Flexible Pumping"/>
          <p:cNvGraphicFramePr>
            <a:graphicFrameLocks noGrp="1"/>
          </p:cNvGraphicFramePr>
          <p:nvPr>
            <p:extLst>
              <p:ext uri="{D42A27DB-BD31-4B8C-83A1-F6EECF244321}">
                <p14:modId xmlns:p14="http://schemas.microsoft.com/office/powerpoint/2010/main" val="2226619443"/>
              </p:ext>
            </p:extLst>
          </p:nvPr>
        </p:nvGraphicFramePr>
        <p:xfrm>
          <a:off x="152400" y="2416623"/>
          <a:ext cx="8686800" cy="1055595"/>
        </p:xfrm>
        <a:graphic>
          <a:graphicData uri="http://schemas.openxmlformats.org/drawingml/2006/table">
            <a:tbl>
              <a:tblPr firstRow="1" bandRow="1">
                <a:tableStyleId>{BC89EF96-8CEA-46FF-86C4-4CE0E7609802}</a:tableStyleId>
              </a:tblPr>
              <a:tblGrid>
                <a:gridCol w="2321472"/>
                <a:gridCol w="6365328"/>
              </a:tblGrid>
              <a:tr h="1055595">
                <a:tc>
                  <a:txBody>
                    <a:bodyPr/>
                    <a:lstStyle/>
                    <a:p>
                      <a:pPr marL="0" marR="0" algn="l">
                        <a:lnSpc>
                          <a:spcPct val="85000"/>
                        </a:lnSpc>
                        <a:spcBef>
                          <a:spcPts val="0"/>
                        </a:spcBef>
                        <a:spcAft>
                          <a:spcPts val="0"/>
                        </a:spcAft>
                      </a:pPr>
                      <a:r>
                        <a:rPr lang="en-US" sz="2000" dirty="0">
                          <a:solidFill>
                            <a:schemeClr val="tx1"/>
                          </a:solidFill>
                          <a:effectLst/>
                        </a:rPr>
                        <a:t>Allow Flexible Pumping </a:t>
                      </a:r>
                      <a:r>
                        <a:rPr lang="en-US" sz="2000" dirty="0" smtClean="0">
                          <a:solidFill>
                            <a:schemeClr val="tx1"/>
                          </a:solidFill>
                          <a:effectLst/>
                        </a:rPr>
                        <a:t>Operations in </a:t>
                      </a:r>
                      <a:r>
                        <a:rPr lang="en-US" sz="2000" dirty="0">
                          <a:solidFill>
                            <a:schemeClr val="tx1"/>
                          </a:solidFill>
                          <a:effectLst/>
                        </a:rPr>
                        <a:t>a Dynamic Fishery Environment</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Allow the greatest flexibility in meeting water demands by taking water where and when it is least harmful to migrating salmon and in-Delta fish specie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inherent conflict between fisheries &amp; water conveyance</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5" name="Enhance Ecosystem"/>
          <p:cNvGraphicFramePr>
            <a:graphicFrameLocks noGrp="1"/>
          </p:cNvGraphicFramePr>
          <p:nvPr>
            <p:extLst>
              <p:ext uri="{D42A27DB-BD31-4B8C-83A1-F6EECF244321}">
                <p14:modId xmlns:p14="http://schemas.microsoft.com/office/powerpoint/2010/main" val="2370132791"/>
              </p:ext>
            </p:extLst>
          </p:nvPr>
        </p:nvGraphicFramePr>
        <p:xfrm>
          <a:off x="152400" y="1447800"/>
          <a:ext cx="8686800" cy="892000"/>
        </p:xfrm>
        <a:graphic>
          <a:graphicData uri="http://schemas.openxmlformats.org/drawingml/2006/table">
            <a:tbl>
              <a:tblPr firstRow="1" bandRow="1">
                <a:tableStyleId>{BC89EF96-8CEA-46FF-86C4-4CE0E7609802}</a:tableStyleId>
              </a:tblPr>
              <a:tblGrid>
                <a:gridCol w="2321472"/>
                <a:gridCol w="6365328"/>
              </a:tblGrid>
              <a:tr h="892000">
                <a:tc>
                  <a:txBody>
                    <a:bodyPr/>
                    <a:lstStyle/>
                    <a:p>
                      <a:pPr marL="0" marR="0" algn="l" defTabSz="914363" rtl="0" eaLnBrk="1" latinLnBrk="0" hangingPunct="1">
                        <a:lnSpc>
                          <a:spcPct val="90000"/>
                        </a:lnSpc>
                        <a:spcBef>
                          <a:spcPts val="0"/>
                        </a:spcBef>
                        <a:spcAft>
                          <a:spcPts val="0"/>
                        </a:spcAft>
                      </a:pPr>
                      <a:r>
                        <a:rPr lang="en-US" sz="2000" kern="1200" dirty="0">
                          <a:solidFill>
                            <a:schemeClr val="tx1"/>
                          </a:solidFill>
                          <a:effectLst/>
                        </a:rPr>
                        <a:t>Enhance </a:t>
                      </a:r>
                      <a:r>
                        <a:rPr lang="en-US" sz="2000" kern="1200" dirty="0" smtClean="0">
                          <a:solidFill>
                            <a:schemeClr val="tx1"/>
                          </a:solidFill>
                          <a:effectLst/>
                        </a:rPr>
                        <a:t>Ecosystem </a:t>
                      </a:r>
                      <a:r>
                        <a:rPr lang="en-US" sz="2000" kern="1200" dirty="0">
                          <a:solidFill>
                            <a:schemeClr val="tx1"/>
                          </a:solidFill>
                          <a:effectLst/>
                        </a:rPr>
                        <a:t>Fishery Habitat Throughout Delta</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ability to restore fishery habitat throughout the Delta</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Minimize disruption to tidal food web processe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for fluctuating salinity level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6" name="Seismic Risk"/>
          <p:cNvGraphicFramePr>
            <a:graphicFrameLocks noGrp="1"/>
          </p:cNvGraphicFramePr>
          <p:nvPr>
            <p:extLst>
              <p:ext uri="{D42A27DB-BD31-4B8C-83A1-F6EECF244321}">
                <p14:modId xmlns:p14="http://schemas.microsoft.com/office/powerpoint/2010/main" val="7654125"/>
              </p:ext>
            </p:extLst>
          </p:nvPr>
        </p:nvGraphicFramePr>
        <p:xfrm>
          <a:off x="152400" y="4892019"/>
          <a:ext cx="8686800" cy="576668"/>
        </p:xfrm>
        <a:graphic>
          <a:graphicData uri="http://schemas.openxmlformats.org/drawingml/2006/table">
            <a:tbl>
              <a:tblPr firstRow="1" bandRow="1">
                <a:tableStyleId>{BC89EF96-8CEA-46FF-86C4-4CE0E7609802}</a:tableStyleId>
              </a:tblPr>
              <a:tblGrid>
                <a:gridCol w="2321472"/>
                <a:gridCol w="6365328"/>
              </a:tblGrid>
              <a:tr h="576668">
                <a:tc>
                  <a:txBody>
                    <a:bodyPr/>
                    <a:lstStyle/>
                    <a:p>
                      <a:pPr marL="0" marR="0" algn="l" defTabSz="914363" rtl="0" eaLnBrk="1" latinLnBrk="0" hangingPunct="1">
                        <a:lnSpc>
                          <a:spcPct val="85000"/>
                        </a:lnSpc>
                        <a:spcBef>
                          <a:spcPts val="0"/>
                        </a:spcBef>
                        <a:spcAft>
                          <a:spcPts val="0"/>
                        </a:spcAft>
                      </a:pPr>
                      <a:r>
                        <a:rPr lang="en-US" sz="2000" kern="1200" dirty="0">
                          <a:solidFill>
                            <a:schemeClr val="tx1"/>
                          </a:solidFill>
                          <a:effectLst/>
                        </a:rPr>
                        <a:t>Reduce Seismic Risks</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significant reductions in risks to export water supplies from seismic-induced levee failure and flooding</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7" name="Climate Change"/>
          <p:cNvGraphicFramePr>
            <a:graphicFrameLocks noGrp="1"/>
          </p:cNvGraphicFramePr>
          <p:nvPr>
            <p:extLst>
              <p:ext uri="{D42A27DB-BD31-4B8C-83A1-F6EECF244321}">
                <p14:modId xmlns:p14="http://schemas.microsoft.com/office/powerpoint/2010/main" val="3042555166"/>
              </p:ext>
            </p:extLst>
          </p:nvPr>
        </p:nvGraphicFramePr>
        <p:xfrm>
          <a:off x="152400" y="5545512"/>
          <a:ext cx="8686800" cy="1070400"/>
        </p:xfrm>
        <a:graphic>
          <a:graphicData uri="http://schemas.openxmlformats.org/drawingml/2006/table">
            <a:tbl>
              <a:tblPr firstRow="1" bandRow="1">
                <a:tableStyleId>{BC89EF96-8CEA-46FF-86C4-4CE0E7609802}</a:tableStyleId>
              </a:tblPr>
              <a:tblGrid>
                <a:gridCol w="2321472"/>
                <a:gridCol w="6365328"/>
              </a:tblGrid>
              <a:tr h="1070400">
                <a:tc>
                  <a:txBody>
                    <a:bodyPr/>
                    <a:lstStyle/>
                    <a:p>
                      <a:pPr marL="0" marR="0" algn="l">
                        <a:lnSpc>
                          <a:spcPct val="85000"/>
                        </a:lnSpc>
                        <a:spcBef>
                          <a:spcPts val="0"/>
                        </a:spcBef>
                        <a:spcAft>
                          <a:spcPts val="0"/>
                        </a:spcAft>
                      </a:pPr>
                      <a:r>
                        <a:rPr lang="en-US" sz="2000" dirty="0">
                          <a:solidFill>
                            <a:schemeClr val="tx1"/>
                          </a:solidFill>
                          <a:effectLst/>
                        </a:rPr>
                        <a:t>Reduce Climate Change Risks</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long-term risks from salinity intrusion associated with rising sea level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Intake locations should be able to withstand an estimated </a:t>
                      </a:r>
                      <a:br>
                        <a:rPr lang="en-US" sz="1800" b="0" kern="1200" dirty="0" smtClean="0">
                          <a:solidFill>
                            <a:schemeClr val="tx1"/>
                          </a:solidFill>
                          <a:latin typeface="+mn-lt"/>
                          <a:ea typeface="+mn-ea"/>
                          <a:cs typeface="+mn-cs"/>
                        </a:rPr>
                      </a:br>
                      <a:r>
                        <a:rPr lang="en-US" sz="1800" b="0" kern="1200" dirty="0" smtClean="0">
                          <a:solidFill>
                            <a:schemeClr val="tx1"/>
                          </a:solidFill>
                          <a:latin typeface="+mn-lt"/>
                          <a:ea typeface="+mn-ea"/>
                          <a:cs typeface="+mn-cs"/>
                        </a:rPr>
                        <a:t>1- to 3-foot sea-level rise in the next 100 year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spTree>
    <p:extLst>
      <p:ext uri="{BB962C8B-B14F-4D97-AF65-F5344CB8AC3E}">
        <p14:creationId xmlns:p14="http://schemas.microsoft.com/office/powerpoint/2010/main" val="3602777589"/>
      </p:ext>
    </p:extLst>
  </p:cSld>
  <p:clrMapOvr>
    <a:masterClrMapping/>
  </p:clrMapOvr>
  <p:transition>
    <p:fade/>
  </p:transition>
  <p:timing>
    <p:tnLst>
      <p:par>
        <p:cTn id="1" dur="indefinite" restart="never" nodeType="tmRoot"/>
      </p:par>
    </p:tn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p:txBody>
          <a:bodyPr/>
          <a:lstStyle/>
          <a:p>
            <a:r>
              <a:rPr lang="en-US" dirty="0" smtClean="0"/>
              <a:t>Emergency Preparedness</a:t>
            </a:r>
            <a:endParaRPr lang="en-US" dirty="0"/>
          </a:p>
        </p:txBody>
      </p:sp>
    </p:spTree>
    <p:custDataLst>
      <p:tags r:id="rId1"/>
    </p:custDataLst>
    <p:extLst>
      <p:ext uri="{BB962C8B-B14F-4D97-AF65-F5344CB8AC3E}">
        <p14:creationId xmlns:p14="http://schemas.microsoft.com/office/powerpoint/2010/main" val="2830493264"/>
      </p:ext>
    </p:extLst>
  </p:cSld>
  <p:clrMapOvr>
    <a:masterClrMapping/>
  </p:clrMapOvr>
  <p:transition spd="med">
    <p:fade/>
  </p:transition>
  <p:timing>
    <p:tnLst>
      <p:par>
        <p:cTn id="1" dur="indefinite" restart="never" nodeType="tmRoot"/>
      </p:par>
    </p:tn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4"/>
          <p:cNvSpPr>
            <a:spLocks noGrp="1"/>
          </p:cNvSpPr>
          <p:nvPr>
            <p:ph type="title"/>
          </p:nvPr>
        </p:nvSpPr>
        <p:spPr bwMode="ltGray">
          <a:xfrm>
            <a:off x="0" y="304800"/>
            <a:ext cx="9144000" cy="762000"/>
          </a:xfrm>
        </p:spPr>
        <p:txBody>
          <a:bodyPr/>
          <a:lstStyle/>
          <a:p>
            <a:pPr algn="ctr"/>
            <a:r>
              <a:rPr lang="en-US" dirty="0" smtClean="0">
                <a:effectLst>
                  <a:outerShdw blurRad="50800" dist="50800" dir="2700000" algn="tl" rotWithShape="0">
                    <a:prstClr val="black"/>
                  </a:outerShdw>
                </a:effectLst>
              </a:rPr>
              <a:t>Tactical Coordination  </a:t>
            </a:r>
            <a:r>
              <a:rPr lang="en-US" sz="4400" dirty="0" smtClean="0">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ea typeface="+mn-ea"/>
                <a:cs typeface="Arial" charset="0"/>
              </a:rPr>
              <a:t> </a:t>
            </a:r>
            <a:br>
              <a:rPr lang="en-US" sz="4400" dirty="0" smtClean="0">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ea typeface="+mn-ea"/>
                <a:cs typeface="Arial" charset="0"/>
              </a:rPr>
            </a:br>
            <a:r>
              <a:rPr lang="en-US" sz="2800" dirty="0" smtClean="0">
                <a:solidFill>
                  <a:schemeClr val="tx1"/>
                </a:solidFill>
                <a:effectLst>
                  <a:outerShdw blurRad="50800" dist="50800" dir="2700000" algn="tl" rotWithShape="0">
                    <a:prstClr val="black"/>
                  </a:outerShdw>
                </a:effectLst>
              </a:rPr>
              <a:t/>
            </a:r>
            <a:br>
              <a:rPr lang="en-US" sz="2800" dirty="0" smtClean="0">
                <a:solidFill>
                  <a:schemeClr val="tx1"/>
                </a:solidFill>
                <a:effectLst>
                  <a:outerShdw blurRad="50800" dist="50800" dir="2700000" algn="tl" rotWithShape="0">
                    <a:prstClr val="black"/>
                  </a:outerShdw>
                </a:effectLst>
              </a:rPr>
            </a:br>
            <a:endParaRPr lang="en-US" sz="4400" dirty="0">
              <a:solidFill>
                <a:schemeClr val="tx1"/>
              </a:solidFill>
              <a:effectLst>
                <a:outerShdw blurRad="50800" dist="50800" dir="2700000" algn="tl" rotWithShape="0">
                  <a:prstClr val="black"/>
                </a:outerShdw>
              </a:effectLst>
              <a:ea typeface="+mn-ea"/>
              <a:cs typeface="Arial" charset="0"/>
            </a:endParaRPr>
          </a:p>
        </p:txBody>
      </p:sp>
      <p:sp>
        <p:nvSpPr>
          <p:cNvPr id="8" name="Text Placeholder 7"/>
          <p:cNvSpPr>
            <a:spLocks noGrp="1"/>
          </p:cNvSpPr>
          <p:nvPr>
            <p:ph type="body" sz="quarter" idx="10"/>
          </p:nvPr>
        </p:nvSpPr>
        <p:spPr>
          <a:xfrm>
            <a:off x="306628" y="2311938"/>
            <a:ext cx="6094172" cy="3936462"/>
          </a:xfrm>
        </p:spPr>
        <p:txBody>
          <a:bodyPr/>
          <a:lstStyle/>
          <a:p>
            <a:pPr>
              <a:spcBef>
                <a:spcPts val="0"/>
              </a:spcBef>
              <a:spcAft>
                <a:spcPts val="1800"/>
              </a:spcAft>
            </a:pPr>
            <a:r>
              <a:rPr lang="en-US" sz="2600" dirty="0"/>
              <a:t>Unified command </a:t>
            </a:r>
            <a:r>
              <a:rPr lang="en-US" sz="2600" dirty="0" smtClean="0"/>
              <a:t>integrates </a:t>
            </a:r>
            <a:r>
              <a:rPr lang="en-US" sz="2600" dirty="0"/>
              <a:t>Cal OES, </a:t>
            </a:r>
            <a:r>
              <a:rPr lang="en-US" sz="2600" dirty="0" smtClean="0"/>
              <a:t>DWR, </a:t>
            </a:r>
            <a:r>
              <a:rPr lang="en-US" sz="2600" dirty="0"/>
              <a:t>USACE </a:t>
            </a:r>
            <a:r>
              <a:rPr lang="en-US" sz="2600" dirty="0" smtClean="0"/>
              <a:t>and local operations</a:t>
            </a:r>
          </a:p>
          <a:p>
            <a:pPr>
              <a:spcBef>
                <a:spcPts val="0"/>
              </a:spcBef>
              <a:spcAft>
                <a:spcPts val="1800"/>
              </a:spcAft>
            </a:pPr>
            <a:r>
              <a:rPr lang="en-US" sz="2600" dirty="0" smtClean="0"/>
              <a:t>MOA between DWR and USACE</a:t>
            </a:r>
          </a:p>
          <a:p>
            <a:pPr>
              <a:spcAft>
                <a:spcPts val="1800"/>
              </a:spcAft>
            </a:pPr>
            <a:r>
              <a:rPr lang="en-US" sz="2600" dirty="0" smtClean="0"/>
              <a:t>DWR’s model estimates time &amp; </a:t>
            </a:r>
            <a:r>
              <a:rPr lang="en-US" sz="2600" dirty="0"/>
              <a:t>cost of </a:t>
            </a:r>
            <a:r>
              <a:rPr lang="en-US" sz="2600" dirty="0" smtClean="0"/>
              <a:t>repairs</a:t>
            </a:r>
          </a:p>
          <a:p>
            <a:pPr>
              <a:spcAft>
                <a:spcPts val="1800"/>
              </a:spcAft>
            </a:pPr>
            <a:r>
              <a:rPr lang="en-US" sz="2600" dirty="0" smtClean="0"/>
              <a:t>Emergency plans are tested under </a:t>
            </a:r>
            <a:r>
              <a:rPr lang="en-US" sz="2600" dirty="0"/>
              <a:t>simulated </a:t>
            </a:r>
            <a:r>
              <a:rPr lang="en-US" sz="2600" dirty="0" smtClean="0"/>
              <a:t>floods and  earthquakes</a:t>
            </a:r>
          </a:p>
          <a:p>
            <a:pPr>
              <a:spcBef>
                <a:spcPts val="0"/>
              </a:spcBef>
              <a:spcAft>
                <a:spcPts val="1200"/>
              </a:spcAft>
            </a:pPr>
            <a:r>
              <a:rPr lang="en-US" sz="2400" dirty="0" smtClean="0"/>
              <a:t>On-call </a:t>
            </a:r>
            <a:r>
              <a:rPr lang="en-US" sz="2400" dirty="0"/>
              <a:t>contracts for </a:t>
            </a:r>
            <a:r>
              <a:rPr lang="en-US" sz="2400" dirty="0" smtClean="0"/>
              <a:t>materials</a:t>
            </a:r>
            <a:endParaRPr lang="en-US" sz="2600" dirty="0"/>
          </a:p>
        </p:txBody>
      </p:sp>
      <p:grpSp>
        <p:nvGrpSpPr>
          <p:cNvPr id="2" name="Group 1"/>
          <p:cNvGrpSpPr/>
          <p:nvPr/>
        </p:nvGrpSpPr>
        <p:grpSpPr>
          <a:xfrm>
            <a:off x="6251985" y="1511073"/>
            <a:ext cx="2674687" cy="4813527"/>
            <a:chOff x="6251985" y="1511073"/>
            <a:chExt cx="2674687" cy="4813527"/>
          </a:xfrm>
        </p:grpSpPr>
        <p:pic>
          <p:nvPicPr>
            <p:cNvPr id="51202" name="Picture 2" descr="C:\Users\u04994\Pictures\2015-01-10\182.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544050" y="1511073"/>
              <a:ext cx="2382622" cy="1580472"/>
            </a:xfrm>
            <a:prstGeom prst="roundRect">
              <a:avLst/>
            </a:prstGeom>
            <a:solidFill>
              <a:srgbClr val="FFFFFF">
                <a:shade val="85000"/>
              </a:srgbClr>
            </a:solidFill>
            <a:ln>
              <a:noFill/>
            </a:ln>
            <a:effectLst>
              <a:reflection blurRad="12700" stA="38000" endPos="28000" dist="5000" dir="5400000" sy="-100000" algn="bl" rotWithShape="0"/>
            </a:effectLst>
            <a:extLst/>
          </p:spPr>
        </p:pic>
        <p:pic>
          <p:nvPicPr>
            <p:cNvPr id="51203" name="Picture 3" descr="C:\Users\u04994\Pictures\vlcsnap-2015-01-10-12h06m09s215.png"/>
            <p:cNvPicPr>
              <a:picLocks noChangeAspect="1" noChangeArrowheads="1"/>
            </p:cNvPicPr>
            <p:nvPr/>
          </p:nvPicPr>
          <p:blipFill rotWithShape="1">
            <a:blip r:embed="rId5">
              <a:extLst>
                <a:ext uri="{28A0092B-C50C-407E-A947-70E740481C1C}">
                  <a14:useLocalDpi xmlns:a14="http://schemas.microsoft.com/office/drawing/2010/main" val="0"/>
                </a:ext>
              </a:extLst>
            </a:blip>
            <a:srcRect l="2878" r="8358"/>
            <a:stretch/>
          </p:blipFill>
          <p:spPr bwMode="auto">
            <a:xfrm>
              <a:off x="6251985" y="2829219"/>
              <a:ext cx="1923908" cy="121920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p:spPr>
        </p:pic>
        <p:pic>
          <p:nvPicPr>
            <p:cNvPr id="14" name="Picture 2" descr="C:\Users\u04994\Documents\DRoot\CALFED\Levees\Emergency Preparedness Planning\Photos\Large Jpeg\DSC_0025lg.jpg"/>
            <p:cNvPicPr>
              <a:picLocks noChangeAspect="1" noChangeArrowheads="1"/>
            </p:cNvPicPr>
            <p:nvPr/>
          </p:nvPicPr>
          <p:blipFill>
            <a:blip r:embed="rId6" cstate="print"/>
            <a:srcRect/>
            <a:stretch>
              <a:fillRect/>
            </a:stretch>
          </p:blipFill>
          <p:spPr bwMode="auto">
            <a:xfrm>
              <a:off x="6629400" y="3921595"/>
              <a:ext cx="1899345" cy="1336205"/>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51204" name="Picture 4"/>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043928" y="5040161"/>
              <a:ext cx="1719072" cy="1284439"/>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grpSp>
      <p:sp>
        <p:nvSpPr>
          <p:cNvPr id="11" name="Slide Number Placeholder 3"/>
          <p:cNvSpPr>
            <a:spLocks noGrp="1"/>
          </p:cNvSpPr>
          <p:nvPr>
            <p:ph type="sldNum" sz="quarter" idx="4294967295"/>
          </p:nvPr>
        </p:nvSpPr>
        <p:spPr>
          <a:xfrm>
            <a:off x="8458200" y="6427788"/>
            <a:ext cx="685800" cy="365125"/>
          </a:xfrm>
          <a:prstGeom prst="rect">
            <a:avLst/>
          </a:prstGeom>
        </p:spPr>
        <p:txBody>
          <a:bodyPr/>
          <a:lstStyle/>
          <a:p>
            <a:pPr>
              <a:defRPr/>
            </a:pPr>
            <a:fld id="{BBD5DA8B-909A-4A9A-84AE-26D515D4E1A6}" type="slidenum">
              <a:rPr lang="en-US" sz="1600" smtClean="0">
                <a:solidFill>
                  <a:prstClr val="white"/>
                </a:solidFill>
              </a:rPr>
              <a:pPr>
                <a:defRPr/>
              </a:pPr>
              <a:t>131</a:t>
            </a:fld>
            <a:endParaRPr lang="en-US" sz="1600" dirty="0">
              <a:solidFill>
                <a:prstClr val="white"/>
              </a:solidFill>
            </a:endParaRPr>
          </a:p>
        </p:txBody>
      </p:sp>
    </p:spTree>
    <p:extLst>
      <p:ext uri="{BB962C8B-B14F-4D97-AF65-F5344CB8AC3E}">
        <p14:creationId xmlns:p14="http://schemas.microsoft.com/office/powerpoint/2010/main" val="3236484078"/>
      </p:ext>
    </p:extLst>
  </p:cSld>
  <p:clrMapOvr>
    <a:masterClrMapping/>
  </p:clrMapOvr>
  <p:transition spd="med">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childTnLst>
                          </p:cTn>
                        </p:par>
                        <p:par>
                          <p:cTn id="8" fill="hold">
                            <p:stCondLst>
                              <p:cond delay="500"/>
                            </p:stCondLst>
                            <p:childTnLst>
                              <p:par>
                                <p:cTn id="9" presetID="22" presetClass="entr" presetSubtype="8" fill="hold" nodeType="afterEffect">
                                  <p:stCondLst>
                                    <p:cond delay="500"/>
                                  </p:stCondLst>
                                  <p:childTnLst>
                                    <p:set>
                                      <p:cBhvr>
                                        <p:cTn id="10" dur="1" fill="hold">
                                          <p:stCondLst>
                                            <p:cond delay="0"/>
                                          </p:stCondLst>
                                        </p:cTn>
                                        <p:tgtEl>
                                          <p:spTgt spid="2"/>
                                        </p:tgtEl>
                                        <p:attrNameLst>
                                          <p:attrName>style.visibility</p:attrName>
                                        </p:attrNameLst>
                                      </p:cBhvr>
                                      <p:to>
                                        <p:strVal val="visible"/>
                                      </p:to>
                                    </p:set>
                                    <p:animEffect transition="in" filter="wipe(left)">
                                      <p:cBhvr>
                                        <p:cTn id="11"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 name="Picture 2"/>
          <p:cNvPicPr>
            <a:picLocks noChangeAspect="1" noChangeArrowheads="1"/>
          </p:cNvPicPr>
          <p:nvPr/>
        </p:nvPicPr>
        <p:blipFill>
          <a:blip r:embed="rId4" cstate="print"/>
          <a:srcRect/>
          <a:stretch>
            <a:fillRect/>
          </a:stretch>
        </p:blipFill>
        <p:spPr bwMode="auto">
          <a:xfrm>
            <a:off x="381000" y="990600"/>
            <a:ext cx="8553450" cy="5210175"/>
          </a:xfrm>
          <a:prstGeom prst="rect">
            <a:avLst/>
          </a:prstGeom>
          <a:ln>
            <a:noFill/>
          </a:ln>
          <a:effectLst/>
        </p:spPr>
      </p:pic>
      <p:sp>
        <p:nvSpPr>
          <p:cNvPr id="6" name="TextBox 5"/>
          <p:cNvSpPr txBox="1"/>
          <p:nvPr/>
        </p:nvSpPr>
        <p:spPr>
          <a:xfrm rot="2066730">
            <a:off x="6820417" y="1980399"/>
            <a:ext cx="1241256" cy="492443"/>
          </a:xfrm>
          <a:prstGeom prst="rect">
            <a:avLst/>
          </a:prstGeom>
          <a:noFill/>
        </p:spPr>
        <p:txBody>
          <a:bodyPr wrap="square" rtlCol="0">
            <a:spAutoFit/>
          </a:bodyPr>
          <a:lstStyle/>
          <a:p>
            <a:pPr algn="ctr"/>
            <a:r>
              <a:rPr lang="en-US" sz="2600" b="1" dirty="0" smtClean="0">
                <a:solidFill>
                  <a:prstClr val="black"/>
                </a:solidFill>
              </a:rPr>
              <a:t>I-5</a:t>
            </a:r>
            <a:endParaRPr lang="en-US" sz="2600" b="1" dirty="0">
              <a:solidFill>
                <a:prstClr val="black"/>
              </a:solidFill>
            </a:endParaRPr>
          </a:p>
        </p:txBody>
      </p:sp>
      <p:sp>
        <p:nvSpPr>
          <p:cNvPr id="7" name="Title 6"/>
          <p:cNvSpPr txBox="1">
            <a:spLocks/>
          </p:cNvSpPr>
          <p:nvPr/>
        </p:nvSpPr>
        <p:spPr bwMode="ltGray">
          <a:xfrm>
            <a:off x="368440" y="152602"/>
            <a:ext cx="8229600" cy="609398"/>
          </a:xfrm>
          <a:prstGeom prst="rect">
            <a:avLst/>
          </a:prstGeom>
        </p:spPr>
        <p:txBody>
          <a:bodyPr vert="horz" wrap="square" lIns="0" tIns="0" rIns="0" bIns="0" rtlCol="0" anchor="t">
            <a:spAutoFit/>
          </a:bodyPr>
          <a:lstStyle/>
          <a:p>
            <a:pPr algn="ctr" defTabSz="912813" eaLnBrk="0" hangingPunct="0">
              <a:lnSpc>
                <a:spcPct val="90000"/>
              </a:lnSpc>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ockton Loading &amp; Stockpile Site</a:t>
            </a:r>
            <a:endPar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p:txBody>
      </p:sp>
      <p:sp>
        <p:nvSpPr>
          <p:cNvPr id="8" name="Slide Number Placeholder 3"/>
          <p:cNvSpPr>
            <a:spLocks noGrp="1"/>
          </p:cNvSpPr>
          <p:nvPr>
            <p:ph type="sldNum" sz="quarter" idx="4294967295"/>
          </p:nvPr>
        </p:nvSpPr>
        <p:spPr>
          <a:xfrm>
            <a:off x="8458200" y="6427788"/>
            <a:ext cx="685800" cy="365125"/>
          </a:xfrm>
          <a:prstGeom prst="rect">
            <a:avLst/>
          </a:prstGeom>
        </p:spPr>
        <p:txBody>
          <a:bodyPr/>
          <a:lstStyle/>
          <a:p>
            <a:pPr>
              <a:defRPr/>
            </a:pPr>
            <a:fld id="{BBD5DA8B-909A-4A9A-84AE-26D515D4E1A6}" type="slidenum">
              <a:rPr lang="en-US" sz="1600" smtClean="0">
                <a:solidFill>
                  <a:prstClr val="white"/>
                </a:solidFill>
              </a:rPr>
              <a:pPr>
                <a:defRPr/>
              </a:pPr>
              <a:t>132</a:t>
            </a:fld>
            <a:endParaRPr lang="en-US" sz="1600" dirty="0">
              <a:solidFill>
                <a:prstClr val="white"/>
              </a:solidFill>
            </a:endParaRPr>
          </a:p>
        </p:txBody>
      </p:sp>
    </p:spTree>
    <p:extLst>
      <p:ext uri="{BB962C8B-B14F-4D97-AF65-F5344CB8AC3E}">
        <p14:creationId xmlns:p14="http://schemas.microsoft.com/office/powerpoint/2010/main" val="1519275398"/>
      </p:ext>
    </p:extLst>
  </p:cSld>
  <p:clrMapOvr>
    <a:masterClrMapping/>
  </p:clrMapOvr>
  <p:transition spd="med">
    <p:fade/>
  </p:transition>
  <p:timing>
    <p:tnLst>
      <p:par>
        <p:cTn id="1" dur="indefinite" restart="never" nodeType="tmRoot"/>
      </p:par>
    </p:tnLst>
  </p:timing>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 name="Straight Connector 2"/>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6" name="Title 5"/>
          <p:cNvSpPr>
            <a:spLocks noGrp="1"/>
          </p:cNvSpPr>
          <p:nvPr>
            <p:ph type="title"/>
          </p:nvPr>
        </p:nvSpPr>
        <p:spPr/>
        <p:txBody>
          <a:bodyPr/>
          <a:lstStyle/>
          <a:p>
            <a:r>
              <a:rPr lang="en-US" dirty="0" smtClean="0"/>
              <a:t>Climate Change Analysis</a:t>
            </a:r>
            <a:endParaRPr lang="en-US" dirty="0"/>
          </a:p>
        </p:txBody>
      </p:sp>
    </p:spTree>
    <p:custDataLst>
      <p:tags r:id="rId1"/>
    </p:custDataLst>
    <p:extLst>
      <p:ext uri="{BB962C8B-B14F-4D97-AF65-F5344CB8AC3E}">
        <p14:creationId xmlns:p14="http://schemas.microsoft.com/office/powerpoint/2010/main" val="1606421086"/>
      </p:ext>
    </p:extLst>
  </p:cSld>
  <p:clrMapOvr>
    <a:masterClrMapping/>
  </p:clrMapOvr>
  <p:transition spd="med">
    <p:fade/>
  </p:transition>
  <p:timing>
    <p:tnLst>
      <p:par>
        <p:cTn id="1" dur="indefinite" restart="never" nodeType="tmRoot"/>
      </p:par>
    </p:tnLst>
  </p:timing>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33400" y="381000"/>
            <a:ext cx="8229600" cy="1107996"/>
          </a:xfrm>
        </p:spPr>
        <p:txBody>
          <a:bodyPr/>
          <a:lstStyle/>
          <a:p>
            <a:r>
              <a:rPr lang="en-US" dirty="0" smtClean="0"/>
              <a:t>Climate Change Analysis</a:t>
            </a:r>
            <a:br>
              <a:rPr lang="en-US" dirty="0" smtClean="0"/>
            </a:br>
            <a:r>
              <a:rPr lang="en-US" sz="3600" dirty="0" smtClean="0">
                <a:solidFill>
                  <a:schemeClr val="tx1"/>
                </a:solidFill>
              </a:rPr>
              <a:t>Overview</a:t>
            </a:r>
            <a:endParaRPr lang="en-US" dirty="0">
              <a:solidFill>
                <a:schemeClr val="tx1"/>
              </a:solidFill>
            </a:endParaRPr>
          </a:p>
        </p:txBody>
      </p:sp>
      <p:sp>
        <p:nvSpPr>
          <p:cNvPr id="5" name="Text Placeholder 4"/>
          <p:cNvSpPr>
            <a:spLocks noGrp="1"/>
          </p:cNvSpPr>
          <p:nvPr>
            <p:ph type="body" sz="quarter" idx="4294967295"/>
          </p:nvPr>
        </p:nvSpPr>
        <p:spPr>
          <a:xfrm>
            <a:off x="533400" y="2076474"/>
            <a:ext cx="8382000" cy="3773341"/>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defTabSz="912813" eaLnBrk="0" fontAlgn="base" hangingPunct="0">
              <a:spcAft>
                <a:spcPct val="0"/>
              </a:spcAft>
            </a:pPr>
            <a:r>
              <a:rPr lang="en-US" sz="2800" dirty="0">
                <a:effectLst>
                  <a:outerShdw blurRad="38100" dist="38100" dir="2700000" algn="tl">
                    <a:srgbClr val="000000">
                      <a:alpha val="43137"/>
                    </a:srgbClr>
                  </a:outerShdw>
                </a:effectLst>
              </a:rPr>
              <a:t>Summary</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Cal Water Fix analysis &amp; design incorporates climate change</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Cal Water Fix provides climate change adaptation</a:t>
            </a:r>
          </a:p>
          <a:p>
            <a:pPr defTabSz="912813" eaLnBrk="0" fontAlgn="base" hangingPunct="0">
              <a:spcAft>
                <a:spcPct val="0"/>
              </a:spcAft>
            </a:pPr>
            <a:r>
              <a:rPr lang="en-US" sz="2800" dirty="0">
                <a:effectLst>
                  <a:outerShdw blurRad="38100" dist="38100" dir="2700000" algn="tl">
                    <a:srgbClr val="000000">
                      <a:alpha val="43137"/>
                    </a:srgbClr>
                  </a:outerShdw>
                </a:effectLst>
              </a:rPr>
              <a:t>Analyses</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Effects on water quality &amp; water supply (DWR analysis)</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Effects on North Delta intake location (CH2M analysis)</a:t>
            </a:r>
          </a:p>
          <a:p>
            <a:pPr defTabSz="912813" eaLnBrk="0" fontAlgn="base" hangingPunct="0">
              <a:spcAft>
                <a:spcPct val="0"/>
              </a:spcAft>
            </a:pPr>
            <a:r>
              <a:rPr lang="en-US" sz="2800" dirty="0">
                <a:effectLst>
                  <a:outerShdw blurRad="38100" dist="38100" dir="2700000" algn="tl">
                    <a:srgbClr val="000000">
                      <a:alpha val="43137"/>
                    </a:srgbClr>
                  </a:outerShdw>
                </a:effectLst>
              </a:rPr>
              <a:t>Assumptions</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20 global climate models used to project Delta sea-level rise</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Time periods modeled – 2025, 2060, 2100</a:t>
            </a:r>
          </a:p>
        </p:txBody>
      </p:sp>
    </p:spTree>
    <p:extLst>
      <p:ext uri="{BB962C8B-B14F-4D97-AF65-F5344CB8AC3E}">
        <p14:creationId xmlns:p14="http://schemas.microsoft.com/office/powerpoint/2010/main" val="3251315008"/>
      </p:ext>
    </p:extLst>
  </p:cSld>
  <p:clrMapOvr>
    <a:masterClrMapping/>
  </p:clrMapOvr>
  <p:transition spd="slow">
    <p:fade/>
  </p:transition>
  <p:timing>
    <p:tnLst>
      <p:par>
        <p:cTn id="1" dur="indefinite" restart="never" nodeType="tmRoot"/>
      </p:par>
    </p:tnLst>
  </p:timing>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Bacground Pic"/>
          <p:cNvGrpSpPr>
            <a:grpSpLocks/>
          </p:cNvGrpSpPr>
          <p:nvPr/>
        </p:nvGrpSpPr>
        <p:grpSpPr bwMode="auto">
          <a:xfrm>
            <a:off x="-34925" y="1173824"/>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54" name="Sac River"/>
          <p:cNvGrpSpPr>
            <a:grpSpLocks/>
          </p:cNvGrpSpPr>
          <p:nvPr/>
        </p:nvGrpSpPr>
        <p:grpSpPr bwMode="auto">
          <a:xfrm>
            <a:off x="2590800" y="1739900"/>
            <a:ext cx="2795588" cy="2616200"/>
            <a:chOff x="2590800" y="1739900"/>
            <a:chExt cx="2795588" cy="2616200"/>
          </a:xfrm>
        </p:grpSpPr>
        <p:sp>
          <p:nvSpPr>
            <p:cNvPr id="155"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156"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grpSp>
      <p:grpSp>
        <p:nvGrpSpPr>
          <p:cNvPr id="21" name="Westside - Isolated Facility" hidden="1"/>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fontAlgn="base">
                    <a:spcBef>
                      <a:spcPct val="0"/>
                    </a:spcBef>
                    <a:spcAft>
                      <a:spcPct val="0"/>
                    </a:spcAft>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grpSp>
        <p:nvGrpSpPr>
          <p:cNvPr id="24" name="Eastside - Isolated Facility" hidden="1"/>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hidden="1"/>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fontAlgn="base">
              <a:spcBef>
                <a:spcPct val="0"/>
              </a:spcBef>
              <a:spcAft>
                <a:spcPct val="0"/>
              </a:spcAft>
              <a:defRPr/>
            </a:pPr>
            <a:endParaRPr lang="en-US" dirty="0">
              <a:solidFill>
                <a:prstClr val="white"/>
              </a:solidFill>
              <a:latin typeface="Arial" pitchFamily="34" charset="0"/>
              <a:cs typeface="Arial" pitchFamily="34" charset="0"/>
            </a:endParaRPr>
          </a:p>
        </p:txBody>
      </p:sp>
      <p:grpSp>
        <p:nvGrpSpPr>
          <p:cNvPr id="2" name="North-South Mokelumne &amp; Old-Middle River" hidden="1"/>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41072" name="Sourth Fork Mokelumne - Old River" hidden="1"/>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grpSp>
      <p:sp>
        <p:nvSpPr>
          <p:cNvPr id="40970" name="San Joaquin River" hidden="1"/>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cxnSp>
        <p:nvCxnSpPr>
          <p:cNvPr id="111" name="CCFB Split"/>
          <p:cNvCxnSpPr/>
          <p:nvPr/>
        </p:nvCxnSpPr>
        <p:spPr>
          <a:xfrm flipV="1">
            <a:off x="4064177" y="5848846"/>
            <a:ext cx="425273" cy="94560"/>
          </a:xfrm>
          <a:prstGeom prst="line">
            <a:avLst/>
          </a:prstGeom>
          <a:ln w="19050">
            <a:solidFill>
              <a:schemeClr val="accent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0" name="Tunnel - Old Alignment" hidden="1"/>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12" name="Tunnel - New Alignment"/>
          <p:cNvSpPr/>
          <p:nvPr/>
        </p:nvSpPr>
        <p:spPr>
          <a:xfrm>
            <a:off x="4484799" y="3391611"/>
            <a:ext cx="985510" cy="2372450"/>
          </a:xfrm>
          <a:custGeom>
            <a:avLst/>
            <a:gdLst>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047750 w 1333935"/>
              <a:gd name="connsiteY0" fmla="*/ 0 h 2076450"/>
              <a:gd name="connsiteX1" fmla="*/ 1333500 w 1333935"/>
              <a:gd name="connsiteY1" fmla="*/ 120650 h 2076450"/>
              <a:gd name="connsiteX2" fmla="*/ 1104900 w 1333935"/>
              <a:gd name="connsiteY2" fmla="*/ 412750 h 2076450"/>
              <a:gd name="connsiteX3" fmla="*/ 798182 w 1333935"/>
              <a:gd name="connsiteY3" fmla="*/ 666537 h 2076450"/>
              <a:gd name="connsiteX4" fmla="*/ 469900 w 1333935"/>
              <a:gd name="connsiteY4" fmla="*/ 1797050 h 2076450"/>
              <a:gd name="connsiteX5" fmla="*/ 0 w 1333935"/>
              <a:gd name="connsiteY5" fmla="*/ 2076450 h 2076450"/>
              <a:gd name="connsiteX0" fmla="*/ 1028700 w 1334247"/>
              <a:gd name="connsiteY0" fmla="*/ 0 h 2109787"/>
              <a:gd name="connsiteX1" fmla="*/ 1333500 w 1334247"/>
              <a:gd name="connsiteY1" fmla="*/ 153987 h 2109787"/>
              <a:gd name="connsiteX2" fmla="*/ 1104900 w 1334247"/>
              <a:gd name="connsiteY2" fmla="*/ 446087 h 2109787"/>
              <a:gd name="connsiteX3" fmla="*/ 798182 w 1334247"/>
              <a:gd name="connsiteY3" fmla="*/ 699874 h 2109787"/>
              <a:gd name="connsiteX4" fmla="*/ 469900 w 1334247"/>
              <a:gd name="connsiteY4" fmla="*/ 1830387 h 2109787"/>
              <a:gd name="connsiteX5" fmla="*/ 0 w 1334247"/>
              <a:gd name="connsiteY5" fmla="*/ 2109787 h 2109787"/>
              <a:gd name="connsiteX0" fmla="*/ 1028700 w 1272681"/>
              <a:gd name="connsiteY0" fmla="*/ 0 h 2109787"/>
              <a:gd name="connsiteX1" fmla="*/ 1271588 w 1272681"/>
              <a:gd name="connsiteY1" fmla="*/ 163512 h 2109787"/>
              <a:gd name="connsiteX2" fmla="*/ 1104900 w 1272681"/>
              <a:gd name="connsiteY2" fmla="*/ 446087 h 2109787"/>
              <a:gd name="connsiteX3" fmla="*/ 798182 w 1272681"/>
              <a:gd name="connsiteY3" fmla="*/ 699874 h 2109787"/>
              <a:gd name="connsiteX4" fmla="*/ 469900 w 1272681"/>
              <a:gd name="connsiteY4" fmla="*/ 1830387 h 2109787"/>
              <a:gd name="connsiteX5" fmla="*/ 0 w 1272681"/>
              <a:gd name="connsiteY5" fmla="*/ 2109787 h 2109787"/>
              <a:gd name="connsiteX0" fmla="*/ 1028700 w 1296329"/>
              <a:gd name="connsiteY0" fmla="*/ 0 h 2109787"/>
              <a:gd name="connsiteX1" fmla="*/ 1295401 w 1296329"/>
              <a:gd name="connsiteY1" fmla="*/ 173037 h 2109787"/>
              <a:gd name="connsiteX2" fmla="*/ 1104900 w 1296329"/>
              <a:gd name="connsiteY2" fmla="*/ 446087 h 2109787"/>
              <a:gd name="connsiteX3" fmla="*/ 798182 w 1296329"/>
              <a:gd name="connsiteY3" fmla="*/ 699874 h 2109787"/>
              <a:gd name="connsiteX4" fmla="*/ 469900 w 1296329"/>
              <a:gd name="connsiteY4" fmla="*/ 1830387 h 2109787"/>
              <a:gd name="connsiteX5" fmla="*/ 0 w 1296329"/>
              <a:gd name="connsiteY5" fmla="*/ 2109787 h 210978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990600 w 1297325"/>
              <a:gd name="connsiteY0" fmla="*/ 0 h 2095500"/>
              <a:gd name="connsiteX1" fmla="*/ 1295401 w 1297325"/>
              <a:gd name="connsiteY1" fmla="*/ 158750 h 2095500"/>
              <a:gd name="connsiteX2" fmla="*/ 1104900 w 1297325"/>
              <a:gd name="connsiteY2" fmla="*/ 431800 h 2095500"/>
              <a:gd name="connsiteX3" fmla="*/ 798182 w 1297325"/>
              <a:gd name="connsiteY3" fmla="*/ 685587 h 2095500"/>
              <a:gd name="connsiteX4" fmla="*/ 469900 w 1297325"/>
              <a:gd name="connsiteY4" fmla="*/ 1816100 h 2095500"/>
              <a:gd name="connsiteX5" fmla="*/ 0 w 1297325"/>
              <a:gd name="connsiteY5" fmla="*/ 2095500 h 2095500"/>
              <a:gd name="connsiteX0" fmla="*/ 1039368 w 1346093"/>
              <a:gd name="connsiteY0" fmla="*/ 0 h 2217420"/>
              <a:gd name="connsiteX1" fmla="*/ 1344169 w 1346093"/>
              <a:gd name="connsiteY1" fmla="*/ 158750 h 2217420"/>
              <a:gd name="connsiteX2" fmla="*/ 1153668 w 1346093"/>
              <a:gd name="connsiteY2" fmla="*/ 431800 h 2217420"/>
              <a:gd name="connsiteX3" fmla="*/ 846950 w 1346093"/>
              <a:gd name="connsiteY3" fmla="*/ 685587 h 2217420"/>
              <a:gd name="connsiteX4" fmla="*/ 518668 w 1346093"/>
              <a:gd name="connsiteY4" fmla="*/ 1816100 h 2217420"/>
              <a:gd name="connsiteX5" fmla="*/ 0 w 1346093"/>
              <a:gd name="connsiteY5" fmla="*/ 2217420 h 2217420"/>
              <a:gd name="connsiteX0" fmla="*/ 1039368 w 1216797"/>
              <a:gd name="connsiteY0" fmla="*/ 0 h 2217420"/>
              <a:gd name="connsiteX1" fmla="*/ 1208838 w 1216797"/>
              <a:gd name="connsiteY1" fmla="*/ 162408 h 2217420"/>
              <a:gd name="connsiteX2" fmla="*/ 1153668 w 1216797"/>
              <a:gd name="connsiteY2" fmla="*/ 431800 h 2217420"/>
              <a:gd name="connsiteX3" fmla="*/ 846950 w 1216797"/>
              <a:gd name="connsiteY3" fmla="*/ 685587 h 2217420"/>
              <a:gd name="connsiteX4" fmla="*/ 518668 w 1216797"/>
              <a:gd name="connsiteY4" fmla="*/ 1816100 h 2217420"/>
              <a:gd name="connsiteX5" fmla="*/ 0 w 1216797"/>
              <a:gd name="connsiteY5" fmla="*/ 2217420 h 2217420"/>
              <a:gd name="connsiteX0" fmla="*/ 1039368 w 1225123"/>
              <a:gd name="connsiteY0" fmla="*/ 0 h 2217420"/>
              <a:gd name="connsiteX1" fmla="*/ 1208838 w 1225123"/>
              <a:gd name="connsiteY1" fmla="*/ 162408 h 2217420"/>
              <a:gd name="connsiteX2" fmla="*/ 1212139 w 1225123"/>
              <a:gd name="connsiteY2" fmla="*/ 302566 h 2217420"/>
              <a:gd name="connsiteX3" fmla="*/ 1153668 w 1225123"/>
              <a:gd name="connsiteY3" fmla="*/ 431800 h 2217420"/>
              <a:gd name="connsiteX4" fmla="*/ 846950 w 1225123"/>
              <a:gd name="connsiteY4" fmla="*/ 685587 h 2217420"/>
              <a:gd name="connsiteX5" fmla="*/ 518668 w 1225123"/>
              <a:gd name="connsiteY5" fmla="*/ 1816100 h 2217420"/>
              <a:gd name="connsiteX6" fmla="*/ 0 w 1225123"/>
              <a:gd name="connsiteY6" fmla="*/ 2217420 h 2217420"/>
              <a:gd name="connsiteX0" fmla="*/ 1039368 w 1258236"/>
              <a:gd name="connsiteY0" fmla="*/ 0 h 2217420"/>
              <a:gd name="connsiteX1" fmla="*/ 1208838 w 1258236"/>
              <a:gd name="connsiteY1" fmla="*/ 162408 h 2217420"/>
              <a:gd name="connsiteX2" fmla="*/ 1256030 w 1258236"/>
              <a:gd name="connsiteY2" fmla="*/ 273305 h 2217420"/>
              <a:gd name="connsiteX3" fmla="*/ 1153668 w 1258236"/>
              <a:gd name="connsiteY3" fmla="*/ 431800 h 2217420"/>
              <a:gd name="connsiteX4" fmla="*/ 846950 w 1258236"/>
              <a:gd name="connsiteY4" fmla="*/ 685587 h 2217420"/>
              <a:gd name="connsiteX5" fmla="*/ 518668 w 1258236"/>
              <a:gd name="connsiteY5" fmla="*/ 1816100 h 2217420"/>
              <a:gd name="connsiteX6" fmla="*/ 0 w 1258236"/>
              <a:gd name="connsiteY6" fmla="*/ 2217420 h 2217420"/>
              <a:gd name="connsiteX0" fmla="*/ 1057656 w 1258049"/>
              <a:gd name="connsiteY0" fmla="*/ 0 h 2341778"/>
              <a:gd name="connsiteX1" fmla="*/ 1208838 w 1258049"/>
              <a:gd name="connsiteY1" fmla="*/ 286766 h 2341778"/>
              <a:gd name="connsiteX2" fmla="*/ 1256030 w 1258049"/>
              <a:gd name="connsiteY2" fmla="*/ 397663 h 2341778"/>
              <a:gd name="connsiteX3" fmla="*/ 1153668 w 1258049"/>
              <a:gd name="connsiteY3" fmla="*/ 556158 h 2341778"/>
              <a:gd name="connsiteX4" fmla="*/ 846950 w 1258049"/>
              <a:gd name="connsiteY4" fmla="*/ 809945 h 2341778"/>
              <a:gd name="connsiteX5" fmla="*/ 518668 w 1258049"/>
              <a:gd name="connsiteY5" fmla="*/ 1940458 h 2341778"/>
              <a:gd name="connsiteX6" fmla="*/ 0 w 1258049"/>
              <a:gd name="connsiteY6" fmla="*/ 2341778 h 2341778"/>
              <a:gd name="connsiteX0" fmla="*/ 1057656 w 1258226"/>
              <a:gd name="connsiteY0" fmla="*/ 0 h 2341778"/>
              <a:gd name="connsiteX1" fmla="*/ 1040232 w 1258226"/>
              <a:gd name="connsiteY1" fmla="*/ 134316 h 2341778"/>
              <a:gd name="connsiteX2" fmla="*/ 1208838 w 1258226"/>
              <a:gd name="connsiteY2" fmla="*/ 286766 h 2341778"/>
              <a:gd name="connsiteX3" fmla="*/ 1256030 w 1258226"/>
              <a:gd name="connsiteY3" fmla="*/ 397663 h 2341778"/>
              <a:gd name="connsiteX4" fmla="*/ 1153668 w 1258226"/>
              <a:gd name="connsiteY4" fmla="*/ 556158 h 2341778"/>
              <a:gd name="connsiteX5" fmla="*/ 846950 w 1258226"/>
              <a:gd name="connsiteY5" fmla="*/ 809945 h 2341778"/>
              <a:gd name="connsiteX6" fmla="*/ 518668 w 1258226"/>
              <a:gd name="connsiteY6" fmla="*/ 1940458 h 2341778"/>
              <a:gd name="connsiteX7" fmla="*/ 0 w 1258226"/>
              <a:gd name="connsiteY7" fmla="*/ 2341778 h 234177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46950 w 1258226"/>
              <a:gd name="connsiteY5" fmla="*/ 82457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87183 w 1258226"/>
              <a:gd name="connsiteY5" fmla="*/ 861151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25004 w 1258226"/>
              <a:gd name="connsiteY5" fmla="*/ 99282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40879 w 1258226"/>
              <a:gd name="connsiteY5" fmla="*/ 1040374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26249 w 1258226"/>
              <a:gd name="connsiteY5" fmla="*/ 1036716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795913 w 985510"/>
              <a:gd name="connsiteY0" fmla="*/ 0 h 2372450"/>
              <a:gd name="connsiteX1" fmla="*/ 767516 w 985510"/>
              <a:gd name="connsiteY1" fmla="*/ 148946 h 2372450"/>
              <a:gd name="connsiteX2" fmla="*/ 936122 w 985510"/>
              <a:gd name="connsiteY2" fmla="*/ 301396 h 2372450"/>
              <a:gd name="connsiteX3" fmla="*/ 983314 w 985510"/>
              <a:gd name="connsiteY3" fmla="*/ 412293 h 2372450"/>
              <a:gd name="connsiteX4" fmla="*/ 880952 w 985510"/>
              <a:gd name="connsiteY4" fmla="*/ 570788 h 2372450"/>
              <a:gd name="connsiteX5" fmla="*/ 464505 w 985510"/>
              <a:gd name="connsiteY5" fmla="*/ 1047689 h 2372450"/>
              <a:gd name="connsiteX6" fmla="*/ 245952 w 985510"/>
              <a:gd name="connsiteY6" fmla="*/ 1955088 h 2372450"/>
              <a:gd name="connsiteX7" fmla="*/ 0 w 985510"/>
              <a:gd name="connsiteY7" fmla="*/ 2372450 h 2372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5510" h="2372450">
                <a:moveTo>
                  <a:pt x="795913" y="0"/>
                </a:moveTo>
                <a:cubicBezTo>
                  <a:pt x="807030" y="15680"/>
                  <a:pt x="742319" y="101152"/>
                  <a:pt x="767516" y="148946"/>
                </a:cubicBezTo>
                <a:cubicBezTo>
                  <a:pt x="792713" y="196740"/>
                  <a:pt x="900156" y="257505"/>
                  <a:pt x="936122" y="301396"/>
                </a:cubicBezTo>
                <a:cubicBezTo>
                  <a:pt x="972088" y="345287"/>
                  <a:pt x="992509" y="367394"/>
                  <a:pt x="983314" y="412293"/>
                </a:cubicBezTo>
                <a:cubicBezTo>
                  <a:pt x="974119" y="457192"/>
                  <a:pt x="967420" y="464889"/>
                  <a:pt x="880952" y="570788"/>
                </a:cubicBezTo>
                <a:cubicBezTo>
                  <a:pt x="794484" y="676687"/>
                  <a:pt x="517788" y="922076"/>
                  <a:pt x="464505" y="1047689"/>
                </a:cubicBezTo>
                <a:cubicBezTo>
                  <a:pt x="411222" y="1173302"/>
                  <a:pt x="332246" y="1725995"/>
                  <a:pt x="245952" y="1955088"/>
                </a:cubicBezTo>
                <a:cubicBezTo>
                  <a:pt x="159658" y="2184181"/>
                  <a:pt x="225588" y="2256161"/>
                  <a:pt x="0" y="2372450"/>
                </a:cubicBezTo>
              </a:path>
            </a:pathLst>
          </a:custGeom>
          <a:noFill/>
          <a:ln w="19050">
            <a:solidFill>
              <a:srgbClr val="66FF33"/>
            </a:solidFill>
            <a:prstDash val="sysDash"/>
          </a:ln>
          <a:effectLst>
            <a:glow rad="63500">
              <a:schemeClr val="bg1">
                <a:alpha val="40000"/>
              </a:schemeClr>
            </a:glow>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fontAlgn="base">
              <a:spcBef>
                <a:spcPct val="0"/>
              </a:spcBef>
              <a:spcAft>
                <a:spcPct val="0"/>
              </a:spcAft>
              <a:defRPr/>
            </a:pPr>
            <a:r>
              <a:rPr lang="en-US" sz="1400" b="1" i="1" dirty="0">
                <a:solidFill>
                  <a:srgbClr val="FFC000"/>
                </a:solidFill>
                <a:effectLst>
                  <a:glow rad="101600">
                    <a:prstClr val="black">
                      <a:alpha val="60000"/>
                    </a:prstClr>
                  </a:glow>
                </a:effectLst>
                <a:cs typeface="Arial" pitchFamily="34" charset="0"/>
              </a:rPr>
              <a:t>Preliminary Subject to Revision</a:t>
            </a:r>
          </a:p>
        </p:txBody>
      </p:sp>
      <p:sp>
        <p:nvSpPr>
          <p:cNvPr id="78" name="Tunnel - Text Box" hidden="1"/>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Tunnels</a:t>
            </a:r>
          </a:p>
        </p:txBody>
      </p:sp>
      <p:sp>
        <p:nvSpPr>
          <p:cNvPr id="66" name="SJ River Textbox" hidden="1"/>
          <p:cNvSpPr txBox="1">
            <a:spLocks noChangeArrowheads="1"/>
          </p:cNvSpPr>
          <p:nvPr/>
        </p:nvSpPr>
        <p:spPr bwMode="invGray">
          <a:xfrm rot="2299389">
            <a:off x="6919913" y="55800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J River</a:t>
            </a:r>
          </a:p>
        </p:txBody>
      </p:sp>
      <p:sp>
        <p:nvSpPr>
          <p:cNvPr id="108" name="Thru-Delta - Text Box" hidden="1"/>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fontAlgn="base">
              <a:spcBef>
                <a:spcPct val="0"/>
              </a:spcBef>
              <a:spcAft>
                <a:spcPct val="0"/>
              </a:spcAft>
            </a:pP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hangingPunct="0">
              <a:spcBef>
                <a:spcPct val="50000"/>
              </a:spcBef>
              <a:defRPr/>
            </a:pPr>
            <a:r>
              <a:rPr lang="en-US" sz="2400" b="1" dirty="0">
                <a:solidFill>
                  <a:prstClr val="white"/>
                </a:solidFill>
                <a:cs typeface="Arial" pitchFamily="34" charset="0"/>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hangingPunct="0">
              <a:spcBef>
                <a:spcPct val="50000"/>
              </a:spcBef>
              <a:defRPr/>
            </a:pPr>
            <a:r>
              <a:rPr lang="en-US" sz="2400" b="1" dirty="0">
                <a:solidFill>
                  <a:prstClr val="white"/>
                </a:solidFill>
                <a:cs typeface="Arial" pitchFamily="34" charset="0"/>
              </a:rPr>
              <a:t>SWP Pumps</a:t>
            </a:r>
          </a:p>
        </p:txBody>
      </p:sp>
      <p:sp>
        <p:nvSpPr>
          <p:cNvPr id="54" name="Sacramento Textbox" hidden="1"/>
          <p:cNvSpPr txBox="1">
            <a:spLocks noChangeArrowheads="1"/>
          </p:cNvSpPr>
          <p:nvPr/>
        </p:nvSpPr>
        <p:spPr bwMode="invGray">
          <a:xfrm>
            <a:off x="5943600" y="25908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acramento</a:t>
            </a:r>
          </a:p>
        </p:txBody>
      </p:sp>
      <p:sp>
        <p:nvSpPr>
          <p:cNvPr id="53" name="Stockton Textbox" hidden="1"/>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tockton</a:t>
            </a:r>
          </a:p>
        </p:txBody>
      </p:sp>
      <p:sp>
        <p:nvSpPr>
          <p:cNvPr id="52" name="Sac River  Textbox" hidden="1"/>
          <p:cNvSpPr txBox="1">
            <a:spLocks noChangeArrowheads="1"/>
          </p:cNvSpPr>
          <p:nvPr/>
        </p:nvSpPr>
        <p:spPr bwMode="invGray">
          <a:xfrm>
            <a:off x="2897188"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ac River</a:t>
            </a:r>
          </a:p>
        </p:txBody>
      </p:sp>
      <p:sp>
        <p:nvSpPr>
          <p:cNvPr id="75" name="West Canal - Text Box" hidden="1"/>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West Canal</a:t>
            </a:r>
          </a:p>
        </p:txBody>
      </p:sp>
      <p:sp>
        <p:nvSpPr>
          <p:cNvPr id="77" name="East Canal - Text Box" hidden="1"/>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East Canal</a:t>
            </a:r>
          </a:p>
        </p:txBody>
      </p:sp>
      <p:sp>
        <p:nvSpPr>
          <p:cNvPr id="83" name="Slide Title"/>
          <p:cNvSpPr txBox="1">
            <a:spLocks noChangeArrowheads="1"/>
          </p:cNvSpPr>
          <p:nvPr/>
        </p:nvSpPr>
        <p:spPr bwMode="invGray">
          <a:xfrm>
            <a:off x="90402" y="8198"/>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r" defTabSz="914363" fontAlgn="base">
              <a:spcBef>
                <a:spcPct val="0"/>
              </a:spcBef>
              <a:spcAft>
                <a:spcPct val="0"/>
              </a:spcAft>
              <a:defRPr/>
            </a:pP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rPr>
              <a:t>Climate Change Analysis</a:t>
            </a:r>
            <a:endParaRPr lang="en-US" sz="40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endParaRPr>
          </a:p>
          <a:p>
            <a:pPr algn="r" fontAlgn="base">
              <a:spcBef>
                <a:spcPct val="0"/>
              </a:spcBef>
              <a:spcAft>
                <a:spcPct val="0"/>
              </a:spcAft>
              <a:defRPr/>
            </a:pPr>
            <a:r>
              <a:rPr lang="en-US" sz="3200" b="1" dirty="0" smtClean="0">
                <a:solidFill>
                  <a:prstClr val="white"/>
                </a:solidFill>
                <a:latin typeface="+mn-lt"/>
              </a:rPr>
              <a:t>Effects on Delta Intake Location</a:t>
            </a:r>
            <a:endParaRPr lang="en-US" sz="3200" b="1" dirty="0">
              <a:solidFill>
                <a:prstClr val="white"/>
              </a:solidFill>
              <a:latin typeface="+mn-lt"/>
            </a:endParaRPr>
          </a:p>
        </p:txBody>
      </p:sp>
      <p:grpSp>
        <p:nvGrpSpPr>
          <p:cNvPr id="88" name="Intakes"/>
          <p:cNvGrpSpPr/>
          <p:nvPr/>
        </p:nvGrpSpPr>
        <p:grpSpPr>
          <a:xfrm>
            <a:off x="4973171" y="3263900"/>
            <a:ext cx="343535" cy="287655"/>
            <a:chOff x="4975548" y="3264947"/>
            <a:chExt cx="343535" cy="287655"/>
          </a:xfrm>
        </p:grpSpPr>
        <p:sp>
          <p:nvSpPr>
            <p:cNvPr id="90" name="Intake 4"/>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91" name="Intake 3"/>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92" name="Intake 1"/>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sp>
        <p:nvSpPr>
          <p:cNvPr id="128" name="Afterbay Connection to CVP"/>
          <p:cNvSpPr>
            <a:spLocks/>
          </p:cNvSpPr>
          <p:nvPr/>
        </p:nvSpPr>
        <p:spPr bwMode="auto">
          <a:xfrm>
            <a:off x="4061800" y="6132931"/>
            <a:ext cx="265049" cy="12949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sp>
        <p:nvSpPr>
          <p:cNvPr id="129" name="Eastside Afterbay" hidden="1"/>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Red Rectangle - North Delta" hidden="1"/>
          <p:cNvSpPr/>
          <p:nvPr/>
        </p:nvSpPr>
        <p:spPr bwMode="auto">
          <a:xfrm>
            <a:off x="4754569" y="3174479"/>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2" name="Red Rectangle - North Delta" hidden="1"/>
          <p:cNvSpPr/>
          <p:nvPr/>
        </p:nvSpPr>
        <p:spPr bwMode="auto">
          <a:xfrm>
            <a:off x="3429000" y="5867400"/>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6" name="Freeform 9"/>
          <p:cNvSpPr>
            <a:spLocks/>
          </p:cNvSpPr>
          <p:nvPr/>
        </p:nvSpPr>
        <p:spPr bwMode="auto">
          <a:xfrm>
            <a:off x="4209992" y="6101785"/>
            <a:ext cx="215954" cy="878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92D050"/>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black"/>
              </a:solidFill>
              <a:latin typeface="Arial" charset="0"/>
              <a:cs typeface="Arial" charset="0"/>
            </a:endParaRPr>
          </a:p>
        </p:txBody>
      </p:sp>
      <p:sp>
        <p:nvSpPr>
          <p:cNvPr id="137" name="Oval 17"/>
          <p:cNvSpPr>
            <a:spLocks noChangeAspect="1" noChangeArrowheads="1"/>
          </p:cNvSpPr>
          <p:nvPr/>
        </p:nvSpPr>
        <p:spPr bwMode="invGray">
          <a:xfrm>
            <a:off x="3746125" y="6056081"/>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8" name="Oval 17"/>
          <p:cNvSpPr>
            <a:spLocks noChangeAspect="1" noChangeArrowheads="1"/>
          </p:cNvSpPr>
          <p:nvPr/>
        </p:nvSpPr>
        <p:spPr bwMode="invGray">
          <a:xfrm>
            <a:off x="4038600" y="6172200"/>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9" name="Freeform 138"/>
          <p:cNvSpPr/>
          <p:nvPr/>
        </p:nvSpPr>
        <p:spPr bwMode="auto">
          <a:xfrm>
            <a:off x="4140879" y="5952226"/>
            <a:ext cx="446592" cy="148461"/>
          </a:xfrm>
          <a:custGeom>
            <a:avLst/>
            <a:gdLst>
              <a:gd name="connsiteX0" fmla="*/ 175565 w 186538"/>
              <a:gd name="connsiteY0" fmla="*/ 0 h 109728"/>
              <a:gd name="connsiteX1" fmla="*/ 142646 w 186538"/>
              <a:gd name="connsiteY1" fmla="*/ 10973 h 109728"/>
              <a:gd name="connsiteX2" fmla="*/ 54864 w 186538"/>
              <a:gd name="connsiteY2" fmla="*/ 21946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 name="connsiteX0" fmla="*/ 175565 w 186538"/>
              <a:gd name="connsiteY0" fmla="*/ 0 h 109728"/>
              <a:gd name="connsiteX1" fmla="*/ 142646 w 186538"/>
              <a:gd name="connsiteY1" fmla="*/ 10973 h 109728"/>
              <a:gd name="connsiteX2" fmla="*/ 55915 w 186538"/>
              <a:gd name="connsiteY2" fmla="*/ 7658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 name="connsiteX0" fmla="*/ 183970 w 194943"/>
              <a:gd name="connsiteY0" fmla="*/ 0 h 109728"/>
              <a:gd name="connsiteX1" fmla="*/ 151051 w 194943"/>
              <a:gd name="connsiteY1" fmla="*/ 10973 h 109728"/>
              <a:gd name="connsiteX2" fmla="*/ 64320 w 194943"/>
              <a:gd name="connsiteY2" fmla="*/ 7658 h 109728"/>
              <a:gd name="connsiteX3" fmla="*/ 0 w 194943"/>
              <a:gd name="connsiteY3" fmla="*/ 62523 h 109728"/>
              <a:gd name="connsiteX4" fmla="*/ 48639 w 194943"/>
              <a:gd name="connsiteY4" fmla="*/ 109728 h 109728"/>
              <a:gd name="connsiteX5" fmla="*/ 125448 w 194943"/>
              <a:gd name="connsiteY5" fmla="*/ 102413 h 109728"/>
              <a:gd name="connsiteX6" fmla="*/ 183970 w 194943"/>
              <a:gd name="connsiteY6" fmla="*/ 102413 h 109728"/>
              <a:gd name="connsiteX7" fmla="*/ 194943 w 194943"/>
              <a:gd name="connsiteY7" fmla="*/ 62179 h 109728"/>
              <a:gd name="connsiteX8" fmla="*/ 183970 w 194943"/>
              <a:gd name="connsiteY8" fmla="*/ 0 h 109728"/>
              <a:gd name="connsiteX0" fmla="*/ 183970 w 194943"/>
              <a:gd name="connsiteY0" fmla="*/ 0 h 109728"/>
              <a:gd name="connsiteX1" fmla="*/ 151051 w 194943"/>
              <a:gd name="connsiteY1" fmla="*/ 10973 h 109728"/>
              <a:gd name="connsiteX2" fmla="*/ 64320 w 194943"/>
              <a:gd name="connsiteY2" fmla="*/ 7658 h 109728"/>
              <a:gd name="connsiteX3" fmla="*/ 0 w 194943"/>
              <a:gd name="connsiteY3" fmla="*/ 62523 h 109728"/>
              <a:gd name="connsiteX4" fmla="*/ 48639 w 194943"/>
              <a:gd name="connsiteY4" fmla="*/ 109728 h 109728"/>
              <a:gd name="connsiteX5" fmla="*/ 125448 w 194943"/>
              <a:gd name="connsiteY5" fmla="*/ 102413 h 109728"/>
              <a:gd name="connsiteX6" fmla="*/ 183970 w 194943"/>
              <a:gd name="connsiteY6" fmla="*/ 102413 h 109728"/>
              <a:gd name="connsiteX7" fmla="*/ 194943 w 194943"/>
              <a:gd name="connsiteY7" fmla="*/ 62179 h 109728"/>
              <a:gd name="connsiteX8" fmla="*/ 183970 w 194943"/>
              <a:gd name="connsiteY8" fmla="*/ 0 h 109728"/>
              <a:gd name="connsiteX0" fmla="*/ 183970 w 194943"/>
              <a:gd name="connsiteY0" fmla="*/ 4248 h 113976"/>
              <a:gd name="connsiteX1" fmla="*/ 151051 w 194943"/>
              <a:gd name="connsiteY1" fmla="*/ 15221 h 113976"/>
              <a:gd name="connsiteX2" fmla="*/ 62218 w 194943"/>
              <a:gd name="connsiteY2" fmla="*/ 0 h 113976"/>
              <a:gd name="connsiteX3" fmla="*/ 0 w 194943"/>
              <a:gd name="connsiteY3" fmla="*/ 66771 h 113976"/>
              <a:gd name="connsiteX4" fmla="*/ 48639 w 194943"/>
              <a:gd name="connsiteY4" fmla="*/ 113976 h 113976"/>
              <a:gd name="connsiteX5" fmla="*/ 125448 w 194943"/>
              <a:gd name="connsiteY5" fmla="*/ 106661 h 113976"/>
              <a:gd name="connsiteX6" fmla="*/ 183970 w 194943"/>
              <a:gd name="connsiteY6" fmla="*/ 106661 h 113976"/>
              <a:gd name="connsiteX7" fmla="*/ 194943 w 194943"/>
              <a:gd name="connsiteY7" fmla="*/ 66427 h 113976"/>
              <a:gd name="connsiteX8" fmla="*/ 183970 w 194943"/>
              <a:gd name="connsiteY8" fmla="*/ 4248 h 113976"/>
              <a:gd name="connsiteX0" fmla="*/ 183970 w 194943"/>
              <a:gd name="connsiteY0" fmla="*/ 4248 h 113976"/>
              <a:gd name="connsiteX1" fmla="*/ 154202 w 194943"/>
              <a:gd name="connsiteY1" fmla="*/ 12840 h 113976"/>
              <a:gd name="connsiteX2" fmla="*/ 62218 w 194943"/>
              <a:gd name="connsiteY2" fmla="*/ 0 h 113976"/>
              <a:gd name="connsiteX3" fmla="*/ 0 w 194943"/>
              <a:gd name="connsiteY3" fmla="*/ 66771 h 113976"/>
              <a:gd name="connsiteX4" fmla="*/ 48639 w 194943"/>
              <a:gd name="connsiteY4" fmla="*/ 113976 h 113976"/>
              <a:gd name="connsiteX5" fmla="*/ 125448 w 194943"/>
              <a:gd name="connsiteY5" fmla="*/ 106661 h 113976"/>
              <a:gd name="connsiteX6" fmla="*/ 183970 w 194943"/>
              <a:gd name="connsiteY6" fmla="*/ 106661 h 113976"/>
              <a:gd name="connsiteX7" fmla="*/ 194943 w 194943"/>
              <a:gd name="connsiteY7" fmla="*/ 66427 h 113976"/>
              <a:gd name="connsiteX8" fmla="*/ 183970 w 194943"/>
              <a:gd name="connsiteY8" fmla="*/ 4248 h 113976"/>
              <a:gd name="connsiteX0" fmla="*/ 195527 w 195527"/>
              <a:gd name="connsiteY0" fmla="*/ 1867 h 113976"/>
              <a:gd name="connsiteX1" fmla="*/ 154202 w 195527"/>
              <a:gd name="connsiteY1" fmla="*/ 12840 h 113976"/>
              <a:gd name="connsiteX2" fmla="*/ 62218 w 195527"/>
              <a:gd name="connsiteY2" fmla="*/ 0 h 113976"/>
              <a:gd name="connsiteX3" fmla="*/ 0 w 195527"/>
              <a:gd name="connsiteY3" fmla="*/ 66771 h 113976"/>
              <a:gd name="connsiteX4" fmla="*/ 48639 w 195527"/>
              <a:gd name="connsiteY4" fmla="*/ 113976 h 113976"/>
              <a:gd name="connsiteX5" fmla="*/ 125448 w 195527"/>
              <a:gd name="connsiteY5" fmla="*/ 106661 h 113976"/>
              <a:gd name="connsiteX6" fmla="*/ 183970 w 195527"/>
              <a:gd name="connsiteY6" fmla="*/ 106661 h 113976"/>
              <a:gd name="connsiteX7" fmla="*/ 194943 w 195527"/>
              <a:gd name="connsiteY7" fmla="*/ 66427 h 113976"/>
              <a:gd name="connsiteX8" fmla="*/ 195527 w 195527"/>
              <a:gd name="connsiteY8" fmla="*/ 1867 h 113976"/>
              <a:gd name="connsiteX0" fmla="*/ 195527 w 203351"/>
              <a:gd name="connsiteY0" fmla="*/ 1867 h 113976"/>
              <a:gd name="connsiteX1" fmla="*/ 154202 w 203351"/>
              <a:gd name="connsiteY1" fmla="*/ 12840 h 113976"/>
              <a:gd name="connsiteX2" fmla="*/ 62218 w 203351"/>
              <a:gd name="connsiteY2" fmla="*/ 0 h 113976"/>
              <a:gd name="connsiteX3" fmla="*/ 0 w 203351"/>
              <a:gd name="connsiteY3" fmla="*/ 66771 h 113976"/>
              <a:gd name="connsiteX4" fmla="*/ 48639 w 203351"/>
              <a:gd name="connsiteY4" fmla="*/ 113976 h 113976"/>
              <a:gd name="connsiteX5" fmla="*/ 125448 w 203351"/>
              <a:gd name="connsiteY5" fmla="*/ 106661 h 113976"/>
              <a:gd name="connsiteX6" fmla="*/ 183970 w 203351"/>
              <a:gd name="connsiteY6" fmla="*/ 106661 h 113976"/>
              <a:gd name="connsiteX7" fmla="*/ 203348 w 203351"/>
              <a:gd name="connsiteY7" fmla="*/ 78333 h 113976"/>
              <a:gd name="connsiteX8" fmla="*/ 195527 w 203351"/>
              <a:gd name="connsiteY8" fmla="*/ 1867 h 113976"/>
              <a:gd name="connsiteX0" fmla="*/ 195527 w 203351"/>
              <a:gd name="connsiteY0" fmla="*/ 1867 h 130473"/>
              <a:gd name="connsiteX1" fmla="*/ 154202 w 203351"/>
              <a:gd name="connsiteY1" fmla="*/ 12840 h 130473"/>
              <a:gd name="connsiteX2" fmla="*/ 62218 w 203351"/>
              <a:gd name="connsiteY2" fmla="*/ 0 h 130473"/>
              <a:gd name="connsiteX3" fmla="*/ 0 w 203351"/>
              <a:gd name="connsiteY3" fmla="*/ 66771 h 130473"/>
              <a:gd name="connsiteX4" fmla="*/ 48639 w 203351"/>
              <a:gd name="connsiteY4" fmla="*/ 113976 h 130473"/>
              <a:gd name="connsiteX5" fmla="*/ 125448 w 203351"/>
              <a:gd name="connsiteY5" fmla="*/ 106661 h 130473"/>
              <a:gd name="connsiteX6" fmla="*/ 179768 w 203351"/>
              <a:gd name="connsiteY6" fmla="*/ 130473 h 130473"/>
              <a:gd name="connsiteX7" fmla="*/ 203348 w 203351"/>
              <a:gd name="connsiteY7" fmla="*/ 78333 h 130473"/>
              <a:gd name="connsiteX8" fmla="*/ 195527 w 203351"/>
              <a:gd name="connsiteY8" fmla="*/ 1867 h 130473"/>
              <a:gd name="connsiteX0" fmla="*/ 195527 w 203351"/>
              <a:gd name="connsiteY0" fmla="*/ 1867 h 130473"/>
              <a:gd name="connsiteX1" fmla="*/ 154202 w 203351"/>
              <a:gd name="connsiteY1" fmla="*/ 12840 h 130473"/>
              <a:gd name="connsiteX2" fmla="*/ 62218 w 203351"/>
              <a:gd name="connsiteY2" fmla="*/ 0 h 130473"/>
              <a:gd name="connsiteX3" fmla="*/ 0 w 203351"/>
              <a:gd name="connsiteY3" fmla="*/ 66771 h 130473"/>
              <a:gd name="connsiteX4" fmla="*/ 46538 w 203351"/>
              <a:gd name="connsiteY4" fmla="*/ 121120 h 130473"/>
              <a:gd name="connsiteX5" fmla="*/ 125448 w 203351"/>
              <a:gd name="connsiteY5" fmla="*/ 106661 h 130473"/>
              <a:gd name="connsiteX6" fmla="*/ 179768 w 203351"/>
              <a:gd name="connsiteY6" fmla="*/ 130473 h 130473"/>
              <a:gd name="connsiteX7" fmla="*/ 203348 w 203351"/>
              <a:gd name="connsiteY7" fmla="*/ 78333 h 130473"/>
              <a:gd name="connsiteX8" fmla="*/ 195527 w 203351"/>
              <a:gd name="connsiteY8" fmla="*/ 1867 h 130473"/>
              <a:gd name="connsiteX0" fmla="*/ 195527 w 203361"/>
              <a:gd name="connsiteY0" fmla="*/ 1867 h 130473"/>
              <a:gd name="connsiteX1" fmla="*/ 154202 w 203361"/>
              <a:gd name="connsiteY1" fmla="*/ 12840 h 130473"/>
              <a:gd name="connsiteX2" fmla="*/ 62218 w 203361"/>
              <a:gd name="connsiteY2" fmla="*/ 0 h 130473"/>
              <a:gd name="connsiteX3" fmla="*/ 0 w 203361"/>
              <a:gd name="connsiteY3" fmla="*/ 66771 h 130473"/>
              <a:gd name="connsiteX4" fmla="*/ 46538 w 203361"/>
              <a:gd name="connsiteY4" fmla="*/ 121120 h 130473"/>
              <a:gd name="connsiteX5" fmla="*/ 125448 w 203361"/>
              <a:gd name="connsiteY5" fmla="*/ 106661 h 130473"/>
              <a:gd name="connsiteX6" fmla="*/ 179768 w 203361"/>
              <a:gd name="connsiteY6" fmla="*/ 130473 h 130473"/>
              <a:gd name="connsiteX7" fmla="*/ 203348 w 203361"/>
              <a:gd name="connsiteY7" fmla="*/ 78333 h 130473"/>
              <a:gd name="connsiteX8" fmla="*/ 195527 w 203361"/>
              <a:gd name="connsiteY8" fmla="*/ 1867 h 130473"/>
              <a:gd name="connsiteX0" fmla="*/ 195527 w 204028"/>
              <a:gd name="connsiteY0" fmla="*/ 2621 h 131227"/>
              <a:gd name="connsiteX1" fmla="*/ 154202 w 204028"/>
              <a:gd name="connsiteY1" fmla="*/ 13594 h 131227"/>
              <a:gd name="connsiteX2" fmla="*/ 62218 w 204028"/>
              <a:gd name="connsiteY2" fmla="*/ 754 h 131227"/>
              <a:gd name="connsiteX3" fmla="*/ 0 w 204028"/>
              <a:gd name="connsiteY3" fmla="*/ 67525 h 131227"/>
              <a:gd name="connsiteX4" fmla="*/ 46538 w 204028"/>
              <a:gd name="connsiteY4" fmla="*/ 121874 h 131227"/>
              <a:gd name="connsiteX5" fmla="*/ 125448 w 204028"/>
              <a:gd name="connsiteY5" fmla="*/ 107415 h 131227"/>
              <a:gd name="connsiteX6" fmla="*/ 179768 w 204028"/>
              <a:gd name="connsiteY6" fmla="*/ 131227 h 131227"/>
              <a:gd name="connsiteX7" fmla="*/ 203348 w 204028"/>
              <a:gd name="connsiteY7" fmla="*/ 79087 h 131227"/>
              <a:gd name="connsiteX8" fmla="*/ 199669 w 204028"/>
              <a:gd name="connsiteY8" fmla="*/ 7479 h 131227"/>
              <a:gd name="connsiteX9" fmla="*/ 195527 w 204028"/>
              <a:gd name="connsiteY9" fmla="*/ 2621 h 131227"/>
              <a:gd name="connsiteX0" fmla="*/ 195527 w 204028"/>
              <a:gd name="connsiteY0" fmla="*/ 92 h 138223"/>
              <a:gd name="connsiteX1" fmla="*/ 154202 w 204028"/>
              <a:gd name="connsiteY1" fmla="*/ 20590 h 138223"/>
              <a:gd name="connsiteX2" fmla="*/ 62218 w 204028"/>
              <a:gd name="connsiteY2" fmla="*/ 7750 h 138223"/>
              <a:gd name="connsiteX3" fmla="*/ 0 w 204028"/>
              <a:gd name="connsiteY3" fmla="*/ 74521 h 138223"/>
              <a:gd name="connsiteX4" fmla="*/ 46538 w 204028"/>
              <a:gd name="connsiteY4" fmla="*/ 128870 h 138223"/>
              <a:gd name="connsiteX5" fmla="*/ 125448 w 204028"/>
              <a:gd name="connsiteY5" fmla="*/ 114411 h 138223"/>
              <a:gd name="connsiteX6" fmla="*/ 179768 w 204028"/>
              <a:gd name="connsiteY6" fmla="*/ 138223 h 138223"/>
              <a:gd name="connsiteX7" fmla="*/ 203348 w 204028"/>
              <a:gd name="connsiteY7" fmla="*/ 86083 h 138223"/>
              <a:gd name="connsiteX8" fmla="*/ 199669 w 204028"/>
              <a:gd name="connsiteY8" fmla="*/ 14475 h 138223"/>
              <a:gd name="connsiteX9" fmla="*/ 195527 w 204028"/>
              <a:gd name="connsiteY9" fmla="*/ 92 h 138223"/>
              <a:gd name="connsiteX0" fmla="*/ 195527 w 204387"/>
              <a:gd name="connsiteY0" fmla="*/ 0 h 138131"/>
              <a:gd name="connsiteX1" fmla="*/ 154202 w 204387"/>
              <a:gd name="connsiteY1" fmla="*/ 20498 h 138131"/>
              <a:gd name="connsiteX2" fmla="*/ 62218 w 204387"/>
              <a:gd name="connsiteY2" fmla="*/ 7658 h 138131"/>
              <a:gd name="connsiteX3" fmla="*/ 0 w 204387"/>
              <a:gd name="connsiteY3" fmla="*/ 74429 h 138131"/>
              <a:gd name="connsiteX4" fmla="*/ 46538 w 204387"/>
              <a:gd name="connsiteY4" fmla="*/ 128778 h 138131"/>
              <a:gd name="connsiteX5" fmla="*/ 125448 w 204387"/>
              <a:gd name="connsiteY5" fmla="*/ 114319 h 138131"/>
              <a:gd name="connsiteX6" fmla="*/ 179768 w 204387"/>
              <a:gd name="connsiteY6" fmla="*/ 138131 h 138131"/>
              <a:gd name="connsiteX7" fmla="*/ 203348 w 204387"/>
              <a:gd name="connsiteY7" fmla="*/ 85991 h 138131"/>
              <a:gd name="connsiteX8" fmla="*/ 195527 w 204387"/>
              <a:gd name="connsiteY8" fmla="*/ 0 h 138131"/>
              <a:gd name="connsiteX0" fmla="*/ 191325 w 203941"/>
              <a:gd name="connsiteY0" fmla="*/ 2805 h 130473"/>
              <a:gd name="connsiteX1" fmla="*/ 154202 w 203941"/>
              <a:gd name="connsiteY1" fmla="*/ 12840 h 130473"/>
              <a:gd name="connsiteX2" fmla="*/ 62218 w 203941"/>
              <a:gd name="connsiteY2" fmla="*/ 0 h 130473"/>
              <a:gd name="connsiteX3" fmla="*/ 0 w 203941"/>
              <a:gd name="connsiteY3" fmla="*/ 66771 h 130473"/>
              <a:gd name="connsiteX4" fmla="*/ 46538 w 203941"/>
              <a:gd name="connsiteY4" fmla="*/ 121120 h 130473"/>
              <a:gd name="connsiteX5" fmla="*/ 125448 w 203941"/>
              <a:gd name="connsiteY5" fmla="*/ 106661 h 130473"/>
              <a:gd name="connsiteX6" fmla="*/ 179768 w 203941"/>
              <a:gd name="connsiteY6" fmla="*/ 130473 h 130473"/>
              <a:gd name="connsiteX7" fmla="*/ 203348 w 203941"/>
              <a:gd name="connsiteY7" fmla="*/ 78333 h 130473"/>
              <a:gd name="connsiteX8" fmla="*/ 191325 w 203941"/>
              <a:gd name="connsiteY8" fmla="*/ 2805 h 130473"/>
              <a:gd name="connsiteX0" fmla="*/ 191325 w 203941"/>
              <a:gd name="connsiteY0" fmla="*/ 2805 h 130473"/>
              <a:gd name="connsiteX1" fmla="*/ 154202 w 203941"/>
              <a:gd name="connsiteY1" fmla="*/ 12840 h 130473"/>
              <a:gd name="connsiteX2" fmla="*/ 62218 w 203941"/>
              <a:gd name="connsiteY2" fmla="*/ 0 h 130473"/>
              <a:gd name="connsiteX3" fmla="*/ 0 w 203941"/>
              <a:gd name="connsiteY3" fmla="*/ 66771 h 130473"/>
              <a:gd name="connsiteX4" fmla="*/ 46538 w 203941"/>
              <a:gd name="connsiteY4" fmla="*/ 121120 h 130473"/>
              <a:gd name="connsiteX5" fmla="*/ 125448 w 203941"/>
              <a:gd name="connsiteY5" fmla="*/ 106661 h 130473"/>
              <a:gd name="connsiteX6" fmla="*/ 179768 w 203941"/>
              <a:gd name="connsiteY6" fmla="*/ 130473 h 130473"/>
              <a:gd name="connsiteX7" fmla="*/ 203348 w 203941"/>
              <a:gd name="connsiteY7" fmla="*/ 78333 h 130473"/>
              <a:gd name="connsiteX8" fmla="*/ 191325 w 203941"/>
              <a:gd name="connsiteY8" fmla="*/ 2805 h 130473"/>
              <a:gd name="connsiteX0" fmla="*/ 191325 w 197844"/>
              <a:gd name="connsiteY0" fmla="*/ 2805 h 130473"/>
              <a:gd name="connsiteX1" fmla="*/ 154202 w 197844"/>
              <a:gd name="connsiteY1" fmla="*/ 12840 h 130473"/>
              <a:gd name="connsiteX2" fmla="*/ 62218 w 197844"/>
              <a:gd name="connsiteY2" fmla="*/ 0 h 130473"/>
              <a:gd name="connsiteX3" fmla="*/ 0 w 197844"/>
              <a:gd name="connsiteY3" fmla="*/ 66771 h 130473"/>
              <a:gd name="connsiteX4" fmla="*/ 46538 w 197844"/>
              <a:gd name="connsiteY4" fmla="*/ 121120 h 130473"/>
              <a:gd name="connsiteX5" fmla="*/ 125448 w 197844"/>
              <a:gd name="connsiteY5" fmla="*/ 106661 h 130473"/>
              <a:gd name="connsiteX6" fmla="*/ 179768 w 197844"/>
              <a:gd name="connsiteY6" fmla="*/ 130473 h 130473"/>
              <a:gd name="connsiteX7" fmla="*/ 195994 w 197844"/>
              <a:gd name="connsiteY7" fmla="*/ 80426 h 130473"/>
              <a:gd name="connsiteX8" fmla="*/ 191325 w 197844"/>
              <a:gd name="connsiteY8" fmla="*/ 2805 h 130473"/>
              <a:gd name="connsiteX0" fmla="*/ 196578 w 200685"/>
              <a:gd name="connsiteY0" fmla="*/ 17455 h 130473"/>
              <a:gd name="connsiteX1" fmla="*/ 154202 w 200685"/>
              <a:gd name="connsiteY1" fmla="*/ 12840 h 130473"/>
              <a:gd name="connsiteX2" fmla="*/ 62218 w 200685"/>
              <a:gd name="connsiteY2" fmla="*/ 0 h 130473"/>
              <a:gd name="connsiteX3" fmla="*/ 0 w 200685"/>
              <a:gd name="connsiteY3" fmla="*/ 66771 h 130473"/>
              <a:gd name="connsiteX4" fmla="*/ 46538 w 200685"/>
              <a:gd name="connsiteY4" fmla="*/ 121120 h 130473"/>
              <a:gd name="connsiteX5" fmla="*/ 125448 w 200685"/>
              <a:gd name="connsiteY5" fmla="*/ 106661 h 130473"/>
              <a:gd name="connsiteX6" fmla="*/ 179768 w 200685"/>
              <a:gd name="connsiteY6" fmla="*/ 130473 h 130473"/>
              <a:gd name="connsiteX7" fmla="*/ 195994 w 200685"/>
              <a:gd name="connsiteY7" fmla="*/ 80426 h 130473"/>
              <a:gd name="connsiteX8" fmla="*/ 196578 w 200685"/>
              <a:gd name="connsiteY8" fmla="*/ 17455 h 130473"/>
              <a:gd name="connsiteX0" fmla="*/ 196578 w 197039"/>
              <a:gd name="connsiteY0" fmla="*/ 17455 h 130473"/>
              <a:gd name="connsiteX1" fmla="*/ 154202 w 197039"/>
              <a:gd name="connsiteY1" fmla="*/ 12840 h 130473"/>
              <a:gd name="connsiteX2" fmla="*/ 62218 w 197039"/>
              <a:gd name="connsiteY2" fmla="*/ 0 h 130473"/>
              <a:gd name="connsiteX3" fmla="*/ 0 w 197039"/>
              <a:gd name="connsiteY3" fmla="*/ 66771 h 130473"/>
              <a:gd name="connsiteX4" fmla="*/ 46538 w 197039"/>
              <a:gd name="connsiteY4" fmla="*/ 121120 h 130473"/>
              <a:gd name="connsiteX5" fmla="*/ 125448 w 197039"/>
              <a:gd name="connsiteY5" fmla="*/ 106661 h 130473"/>
              <a:gd name="connsiteX6" fmla="*/ 179768 w 197039"/>
              <a:gd name="connsiteY6" fmla="*/ 130473 h 130473"/>
              <a:gd name="connsiteX7" fmla="*/ 195994 w 197039"/>
              <a:gd name="connsiteY7" fmla="*/ 80426 h 130473"/>
              <a:gd name="connsiteX8" fmla="*/ 196578 w 197039"/>
              <a:gd name="connsiteY8" fmla="*/ 17455 h 1304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7039" h="130473">
                <a:moveTo>
                  <a:pt x="196578" y="17455"/>
                </a:moveTo>
                <a:lnTo>
                  <a:pt x="154202" y="12840"/>
                </a:lnTo>
                <a:lnTo>
                  <a:pt x="62218" y="0"/>
                </a:lnTo>
                <a:cubicBezTo>
                  <a:pt x="40778" y="18288"/>
                  <a:pt x="22491" y="36577"/>
                  <a:pt x="0" y="66771"/>
                </a:cubicBezTo>
                <a:lnTo>
                  <a:pt x="46538" y="121120"/>
                </a:lnTo>
                <a:lnTo>
                  <a:pt x="125448" y="106661"/>
                </a:lnTo>
                <a:lnTo>
                  <a:pt x="179768" y="130473"/>
                </a:lnTo>
                <a:lnTo>
                  <a:pt x="195994" y="80426"/>
                </a:lnTo>
                <a:cubicBezTo>
                  <a:pt x="198620" y="57404"/>
                  <a:pt x="195313" y="66039"/>
                  <a:pt x="196578" y="17455"/>
                </a:cubicBezTo>
                <a:close/>
              </a:path>
            </a:pathLst>
          </a:custGeom>
          <a:solidFill>
            <a:srgbClr val="002060"/>
          </a:solidFill>
          <a:ln w="19050">
            <a:no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40" name="Text Box 16"/>
          <p:cNvSpPr txBox="1">
            <a:spLocks noChangeArrowheads="1"/>
          </p:cNvSpPr>
          <p:nvPr/>
        </p:nvSpPr>
        <p:spPr bwMode="invGray">
          <a:xfrm>
            <a:off x="1295400" y="5867400"/>
            <a:ext cx="2209800" cy="461665"/>
          </a:xfrm>
          <a:prstGeom prst="rect">
            <a:avLst/>
          </a:prstGeom>
          <a:noFill/>
          <a:ln w="9525">
            <a:noFill/>
            <a:miter lim="800000"/>
            <a:headEnd/>
            <a:tailEnd/>
          </a:ln>
          <a:effectLst/>
        </p:spPr>
        <p:txBody>
          <a:bodyPr>
            <a:spAutoFit/>
          </a:bodyPr>
          <a:lstStyle/>
          <a:p>
            <a:pPr algn="ctr" eaLnBrk="0" hangingPunct="0">
              <a:defRPr/>
            </a:pPr>
            <a:r>
              <a:rPr lang="en-US" sz="2400" b="1" dirty="0">
                <a:solidFill>
                  <a:prstClr val="white"/>
                </a:solidFill>
                <a:effectLst>
                  <a:outerShdw blurRad="50800" dist="50800" dir="2700000" algn="tl" rotWithShape="0">
                    <a:prstClr val="black"/>
                  </a:outerShdw>
                </a:effectLst>
                <a:latin typeface="+mn-lt"/>
              </a:rPr>
              <a:t>SWP Pumps</a:t>
            </a:r>
          </a:p>
        </p:txBody>
      </p:sp>
      <p:sp>
        <p:nvSpPr>
          <p:cNvPr id="141" name="Text Box 16"/>
          <p:cNvSpPr txBox="1">
            <a:spLocks noChangeArrowheads="1"/>
          </p:cNvSpPr>
          <p:nvPr/>
        </p:nvSpPr>
        <p:spPr bwMode="invGray">
          <a:xfrm>
            <a:off x="2078038" y="6172200"/>
            <a:ext cx="2209800" cy="461665"/>
          </a:xfrm>
          <a:prstGeom prst="rect">
            <a:avLst/>
          </a:prstGeom>
          <a:noFill/>
          <a:ln w="9525">
            <a:noFill/>
            <a:miter lim="800000"/>
            <a:headEnd/>
            <a:tailEnd/>
          </a:ln>
          <a:effectLst/>
        </p:spPr>
        <p:txBody>
          <a:bodyPr>
            <a:spAutoFit/>
          </a:bodyPr>
          <a:lstStyle/>
          <a:p>
            <a:pPr algn="ctr" eaLnBrk="0" hangingPunct="0">
              <a:defRPr/>
            </a:pPr>
            <a:r>
              <a:rPr lang="en-US" sz="2400" b="1" dirty="0">
                <a:solidFill>
                  <a:prstClr val="white"/>
                </a:solidFill>
                <a:effectLst>
                  <a:outerShdw blurRad="50800" dist="50800" dir="2700000" algn="tl" rotWithShape="0">
                    <a:prstClr val="black"/>
                  </a:outerShdw>
                </a:effectLst>
                <a:latin typeface="+mn-lt"/>
              </a:rPr>
              <a:t>CVP Pumps</a:t>
            </a:r>
          </a:p>
        </p:txBody>
      </p:sp>
      <p:sp>
        <p:nvSpPr>
          <p:cNvPr id="133" name="South Delta - Rounded Rectangle 132" hidden="1"/>
          <p:cNvSpPr/>
          <p:nvPr/>
        </p:nvSpPr>
        <p:spPr bwMode="auto">
          <a:xfrm>
            <a:off x="5067623" y="4881808"/>
            <a:ext cx="3977391" cy="1894369"/>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South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Existing forebay expansion</a:t>
            </a:r>
            <a:endParaRPr lang="en-US" sz="2200" dirty="0">
              <a:solidFill>
                <a:prstClr val="white"/>
              </a:solidFill>
            </a:endParaRPr>
          </a:p>
          <a:p>
            <a:pPr marL="228600" indent="-228600" defTabSz="912813" eaLnBrk="0" hangingPunct="0">
              <a:lnSpc>
                <a:spcPct val="90000"/>
              </a:lnSpc>
              <a:spcAft>
                <a:spcPts val="600"/>
              </a:spcAft>
              <a:buBlip>
                <a:blip r:embed="rId4"/>
              </a:buBlip>
            </a:pPr>
            <a:r>
              <a:rPr lang="en-US" sz="2200" dirty="0">
                <a:solidFill>
                  <a:prstClr val="white"/>
                </a:solidFill>
              </a:rPr>
              <a:t>Consolidated pumping facility</a:t>
            </a:r>
          </a:p>
          <a:p>
            <a:pPr marL="228600" indent="-228600" defTabSz="912813" eaLnBrk="0" hangingPunct="0">
              <a:lnSpc>
                <a:spcPct val="90000"/>
              </a:lnSpc>
              <a:spcAft>
                <a:spcPts val="600"/>
              </a:spcAft>
              <a:buFontTx/>
              <a:buBlip>
                <a:blip r:embed="rId4"/>
              </a:buBlip>
            </a:pPr>
            <a:r>
              <a:rPr lang="en-US" sz="2200" dirty="0" smtClean="0">
                <a:solidFill>
                  <a:prstClr val="white"/>
                </a:solidFill>
              </a:rPr>
              <a:t>Use of State-owned land</a:t>
            </a:r>
            <a:endParaRPr lang="en-US" sz="2200" dirty="0">
              <a:solidFill>
                <a:prstClr val="white"/>
              </a:solidFill>
            </a:endParaRPr>
          </a:p>
        </p:txBody>
      </p:sp>
      <p:sp>
        <p:nvSpPr>
          <p:cNvPr id="134" name="Central Delta - Rounded Rectangle 133" hidden="1"/>
          <p:cNvSpPr/>
          <p:nvPr/>
        </p:nvSpPr>
        <p:spPr bwMode="auto">
          <a:xfrm>
            <a:off x="745003" y="2854703"/>
            <a:ext cx="3451698" cy="1281943"/>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Central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2 gravity-flow </a:t>
            </a:r>
            <a:r>
              <a:rPr lang="en-US" sz="2200" dirty="0">
                <a:solidFill>
                  <a:prstClr val="white"/>
                </a:solidFill>
              </a:rPr>
              <a:t>tunnels </a:t>
            </a:r>
            <a:br>
              <a:rPr lang="en-US" sz="2200" dirty="0">
                <a:solidFill>
                  <a:prstClr val="white"/>
                </a:solidFill>
              </a:rPr>
            </a:br>
            <a:r>
              <a:rPr lang="en-US" sz="2200" dirty="0">
                <a:solidFill>
                  <a:prstClr val="white"/>
                </a:solidFill>
              </a:rPr>
              <a:t>(30 miles long; 9,000 cfs</a:t>
            </a:r>
            <a:r>
              <a:rPr lang="en-US" sz="2200" dirty="0" smtClean="0">
                <a:solidFill>
                  <a:prstClr val="white"/>
                </a:solidFill>
              </a:rPr>
              <a:t>)</a:t>
            </a:r>
          </a:p>
        </p:txBody>
      </p:sp>
      <p:sp>
        <p:nvSpPr>
          <p:cNvPr id="142" name="North Delta - Rounded Rectangle 141" hidden="1"/>
          <p:cNvSpPr/>
          <p:nvPr/>
        </p:nvSpPr>
        <p:spPr bwMode="auto">
          <a:xfrm>
            <a:off x="5937443" y="1599264"/>
            <a:ext cx="2863657" cy="1612301"/>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North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3 river intakes</a:t>
            </a:r>
            <a:endParaRPr lang="en-US" sz="2200"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Modern fish </a:t>
            </a:r>
            <a:r>
              <a:rPr lang="en-US" sz="2200" dirty="0">
                <a:solidFill>
                  <a:prstClr val="white"/>
                </a:solidFill>
              </a:rPr>
              <a:t>screens</a:t>
            </a:r>
          </a:p>
          <a:p>
            <a:pPr marL="228600" indent="-228600" defTabSz="912813" eaLnBrk="0" hangingPunct="0">
              <a:lnSpc>
                <a:spcPct val="90000"/>
              </a:lnSpc>
              <a:spcAft>
                <a:spcPts val="600"/>
              </a:spcAft>
              <a:buFontTx/>
              <a:buBlip>
                <a:blip r:embed="rId4"/>
              </a:buBlip>
            </a:pPr>
            <a:r>
              <a:rPr lang="en-US" sz="2200" dirty="0" smtClean="0">
                <a:solidFill>
                  <a:prstClr val="white"/>
                </a:solidFill>
              </a:rPr>
              <a:t>28-acre forebay</a:t>
            </a:r>
            <a:endParaRPr lang="en-US" sz="2200" dirty="0">
              <a:solidFill>
                <a:prstClr val="white"/>
              </a:solidFill>
            </a:endParaRPr>
          </a:p>
        </p:txBody>
      </p:sp>
      <p:sp>
        <p:nvSpPr>
          <p:cNvPr id="6" name="TextBox 5"/>
          <p:cNvSpPr txBox="1"/>
          <p:nvPr/>
        </p:nvSpPr>
        <p:spPr>
          <a:xfrm>
            <a:off x="103196" y="1972270"/>
            <a:ext cx="2487604" cy="923330"/>
          </a:xfrm>
          <a:prstGeom prst="rect">
            <a:avLst/>
          </a:prstGeom>
          <a:solidFill>
            <a:srgbClr val="000000">
              <a:alpha val="34902"/>
            </a:srgbClr>
          </a:solidFill>
        </p:spPr>
        <p:style>
          <a:lnRef idx="0">
            <a:schemeClr val="accent5"/>
          </a:lnRef>
          <a:fillRef idx="3">
            <a:schemeClr val="accent5"/>
          </a:fillRef>
          <a:effectRef idx="3">
            <a:schemeClr val="accent5"/>
          </a:effectRef>
          <a:fontRef idx="minor">
            <a:schemeClr val="lt1"/>
          </a:fontRef>
        </p:style>
        <p:txBody>
          <a:bodyPr wrap="none" rtlCol="0">
            <a:spAutoFit/>
          </a:bodyPr>
          <a:lstStyle/>
          <a:p>
            <a:pPr algn="ctr">
              <a:lnSpc>
                <a:spcPct val="90000"/>
              </a:lnSpc>
            </a:pPr>
            <a:r>
              <a:rPr lang="en-US" sz="2000" b="1" dirty="0">
                <a:solidFill>
                  <a:prstClr val="white"/>
                </a:solidFill>
                <a:effectLst>
                  <a:outerShdw blurRad="50800" dist="50800" dir="2700000" algn="tl" rotWithShape="0">
                    <a:prstClr val="black"/>
                  </a:outerShdw>
                </a:effectLst>
                <a:latin typeface="+mn-lt"/>
              </a:rPr>
              <a:t>Sea Level </a:t>
            </a:r>
            <a:r>
              <a:rPr lang="en-US" sz="2000" b="1" dirty="0" smtClean="0">
                <a:solidFill>
                  <a:prstClr val="white"/>
                </a:solidFill>
                <a:effectLst>
                  <a:outerShdw blurRad="50800" dist="50800" dir="2700000" algn="tl" rotWithShape="0">
                    <a:prstClr val="black"/>
                  </a:outerShdw>
                </a:effectLst>
                <a:latin typeface="+mn-lt"/>
              </a:rPr>
              <a:t>Rise Effects </a:t>
            </a:r>
            <a:br>
              <a:rPr lang="en-US" sz="2000" b="1" dirty="0" smtClean="0">
                <a:solidFill>
                  <a:prstClr val="white"/>
                </a:solidFill>
                <a:effectLst>
                  <a:outerShdw blurRad="50800" dist="50800" dir="2700000" algn="tl" rotWithShape="0">
                    <a:prstClr val="black"/>
                  </a:outerShdw>
                </a:effectLst>
                <a:latin typeface="+mn-lt"/>
              </a:rPr>
            </a:br>
            <a:r>
              <a:rPr lang="en-US" sz="2000" b="1" dirty="0" smtClean="0">
                <a:solidFill>
                  <a:prstClr val="white"/>
                </a:solidFill>
                <a:effectLst>
                  <a:outerShdw blurRad="50800" dist="50800" dir="2700000" algn="tl" rotWithShape="0">
                    <a:prstClr val="black"/>
                  </a:outerShdw>
                </a:effectLst>
                <a:latin typeface="+mn-lt"/>
              </a:rPr>
              <a:t>with Cal Water Fix</a:t>
            </a:r>
          </a:p>
          <a:p>
            <a:pPr algn="ctr">
              <a:lnSpc>
                <a:spcPct val="90000"/>
              </a:lnSpc>
            </a:pPr>
            <a:r>
              <a:rPr lang="en-US" sz="2000" b="1" dirty="0" smtClean="0">
                <a:solidFill>
                  <a:prstClr val="white"/>
                </a:solidFill>
                <a:effectLst>
                  <a:outerShdw blurRad="50800" dist="50800" dir="2700000" algn="tl" rotWithShape="0">
                    <a:prstClr val="black"/>
                  </a:outerShdw>
                </a:effectLst>
                <a:latin typeface="+mn-lt"/>
              </a:rPr>
              <a:t>(</a:t>
            </a:r>
            <a:r>
              <a:rPr lang="en-US" sz="2000" b="1" i="1" u="sng" dirty="0">
                <a:solidFill>
                  <a:srgbClr val="FFC000"/>
                </a:solidFill>
                <a:effectLst>
                  <a:outerShdw blurRad="50800" dist="50800" dir="2700000" algn="tl" rotWithShape="0">
                    <a:prstClr val="black"/>
                  </a:outerShdw>
                </a:effectLst>
              </a:rPr>
              <a:t>O</a:t>
            </a:r>
            <a:r>
              <a:rPr lang="en-US" sz="2000" b="1" i="1" u="sng" dirty="0" smtClean="0">
                <a:solidFill>
                  <a:srgbClr val="FFC000"/>
                </a:solidFill>
                <a:effectLst>
                  <a:outerShdw blurRad="50800" dist="50800" dir="2700000" algn="tl" rotWithShape="0">
                    <a:prstClr val="black"/>
                  </a:outerShdw>
                </a:effectLst>
                <a:latin typeface="+mn-lt"/>
              </a:rPr>
              <a:t>n Average</a:t>
            </a:r>
            <a:r>
              <a:rPr lang="en-US" sz="2000" b="1" dirty="0" smtClean="0">
                <a:solidFill>
                  <a:prstClr val="white"/>
                </a:solidFill>
                <a:effectLst>
                  <a:outerShdw blurRad="50800" dist="50800" dir="2700000" algn="tl" rotWithShape="0">
                    <a:prstClr val="black"/>
                  </a:outerShdw>
                </a:effectLst>
                <a:latin typeface="+mn-lt"/>
              </a:rPr>
              <a:t>)</a:t>
            </a:r>
            <a:endParaRPr lang="en-US" sz="2000" b="1" dirty="0">
              <a:solidFill>
                <a:prstClr val="white"/>
              </a:solidFill>
              <a:effectLst>
                <a:outerShdw blurRad="50800" dist="50800" dir="2700000" algn="tl" rotWithShape="0">
                  <a:prstClr val="black"/>
                </a:outerShdw>
              </a:effectLst>
              <a:latin typeface="+mn-lt"/>
            </a:endParaRPr>
          </a:p>
        </p:txBody>
      </p:sp>
      <p:sp>
        <p:nvSpPr>
          <p:cNvPr id="7" name="Arc 6"/>
          <p:cNvSpPr/>
          <p:nvPr/>
        </p:nvSpPr>
        <p:spPr>
          <a:xfrm>
            <a:off x="1689563" y="4189902"/>
            <a:ext cx="249424" cy="531242"/>
          </a:xfrm>
          <a:prstGeom prst="arc">
            <a:avLst>
              <a:gd name="adj1" fmla="val 16200000"/>
              <a:gd name="adj2" fmla="val 4752649"/>
            </a:avLst>
          </a:prstGeom>
          <a:ln w="76200">
            <a:solidFill>
              <a:srgbClr val="92D05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6" name="Arc 145"/>
          <p:cNvSpPr/>
          <p:nvPr/>
        </p:nvSpPr>
        <p:spPr>
          <a:xfrm>
            <a:off x="1938987" y="4189902"/>
            <a:ext cx="249424" cy="531242"/>
          </a:xfrm>
          <a:prstGeom prst="arc">
            <a:avLst>
              <a:gd name="adj1" fmla="val 16200000"/>
              <a:gd name="adj2" fmla="val 4752649"/>
            </a:avLst>
          </a:prstGeom>
          <a:ln w="76200">
            <a:solidFill>
              <a:srgbClr val="FFFF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7" name="Arc 146"/>
          <p:cNvSpPr/>
          <p:nvPr/>
        </p:nvSpPr>
        <p:spPr>
          <a:xfrm>
            <a:off x="2102905" y="4189902"/>
            <a:ext cx="249424" cy="531242"/>
          </a:xfrm>
          <a:prstGeom prst="arc">
            <a:avLst>
              <a:gd name="adj1" fmla="val 16200000"/>
              <a:gd name="adj2" fmla="val 4752649"/>
            </a:avLst>
          </a:prstGeom>
          <a:ln w="76200">
            <a:solidFill>
              <a:srgbClr val="FFC0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8" name="Arc 147"/>
          <p:cNvSpPr/>
          <p:nvPr/>
        </p:nvSpPr>
        <p:spPr>
          <a:xfrm>
            <a:off x="2866222" y="3934413"/>
            <a:ext cx="249424" cy="531242"/>
          </a:xfrm>
          <a:prstGeom prst="arc">
            <a:avLst>
              <a:gd name="adj1" fmla="val 16200000"/>
              <a:gd name="adj2" fmla="val 4752649"/>
            </a:avLst>
          </a:prstGeom>
          <a:ln w="76200">
            <a:solidFill>
              <a:srgbClr val="C000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grpSp>
        <p:nvGrpSpPr>
          <p:cNvPr id="17" name="Group 16"/>
          <p:cNvGrpSpPr/>
          <p:nvPr/>
        </p:nvGrpSpPr>
        <p:grpSpPr>
          <a:xfrm>
            <a:off x="457326" y="3257490"/>
            <a:ext cx="3023998" cy="1085910"/>
            <a:chOff x="457326" y="3257490"/>
            <a:chExt cx="3023998" cy="1085910"/>
          </a:xfrm>
        </p:grpSpPr>
        <p:sp>
          <p:nvSpPr>
            <p:cNvPr id="144" name="TextBox 143"/>
            <p:cNvSpPr txBox="1"/>
            <p:nvPr/>
          </p:nvSpPr>
          <p:spPr>
            <a:xfrm>
              <a:off x="457326" y="3943290"/>
              <a:ext cx="761747" cy="400110"/>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92D050"/>
                  </a:solidFill>
                  <a:effectLst>
                    <a:outerShdw blurRad="50800" dist="50800" dir="2700000" algn="tl" rotWithShape="0">
                      <a:prstClr val="black"/>
                    </a:outerShdw>
                  </a:effectLst>
                  <a:latin typeface="+mn-lt"/>
                </a:rPr>
                <a:t>2015 </a:t>
              </a:r>
            </a:p>
          </p:txBody>
        </p:sp>
        <p:sp>
          <p:nvSpPr>
            <p:cNvPr id="130" name="TextBox 129"/>
            <p:cNvSpPr txBox="1"/>
            <p:nvPr/>
          </p:nvSpPr>
          <p:spPr>
            <a:xfrm>
              <a:off x="1208392" y="3714690"/>
              <a:ext cx="704039" cy="400110"/>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FF00"/>
                  </a:solidFill>
                  <a:effectLst>
                    <a:outerShdw blurRad="50800" dist="50800" dir="2700000" algn="tl" rotWithShape="0">
                      <a:prstClr val="black"/>
                    </a:outerShdw>
                  </a:effectLst>
                  <a:latin typeface="+mn-lt"/>
                </a:rPr>
                <a:t>2025</a:t>
              </a:r>
              <a:endParaRPr lang="en-US" sz="2000" b="1" dirty="0">
                <a:solidFill>
                  <a:srgbClr val="FFFF00"/>
                </a:solidFill>
                <a:effectLst>
                  <a:outerShdw blurRad="50800" dist="50800" dir="2700000" algn="tl" rotWithShape="0">
                    <a:prstClr val="black"/>
                  </a:outerShdw>
                </a:effectLst>
                <a:latin typeface="+mn-lt"/>
              </a:endParaRPr>
            </a:p>
          </p:txBody>
        </p:sp>
        <p:sp>
          <p:nvSpPr>
            <p:cNvPr id="135" name="TextBox 134"/>
            <p:cNvSpPr txBox="1"/>
            <p:nvPr/>
          </p:nvSpPr>
          <p:spPr>
            <a:xfrm>
              <a:off x="1932356" y="3486090"/>
              <a:ext cx="761747" cy="400110"/>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C000"/>
                  </a:solidFill>
                  <a:effectLst>
                    <a:outerShdw blurRad="50800" dist="50800" dir="2700000" algn="tl" rotWithShape="0">
                      <a:prstClr val="black"/>
                    </a:outerShdw>
                  </a:effectLst>
                  <a:latin typeface="+mn-lt"/>
                </a:rPr>
                <a:t>2060 </a:t>
              </a:r>
            </a:p>
          </p:txBody>
        </p:sp>
        <p:sp>
          <p:nvSpPr>
            <p:cNvPr id="143" name="TextBox 142"/>
            <p:cNvSpPr txBox="1"/>
            <p:nvPr/>
          </p:nvSpPr>
          <p:spPr>
            <a:xfrm>
              <a:off x="2719577" y="3257490"/>
              <a:ext cx="761747" cy="400110"/>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0000"/>
                  </a:solidFill>
                  <a:effectLst>
                    <a:outerShdw blurRad="50800" dist="50800" dir="2700000" algn="tl" rotWithShape="0">
                      <a:prstClr val="black"/>
                    </a:outerShdw>
                  </a:effectLst>
                  <a:latin typeface="+mn-lt"/>
                </a:rPr>
                <a:t>2100 </a:t>
              </a:r>
            </a:p>
          </p:txBody>
        </p:sp>
      </p:grpSp>
      <p:sp>
        <p:nvSpPr>
          <p:cNvPr id="150" name="TextBox 149"/>
          <p:cNvSpPr txBox="1"/>
          <p:nvPr/>
        </p:nvSpPr>
        <p:spPr>
          <a:xfrm>
            <a:off x="158189" y="4815159"/>
            <a:ext cx="3683381" cy="369332"/>
          </a:xfrm>
          <a:prstGeom prst="rect">
            <a:avLst/>
          </a:prstGeom>
          <a:noFill/>
          <a:effectLst>
            <a:glow rad="139700">
              <a:schemeClr val="bg1">
                <a:alpha val="40000"/>
              </a:schemeClr>
            </a:glow>
          </a:effectLst>
        </p:spPr>
        <p:txBody>
          <a:bodyPr wrap="none" rtlCol="0">
            <a:spAutoFit/>
          </a:bodyPr>
          <a:lstStyle/>
          <a:p>
            <a:r>
              <a:rPr lang="en-US" b="1" i="1" dirty="0" smtClean="0">
                <a:effectLst>
                  <a:glow rad="228600">
                    <a:schemeClr val="bg1">
                      <a:alpha val="65000"/>
                    </a:schemeClr>
                  </a:glow>
                </a:effectLst>
                <a:latin typeface="+mn-lt"/>
              </a:rPr>
              <a:t>Salinity lines indicate 2,000 ppm TDS</a:t>
            </a:r>
            <a:endParaRPr lang="en-US" b="1" i="1" dirty="0">
              <a:effectLst>
                <a:glow rad="228600">
                  <a:schemeClr val="bg1">
                    <a:alpha val="65000"/>
                  </a:schemeClr>
                </a:glow>
              </a:effectLst>
              <a:latin typeface="+mn-lt"/>
            </a:endParaRPr>
          </a:p>
        </p:txBody>
      </p:sp>
      <p:sp>
        <p:nvSpPr>
          <p:cNvPr id="149" name="TextBox 148"/>
          <p:cNvSpPr txBox="1"/>
          <p:nvPr/>
        </p:nvSpPr>
        <p:spPr>
          <a:xfrm>
            <a:off x="26610" y="6553200"/>
            <a:ext cx="4681282" cy="307777"/>
          </a:xfrm>
          <a:prstGeom prst="rect">
            <a:avLst/>
          </a:prstGeom>
          <a:noFill/>
          <a:effectLst>
            <a:outerShdw blurRad="50800" dist="38100" dir="2700000" algn="tl" rotWithShape="0">
              <a:schemeClr val="tx1">
                <a:alpha val="90000"/>
              </a:schemeClr>
            </a:outerShdw>
          </a:effectLst>
        </p:spPr>
        <p:txBody>
          <a:bodyPr wrap="none" rtlCol="0">
            <a:spAutoFit/>
          </a:bodyPr>
          <a:lstStyle/>
          <a:p>
            <a:r>
              <a:rPr lang="en-US" sz="1400" b="1" i="1" dirty="0" smtClean="0">
                <a:solidFill>
                  <a:schemeClr val="bg1"/>
                </a:solidFill>
                <a:latin typeface="+mn-lt"/>
              </a:rPr>
              <a:t>Analysis conducted by CH2M for Metropolitan Water District</a:t>
            </a:r>
            <a:endParaRPr lang="en-US" sz="1400" b="1" i="1" dirty="0">
              <a:solidFill>
                <a:schemeClr val="bg1"/>
              </a:solidFill>
              <a:latin typeface="+mn-lt"/>
            </a:endParaRPr>
          </a:p>
        </p:txBody>
      </p:sp>
      <p:sp>
        <p:nvSpPr>
          <p:cNvPr id="145" name="TextBox 144"/>
          <p:cNvSpPr txBox="1"/>
          <p:nvPr/>
        </p:nvSpPr>
        <p:spPr>
          <a:xfrm>
            <a:off x="173191" y="4842549"/>
            <a:ext cx="3683381" cy="369332"/>
          </a:xfrm>
          <a:prstGeom prst="rect">
            <a:avLst/>
          </a:prstGeom>
          <a:noFill/>
          <a:effectLst>
            <a:glow rad="139700">
              <a:schemeClr val="bg1">
                <a:alpha val="40000"/>
              </a:schemeClr>
            </a:glow>
          </a:effectLst>
        </p:spPr>
        <p:txBody>
          <a:bodyPr wrap="none" rtlCol="0">
            <a:spAutoFit/>
          </a:bodyPr>
          <a:lstStyle/>
          <a:p>
            <a:r>
              <a:rPr lang="en-US" b="1" i="1" dirty="0" smtClean="0">
                <a:effectLst>
                  <a:glow rad="228600">
                    <a:schemeClr val="bg1">
                      <a:alpha val="65000"/>
                    </a:schemeClr>
                  </a:glow>
                </a:effectLst>
                <a:latin typeface="+mn-lt"/>
              </a:rPr>
              <a:t>Salinity lines indicate 2,000 ppm TDS</a:t>
            </a:r>
            <a:endParaRPr lang="en-US" b="1" i="1" dirty="0">
              <a:effectLst>
                <a:glow rad="228600">
                  <a:schemeClr val="bg1">
                    <a:alpha val="65000"/>
                  </a:schemeClr>
                </a:glow>
              </a:effectLst>
              <a:latin typeface="+mn-lt"/>
            </a:endParaRPr>
          </a:p>
        </p:txBody>
      </p:sp>
      <p:sp>
        <p:nvSpPr>
          <p:cNvPr id="151"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135</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342579858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7"/>
                                        </p:tgtEl>
                                        <p:attrNameLst>
                                          <p:attrName>style.visibility</p:attrName>
                                        </p:attrNameLst>
                                      </p:cBhvr>
                                      <p:to>
                                        <p:strVal val="visible"/>
                                      </p:to>
                                    </p:set>
                                    <p:animEffect transition="in" filter="fade">
                                      <p:cBhvr>
                                        <p:cTn id="10" dur="500"/>
                                        <p:tgtEl>
                                          <p:spTgt spid="7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grpId="1" nodeType="clickEffect">
                                  <p:stCondLst>
                                    <p:cond delay="0"/>
                                  </p:stCondLst>
                                  <p:childTnLst>
                                    <p:animEffect transition="out" filter="fade">
                                      <p:cBhvr>
                                        <p:cTn id="14" dur="500"/>
                                        <p:tgtEl>
                                          <p:spTgt spid="77"/>
                                        </p:tgtEl>
                                      </p:cBhvr>
                                    </p:animEffect>
                                    <p:set>
                                      <p:cBhvr>
                                        <p:cTn id="15" dur="1" fill="hold">
                                          <p:stCondLst>
                                            <p:cond delay="499"/>
                                          </p:stCondLst>
                                        </p:cTn>
                                        <p:tgtEl>
                                          <p:spTgt spid="77"/>
                                        </p:tgtEl>
                                        <p:attrNameLst>
                                          <p:attrName>style.visibility</p:attrName>
                                        </p:attrNameLst>
                                      </p:cBhvr>
                                      <p:to>
                                        <p:strVal val="hidden"/>
                                      </p:to>
                                    </p:set>
                                  </p:childTnLst>
                                </p:cTn>
                              </p:par>
                              <p:par>
                                <p:cTn id="16" presetID="10" presetClass="exit" presetSubtype="0" fill="hold" nodeType="withEffect">
                                  <p:stCondLst>
                                    <p:cond delay="0"/>
                                  </p:stCondLst>
                                  <p:childTnLst>
                                    <p:animEffect transition="out" filter="fade">
                                      <p:cBhvr>
                                        <p:cTn id="17" dur="500"/>
                                        <p:tgtEl>
                                          <p:spTgt spid="24"/>
                                        </p:tgtEl>
                                      </p:cBhvr>
                                    </p:animEffect>
                                    <p:set>
                                      <p:cBhvr>
                                        <p:cTn id="18" dur="1" fill="hold">
                                          <p:stCondLst>
                                            <p:cond delay="499"/>
                                          </p:stCondLst>
                                        </p:cTn>
                                        <p:tgtEl>
                                          <p:spTgt spid="24"/>
                                        </p:tgtEl>
                                        <p:attrNameLst>
                                          <p:attrName>style.visibility</p:attrName>
                                        </p:attrNameLst>
                                      </p:cBhvr>
                                      <p:to>
                                        <p:strVal val="hidden"/>
                                      </p:to>
                                    </p:set>
                                  </p:childTnLst>
                                </p:cTn>
                              </p:par>
                            </p:childTnLst>
                          </p:cTn>
                        </p:par>
                        <p:par>
                          <p:cTn id="19" fill="hold">
                            <p:stCondLst>
                              <p:cond delay="500"/>
                            </p:stCondLst>
                            <p:childTnLst>
                              <p:par>
                                <p:cTn id="20" presetID="22" presetClass="entr" presetSubtype="1" fill="hold" nodeType="after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wipe(up)">
                                      <p:cBhvr>
                                        <p:cTn id="22" dur="3000"/>
                                        <p:tgtEl>
                                          <p:spTgt spid="2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75"/>
                                        </p:tgtEl>
                                        <p:attrNameLst>
                                          <p:attrName>style.visibility</p:attrName>
                                        </p:attrNameLst>
                                      </p:cBhvr>
                                      <p:to>
                                        <p:strVal val="visible"/>
                                      </p:to>
                                    </p:set>
                                    <p:animEffect transition="in" filter="fade">
                                      <p:cBhvr>
                                        <p:cTn id="25" dur="500"/>
                                        <p:tgtEl>
                                          <p:spTgt spid="75"/>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21"/>
                                        </p:tgtEl>
                                      </p:cBhvr>
                                    </p:animEffect>
                                    <p:set>
                                      <p:cBhvr>
                                        <p:cTn id="30" dur="1" fill="hold">
                                          <p:stCondLst>
                                            <p:cond delay="499"/>
                                          </p:stCondLst>
                                        </p:cTn>
                                        <p:tgtEl>
                                          <p:spTgt spid="21"/>
                                        </p:tgtEl>
                                        <p:attrNameLst>
                                          <p:attrName>style.visibility</p:attrName>
                                        </p:attrNameLst>
                                      </p:cBhvr>
                                      <p:to>
                                        <p:strVal val="hidden"/>
                                      </p:to>
                                    </p:set>
                                  </p:childTnLst>
                                </p:cTn>
                              </p:par>
                              <p:par>
                                <p:cTn id="31" presetID="10" presetClass="exit" presetSubtype="0" fill="hold" grpId="1" nodeType="withEffect">
                                  <p:stCondLst>
                                    <p:cond delay="0"/>
                                  </p:stCondLst>
                                  <p:childTnLst>
                                    <p:animEffect transition="out" filter="fade">
                                      <p:cBhvr>
                                        <p:cTn id="32" dur="500"/>
                                        <p:tgtEl>
                                          <p:spTgt spid="75"/>
                                        </p:tgtEl>
                                      </p:cBhvr>
                                    </p:animEffect>
                                    <p:set>
                                      <p:cBhvr>
                                        <p:cTn id="33" dur="1" fill="hold">
                                          <p:stCondLst>
                                            <p:cond delay="499"/>
                                          </p:stCondLst>
                                        </p:cTn>
                                        <p:tgtEl>
                                          <p:spTgt spid="75"/>
                                        </p:tgtEl>
                                        <p:attrNameLst>
                                          <p:attrName>style.visibility</p:attrName>
                                        </p:attrNameLst>
                                      </p:cBhvr>
                                      <p:to>
                                        <p:strVal val="hidden"/>
                                      </p:to>
                                    </p:set>
                                  </p:childTnLst>
                                </p:cTn>
                              </p:par>
                            </p:childTnLst>
                          </p:cTn>
                        </p:par>
                        <p:par>
                          <p:cTn id="34" fill="hold">
                            <p:stCondLst>
                              <p:cond delay="500"/>
                            </p:stCondLst>
                            <p:childTnLst>
                              <p:par>
                                <p:cTn id="35" presetID="22" presetClass="entr" presetSubtype="1" fill="hold" grpId="0" nodeType="after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wipe(up)">
                                      <p:cBhvr>
                                        <p:cTn id="37" dur="2750"/>
                                        <p:tgtEl>
                                          <p:spTgt spid="74"/>
                                        </p:tgtEl>
                                      </p:cBhvr>
                                    </p:animEffect>
                                  </p:childTnLst>
                                </p:cTn>
                              </p:par>
                              <p:par>
                                <p:cTn id="38" presetID="22" presetClass="entr" presetSubtype="1" fill="hold" nodeType="withEffect">
                                  <p:stCondLst>
                                    <p:cond delay="0"/>
                                  </p:stCondLst>
                                  <p:childTnLst>
                                    <p:set>
                                      <p:cBhvr>
                                        <p:cTn id="39" dur="1" fill="hold">
                                          <p:stCondLst>
                                            <p:cond delay="0"/>
                                          </p:stCondLst>
                                        </p:cTn>
                                        <p:tgtEl>
                                          <p:spTgt spid="2"/>
                                        </p:tgtEl>
                                        <p:attrNameLst>
                                          <p:attrName>style.visibility</p:attrName>
                                        </p:attrNameLst>
                                      </p:cBhvr>
                                      <p:to>
                                        <p:strVal val="visible"/>
                                      </p:to>
                                    </p:set>
                                    <p:animEffect transition="in" filter="wipe(up)">
                                      <p:cBhvr>
                                        <p:cTn id="40" dur="2750"/>
                                        <p:tgtEl>
                                          <p:spTgt spid="2"/>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08"/>
                                        </p:tgtEl>
                                        <p:attrNameLst>
                                          <p:attrName>style.visibility</p:attrName>
                                        </p:attrNameLst>
                                      </p:cBhvr>
                                      <p:to>
                                        <p:strVal val="visible"/>
                                      </p:to>
                                    </p:set>
                                    <p:animEffect transition="in" filter="fade">
                                      <p:cBhvr>
                                        <p:cTn id="43" dur="500"/>
                                        <p:tgtEl>
                                          <p:spTgt spid="10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xit" presetSubtype="0" fill="hold" grpId="1" nodeType="clickEffect">
                                  <p:stCondLst>
                                    <p:cond delay="0"/>
                                  </p:stCondLst>
                                  <p:childTnLst>
                                    <p:animEffect transition="out" filter="fade">
                                      <p:cBhvr>
                                        <p:cTn id="47" dur="500"/>
                                        <p:tgtEl>
                                          <p:spTgt spid="74"/>
                                        </p:tgtEl>
                                      </p:cBhvr>
                                    </p:animEffect>
                                    <p:set>
                                      <p:cBhvr>
                                        <p:cTn id="48" dur="1" fill="hold">
                                          <p:stCondLst>
                                            <p:cond delay="499"/>
                                          </p:stCondLst>
                                        </p:cTn>
                                        <p:tgtEl>
                                          <p:spTgt spid="74"/>
                                        </p:tgtEl>
                                        <p:attrNameLst>
                                          <p:attrName>style.visibility</p:attrName>
                                        </p:attrNameLst>
                                      </p:cBhvr>
                                      <p:to>
                                        <p:strVal val="hidden"/>
                                      </p:to>
                                    </p:set>
                                  </p:childTnLst>
                                </p:cTn>
                              </p:par>
                              <p:par>
                                <p:cTn id="49" presetID="10" presetClass="exit" presetSubtype="0" fill="hold" grpId="1" nodeType="withEffect">
                                  <p:stCondLst>
                                    <p:cond delay="0"/>
                                  </p:stCondLst>
                                  <p:childTnLst>
                                    <p:animEffect transition="out" filter="fade">
                                      <p:cBhvr>
                                        <p:cTn id="50" dur="500"/>
                                        <p:tgtEl>
                                          <p:spTgt spid="108"/>
                                        </p:tgtEl>
                                      </p:cBhvr>
                                    </p:animEffect>
                                    <p:set>
                                      <p:cBhvr>
                                        <p:cTn id="51" dur="1" fill="hold">
                                          <p:stCondLst>
                                            <p:cond delay="499"/>
                                          </p:stCondLst>
                                        </p:cTn>
                                        <p:tgtEl>
                                          <p:spTgt spid="108"/>
                                        </p:tgtEl>
                                        <p:attrNameLst>
                                          <p:attrName>style.visibility</p:attrName>
                                        </p:attrNameLst>
                                      </p:cBhvr>
                                      <p:to>
                                        <p:strVal val="hidden"/>
                                      </p:to>
                                    </p:set>
                                  </p:childTnLst>
                                </p:cTn>
                              </p:par>
                              <p:par>
                                <p:cTn id="52" presetID="10" presetClass="exit" presetSubtype="0" fill="hold" nodeType="withEffect">
                                  <p:stCondLst>
                                    <p:cond delay="0"/>
                                  </p:stCondLst>
                                  <p:childTnLst>
                                    <p:animEffect transition="out" filter="fade">
                                      <p:cBhvr>
                                        <p:cTn id="53" dur="500"/>
                                        <p:tgtEl>
                                          <p:spTgt spid="2"/>
                                        </p:tgtEl>
                                      </p:cBhvr>
                                    </p:animEffect>
                                    <p:set>
                                      <p:cBhvr>
                                        <p:cTn id="54" dur="1" fill="hold">
                                          <p:stCondLst>
                                            <p:cond delay="499"/>
                                          </p:stCondLst>
                                        </p:cTn>
                                        <p:tgtEl>
                                          <p:spTgt spid="2"/>
                                        </p:tgtEl>
                                        <p:attrNameLst>
                                          <p:attrName>style.visibility</p:attrName>
                                        </p:attrNameLst>
                                      </p:cBhvr>
                                      <p:to>
                                        <p:strVal val="hidden"/>
                                      </p:to>
                                    </p:set>
                                  </p:childTnLst>
                                </p:cTn>
                              </p:par>
                            </p:childTnLst>
                          </p:cTn>
                        </p:par>
                        <p:par>
                          <p:cTn id="55" fill="hold">
                            <p:stCondLst>
                              <p:cond delay="500"/>
                            </p:stCondLst>
                            <p:childTnLst>
                              <p:par>
                                <p:cTn id="56" presetID="22" presetClass="entr" presetSubtype="1" fill="hold" grpId="0" nodeType="afterEffect">
                                  <p:stCondLst>
                                    <p:cond delay="0"/>
                                  </p:stCondLst>
                                  <p:childTnLst>
                                    <p:set>
                                      <p:cBhvr>
                                        <p:cTn id="57" dur="1" fill="hold">
                                          <p:stCondLst>
                                            <p:cond delay="0"/>
                                          </p:stCondLst>
                                        </p:cTn>
                                        <p:tgtEl>
                                          <p:spTgt spid="110"/>
                                        </p:tgtEl>
                                        <p:attrNameLst>
                                          <p:attrName>style.visibility</p:attrName>
                                        </p:attrNameLst>
                                      </p:cBhvr>
                                      <p:to>
                                        <p:strVal val="visible"/>
                                      </p:to>
                                    </p:set>
                                    <p:animEffect transition="in" filter="wipe(up)">
                                      <p:cBhvr>
                                        <p:cTn id="58" dur="2750"/>
                                        <p:tgtEl>
                                          <p:spTgt spid="110"/>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78"/>
                                        </p:tgtEl>
                                        <p:attrNameLst>
                                          <p:attrName>style.visibility</p:attrName>
                                        </p:attrNameLst>
                                      </p:cBhvr>
                                      <p:to>
                                        <p:strVal val="visible"/>
                                      </p:to>
                                    </p:set>
                                    <p:animEffect transition="in" filter="fade">
                                      <p:cBhvr>
                                        <p:cTn id="61" dur="500"/>
                                        <p:tgtEl>
                                          <p:spTgt spid="78"/>
                                        </p:tgtEl>
                                      </p:cBhvr>
                                    </p:animEffect>
                                  </p:childTnLst>
                                </p:cTn>
                              </p:par>
                              <p:par>
                                <p:cTn id="62" presetID="10" presetClass="entr" presetSubtype="0" fill="hold" grpId="0" nodeType="withEffect">
                                  <p:stCondLst>
                                    <p:cond delay="0"/>
                                  </p:stCondLst>
                                  <p:childTnLst>
                                    <p:set>
                                      <p:cBhvr>
                                        <p:cTn id="63" dur="1" fill="hold">
                                          <p:stCondLst>
                                            <p:cond delay="0"/>
                                          </p:stCondLst>
                                        </p:cTn>
                                        <p:tgtEl>
                                          <p:spTgt spid="129"/>
                                        </p:tgtEl>
                                        <p:attrNameLst>
                                          <p:attrName>style.visibility</p:attrName>
                                        </p:attrNameLst>
                                      </p:cBhvr>
                                      <p:to>
                                        <p:strVal val="visible"/>
                                      </p:to>
                                    </p:set>
                                    <p:animEffect transition="in" filter="fade">
                                      <p:cBhvr>
                                        <p:cTn id="64" dur="500"/>
                                        <p:tgtEl>
                                          <p:spTgt spid="129"/>
                                        </p:tgtEl>
                                      </p:cBhvr>
                                    </p:animEffect>
                                  </p:childTnLst>
                                </p:cTn>
                              </p:par>
                              <p:par>
                                <p:cTn id="65" presetID="23" presetClass="entr" presetSubtype="32" fill="hold" grpId="0" nodeType="withEffect">
                                  <p:stCondLst>
                                    <p:cond delay="0"/>
                                  </p:stCondLst>
                                  <p:childTnLst>
                                    <p:set>
                                      <p:cBhvr>
                                        <p:cTn id="66" dur="1" fill="hold">
                                          <p:stCondLst>
                                            <p:cond delay="0"/>
                                          </p:stCondLst>
                                        </p:cTn>
                                        <p:tgtEl>
                                          <p:spTgt spid="131"/>
                                        </p:tgtEl>
                                        <p:attrNameLst>
                                          <p:attrName>style.visibility</p:attrName>
                                        </p:attrNameLst>
                                      </p:cBhvr>
                                      <p:to>
                                        <p:strVal val="visible"/>
                                      </p:to>
                                    </p:set>
                                    <p:anim calcmode="lin" valueType="num">
                                      <p:cBhvr>
                                        <p:cTn id="67" dur="1000" fill="hold"/>
                                        <p:tgtEl>
                                          <p:spTgt spid="131"/>
                                        </p:tgtEl>
                                        <p:attrNameLst>
                                          <p:attrName>ppt_w</p:attrName>
                                        </p:attrNameLst>
                                      </p:cBhvr>
                                      <p:tavLst>
                                        <p:tav tm="0">
                                          <p:val>
                                            <p:strVal val="4*#ppt_w"/>
                                          </p:val>
                                        </p:tav>
                                        <p:tav tm="100000">
                                          <p:val>
                                            <p:strVal val="#ppt_w"/>
                                          </p:val>
                                        </p:tav>
                                      </p:tavLst>
                                    </p:anim>
                                    <p:anim calcmode="lin" valueType="num">
                                      <p:cBhvr>
                                        <p:cTn id="68" dur="1000" fill="hold"/>
                                        <p:tgtEl>
                                          <p:spTgt spid="131"/>
                                        </p:tgtEl>
                                        <p:attrNameLst>
                                          <p:attrName>ppt_h</p:attrName>
                                        </p:attrNameLst>
                                      </p:cBhvr>
                                      <p:tavLst>
                                        <p:tav tm="0">
                                          <p:val>
                                            <p:strVal val="4*#ppt_h"/>
                                          </p:val>
                                        </p:tav>
                                        <p:tav tm="100000">
                                          <p:val>
                                            <p:strVal val="#ppt_h"/>
                                          </p:val>
                                        </p:tav>
                                      </p:tavLst>
                                    </p:anim>
                                  </p:childTnLst>
                                </p:cTn>
                              </p:par>
                              <p:par>
                                <p:cTn id="69" presetID="23" presetClass="entr" presetSubtype="32" fill="hold" grpId="0" nodeType="withEffect">
                                  <p:stCondLst>
                                    <p:cond delay="0"/>
                                  </p:stCondLst>
                                  <p:childTnLst>
                                    <p:set>
                                      <p:cBhvr>
                                        <p:cTn id="70" dur="1" fill="hold">
                                          <p:stCondLst>
                                            <p:cond delay="0"/>
                                          </p:stCondLst>
                                        </p:cTn>
                                        <p:tgtEl>
                                          <p:spTgt spid="132"/>
                                        </p:tgtEl>
                                        <p:attrNameLst>
                                          <p:attrName>style.visibility</p:attrName>
                                        </p:attrNameLst>
                                      </p:cBhvr>
                                      <p:to>
                                        <p:strVal val="visible"/>
                                      </p:to>
                                    </p:set>
                                    <p:anim calcmode="lin" valueType="num">
                                      <p:cBhvr>
                                        <p:cTn id="71" dur="1000" fill="hold"/>
                                        <p:tgtEl>
                                          <p:spTgt spid="132"/>
                                        </p:tgtEl>
                                        <p:attrNameLst>
                                          <p:attrName>ppt_w</p:attrName>
                                        </p:attrNameLst>
                                      </p:cBhvr>
                                      <p:tavLst>
                                        <p:tav tm="0">
                                          <p:val>
                                            <p:strVal val="4*#ppt_w"/>
                                          </p:val>
                                        </p:tav>
                                        <p:tav tm="100000">
                                          <p:val>
                                            <p:strVal val="#ppt_w"/>
                                          </p:val>
                                        </p:tav>
                                      </p:tavLst>
                                    </p:anim>
                                    <p:anim calcmode="lin" valueType="num">
                                      <p:cBhvr>
                                        <p:cTn id="72" dur="1000" fill="hold"/>
                                        <p:tgtEl>
                                          <p:spTgt spid="132"/>
                                        </p:tgtEl>
                                        <p:attrNameLst>
                                          <p:attrName>ppt_h</p:attrName>
                                        </p:attrNameLst>
                                      </p:cBhvr>
                                      <p:tavLst>
                                        <p:tav tm="0">
                                          <p:val>
                                            <p:strVal val="4*#ppt_h"/>
                                          </p:val>
                                        </p:tav>
                                        <p:tav tm="100000">
                                          <p:val>
                                            <p:strVal val="#ppt_h"/>
                                          </p:val>
                                        </p:tav>
                                      </p:tavLst>
                                    </p:anim>
                                  </p:childTnLst>
                                </p:cTn>
                              </p:par>
                            </p:childTnLst>
                          </p:cTn>
                        </p:par>
                      </p:childTnLst>
                    </p:cTn>
                  </p:par>
                  <p:par>
                    <p:cTn id="73" fill="hold">
                      <p:stCondLst>
                        <p:cond delay="indefinite"/>
                      </p:stCondLst>
                      <p:childTnLst>
                        <p:par>
                          <p:cTn id="74" fill="hold">
                            <p:stCondLst>
                              <p:cond delay="0"/>
                            </p:stCondLst>
                            <p:childTnLst>
                              <p:par>
                                <p:cTn id="75" presetID="10" presetClass="entr" presetSubtype="0" fill="hold" grpId="0" nodeType="clickEffect">
                                  <p:stCondLst>
                                    <p:cond delay="0"/>
                                  </p:stCondLst>
                                  <p:childTnLst>
                                    <p:set>
                                      <p:cBhvr>
                                        <p:cTn id="76" dur="1" fill="hold">
                                          <p:stCondLst>
                                            <p:cond delay="0"/>
                                          </p:stCondLst>
                                        </p:cTn>
                                        <p:tgtEl>
                                          <p:spTgt spid="142"/>
                                        </p:tgtEl>
                                        <p:attrNameLst>
                                          <p:attrName>style.visibility</p:attrName>
                                        </p:attrNameLst>
                                      </p:cBhvr>
                                      <p:to>
                                        <p:strVal val="visible"/>
                                      </p:to>
                                    </p:set>
                                    <p:animEffect transition="in" filter="fade">
                                      <p:cBhvr>
                                        <p:cTn id="77" dur="1000"/>
                                        <p:tgtEl>
                                          <p:spTgt spid="142"/>
                                        </p:tgtEl>
                                      </p:cBhvr>
                                    </p:animEffec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grpId="0" nodeType="clickEffect">
                                  <p:stCondLst>
                                    <p:cond delay="0"/>
                                  </p:stCondLst>
                                  <p:childTnLst>
                                    <p:set>
                                      <p:cBhvr>
                                        <p:cTn id="81" dur="1" fill="hold">
                                          <p:stCondLst>
                                            <p:cond delay="0"/>
                                          </p:stCondLst>
                                        </p:cTn>
                                        <p:tgtEl>
                                          <p:spTgt spid="134"/>
                                        </p:tgtEl>
                                        <p:attrNameLst>
                                          <p:attrName>style.visibility</p:attrName>
                                        </p:attrNameLst>
                                      </p:cBhvr>
                                      <p:to>
                                        <p:strVal val="visible"/>
                                      </p:to>
                                    </p:set>
                                    <p:animEffect transition="in" filter="fade">
                                      <p:cBhvr>
                                        <p:cTn id="82" dur="500"/>
                                        <p:tgtEl>
                                          <p:spTgt spid="134"/>
                                        </p:tgtEl>
                                      </p:cBhvr>
                                    </p:animEffect>
                                  </p:childTnLst>
                                </p:cTn>
                              </p:par>
                            </p:childTnLst>
                          </p:cTn>
                        </p:par>
                      </p:childTnLst>
                    </p:cTn>
                  </p:par>
                  <p:par>
                    <p:cTn id="83" fill="hold">
                      <p:stCondLst>
                        <p:cond delay="indefinite"/>
                      </p:stCondLst>
                      <p:childTnLst>
                        <p:par>
                          <p:cTn id="84" fill="hold">
                            <p:stCondLst>
                              <p:cond delay="0"/>
                            </p:stCondLst>
                            <p:childTnLst>
                              <p:par>
                                <p:cTn id="85" presetID="10" presetClass="entr" presetSubtype="0" fill="hold" grpId="0" nodeType="clickEffect">
                                  <p:stCondLst>
                                    <p:cond delay="0"/>
                                  </p:stCondLst>
                                  <p:childTnLst>
                                    <p:set>
                                      <p:cBhvr>
                                        <p:cTn id="86" dur="1" fill="hold">
                                          <p:stCondLst>
                                            <p:cond delay="0"/>
                                          </p:stCondLst>
                                        </p:cTn>
                                        <p:tgtEl>
                                          <p:spTgt spid="133"/>
                                        </p:tgtEl>
                                        <p:attrNameLst>
                                          <p:attrName>style.visibility</p:attrName>
                                        </p:attrNameLst>
                                      </p:cBhvr>
                                      <p:to>
                                        <p:strVal val="visible"/>
                                      </p:to>
                                    </p:set>
                                    <p:animEffect transition="in" filter="fade">
                                      <p:cBhvr>
                                        <p:cTn id="87" dur="500"/>
                                        <p:tgtEl>
                                          <p:spTgt spid="1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110" grpId="0" animBg="1"/>
      <p:bldP spid="78" grpId="0" animBg="1"/>
      <p:bldP spid="108" grpId="0" animBg="1"/>
      <p:bldP spid="108" grpId="1" animBg="1"/>
      <p:bldP spid="75" grpId="0" animBg="1"/>
      <p:bldP spid="75" grpId="1" animBg="1"/>
      <p:bldP spid="77" grpId="0" animBg="1"/>
      <p:bldP spid="77" grpId="1" animBg="1"/>
      <p:bldP spid="129" grpId="0" animBg="1"/>
      <p:bldP spid="131" grpId="0" animBg="1"/>
      <p:bldP spid="132" grpId="0" animBg="1"/>
      <p:bldP spid="133" grpId="0" animBg="1"/>
      <p:bldP spid="134" grpId="0" animBg="1"/>
      <p:bldP spid="142" grpId="0" animBg="1"/>
    </p:bldLst>
  </p:timing>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Bacground Pic"/>
          <p:cNvGrpSpPr>
            <a:grpSpLocks/>
          </p:cNvGrpSpPr>
          <p:nvPr/>
        </p:nvGrpSpPr>
        <p:grpSpPr bwMode="auto">
          <a:xfrm>
            <a:off x="-34925" y="1176338"/>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49" name="Sac River"/>
          <p:cNvGrpSpPr>
            <a:grpSpLocks/>
          </p:cNvGrpSpPr>
          <p:nvPr/>
        </p:nvGrpSpPr>
        <p:grpSpPr bwMode="auto">
          <a:xfrm>
            <a:off x="2590800" y="1739900"/>
            <a:ext cx="2795588" cy="2616200"/>
            <a:chOff x="2590800" y="1739900"/>
            <a:chExt cx="2795588" cy="2616200"/>
          </a:xfrm>
        </p:grpSpPr>
        <p:sp>
          <p:nvSpPr>
            <p:cNvPr id="150"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151"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grpSp>
      <p:grpSp>
        <p:nvGrpSpPr>
          <p:cNvPr id="21" name="Westside - Isolated Facility" hidden="1"/>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fontAlgn="base">
                    <a:spcBef>
                      <a:spcPct val="0"/>
                    </a:spcBef>
                    <a:spcAft>
                      <a:spcPct val="0"/>
                    </a:spcAft>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grpSp>
        <p:nvGrpSpPr>
          <p:cNvPr id="24" name="Eastside - Isolated Facility" hidden="1"/>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fontAlgn="base">
                      <a:spcBef>
                        <a:spcPct val="0"/>
                      </a:spcBef>
                      <a:spcAft>
                        <a:spcPct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hidden="1"/>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fontAlgn="base">
              <a:spcBef>
                <a:spcPct val="0"/>
              </a:spcBef>
              <a:spcAft>
                <a:spcPct val="0"/>
              </a:spcAft>
              <a:defRPr/>
            </a:pPr>
            <a:endParaRPr lang="en-US" dirty="0">
              <a:solidFill>
                <a:prstClr val="white"/>
              </a:solidFill>
              <a:latin typeface="Arial" pitchFamily="34" charset="0"/>
              <a:cs typeface="Arial" pitchFamily="34" charset="0"/>
            </a:endParaRPr>
          </a:p>
        </p:txBody>
      </p:sp>
      <p:grpSp>
        <p:nvGrpSpPr>
          <p:cNvPr id="2" name="North-South Mokelumne &amp; Old-Middle River" hidden="1"/>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41072" name="Sourth Fork Mokelumne - Old River" hidden="1"/>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grpSp>
      <p:sp>
        <p:nvSpPr>
          <p:cNvPr id="40970" name="San Joaquin River" hidden="1"/>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pPr fontAlgn="base">
              <a:spcBef>
                <a:spcPct val="0"/>
              </a:spcBef>
              <a:spcAft>
                <a:spcPct val="0"/>
              </a:spcAft>
            </a:pPr>
            <a:endParaRPr lang="en-US" dirty="0">
              <a:solidFill>
                <a:prstClr val="white"/>
              </a:solidFill>
              <a:latin typeface="Arial" pitchFamily="34" charset="0"/>
              <a:cs typeface="Arial" pitchFamily="34" charset="0"/>
            </a:endParaRPr>
          </a:p>
        </p:txBody>
      </p:sp>
      <p:cxnSp>
        <p:nvCxnSpPr>
          <p:cNvPr id="111" name="CCFB Split"/>
          <p:cNvCxnSpPr/>
          <p:nvPr/>
        </p:nvCxnSpPr>
        <p:spPr>
          <a:xfrm flipV="1">
            <a:off x="4064177" y="5848846"/>
            <a:ext cx="425273" cy="94560"/>
          </a:xfrm>
          <a:prstGeom prst="line">
            <a:avLst/>
          </a:prstGeom>
          <a:ln w="19050">
            <a:solidFill>
              <a:schemeClr val="accent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0" name="Tunnel - Old Alignment" hidden="1"/>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defRPr/>
            </a:pPr>
            <a:endParaRPr lang="en-US" dirty="0">
              <a:solidFill>
                <a:prstClr val="white"/>
              </a:solidFill>
              <a:latin typeface="Arial" charset="0"/>
              <a:cs typeface="Arial" charset="0"/>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fontAlgn="base">
              <a:spcBef>
                <a:spcPct val="0"/>
              </a:spcBef>
              <a:spcAft>
                <a:spcPct val="0"/>
              </a:spcAft>
              <a:defRPr/>
            </a:pPr>
            <a:r>
              <a:rPr lang="en-US" sz="1400" b="1" i="1" dirty="0">
                <a:solidFill>
                  <a:srgbClr val="FFC000"/>
                </a:solidFill>
                <a:effectLst>
                  <a:glow rad="101600">
                    <a:prstClr val="black">
                      <a:alpha val="60000"/>
                    </a:prstClr>
                  </a:glow>
                </a:effectLst>
                <a:cs typeface="Arial" pitchFamily="34" charset="0"/>
              </a:rPr>
              <a:t>Preliminary Subject to Revision</a:t>
            </a:r>
          </a:p>
        </p:txBody>
      </p:sp>
      <p:sp>
        <p:nvSpPr>
          <p:cNvPr id="78" name="Tunnel - Text Box" hidden="1"/>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Tunnels</a:t>
            </a:r>
          </a:p>
        </p:txBody>
      </p:sp>
      <p:sp>
        <p:nvSpPr>
          <p:cNvPr id="66" name="SJ River Textbox" hidden="1"/>
          <p:cNvSpPr txBox="1">
            <a:spLocks noChangeArrowheads="1"/>
          </p:cNvSpPr>
          <p:nvPr/>
        </p:nvSpPr>
        <p:spPr bwMode="invGray">
          <a:xfrm rot="2299389">
            <a:off x="6919913" y="55800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J River</a:t>
            </a:r>
          </a:p>
        </p:txBody>
      </p:sp>
      <p:sp>
        <p:nvSpPr>
          <p:cNvPr id="108" name="Thru-Delta - Text Box" hidden="1"/>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fontAlgn="base">
              <a:spcBef>
                <a:spcPct val="0"/>
              </a:spcBef>
              <a:spcAft>
                <a:spcPct val="0"/>
              </a:spcAft>
            </a:pP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hangingPunct="0">
              <a:spcBef>
                <a:spcPct val="50000"/>
              </a:spcBef>
              <a:defRPr/>
            </a:pPr>
            <a:r>
              <a:rPr lang="en-US" sz="2400" b="1" dirty="0">
                <a:solidFill>
                  <a:prstClr val="white"/>
                </a:solidFill>
                <a:cs typeface="Arial" pitchFamily="34" charset="0"/>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hangingPunct="0">
              <a:spcBef>
                <a:spcPct val="50000"/>
              </a:spcBef>
              <a:defRPr/>
            </a:pPr>
            <a:r>
              <a:rPr lang="en-US" sz="2400" b="1" dirty="0">
                <a:solidFill>
                  <a:prstClr val="white"/>
                </a:solidFill>
                <a:cs typeface="Arial" pitchFamily="34" charset="0"/>
              </a:rPr>
              <a:t>SWP Pumps</a:t>
            </a:r>
          </a:p>
        </p:txBody>
      </p:sp>
      <p:sp>
        <p:nvSpPr>
          <p:cNvPr id="54" name="Sacramento Textbox" hidden="1"/>
          <p:cNvSpPr txBox="1">
            <a:spLocks noChangeArrowheads="1"/>
          </p:cNvSpPr>
          <p:nvPr/>
        </p:nvSpPr>
        <p:spPr bwMode="invGray">
          <a:xfrm>
            <a:off x="5943600" y="25908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acramento</a:t>
            </a:r>
          </a:p>
        </p:txBody>
      </p:sp>
      <p:sp>
        <p:nvSpPr>
          <p:cNvPr id="53" name="Stockton Textbox" hidden="1"/>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tockton</a:t>
            </a:r>
          </a:p>
        </p:txBody>
      </p:sp>
      <p:sp>
        <p:nvSpPr>
          <p:cNvPr id="52" name="Sac River  Textbox" hidden="1"/>
          <p:cNvSpPr txBox="1">
            <a:spLocks noChangeArrowheads="1"/>
          </p:cNvSpPr>
          <p:nvPr/>
        </p:nvSpPr>
        <p:spPr bwMode="invGray">
          <a:xfrm>
            <a:off x="2897188"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cs typeface="Arial" pitchFamily="34" charset="0"/>
              </a:rPr>
              <a:t>Sac River</a:t>
            </a:r>
          </a:p>
        </p:txBody>
      </p:sp>
      <p:sp>
        <p:nvSpPr>
          <p:cNvPr id="75" name="West Canal - Text Box" hidden="1"/>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West Canal</a:t>
            </a:r>
          </a:p>
        </p:txBody>
      </p:sp>
      <p:sp>
        <p:nvSpPr>
          <p:cNvPr id="77" name="East Canal - Text Box" hidden="1"/>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pPr fontAlgn="base">
              <a:spcBef>
                <a:spcPct val="0"/>
              </a:spcBef>
              <a:spcAft>
                <a:spcPct val="0"/>
              </a:spcAft>
            </a:pPr>
            <a:r>
              <a:rPr lang="en-US" dirty="0"/>
              <a:t>East Canal</a:t>
            </a:r>
          </a:p>
        </p:txBody>
      </p:sp>
      <p:sp>
        <p:nvSpPr>
          <p:cNvPr id="83" name="Slide Title"/>
          <p:cNvSpPr txBox="1">
            <a:spLocks noChangeArrowheads="1"/>
          </p:cNvSpPr>
          <p:nvPr/>
        </p:nvSpPr>
        <p:spPr bwMode="invGray">
          <a:xfrm>
            <a:off x="90402" y="8198"/>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r" defTabSz="914363" fontAlgn="base">
              <a:spcBef>
                <a:spcPct val="0"/>
              </a:spcBef>
              <a:spcAft>
                <a:spcPct val="0"/>
              </a:spcAft>
              <a:defRPr/>
            </a:pP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rPr>
              <a:t>Climate Change Analysis</a:t>
            </a:r>
            <a:endParaRPr lang="en-US" sz="40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endParaRPr>
          </a:p>
          <a:p>
            <a:pPr algn="r" fontAlgn="base">
              <a:spcBef>
                <a:spcPct val="0"/>
              </a:spcBef>
              <a:spcAft>
                <a:spcPct val="0"/>
              </a:spcAft>
              <a:defRPr/>
            </a:pPr>
            <a:r>
              <a:rPr lang="en-US" sz="3200" b="1" dirty="0" smtClean="0">
                <a:solidFill>
                  <a:prstClr val="white"/>
                </a:solidFill>
                <a:latin typeface="+mn-lt"/>
              </a:rPr>
              <a:t>Effects on Delta Intake Location</a:t>
            </a:r>
            <a:endParaRPr lang="en-US" sz="3200" b="1" dirty="0">
              <a:solidFill>
                <a:prstClr val="white"/>
              </a:solidFill>
              <a:latin typeface="+mn-lt"/>
            </a:endParaRPr>
          </a:p>
        </p:txBody>
      </p:sp>
      <p:grpSp>
        <p:nvGrpSpPr>
          <p:cNvPr id="88" name="Intakes"/>
          <p:cNvGrpSpPr/>
          <p:nvPr/>
        </p:nvGrpSpPr>
        <p:grpSpPr>
          <a:xfrm>
            <a:off x="4973171" y="3263900"/>
            <a:ext cx="343535" cy="287655"/>
            <a:chOff x="4975548" y="3264947"/>
            <a:chExt cx="343535" cy="287655"/>
          </a:xfrm>
        </p:grpSpPr>
        <p:sp>
          <p:nvSpPr>
            <p:cNvPr id="90" name="Intake 4"/>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91" name="Intake 3"/>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sp>
          <p:nvSpPr>
            <p:cNvPr id="92" name="Intake 1"/>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cs typeface="Arial" pitchFamily="34" charset="0"/>
              </a:endParaRPr>
            </a:p>
          </p:txBody>
        </p:sp>
      </p:grpSp>
      <p:sp>
        <p:nvSpPr>
          <p:cNvPr id="128" name="Afterbay Connection to CVP"/>
          <p:cNvSpPr>
            <a:spLocks/>
          </p:cNvSpPr>
          <p:nvPr/>
        </p:nvSpPr>
        <p:spPr bwMode="auto">
          <a:xfrm>
            <a:off x="4061800" y="6132931"/>
            <a:ext cx="265049" cy="12949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fontAlgn="base">
              <a:spcBef>
                <a:spcPct val="0"/>
              </a:spcBef>
              <a:spcAft>
                <a:spcPct val="0"/>
              </a:spcAft>
            </a:pPr>
            <a:endParaRPr lang="en-US" dirty="0">
              <a:solidFill>
                <a:prstClr val="white"/>
              </a:solidFill>
              <a:latin typeface="Arial" charset="0"/>
              <a:cs typeface="Arial" charset="0"/>
            </a:endParaRPr>
          </a:p>
        </p:txBody>
      </p:sp>
      <p:sp>
        <p:nvSpPr>
          <p:cNvPr id="129" name="Eastside Afterbay" hidden="1"/>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fontAlgn="base">
              <a:spcBef>
                <a:spcPct val="0"/>
              </a:spcBef>
              <a:spcAft>
                <a:spcPct val="0"/>
              </a:spcAft>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Red Rectangle - North Delta" hidden="1"/>
          <p:cNvSpPr/>
          <p:nvPr/>
        </p:nvSpPr>
        <p:spPr bwMode="auto">
          <a:xfrm>
            <a:off x="4754569" y="3174479"/>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2" name="Red Rectangle - North Delta" hidden="1"/>
          <p:cNvSpPr/>
          <p:nvPr/>
        </p:nvSpPr>
        <p:spPr bwMode="auto">
          <a:xfrm>
            <a:off x="3429000" y="5867400"/>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6" name="Freeform 9"/>
          <p:cNvSpPr>
            <a:spLocks/>
          </p:cNvSpPr>
          <p:nvPr/>
        </p:nvSpPr>
        <p:spPr bwMode="auto">
          <a:xfrm>
            <a:off x="4209992" y="6101785"/>
            <a:ext cx="215954" cy="878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92D050"/>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black"/>
              </a:solidFill>
              <a:latin typeface="Arial" charset="0"/>
              <a:cs typeface="Arial" charset="0"/>
            </a:endParaRPr>
          </a:p>
        </p:txBody>
      </p:sp>
      <p:sp>
        <p:nvSpPr>
          <p:cNvPr id="137" name="Oval 17"/>
          <p:cNvSpPr>
            <a:spLocks noChangeAspect="1" noChangeArrowheads="1"/>
          </p:cNvSpPr>
          <p:nvPr/>
        </p:nvSpPr>
        <p:spPr bwMode="invGray">
          <a:xfrm>
            <a:off x="3746125" y="6056081"/>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8" name="Oval 17"/>
          <p:cNvSpPr>
            <a:spLocks noChangeAspect="1" noChangeArrowheads="1"/>
          </p:cNvSpPr>
          <p:nvPr/>
        </p:nvSpPr>
        <p:spPr bwMode="invGray">
          <a:xfrm>
            <a:off x="4038600" y="6172200"/>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40" name="Text Box 16"/>
          <p:cNvSpPr txBox="1">
            <a:spLocks noChangeArrowheads="1"/>
          </p:cNvSpPr>
          <p:nvPr/>
        </p:nvSpPr>
        <p:spPr bwMode="invGray">
          <a:xfrm>
            <a:off x="1295400" y="5867400"/>
            <a:ext cx="2209800" cy="461665"/>
          </a:xfrm>
          <a:prstGeom prst="rect">
            <a:avLst/>
          </a:prstGeom>
          <a:noFill/>
          <a:ln w="9525">
            <a:noFill/>
            <a:miter lim="800000"/>
            <a:headEnd/>
            <a:tailEnd/>
          </a:ln>
          <a:effectLst/>
        </p:spPr>
        <p:txBody>
          <a:bodyPr>
            <a:spAutoFit/>
          </a:bodyPr>
          <a:lstStyle/>
          <a:p>
            <a:pPr algn="ctr" eaLnBrk="0" hangingPunct="0">
              <a:defRPr/>
            </a:pPr>
            <a:r>
              <a:rPr lang="en-US" sz="2400" b="1" dirty="0">
                <a:solidFill>
                  <a:prstClr val="white"/>
                </a:solidFill>
                <a:effectLst>
                  <a:outerShdw blurRad="50800" dist="50800" dir="2700000" algn="tl" rotWithShape="0">
                    <a:prstClr val="black"/>
                  </a:outerShdw>
                </a:effectLst>
                <a:latin typeface="+mn-lt"/>
              </a:rPr>
              <a:t>SWP Pumps</a:t>
            </a:r>
          </a:p>
        </p:txBody>
      </p:sp>
      <p:sp>
        <p:nvSpPr>
          <p:cNvPr id="141" name="Text Box 16"/>
          <p:cNvSpPr txBox="1">
            <a:spLocks noChangeArrowheads="1"/>
          </p:cNvSpPr>
          <p:nvPr/>
        </p:nvSpPr>
        <p:spPr bwMode="invGray">
          <a:xfrm>
            <a:off x="2078038" y="6172200"/>
            <a:ext cx="2209800" cy="461665"/>
          </a:xfrm>
          <a:prstGeom prst="rect">
            <a:avLst/>
          </a:prstGeom>
          <a:noFill/>
          <a:ln w="9525">
            <a:noFill/>
            <a:miter lim="800000"/>
            <a:headEnd/>
            <a:tailEnd/>
          </a:ln>
          <a:effectLst/>
        </p:spPr>
        <p:txBody>
          <a:bodyPr>
            <a:spAutoFit/>
          </a:bodyPr>
          <a:lstStyle/>
          <a:p>
            <a:pPr algn="ctr" eaLnBrk="0" hangingPunct="0">
              <a:defRPr/>
            </a:pPr>
            <a:r>
              <a:rPr lang="en-US" sz="2400" b="1" dirty="0">
                <a:solidFill>
                  <a:prstClr val="white"/>
                </a:solidFill>
                <a:effectLst>
                  <a:outerShdw blurRad="50800" dist="50800" dir="2700000" algn="tl" rotWithShape="0">
                    <a:prstClr val="black"/>
                  </a:outerShdw>
                </a:effectLst>
                <a:latin typeface="+mn-lt"/>
              </a:rPr>
              <a:t>CVP Pumps</a:t>
            </a:r>
          </a:p>
        </p:txBody>
      </p:sp>
      <p:sp>
        <p:nvSpPr>
          <p:cNvPr id="133" name="South Delta - Rounded Rectangle 132" hidden="1"/>
          <p:cNvSpPr/>
          <p:nvPr/>
        </p:nvSpPr>
        <p:spPr bwMode="auto">
          <a:xfrm>
            <a:off x="5067623" y="4881808"/>
            <a:ext cx="3977391" cy="1894369"/>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South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Existing forebay expansion</a:t>
            </a:r>
            <a:endParaRPr lang="en-US" sz="2200" dirty="0">
              <a:solidFill>
                <a:prstClr val="white"/>
              </a:solidFill>
            </a:endParaRPr>
          </a:p>
          <a:p>
            <a:pPr marL="228600" indent="-228600" defTabSz="912813" eaLnBrk="0" hangingPunct="0">
              <a:lnSpc>
                <a:spcPct val="90000"/>
              </a:lnSpc>
              <a:spcAft>
                <a:spcPts val="600"/>
              </a:spcAft>
              <a:buBlip>
                <a:blip r:embed="rId4"/>
              </a:buBlip>
            </a:pPr>
            <a:r>
              <a:rPr lang="en-US" sz="2200" dirty="0">
                <a:solidFill>
                  <a:prstClr val="white"/>
                </a:solidFill>
              </a:rPr>
              <a:t>Consolidated pumping facility</a:t>
            </a:r>
          </a:p>
          <a:p>
            <a:pPr marL="228600" indent="-228600" defTabSz="912813" eaLnBrk="0" hangingPunct="0">
              <a:lnSpc>
                <a:spcPct val="90000"/>
              </a:lnSpc>
              <a:spcAft>
                <a:spcPts val="600"/>
              </a:spcAft>
              <a:buFontTx/>
              <a:buBlip>
                <a:blip r:embed="rId4"/>
              </a:buBlip>
            </a:pPr>
            <a:r>
              <a:rPr lang="en-US" sz="2200" dirty="0" smtClean="0">
                <a:solidFill>
                  <a:prstClr val="white"/>
                </a:solidFill>
              </a:rPr>
              <a:t>Use of State-owned land</a:t>
            </a:r>
            <a:endParaRPr lang="en-US" sz="2200" dirty="0">
              <a:solidFill>
                <a:prstClr val="white"/>
              </a:solidFill>
            </a:endParaRPr>
          </a:p>
        </p:txBody>
      </p:sp>
      <p:sp>
        <p:nvSpPr>
          <p:cNvPr id="134" name="Central Delta - Rounded Rectangle 133" hidden="1"/>
          <p:cNvSpPr/>
          <p:nvPr/>
        </p:nvSpPr>
        <p:spPr bwMode="auto">
          <a:xfrm>
            <a:off x="745003" y="2854703"/>
            <a:ext cx="3451698" cy="1281943"/>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Central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2 gravity-flow </a:t>
            </a:r>
            <a:r>
              <a:rPr lang="en-US" sz="2200" dirty="0">
                <a:solidFill>
                  <a:prstClr val="white"/>
                </a:solidFill>
              </a:rPr>
              <a:t>tunnels </a:t>
            </a:r>
            <a:br>
              <a:rPr lang="en-US" sz="2200" dirty="0">
                <a:solidFill>
                  <a:prstClr val="white"/>
                </a:solidFill>
              </a:rPr>
            </a:br>
            <a:r>
              <a:rPr lang="en-US" sz="2200" dirty="0">
                <a:solidFill>
                  <a:prstClr val="white"/>
                </a:solidFill>
              </a:rPr>
              <a:t>(30 miles long; 9,000 cfs</a:t>
            </a:r>
            <a:r>
              <a:rPr lang="en-US" sz="2200" dirty="0" smtClean="0">
                <a:solidFill>
                  <a:prstClr val="white"/>
                </a:solidFill>
              </a:rPr>
              <a:t>)</a:t>
            </a:r>
          </a:p>
        </p:txBody>
      </p:sp>
      <p:sp>
        <p:nvSpPr>
          <p:cNvPr id="142" name="North Delta - Rounded Rectangle 141" hidden="1"/>
          <p:cNvSpPr/>
          <p:nvPr/>
        </p:nvSpPr>
        <p:spPr bwMode="auto">
          <a:xfrm>
            <a:off x="5937443" y="1599264"/>
            <a:ext cx="2863657" cy="1612301"/>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90000"/>
              </a:lnSpc>
              <a:spcAft>
                <a:spcPts val="600"/>
              </a:spcAft>
            </a:pPr>
            <a:r>
              <a:rPr lang="en-US" sz="2400" b="1" dirty="0" smtClean="0">
                <a:solidFill>
                  <a:prstClr val="white"/>
                </a:solidFill>
              </a:rPr>
              <a:t>North Delta</a:t>
            </a:r>
            <a:endParaRPr lang="en-US" sz="2400" b="1"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3 river intakes</a:t>
            </a:r>
            <a:endParaRPr lang="en-US" sz="2200" dirty="0">
              <a:solidFill>
                <a:prstClr val="white"/>
              </a:solidFill>
            </a:endParaRPr>
          </a:p>
          <a:p>
            <a:pPr marL="228600" indent="-228600" defTabSz="912813" eaLnBrk="0" hangingPunct="0">
              <a:lnSpc>
                <a:spcPct val="90000"/>
              </a:lnSpc>
              <a:spcAft>
                <a:spcPts val="600"/>
              </a:spcAft>
              <a:buFontTx/>
              <a:buBlip>
                <a:blip r:embed="rId4"/>
              </a:buBlip>
            </a:pPr>
            <a:r>
              <a:rPr lang="en-US" sz="2200" dirty="0" smtClean="0">
                <a:solidFill>
                  <a:prstClr val="white"/>
                </a:solidFill>
              </a:rPr>
              <a:t>Modern fish </a:t>
            </a:r>
            <a:r>
              <a:rPr lang="en-US" sz="2200" dirty="0">
                <a:solidFill>
                  <a:prstClr val="white"/>
                </a:solidFill>
              </a:rPr>
              <a:t>screens</a:t>
            </a:r>
          </a:p>
          <a:p>
            <a:pPr marL="228600" indent="-228600" defTabSz="912813" eaLnBrk="0" hangingPunct="0">
              <a:lnSpc>
                <a:spcPct val="90000"/>
              </a:lnSpc>
              <a:spcAft>
                <a:spcPts val="600"/>
              </a:spcAft>
              <a:buFontTx/>
              <a:buBlip>
                <a:blip r:embed="rId4"/>
              </a:buBlip>
            </a:pPr>
            <a:r>
              <a:rPr lang="en-US" sz="2200" dirty="0" smtClean="0">
                <a:solidFill>
                  <a:prstClr val="white"/>
                </a:solidFill>
              </a:rPr>
              <a:t>28-acre forebay</a:t>
            </a:r>
            <a:endParaRPr lang="en-US" sz="2200" dirty="0">
              <a:solidFill>
                <a:prstClr val="white"/>
              </a:solidFill>
            </a:endParaRPr>
          </a:p>
        </p:txBody>
      </p:sp>
      <p:sp>
        <p:nvSpPr>
          <p:cNvPr id="7" name="Arc 6"/>
          <p:cNvSpPr/>
          <p:nvPr/>
        </p:nvSpPr>
        <p:spPr>
          <a:xfrm>
            <a:off x="2710543" y="3984807"/>
            <a:ext cx="249424" cy="531242"/>
          </a:xfrm>
          <a:prstGeom prst="arc">
            <a:avLst>
              <a:gd name="adj1" fmla="val 16200000"/>
              <a:gd name="adj2" fmla="val 4752649"/>
            </a:avLst>
          </a:prstGeom>
          <a:ln w="76200">
            <a:solidFill>
              <a:srgbClr val="92D05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6" name="Arc 145"/>
          <p:cNvSpPr/>
          <p:nvPr/>
        </p:nvSpPr>
        <p:spPr>
          <a:xfrm>
            <a:off x="2832849" y="3984807"/>
            <a:ext cx="249424" cy="531242"/>
          </a:xfrm>
          <a:prstGeom prst="arc">
            <a:avLst>
              <a:gd name="adj1" fmla="val 16200000"/>
              <a:gd name="adj2" fmla="val 4752649"/>
            </a:avLst>
          </a:prstGeom>
          <a:ln w="76200">
            <a:solidFill>
              <a:srgbClr val="FFFF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7" name="Arc 146"/>
          <p:cNvSpPr/>
          <p:nvPr/>
        </p:nvSpPr>
        <p:spPr>
          <a:xfrm>
            <a:off x="2952584" y="3984807"/>
            <a:ext cx="249424" cy="531242"/>
          </a:xfrm>
          <a:prstGeom prst="arc">
            <a:avLst>
              <a:gd name="adj1" fmla="val 16200000"/>
              <a:gd name="adj2" fmla="val 4752649"/>
            </a:avLst>
          </a:prstGeom>
          <a:ln w="76200">
            <a:solidFill>
              <a:srgbClr val="FFC0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48" name="Arc 147"/>
          <p:cNvSpPr/>
          <p:nvPr/>
        </p:nvSpPr>
        <p:spPr>
          <a:xfrm>
            <a:off x="3416114" y="3803650"/>
            <a:ext cx="249424" cy="531242"/>
          </a:xfrm>
          <a:prstGeom prst="arc">
            <a:avLst>
              <a:gd name="adj1" fmla="val 16200000"/>
              <a:gd name="adj2" fmla="val 4752649"/>
            </a:avLst>
          </a:prstGeom>
          <a:ln w="76200">
            <a:solidFill>
              <a:srgbClr val="C00000"/>
            </a:solidFill>
          </a:ln>
          <a:effectLst>
            <a:outerShdw blurRad="50800" dist="50800" dir="2700000" algn="tl" rotWithShape="0">
              <a:prstClr val="black"/>
            </a:outerShd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2" name="TextBox 151"/>
          <p:cNvSpPr txBox="1"/>
          <p:nvPr/>
        </p:nvSpPr>
        <p:spPr>
          <a:xfrm>
            <a:off x="103196" y="1972270"/>
            <a:ext cx="2487604" cy="923330"/>
          </a:xfrm>
          <a:prstGeom prst="rect">
            <a:avLst/>
          </a:prstGeom>
          <a:solidFill>
            <a:srgbClr val="000000">
              <a:alpha val="34902"/>
            </a:srgbClr>
          </a:solidFill>
        </p:spPr>
        <p:style>
          <a:lnRef idx="0">
            <a:schemeClr val="accent5"/>
          </a:lnRef>
          <a:fillRef idx="3">
            <a:schemeClr val="accent5"/>
          </a:fillRef>
          <a:effectRef idx="3">
            <a:schemeClr val="accent5"/>
          </a:effectRef>
          <a:fontRef idx="minor">
            <a:schemeClr val="lt1"/>
          </a:fontRef>
        </p:style>
        <p:txBody>
          <a:bodyPr wrap="none" rtlCol="0">
            <a:spAutoFit/>
          </a:bodyPr>
          <a:lstStyle/>
          <a:p>
            <a:pPr algn="ctr">
              <a:lnSpc>
                <a:spcPct val="90000"/>
              </a:lnSpc>
            </a:pPr>
            <a:r>
              <a:rPr lang="en-US" sz="2000" b="1" dirty="0">
                <a:solidFill>
                  <a:prstClr val="white"/>
                </a:solidFill>
                <a:effectLst>
                  <a:outerShdw blurRad="50800" dist="50800" dir="2700000" algn="tl" rotWithShape="0">
                    <a:prstClr val="black"/>
                  </a:outerShdw>
                </a:effectLst>
                <a:latin typeface="+mn-lt"/>
              </a:rPr>
              <a:t>Sea Level </a:t>
            </a:r>
            <a:r>
              <a:rPr lang="en-US" sz="2000" b="1" dirty="0" smtClean="0">
                <a:solidFill>
                  <a:prstClr val="white"/>
                </a:solidFill>
                <a:effectLst>
                  <a:outerShdw blurRad="50800" dist="50800" dir="2700000" algn="tl" rotWithShape="0">
                    <a:prstClr val="black"/>
                  </a:outerShdw>
                </a:effectLst>
                <a:latin typeface="+mn-lt"/>
              </a:rPr>
              <a:t>Rise Effects </a:t>
            </a:r>
            <a:br>
              <a:rPr lang="en-US" sz="2000" b="1" dirty="0" smtClean="0">
                <a:solidFill>
                  <a:prstClr val="white"/>
                </a:solidFill>
                <a:effectLst>
                  <a:outerShdw blurRad="50800" dist="50800" dir="2700000" algn="tl" rotWithShape="0">
                    <a:prstClr val="black"/>
                  </a:outerShdw>
                </a:effectLst>
                <a:latin typeface="+mn-lt"/>
              </a:rPr>
            </a:br>
            <a:r>
              <a:rPr lang="en-US" sz="2000" b="1" dirty="0" smtClean="0">
                <a:solidFill>
                  <a:prstClr val="white"/>
                </a:solidFill>
                <a:effectLst>
                  <a:outerShdw blurRad="50800" dist="50800" dir="2700000" algn="tl" rotWithShape="0">
                    <a:prstClr val="black"/>
                  </a:outerShdw>
                </a:effectLst>
                <a:latin typeface="+mn-lt"/>
              </a:rPr>
              <a:t>with Cal Water Fix</a:t>
            </a:r>
          </a:p>
          <a:p>
            <a:pPr algn="ctr">
              <a:lnSpc>
                <a:spcPct val="90000"/>
              </a:lnSpc>
            </a:pPr>
            <a:r>
              <a:rPr lang="en-US" sz="2000" b="1" dirty="0" smtClean="0">
                <a:solidFill>
                  <a:prstClr val="white"/>
                </a:solidFill>
                <a:effectLst>
                  <a:outerShdw blurRad="50800" dist="50800" dir="2700000" algn="tl" rotWithShape="0">
                    <a:prstClr val="black"/>
                  </a:outerShdw>
                </a:effectLst>
                <a:latin typeface="+mn-lt"/>
              </a:rPr>
              <a:t>(</a:t>
            </a:r>
            <a:r>
              <a:rPr lang="en-US" sz="2000" b="1" i="1" u="sng" dirty="0" smtClean="0">
                <a:solidFill>
                  <a:srgbClr val="FFC000"/>
                </a:solidFill>
                <a:effectLst>
                  <a:outerShdw blurRad="50800" dist="50800" dir="2700000" algn="tl" rotWithShape="0">
                    <a:prstClr val="black"/>
                  </a:outerShdw>
                </a:effectLst>
              </a:rPr>
              <a:t>D</a:t>
            </a:r>
            <a:r>
              <a:rPr lang="en-US" sz="2000" b="1" i="1" u="sng" dirty="0" smtClean="0">
                <a:solidFill>
                  <a:srgbClr val="FFC000"/>
                </a:solidFill>
                <a:effectLst>
                  <a:outerShdw blurRad="50800" dist="50800" dir="2700000" algn="tl" rotWithShape="0">
                    <a:prstClr val="black"/>
                  </a:outerShdw>
                </a:effectLst>
                <a:latin typeface="+mn-lt"/>
              </a:rPr>
              <a:t>rought Conditions</a:t>
            </a:r>
            <a:r>
              <a:rPr lang="en-US" sz="2000" b="1" dirty="0" smtClean="0">
                <a:solidFill>
                  <a:prstClr val="white"/>
                </a:solidFill>
                <a:effectLst>
                  <a:outerShdw blurRad="50800" dist="50800" dir="2700000" algn="tl" rotWithShape="0">
                    <a:prstClr val="black"/>
                  </a:outerShdw>
                </a:effectLst>
                <a:latin typeface="+mn-lt"/>
              </a:rPr>
              <a:t>)</a:t>
            </a:r>
            <a:endParaRPr lang="en-US" sz="2000" b="1" dirty="0">
              <a:solidFill>
                <a:prstClr val="white"/>
              </a:solidFill>
              <a:effectLst>
                <a:outerShdw blurRad="50800" dist="50800" dir="2700000" algn="tl" rotWithShape="0">
                  <a:prstClr val="black"/>
                </a:outerShdw>
              </a:effectLst>
              <a:latin typeface="+mn-lt"/>
            </a:endParaRPr>
          </a:p>
        </p:txBody>
      </p:sp>
      <p:sp>
        <p:nvSpPr>
          <p:cNvPr id="153" name="TextBox 152"/>
          <p:cNvSpPr txBox="1"/>
          <p:nvPr/>
        </p:nvSpPr>
        <p:spPr>
          <a:xfrm>
            <a:off x="158189" y="4815159"/>
            <a:ext cx="3683381" cy="369332"/>
          </a:xfrm>
          <a:prstGeom prst="rect">
            <a:avLst/>
          </a:prstGeom>
          <a:noFill/>
          <a:effectLst>
            <a:glow rad="139700">
              <a:schemeClr val="bg1">
                <a:alpha val="40000"/>
              </a:schemeClr>
            </a:glow>
          </a:effectLst>
        </p:spPr>
        <p:txBody>
          <a:bodyPr wrap="none" rtlCol="0">
            <a:spAutoFit/>
          </a:bodyPr>
          <a:lstStyle/>
          <a:p>
            <a:r>
              <a:rPr lang="en-US" b="1" i="1" dirty="0" smtClean="0">
                <a:effectLst>
                  <a:glow rad="228600">
                    <a:schemeClr val="bg1">
                      <a:alpha val="65000"/>
                    </a:schemeClr>
                  </a:glow>
                </a:effectLst>
                <a:latin typeface="+mn-lt"/>
              </a:rPr>
              <a:t>Salinity lines indicate 2,000 ppm TDS</a:t>
            </a:r>
            <a:endParaRPr lang="en-US" b="1" i="1" dirty="0">
              <a:effectLst>
                <a:glow rad="228600">
                  <a:schemeClr val="bg1">
                    <a:alpha val="65000"/>
                  </a:schemeClr>
                </a:glow>
              </a:effectLst>
              <a:latin typeface="+mn-lt"/>
            </a:endParaRPr>
          </a:p>
        </p:txBody>
      </p:sp>
      <p:sp>
        <p:nvSpPr>
          <p:cNvPr id="154" name="TextBox 153"/>
          <p:cNvSpPr txBox="1"/>
          <p:nvPr/>
        </p:nvSpPr>
        <p:spPr>
          <a:xfrm>
            <a:off x="26610" y="6553200"/>
            <a:ext cx="4681282" cy="307777"/>
          </a:xfrm>
          <a:prstGeom prst="rect">
            <a:avLst/>
          </a:prstGeom>
          <a:noFill/>
          <a:effectLst>
            <a:outerShdw blurRad="50800" dist="38100" dir="2700000" algn="tl" rotWithShape="0">
              <a:schemeClr val="tx1">
                <a:alpha val="90000"/>
              </a:schemeClr>
            </a:outerShdw>
          </a:effectLst>
        </p:spPr>
        <p:txBody>
          <a:bodyPr wrap="none" rtlCol="0">
            <a:spAutoFit/>
          </a:bodyPr>
          <a:lstStyle/>
          <a:p>
            <a:r>
              <a:rPr lang="en-US" sz="1400" b="1" i="1" dirty="0" smtClean="0">
                <a:solidFill>
                  <a:schemeClr val="bg1"/>
                </a:solidFill>
                <a:latin typeface="+mn-lt"/>
              </a:rPr>
              <a:t>Analysis conducted by CH2M for Metropolitan Water District</a:t>
            </a:r>
            <a:endParaRPr lang="en-US" sz="1400" b="1" i="1" dirty="0">
              <a:solidFill>
                <a:schemeClr val="bg1"/>
              </a:solidFill>
              <a:latin typeface="+mn-lt"/>
            </a:endParaRPr>
          </a:p>
        </p:txBody>
      </p:sp>
      <p:grpSp>
        <p:nvGrpSpPr>
          <p:cNvPr id="145" name="Group 144"/>
          <p:cNvGrpSpPr/>
          <p:nvPr/>
        </p:nvGrpSpPr>
        <p:grpSpPr>
          <a:xfrm>
            <a:off x="457326" y="3257490"/>
            <a:ext cx="3023998" cy="1165086"/>
            <a:chOff x="457326" y="3257490"/>
            <a:chExt cx="3023998" cy="1165086"/>
          </a:xfrm>
        </p:grpSpPr>
        <p:sp>
          <p:nvSpPr>
            <p:cNvPr id="155" name="TextBox 154"/>
            <p:cNvSpPr txBox="1"/>
            <p:nvPr/>
          </p:nvSpPr>
          <p:spPr>
            <a:xfrm>
              <a:off x="457326" y="3943290"/>
              <a:ext cx="761747" cy="400110"/>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92D050"/>
                  </a:solidFill>
                  <a:effectLst>
                    <a:outerShdw blurRad="50800" dist="50800" dir="2700000" algn="tl" rotWithShape="0">
                      <a:prstClr val="black"/>
                    </a:outerShdw>
                  </a:effectLst>
                  <a:latin typeface="+mn-lt"/>
                </a:rPr>
                <a:t>2015 </a:t>
              </a:r>
            </a:p>
          </p:txBody>
        </p:sp>
        <p:sp>
          <p:nvSpPr>
            <p:cNvPr id="156" name="TextBox 155"/>
            <p:cNvSpPr txBox="1"/>
            <p:nvPr/>
          </p:nvSpPr>
          <p:spPr>
            <a:xfrm>
              <a:off x="1208392" y="3714690"/>
              <a:ext cx="704039" cy="707886"/>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FF00"/>
                  </a:solidFill>
                  <a:effectLst>
                    <a:outerShdw blurRad="50800" dist="50800" dir="2700000" algn="tl" rotWithShape="0">
                      <a:prstClr val="black"/>
                    </a:outerShdw>
                  </a:effectLst>
                  <a:latin typeface="+mn-lt"/>
                </a:rPr>
                <a:t>2025</a:t>
              </a:r>
            </a:p>
            <a:p>
              <a:pPr algn="ctr"/>
              <a:r>
                <a:rPr lang="en-US" sz="2000" b="1" dirty="0" smtClean="0">
                  <a:solidFill>
                    <a:srgbClr val="FFFF00"/>
                  </a:solidFill>
                  <a:effectLst>
                    <a:outerShdw blurRad="50800" dist="50800" dir="2700000" algn="tl" rotWithShape="0">
                      <a:prstClr val="black"/>
                    </a:outerShdw>
                  </a:effectLst>
                </a:rPr>
                <a:t>5.9”</a:t>
              </a:r>
              <a:endParaRPr lang="en-US" sz="2000" b="1" dirty="0">
                <a:solidFill>
                  <a:srgbClr val="FFFF00"/>
                </a:solidFill>
                <a:effectLst>
                  <a:outerShdw blurRad="50800" dist="50800" dir="2700000" algn="tl" rotWithShape="0">
                    <a:prstClr val="black"/>
                  </a:outerShdw>
                </a:effectLst>
                <a:latin typeface="+mn-lt"/>
              </a:endParaRPr>
            </a:p>
          </p:txBody>
        </p:sp>
        <p:sp>
          <p:nvSpPr>
            <p:cNvPr id="157" name="TextBox 156"/>
            <p:cNvSpPr txBox="1"/>
            <p:nvPr/>
          </p:nvSpPr>
          <p:spPr>
            <a:xfrm>
              <a:off x="1906708" y="3486090"/>
              <a:ext cx="813043" cy="707886"/>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C000"/>
                  </a:solidFill>
                  <a:effectLst>
                    <a:outerShdw blurRad="50800" dist="50800" dir="2700000" algn="tl" rotWithShape="0">
                      <a:prstClr val="black"/>
                    </a:outerShdw>
                  </a:effectLst>
                  <a:latin typeface="+mn-lt"/>
                </a:rPr>
                <a:t>2060</a:t>
              </a:r>
            </a:p>
            <a:p>
              <a:pPr algn="ctr"/>
              <a:r>
                <a:rPr lang="en-US" sz="2000" b="1" dirty="0" smtClean="0">
                  <a:solidFill>
                    <a:srgbClr val="FFC000"/>
                  </a:solidFill>
                  <a:effectLst>
                    <a:outerShdw blurRad="50800" dist="50800" dir="2700000" algn="tl" rotWithShape="0">
                      <a:prstClr val="black"/>
                    </a:outerShdw>
                  </a:effectLst>
                </a:rPr>
                <a:t>17.7”</a:t>
              </a:r>
              <a:r>
                <a:rPr lang="en-US" sz="2000" b="1" dirty="0" smtClean="0">
                  <a:solidFill>
                    <a:srgbClr val="FFC000"/>
                  </a:solidFill>
                  <a:effectLst>
                    <a:outerShdw blurRad="50800" dist="50800" dir="2700000" algn="tl" rotWithShape="0">
                      <a:prstClr val="black"/>
                    </a:outerShdw>
                  </a:effectLst>
                  <a:latin typeface="+mn-lt"/>
                </a:rPr>
                <a:t> </a:t>
              </a:r>
            </a:p>
          </p:txBody>
        </p:sp>
        <p:sp>
          <p:nvSpPr>
            <p:cNvPr id="158" name="TextBox 157"/>
            <p:cNvSpPr txBox="1"/>
            <p:nvPr/>
          </p:nvSpPr>
          <p:spPr>
            <a:xfrm>
              <a:off x="2719577" y="3257490"/>
              <a:ext cx="761747" cy="707886"/>
            </a:xfrm>
            <a:prstGeom prst="rect">
              <a:avLst/>
            </a:prstGeom>
          </p:spPr>
          <p:style>
            <a:lnRef idx="0">
              <a:schemeClr val="accent6"/>
            </a:lnRef>
            <a:fillRef idx="3">
              <a:schemeClr val="accent6"/>
            </a:fillRef>
            <a:effectRef idx="3">
              <a:schemeClr val="accent6"/>
            </a:effectRef>
            <a:fontRef idx="minor">
              <a:schemeClr val="lt1"/>
            </a:fontRef>
          </p:style>
          <p:txBody>
            <a:bodyPr wrap="none" rtlCol="0">
              <a:spAutoFit/>
            </a:bodyPr>
            <a:lstStyle/>
            <a:p>
              <a:pPr algn="ctr"/>
              <a:r>
                <a:rPr lang="en-US" sz="2000" b="1" dirty="0" smtClean="0">
                  <a:solidFill>
                    <a:srgbClr val="FF0000"/>
                  </a:solidFill>
                  <a:effectLst>
                    <a:outerShdw blurRad="50800" dist="50800" dir="2700000" algn="tl" rotWithShape="0">
                      <a:prstClr val="black"/>
                    </a:outerShdw>
                  </a:effectLst>
                  <a:latin typeface="+mn-lt"/>
                </a:rPr>
                <a:t>2100 </a:t>
              </a:r>
            </a:p>
            <a:p>
              <a:pPr algn="ctr"/>
              <a:r>
                <a:rPr lang="en-US" sz="2000" b="1" dirty="0" smtClean="0">
                  <a:solidFill>
                    <a:srgbClr val="FF0000"/>
                  </a:solidFill>
                  <a:effectLst>
                    <a:outerShdw blurRad="50800" dist="50800" dir="2700000" algn="tl" rotWithShape="0">
                      <a:prstClr val="black"/>
                    </a:outerShdw>
                  </a:effectLst>
                  <a:latin typeface="+mn-lt"/>
                </a:rPr>
                <a:t>55.1”</a:t>
              </a:r>
            </a:p>
          </p:txBody>
        </p:sp>
      </p:grpSp>
      <p:sp>
        <p:nvSpPr>
          <p:cNvPr id="130" name="Tunnel - New Alignment"/>
          <p:cNvSpPr/>
          <p:nvPr/>
        </p:nvSpPr>
        <p:spPr>
          <a:xfrm>
            <a:off x="4484799" y="3391611"/>
            <a:ext cx="985510" cy="2372450"/>
          </a:xfrm>
          <a:custGeom>
            <a:avLst/>
            <a:gdLst>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047750 w 1333935"/>
              <a:gd name="connsiteY0" fmla="*/ 0 h 2076450"/>
              <a:gd name="connsiteX1" fmla="*/ 1333500 w 1333935"/>
              <a:gd name="connsiteY1" fmla="*/ 120650 h 2076450"/>
              <a:gd name="connsiteX2" fmla="*/ 1104900 w 1333935"/>
              <a:gd name="connsiteY2" fmla="*/ 412750 h 2076450"/>
              <a:gd name="connsiteX3" fmla="*/ 798182 w 1333935"/>
              <a:gd name="connsiteY3" fmla="*/ 666537 h 2076450"/>
              <a:gd name="connsiteX4" fmla="*/ 469900 w 1333935"/>
              <a:gd name="connsiteY4" fmla="*/ 1797050 h 2076450"/>
              <a:gd name="connsiteX5" fmla="*/ 0 w 1333935"/>
              <a:gd name="connsiteY5" fmla="*/ 2076450 h 2076450"/>
              <a:gd name="connsiteX0" fmla="*/ 1028700 w 1334247"/>
              <a:gd name="connsiteY0" fmla="*/ 0 h 2109787"/>
              <a:gd name="connsiteX1" fmla="*/ 1333500 w 1334247"/>
              <a:gd name="connsiteY1" fmla="*/ 153987 h 2109787"/>
              <a:gd name="connsiteX2" fmla="*/ 1104900 w 1334247"/>
              <a:gd name="connsiteY2" fmla="*/ 446087 h 2109787"/>
              <a:gd name="connsiteX3" fmla="*/ 798182 w 1334247"/>
              <a:gd name="connsiteY3" fmla="*/ 699874 h 2109787"/>
              <a:gd name="connsiteX4" fmla="*/ 469900 w 1334247"/>
              <a:gd name="connsiteY4" fmla="*/ 1830387 h 2109787"/>
              <a:gd name="connsiteX5" fmla="*/ 0 w 1334247"/>
              <a:gd name="connsiteY5" fmla="*/ 2109787 h 2109787"/>
              <a:gd name="connsiteX0" fmla="*/ 1028700 w 1272681"/>
              <a:gd name="connsiteY0" fmla="*/ 0 h 2109787"/>
              <a:gd name="connsiteX1" fmla="*/ 1271588 w 1272681"/>
              <a:gd name="connsiteY1" fmla="*/ 163512 h 2109787"/>
              <a:gd name="connsiteX2" fmla="*/ 1104900 w 1272681"/>
              <a:gd name="connsiteY2" fmla="*/ 446087 h 2109787"/>
              <a:gd name="connsiteX3" fmla="*/ 798182 w 1272681"/>
              <a:gd name="connsiteY3" fmla="*/ 699874 h 2109787"/>
              <a:gd name="connsiteX4" fmla="*/ 469900 w 1272681"/>
              <a:gd name="connsiteY4" fmla="*/ 1830387 h 2109787"/>
              <a:gd name="connsiteX5" fmla="*/ 0 w 1272681"/>
              <a:gd name="connsiteY5" fmla="*/ 2109787 h 2109787"/>
              <a:gd name="connsiteX0" fmla="*/ 1028700 w 1296329"/>
              <a:gd name="connsiteY0" fmla="*/ 0 h 2109787"/>
              <a:gd name="connsiteX1" fmla="*/ 1295401 w 1296329"/>
              <a:gd name="connsiteY1" fmla="*/ 173037 h 2109787"/>
              <a:gd name="connsiteX2" fmla="*/ 1104900 w 1296329"/>
              <a:gd name="connsiteY2" fmla="*/ 446087 h 2109787"/>
              <a:gd name="connsiteX3" fmla="*/ 798182 w 1296329"/>
              <a:gd name="connsiteY3" fmla="*/ 699874 h 2109787"/>
              <a:gd name="connsiteX4" fmla="*/ 469900 w 1296329"/>
              <a:gd name="connsiteY4" fmla="*/ 1830387 h 2109787"/>
              <a:gd name="connsiteX5" fmla="*/ 0 w 1296329"/>
              <a:gd name="connsiteY5" fmla="*/ 2109787 h 210978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990600 w 1297325"/>
              <a:gd name="connsiteY0" fmla="*/ 0 h 2095500"/>
              <a:gd name="connsiteX1" fmla="*/ 1295401 w 1297325"/>
              <a:gd name="connsiteY1" fmla="*/ 158750 h 2095500"/>
              <a:gd name="connsiteX2" fmla="*/ 1104900 w 1297325"/>
              <a:gd name="connsiteY2" fmla="*/ 431800 h 2095500"/>
              <a:gd name="connsiteX3" fmla="*/ 798182 w 1297325"/>
              <a:gd name="connsiteY3" fmla="*/ 685587 h 2095500"/>
              <a:gd name="connsiteX4" fmla="*/ 469900 w 1297325"/>
              <a:gd name="connsiteY4" fmla="*/ 1816100 h 2095500"/>
              <a:gd name="connsiteX5" fmla="*/ 0 w 1297325"/>
              <a:gd name="connsiteY5" fmla="*/ 2095500 h 2095500"/>
              <a:gd name="connsiteX0" fmla="*/ 1039368 w 1346093"/>
              <a:gd name="connsiteY0" fmla="*/ 0 h 2217420"/>
              <a:gd name="connsiteX1" fmla="*/ 1344169 w 1346093"/>
              <a:gd name="connsiteY1" fmla="*/ 158750 h 2217420"/>
              <a:gd name="connsiteX2" fmla="*/ 1153668 w 1346093"/>
              <a:gd name="connsiteY2" fmla="*/ 431800 h 2217420"/>
              <a:gd name="connsiteX3" fmla="*/ 846950 w 1346093"/>
              <a:gd name="connsiteY3" fmla="*/ 685587 h 2217420"/>
              <a:gd name="connsiteX4" fmla="*/ 518668 w 1346093"/>
              <a:gd name="connsiteY4" fmla="*/ 1816100 h 2217420"/>
              <a:gd name="connsiteX5" fmla="*/ 0 w 1346093"/>
              <a:gd name="connsiteY5" fmla="*/ 2217420 h 2217420"/>
              <a:gd name="connsiteX0" fmla="*/ 1039368 w 1216797"/>
              <a:gd name="connsiteY0" fmla="*/ 0 h 2217420"/>
              <a:gd name="connsiteX1" fmla="*/ 1208838 w 1216797"/>
              <a:gd name="connsiteY1" fmla="*/ 162408 h 2217420"/>
              <a:gd name="connsiteX2" fmla="*/ 1153668 w 1216797"/>
              <a:gd name="connsiteY2" fmla="*/ 431800 h 2217420"/>
              <a:gd name="connsiteX3" fmla="*/ 846950 w 1216797"/>
              <a:gd name="connsiteY3" fmla="*/ 685587 h 2217420"/>
              <a:gd name="connsiteX4" fmla="*/ 518668 w 1216797"/>
              <a:gd name="connsiteY4" fmla="*/ 1816100 h 2217420"/>
              <a:gd name="connsiteX5" fmla="*/ 0 w 1216797"/>
              <a:gd name="connsiteY5" fmla="*/ 2217420 h 2217420"/>
              <a:gd name="connsiteX0" fmla="*/ 1039368 w 1225123"/>
              <a:gd name="connsiteY0" fmla="*/ 0 h 2217420"/>
              <a:gd name="connsiteX1" fmla="*/ 1208838 w 1225123"/>
              <a:gd name="connsiteY1" fmla="*/ 162408 h 2217420"/>
              <a:gd name="connsiteX2" fmla="*/ 1212139 w 1225123"/>
              <a:gd name="connsiteY2" fmla="*/ 302566 h 2217420"/>
              <a:gd name="connsiteX3" fmla="*/ 1153668 w 1225123"/>
              <a:gd name="connsiteY3" fmla="*/ 431800 h 2217420"/>
              <a:gd name="connsiteX4" fmla="*/ 846950 w 1225123"/>
              <a:gd name="connsiteY4" fmla="*/ 685587 h 2217420"/>
              <a:gd name="connsiteX5" fmla="*/ 518668 w 1225123"/>
              <a:gd name="connsiteY5" fmla="*/ 1816100 h 2217420"/>
              <a:gd name="connsiteX6" fmla="*/ 0 w 1225123"/>
              <a:gd name="connsiteY6" fmla="*/ 2217420 h 2217420"/>
              <a:gd name="connsiteX0" fmla="*/ 1039368 w 1258236"/>
              <a:gd name="connsiteY0" fmla="*/ 0 h 2217420"/>
              <a:gd name="connsiteX1" fmla="*/ 1208838 w 1258236"/>
              <a:gd name="connsiteY1" fmla="*/ 162408 h 2217420"/>
              <a:gd name="connsiteX2" fmla="*/ 1256030 w 1258236"/>
              <a:gd name="connsiteY2" fmla="*/ 273305 h 2217420"/>
              <a:gd name="connsiteX3" fmla="*/ 1153668 w 1258236"/>
              <a:gd name="connsiteY3" fmla="*/ 431800 h 2217420"/>
              <a:gd name="connsiteX4" fmla="*/ 846950 w 1258236"/>
              <a:gd name="connsiteY4" fmla="*/ 685587 h 2217420"/>
              <a:gd name="connsiteX5" fmla="*/ 518668 w 1258236"/>
              <a:gd name="connsiteY5" fmla="*/ 1816100 h 2217420"/>
              <a:gd name="connsiteX6" fmla="*/ 0 w 1258236"/>
              <a:gd name="connsiteY6" fmla="*/ 2217420 h 2217420"/>
              <a:gd name="connsiteX0" fmla="*/ 1057656 w 1258049"/>
              <a:gd name="connsiteY0" fmla="*/ 0 h 2341778"/>
              <a:gd name="connsiteX1" fmla="*/ 1208838 w 1258049"/>
              <a:gd name="connsiteY1" fmla="*/ 286766 h 2341778"/>
              <a:gd name="connsiteX2" fmla="*/ 1256030 w 1258049"/>
              <a:gd name="connsiteY2" fmla="*/ 397663 h 2341778"/>
              <a:gd name="connsiteX3" fmla="*/ 1153668 w 1258049"/>
              <a:gd name="connsiteY3" fmla="*/ 556158 h 2341778"/>
              <a:gd name="connsiteX4" fmla="*/ 846950 w 1258049"/>
              <a:gd name="connsiteY4" fmla="*/ 809945 h 2341778"/>
              <a:gd name="connsiteX5" fmla="*/ 518668 w 1258049"/>
              <a:gd name="connsiteY5" fmla="*/ 1940458 h 2341778"/>
              <a:gd name="connsiteX6" fmla="*/ 0 w 1258049"/>
              <a:gd name="connsiteY6" fmla="*/ 2341778 h 2341778"/>
              <a:gd name="connsiteX0" fmla="*/ 1057656 w 1258226"/>
              <a:gd name="connsiteY0" fmla="*/ 0 h 2341778"/>
              <a:gd name="connsiteX1" fmla="*/ 1040232 w 1258226"/>
              <a:gd name="connsiteY1" fmla="*/ 134316 h 2341778"/>
              <a:gd name="connsiteX2" fmla="*/ 1208838 w 1258226"/>
              <a:gd name="connsiteY2" fmla="*/ 286766 h 2341778"/>
              <a:gd name="connsiteX3" fmla="*/ 1256030 w 1258226"/>
              <a:gd name="connsiteY3" fmla="*/ 397663 h 2341778"/>
              <a:gd name="connsiteX4" fmla="*/ 1153668 w 1258226"/>
              <a:gd name="connsiteY4" fmla="*/ 556158 h 2341778"/>
              <a:gd name="connsiteX5" fmla="*/ 846950 w 1258226"/>
              <a:gd name="connsiteY5" fmla="*/ 809945 h 2341778"/>
              <a:gd name="connsiteX6" fmla="*/ 518668 w 1258226"/>
              <a:gd name="connsiteY6" fmla="*/ 1940458 h 2341778"/>
              <a:gd name="connsiteX7" fmla="*/ 0 w 1258226"/>
              <a:gd name="connsiteY7" fmla="*/ 2341778 h 234177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46950 w 1258226"/>
              <a:gd name="connsiteY5" fmla="*/ 82457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87183 w 1258226"/>
              <a:gd name="connsiteY5" fmla="*/ 861151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25004 w 1258226"/>
              <a:gd name="connsiteY5" fmla="*/ 99282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40879 w 1258226"/>
              <a:gd name="connsiteY5" fmla="*/ 1040374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26249 w 1258226"/>
              <a:gd name="connsiteY5" fmla="*/ 1036716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795913 w 985510"/>
              <a:gd name="connsiteY0" fmla="*/ 0 h 2372450"/>
              <a:gd name="connsiteX1" fmla="*/ 767516 w 985510"/>
              <a:gd name="connsiteY1" fmla="*/ 148946 h 2372450"/>
              <a:gd name="connsiteX2" fmla="*/ 936122 w 985510"/>
              <a:gd name="connsiteY2" fmla="*/ 301396 h 2372450"/>
              <a:gd name="connsiteX3" fmla="*/ 983314 w 985510"/>
              <a:gd name="connsiteY3" fmla="*/ 412293 h 2372450"/>
              <a:gd name="connsiteX4" fmla="*/ 880952 w 985510"/>
              <a:gd name="connsiteY4" fmla="*/ 570788 h 2372450"/>
              <a:gd name="connsiteX5" fmla="*/ 464505 w 985510"/>
              <a:gd name="connsiteY5" fmla="*/ 1047689 h 2372450"/>
              <a:gd name="connsiteX6" fmla="*/ 245952 w 985510"/>
              <a:gd name="connsiteY6" fmla="*/ 1955088 h 2372450"/>
              <a:gd name="connsiteX7" fmla="*/ 0 w 985510"/>
              <a:gd name="connsiteY7" fmla="*/ 2372450 h 2372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5510" h="2372450">
                <a:moveTo>
                  <a:pt x="795913" y="0"/>
                </a:moveTo>
                <a:cubicBezTo>
                  <a:pt x="807030" y="15680"/>
                  <a:pt x="742319" y="101152"/>
                  <a:pt x="767516" y="148946"/>
                </a:cubicBezTo>
                <a:cubicBezTo>
                  <a:pt x="792713" y="196740"/>
                  <a:pt x="900156" y="257505"/>
                  <a:pt x="936122" y="301396"/>
                </a:cubicBezTo>
                <a:cubicBezTo>
                  <a:pt x="972088" y="345287"/>
                  <a:pt x="992509" y="367394"/>
                  <a:pt x="983314" y="412293"/>
                </a:cubicBezTo>
                <a:cubicBezTo>
                  <a:pt x="974119" y="457192"/>
                  <a:pt x="967420" y="464889"/>
                  <a:pt x="880952" y="570788"/>
                </a:cubicBezTo>
                <a:cubicBezTo>
                  <a:pt x="794484" y="676687"/>
                  <a:pt x="517788" y="922076"/>
                  <a:pt x="464505" y="1047689"/>
                </a:cubicBezTo>
                <a:cubicBezTo>
                  <a:pt x="411222" y="1173302"/>
                  <a:pt x="332246" y="1725995"/>
                  <a:pt x="245952" y="1955088"/>
                </a:cubicBezTo>
                <a:cubicBezTo>
                  <a:pt x="159658" y="2184181"/>
                  <a:pt x="225588" y="2256161"/>
                  <a:pt x="0" y="2372450"/>
                </a:cubicBezTo>
              </a:path>
            </a:pathLst>
          </a:custGeom>
          <a:noFill/>
          <a:ln w="19050">
            <a:solidFill>
              <a:srgbClr val="66FF33"/>
            </a:solidFill>
            <a:prstDash val="sysDash"/>
          </a:ln>
          <a:effectLst>
            <a:glow rad="63500">
              <a:schemeClr val="bg1">
                <a:alpha val="40000"/>
              </a:schemeClr>
            </a:glow>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
        <p:nvSpPr>
          <p:cNvPr id="160" name="Freeform 159"/>
          <p:cNvSpPr/>
          <p:nvPr/>
        </p:nvSpPr>
        <p:spPr bwMode="auto">
          <a:xfrm>
            <a:off x="4140879" y="5952226"/>
            <a:ext cx="446592" cy="148461"/>
          </a:xfrm>
          <a:custGeom>
            <a:avLst/>
            <a:gdLst>
              <a:gd name="connsiteX0" fmla="*/ 175565 w 186538"/>
              <a:gd name="connsiteY0" fmla="*/ 0 h 109728"/>
              <a:gd name="connsiteX1" fmla="*/ 142646 w 186538"/>
              <a:gd name="connsiteY1" fmla="*/ 10973 h 109728"/>
              <a:gd name="connsiteX2" fmla="*/ 54864 w 186538"/>
              <a:gd name="connsiteY2" fmla="*/ 21946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 name="connsiteX0" fmla="*/ 175565 w 186538"/>
              <a:gd name="connsiteY0" fmla="*/ 0 h 109728"/>
              <a:gd name="connsiteX1" fmla="*/ 142646 w 186538"/>
              <a:gd name="connsiteY1" fmla="*/ 10973 h 109728"/>
              <a:gd name="connsiteX2" fmla="*/ 55915 w 186538"/>
              <a:gd name="connsiteY2" fmla="*/ 7658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 name="connsiteX0" fmla="*/ 183970 w 194943"/>
              <a:gd name="connsiteY0" fmla="*/ 0 h 109728"/>
              <a:gd name="connsiteX1" fmla="*/ 151051 w 194943"/>
              <a:gd name="connsiteY1" fmla="*/ 10973 h 109728"/>
              <a:gd name="connsiteX2" fmla="*/ 64320 w 194943"/>
              <a:gd name="connsiteY2" fmla="*/ 7658 h 109728"/>
              <a:gd name="connsiteX3" fmla="*/ 0 w 194943"/>
              <a:gd name="connsiteY3" fmla="*/ 62523 h 109728"/>
              <a:gd name="connsiteX4" fmla="*/ 48639 w 194943"/>
              <a:gd name="connsiteY4" fmla="*/ 109728 h 109728"/>
              <a:gd name="connsiteX5" fmla="*/ 125448 w 194943"/>
              <a:gd name="connsiteY5" fmla="*/ 102413 h 109728"/>
              <a:gd name="connsiteX6" fmla="*/ 183970 w 194943"/>
              <a:gd name="connsiteY6" fmla="*/ 102413 h 109728"/>
              <a:gd name="connsiteX7" fmla="*/ 194943 w 194943"/>
              <a:gd name="connsiteY7" fmla="*/ 62179 h 109728"/>
              <a:gd name="connsiteX8" fmla="*/ 183970 w 194943"/>
              <a:gd name="connsiteY8" fmla="*/ 0 h 109728"/>
              <a:gd name="connsiteX0" fmla="*/ 183970 w 194943"/>
              <a:gd name="connsiteY0" fmla="*/ 0 h 109728"/>
              <a:gd name="connsiteX1" fmla="*/ 151051 w 194943"/>
              <a:gd name="connsiteY1" fmla="*/ 10973 h 109728"/>
              <a:gd name="connsiteX2" fmla="*/ 64320 w 194943"/>
              <a:gd name="connsiteY2" fmla="*/ 7658 h 109728"/>
              <a:gd name="connsiteX3" fmla="*/ 0 w 194943"/>
              <a:gd name="connsiteY3" fmla="*/ 62523 h 109728"/>
              <a:gd name="connsiteX4" fmla="*/ 48639 w 194943"/>
              <a:gd name="connsiteY4" fmla="*/ 109728 h 109728"/>
              <a:gd name="connsiteX5" fmla="*/ 125448 w 194943"/>
              <a:gd name="connsiteY5" fmla="*/ 102413 h 109728"/>
              <a:gd name="connsiteX6" fmla="*/ 183970 w 194943"/>
              <a:gd name="connsiteY6" fmla="*/ 102413 h 109728"/>
              <a:gd name="connsiteX7" fmla="*/ 194943 w 194943"/>
              <a:gd name="connsiteY7" fmla="*/ 62179 h 109728"/>
              <a:gd name="connsiteX8" fmla="*/ 183970 w 194943"/>
              <a:gd name="connsiteY8" fmla="*/ 0 h 109728"/>
              <a:gd name="connsiteX0" fmla="*/ 183970 w 194943"/>
              <a:gd name="connsiteY0" fmla="*/ 4248 h 113976"/>
              <a:gd name="connsiteX1" fmla="*/ 151051 w 194943"/>
              <a:gd name="connsiteY1" fmla="*/ 15221 h 113976"/>
              <a:gd name="connsiteX2" fmla="*/ 62218 w 194943"/>
              <a:gd name="connsiteY2" fmla="*/ 0 h 113976"/>
              <a:gd name="connsiteX3" fmla="*/ 0 w 194943"/>
              <a:gd name="connsiteY3" fmla="*/ 66771 h 113976"/>
              <a:gd name="connsiteX4" fmla="*/ 48639 w 194943"/>
              <a:gd name="connsiteY4" fmla="*/ 113976 h 113976"/>
              <a:gd name="connsiteX5" fmla="*/ 125448 w 194943"/>
              <a:gd name="connsiteY5" fmla="*/ 106661 h 113976"/>
              <a:gd name="connsiteX6" fmla="*/ 183970 w 194943"/>
              <a:gd name="connsiteY6" fmla="*/ 106661 h 113976"/>
              <a:gd name="connsiteX7" fmla="*/ 194943 w 194943"/>
              <a:gd name="connsiteY7" fmla="*/ 66427 h 113976"/>
              <a:gd name="connsiteX8" fmla="*/ 183970 w 194943"/>
              <a:gd name="connsiteY8" fmla="*/ 4248 h 113976"/>
              <a:gd name="connsiteX0" fmla="*/ 183970 w 194943"/>
              <a:gd name="connsiteY0" fmla="*/ 4248 h 113976"/>
              <a:gd name="connsiteX1" fmla="*/ 154202 w 194943"/>
              <a:gd name="connsiteY1" fmla="*/ 12840 h 113976"/>
              <a:gd name="connsiteX2" fmla="*/ 62218 w 194943"/>
              <a:gd name="connsiteY2" fmla="*/ 0 h 113976"/>
              <a:gd name="connsiteX3" fmla="*/ 0 w 194943"/>
              <a:gd name="connsiteY3" fmla="*/ 66771 h 113976"/>
              <a:gd name="connsiteX4" fmla="*/ 48639 w 194943"/>
              <a:gd name="connsiteY4" fmla="*/ 113976 h 113976"/>
              <a:gd name="connsiteX5" fmla="*/ 125448 w 194943"/>
              <a:gd name="connsiteY5" fmla="*/ 106661 h 113976"/>
              <a:gd name="connsiteX6" fmla="*/ 183970 w 194943"/>
              <a:gd name="connsiteY6" fmla="*/ 106661 h 113976"/>
              <a:gd name="connsiteX7" fmla="*/ 194943 w 194943"/>
              <a:gd name="connsiteY7" fmla="*/ 66427 h 113976"/>
              <a:gd name="connsiteX8" fmla="*/ 183970 w 194943"/>
              <a:gd name="connsiteY8" fmla="*/ 4248 h 113976"/>
              <a:gd name="connsiteX0" fmla="*/ 195527 w 195527"/>
              <a:gd name="connsiteY0" fmla="*/ 1867 h 113976"/>
              <a:gd name="connsiteX1" fmla="*/ 154202 w 195527"/>
              <a:gd name="connsiteY1" fmla="*/ 12840 h 113976"/>
              <a:gd name="connsiteX2" fmla="*/ 62218 w 195527"/>
              <a:gd name="connsiteY2" fmla="*/ 0 h 113976"/>
              <a:gd name="connsiteX3" fmla="*/ 0 w 195527"/>
              <a:gd name="connsiteY3" fmla="*/ 66771 h 113976"/>
              <a:gd name="connsiteX4" fmla="*/ 48639 w 195527"/>
              <a:gd name="connsiteY4" fmla="*/ 113976 h 113976"/>
              <a:gd name="connsiteX5" fmla="*/ 125448 w 195527"/>
              <a:gd name="connsiteY5" fmla="*/ 106661 h 113976"/>
              <a:gd name="connsiteX6" fmla="*/ 183970 w 195527"/>
              <a:gd name="connsiteY6" fmla="*/ 106661 h 113976"/>
              <a:gd name="connsiteX7" fmla="*/ 194943 w 195527"/>
              <a:gd name="connsiteY7" fmla="*/ 66427 h 113976"/>
              <a:gd name="connsiteX8" fmla="*/ 195527 w 195527"/>
              <a:gd name="connsiteY8" fmla="*/ 1867 h 113976"/>
              <a:gd name="connsiteX0" fmla="*/ 195527 w 203351"/>
              <a:gd name="connsiteY0" fmla="*/ 1867 h 113976"/>
              <a:gd name="connsiteX1" fmla="*/ 154202 w 203351"/>
              <a:gd name="connsiteY1" fmla="*/ 12840 h 113976"/>
              <a:gd name="connsiteX2" fmla="*/ 62218 w 203351"/>
              <a:gd name="connsiteY2" fmla="*/ 0 h 113976"/>
              <a:gd name="connsiteX3" fmla="*/ 0 w 203351"/>
              <a:gd name="connsiteY3" fmla="*/ 66771 h 113976"/>
              <a:gd name="connsiteX4" fmla="*/ 48639 w 203351"/>
              <a:gd name="connsiteY4" fmla="*/ 113976 h 113976"/>
              <a:gd name="connsiteX5" fmla="*/ 125448 w 203351"/>
              <a:gd name="connsiteY5" fmla="*/ 106661 h 113976"/>
              <a:gd name="connsiteX6" fmla="*/ 183970 w 203351"/>
              <a:gd name="connsiteY6" fmla="*/ 106661 h 113976"/>
              <a:gd name="connsiteX7" fmla="*/ 203348 w 203351"/>
              <a:gd name="connsiteY7" fmla="*/ 78333 h 113976"/>
              <a:gd name="connsiteX8" fmla="*/ 195527 w 203351"/>
              <a:gd name="connsiteY8" fmla="*/ 1867 h 113976"/>
              <a:gd name="connsiteX0" fmla="*/ 195527 w 203351"/>
              <a:gd name="connsiteY0" fmla="*/ 1867 h 130473"/>
              <a:gd name="connsiteX1" fmla="*/ 154202 w 203351"/>
              <a:gd name="connsiteY1" fmla="*/ 12840 h 130473"/>
              <a:gd name="connsiteX2" fmla="*/ 62218 w 203351"/>
              <a:gd name="connsiteY2" fmla="*/ 0 h 130473"/>
              <a:gd name="connsiteX3" fmla="*/ 0 w 203351"/>
              <a:gd name="connsiteY3" fmla="*/ 66771 h 130473"/>
              <a:gd name="connsiteX4" fmla="*/ 48639 w 203351"/>
              <a:gd name="connsiteY4" fmla="*/ 113976 h 130473"/>
              <a:gd name="connsiteX5" fmla="*/ 125448 w 203351"/>
              <a:gd name="connsiteY5" fmla="*/ 106661 h 130473"/>
              <a:gd name="connsiteX6" fmla="*/ 179768 w 203351"/>
              <a:gd name="connsiteY6" fmla="*/ 130473 h 130473"/>
              <a:gd name="connsiteX7" fmla="*/ 203348 w 203351"/>
              <a:gd name="connsiteY7" fmla="*/ 78333 h 130473"/>
              <a:gd name="connsiteX8" fmla="*/ 195527 w 203351"/>
              <a:gd name="connsiteY8" fmla="*/ 1867 h 130473"/>
              <a:gd name="connsiteX0" fmla="*/ 195527 w 203351"/>
              <a:gd name="connsiteY0" fmla="*/ 1867 h 130473"/>
              <a:gd name="connsiteX1" fmla="*/ 154202 w 203351"/>
              <a:gd name="connsiteY1" fmla="*/ 12840 h 130473"/>
              <a:gd name="connsiteX2" fmla="*/ 62218 w 203351"/>
              <a:gd name="connsiteY2" fmla="*/ 0 h 130473"/>
              <a:gd name="connsiteX3" fmla="*/ 0 w 203351"/>
              <a:gd name="connsiteY3" fmla="*/ 66771 h 130473"/>
              <a:gd name="connsiteX4" fmla="*/ 46538 w 203351"/>
              <a:gd name="connsiteY4" fmla="*/ 121120 h 130473"/>
              <a:gd name="connsiteX5" fmla="*/ 125448 w 203351"/>
              <a:gd name="connsiteY5" fmla="*/ 106661 h 130473"/>
              <a:gd name="connsiteX6" fmla="*/ 179768 w 203351"/>
              <a:gd name="connsiteY6" fmla="*/ 130473 h 130473"/>
              <a:gd name="connsiteX7" fmla="*/ 203348 w 203351"/>
              <a:gd name="connsiteY7" fmla="*/ 78333 h 130473"/>
              <a:gd name="connsiteX8" fmla="*/ 195527 w 203351"/>
              <a:gd name="connsiteY8" fmla="*/ 1867 h 130473"/>
              <a:gd name="connsiteX0" fmla="*/ 195527 w 203361"/>
              <a:gd name="connsiteY0" fmla="*/ 1867 h 130473"/>
              <a:gd name="connsiteX1" fmla="*/ 154202 w 203361"/>
              <a:gd name="connsiteY1" fmla="*/ 12840 h 130473"/>
              <a:gd name="connsiteX2" fmla="*/ 62218 w 203361"/>
              <a:gd name="connsiteY2" fmla="*/ 0 h 130473"/>
              <a:gd name="connsiteX3" fmla="*/ 0 w 203361"/>
              <a:gd name="connsiteY3" fmla="*/ 66771 h 130473"/>
              <a:gd name="connsiteX4" fmla="*/ 46538 w 203361"/>
              <a:gd name="connsiteY4" fmla="*/ 121120 h 130473"/>
              <a:gd name="connsiteX5" fmla="*/ 125448 w 203361"/>
              <a:gd name="connsiteY5" fmla="*/ 106661 h 130473"/>
              <a:gd name="connsiteX6" fmla="*/ 179768 w 203361"/>
              <a:gd name="connsiteY6" fmla="*/ 130473 h 130473"/>
              <a:gd name="connsiteX7" fmla="*/ 203348 w 203361"/>
              <a:gd name="connsiteY7" fmla="*/ 78333 h 130473"/>
              <a:gd name="connsiteX8" fmla="*/ 195527 w 203361"/>
              <a:gd name="connsiteY8" fmla="*/ 1867 h 130473"/>
              <a:gd name="connsiteX0" fmla="*/ 195527 w 204028"/>
              <a:gd name="connsiteY0" fmla="*/ 2621 h 131227"/>
              <a:gd name="connsiteX1" fmla="*/ 154202 w 204028"/>
              <a:gd name="connsiteY1" fmla="*/ 13594 h 131227"/>
              <a:gd name="connsiteX2" fmla="*/ 62218 w 204028"/>
              <a:gd name="connsiteY2" fmla="*/ 754 h 131227"/>
              <a:gd name="connsiteX3" fmla="*/ 0 w 204028"/>
              <a:gd name="connsiteY3" fmla="*/ 67525 h 131227"/>
              <a:gd name="connsiteX4" fmla="*/ 46538 w 204028"/>
              <a:gd name="connsiteY4" fmla="*/ 121874 h 131227"/>
              <a:gd name="connsiteX5" fmla="*/ 125448 w 204028"/>
              <a:gd name="connsiteY5" fmla="*/ 107415 h 131227"/>
              <a:gd name="connsiteX6" fmla="*/ 179768 w 204028"/>
              <a:gd name="connsiteY6" fmla="*/ 131227 h 131227"/>
              <a:gd name="connsiteX7" fmla="*/ 203348 w 204028"/>
              <a:gd name="connsiteY7" fmla="*/ 79087 h 131227"/>
              <a:gd name="connsiteX8" fmla="*/ 199669 w 204028"/>
              <a:gd name="connsiteY8" fmla="*/ 7479 h 131227"/>
              <a:gd name="connsiteX9" fmla="*/ 195527 w 204028"/>
              <a:gd name="connsiteY9" fmla="*/ 2621 h 131227"/>
              <a:gd name="connsiteX0" fmla="*/ 195527 w 204028"/>
              <a:gd name="connsiteY0" fmla="*/ 92 h 138223"/>
              <a:gd name="connsiteX1" fmla="*/ 154202 w 204028"/>
              <a:gd name="connsiteY1" fmla="*/ 20590 h 138223"/>
              <a:gd name="connsiteX2" fmla="*/ 62218 w 204028"/>
              <a:gd name="connsiteY2" fmla="*/ 7750 h 138223"/>
              <a:gd name="connsiteX3" fmla="*/ 0 w 204028"/>
              <a:gd name="connsiteY3" fmla="*/ 74521 h 138223"/>
              <a:gd name="connsiteX4" fmla="*/ 46538 w 204028"/>
              <a:gd name="connsiteY4" fmla="*/ 128870 h 138223"/>
              <a:gd name="connsiteX5" fmla="*/ 125448 w 204028"/>
              <a:gd name="connsiteY5" fmla="*/ 114411 h 138223"/>
              <a:gd name="connsiteX6" fmla="*/ 179768 w 204028"/>
              <a:gd name="connsiteY6" fmla="*/ 138223 h 138223"/>
              <a:gd name="connsiteX7" fmla="*/ 203348 w 204028"/>
              <a:gd name="connsiteY7" fmla="*/ 86083 h 138223"/>
              <a:gd name="connsiteX8" fmla="*/ 199669 w 204028"/>
              <a:gd name="connsiteY8" fmla="*/ 14475 h 138223"/>
              <a:gd name="connsiteX9" fmla="*/ 195527 w 204028"/>
              <a:gd name="connsiteY9" fmla="*/ 92 h 138223"/>
              <a:gd name="connsiteX0" fmla="*/ 195527 w 204387"/>
              <a:gd name="connsiteY0" fmla="*/ 0 h 138131"/>
              <a:gd name="connsiteX1" fmla="*/ 154202 w 204387"/>
              <a:gd name="connsiteY1" fmla="*/ 20498 h 138131"/>
              <a:gd name="connsiteX2" fmla="*/ 62218 w 204387"/>
              <a:gd name="connsiteY2" fmla="*/ 7658 h 138131"/>
              <a:gd name="connsiteX3" fmla="*/ 0 w 204387"/>
              <a:gd name="connsiteY3" fmla="*/ 74429 h 138131"/>
              <a:gd name="connsiteX4" fmla="*/ 46538 w 204387"/>
              <a:gd name="connsiteY4" fmla="*/ 128778 h 138131"/>
              <a:gd name="connsiteX5" fmla="*/ 125448 w 204387"/>
              <a:gd name="connsiteY5" fmla="*/ 114319 h 138131"/>
              <a:gd name="connsiteX6" fmla="*/ 179768 w 204387"/>
              <a:gd name="connsiteY6" fmla="*/ 138131 h 138131"/>
              <a:gd name="connsiteX7" fmla="*/ 203348 w 204387"/>
              <a:gd name="connsiteY7" fmla="*/ 85991 h 138131"/>
              <a:gd name="connsiteX8" fmla="*/ 195527 w 204387"/>
              <a:gd name="connsiteY8" fmla="*/ 0 h 138131"/>
              <a:gd name="connsiteX0" fmla="*/ 191325 w 203941"/>
              <a:gd name="connsiteY0" fmla="*/ 2805 h 130473"/>
              <a:gd name="connsiteX1" fmla="*/ 154202 w 203941"/>
              <a:gd name="connsiteY1" fmla="*/ 12840 h 130473"/>
              <a:gd name="connsiteX2" fmla="*/ 62218 w 203941"/>
              <a:gd name="connsiteY2" fmla="*/ 0 h 130473"/>
              <a:gd name="connsiteX3" fmla="*/ 0 w 203941"/>
              <a:gd name="connsiteY3" fmla="*/ 66771 h 130473"/>
              <a:gd name="connsiteX4" fmla="*/ 46538 w 203941"/>
              <a:gd name="connsiteY4" fmla="*/ 121120 h 130473"/>
              <a:gd name="connsiteX5" fmla="*/ 125448 w 203941"/>
              <a:gd name="connsiteY5" fmla="*/ 106661 h 130473"/>
              <a:gd name="connsiteX6" fmla="*/ 179768 w 203941"/>
              <a:gd name="connsiteY6" fmla="*/ 130473 h 130473"/>
              <a:gd name="connsiteX7" fmla="*/ 203348 w 203941"/>
              <a:gd name="connsiteY7" fmla="*/ 78333 h 130473"/>
              <a:gd name="connsiteX8" fmla="*/ 191325 w 203941"/>
              <a:gd name="connsiteY8" fmla="*/ 2805 h 130473"/>
              <a:gd name="connsiteX0" fmla="*/ 191325 w 203941"/>
              <a:gd name="connsiteY0" fmla="*/ 2805 h 130473"/>
              <a:gd name="connsiteX1" fmla="*/ 154202 w 203941"/>
              <a:gd name="connsiteY1" fmla="*/ 12840 h 130473"/>
              <a:gd name="connsiteX2" fmla="*/ 62218 w 203941"/>
              <a:gd name="connsiteY2" fmla="*/ 0 h 130473"/>
              <a:gd name="connsiteX3" fmla="*/ 0 w 203941"/>
              <a:gd name="connsiteY3" fmla="*/ 66771 h 130473"/>
              <a:gd name="connsiteX4" fmla="*/ 46538 w 203941"/>
              <a:gd name="connsiteY4" fmla="*/ 121120 h 130473"/>
              <a:gd name="connsiteX5" fmla="*/ 125448 w 203941"/>
              <a:gd name="connsiteY5" fmla="*/ 106661 h 130473"/>
              <a:gd name="connsiteX6" fmla="*/ 179768 w 203941"/>
              <a:gd name="connsiteY6" fmla="*/ 130473 h 130473"/>
              <a:gd name="connsiteX7" fmla="*/ 203348 w 203941"/>
              <a:gd name="connsiteY7" fmla="*/ 78333 h 130473"/>
              <a:gd name="connsiteX8" fmla="*/ 191325 w 203941"/>
              <a:gd name="connsiteY8" fmla="*/ 2805 h 130473"/>
              <a:gd name="connsiteX0" fmla="*/ 191325 w 197844"/>
              <a:gd name="connsiteY0" fmla="*/ 2805 h 130473"/>
              <a:gd name="connsiteX1" fmla="*/ 154202 w 197844"/>
              <a:gd name="connsiteY1" fmla="*/ 12840 h 130473"/>
              <a:gd name="connsiteX2" fmla="*/ 62218 w 197844"/>
              <a:gd name="connsiteY2" fmla="*/ 0 h 130473"/>
              <a:gd name="connsiteX3" fmla="*/ 0 w 197844"/>
              <a:gd name="connsiteY3" fmla="*/ 66771 h 130473"/>
              <a:gd name="connsiteX4" fmla="*/ 46538 w 197844"/>
              <a:gd name="connsiteY4" fmla="*/ 121120 h 130473"/>
              <a:gd name="connsiteX5" fmla="*/ 125448 w 197844"/>
              <a:gd name="connsiteY5" fmla="*/ 106661 h 130473"/>
              <a:gd name="connsiteX6" fmla="*/ 179768 w 197844"/>
              <a:gd name="connsiteY6" fmla="*/ 130473 h 130473"/>
              <a:gd name="connsiteX7" fmla="*/ 195994 w 197844"/>
              <a:gd name="connsiteY7" fmla="*/ 80426 h 130473"/>
              <a:gd name="connsiteX8" fmla="*/ 191325 w 197844"/>
              <a:gd name="connsiteY8" fmla="*/ 2805 h 130473"/>
              <a:gd name="connsiteX0" fmla="*/ 196578 w 200685"/>
              <a:gd name="connsiteY0" fmla="*/ 17455 h 130473"/>
              <a:gd name="connsiteX1" fmla="*/ 154202 w 200685"/>
              <a:gd name="connsiteY1" fmla="*/ 12840 h 130473"/>
              <a:gd name="connsiteX2" fmla="*/ 62218 w 200685"/>
              <a:gd name="connsiteY2" fmla="*/ 0 h 130473"/>
              <a:gd name="connsiteX3" fmla="*/ 0 w 200685"/>
              <a:gd name="connsiteY3" fmla="*/ 66771 h 130473"/>
              <a:gd name="connsiteX4" fmla="*/ 46538 w 200685"/>
              <a:gd name="connsiteY4" fmla="*/ 121120 h 130473"/>
              <a:gd name="connsiteX5" fmla="*/ 125448 w 200685"/>
              <a:gd name="connsiteY5" fmla="*/ 106661 h 130473"/>
              <a:gd name="connsiteX6" fmla="*/ 179768 w 200685"/>
              <a:gd name="connsiteY6" fmla="*/ 130473 h 130473"/>
              <a:gd name="connsiteX7" fmla="*/ 195994 w 200685"/>
              <a:gd name="connsiteY7" fmla="*/ 80426 h 130473"/>
              <a:gd name="connsiteX8" fmla="*/ 196578 w 200685"/>
              <a:gd name="connsiteY8" fmla="*/ 17455 h 130473"/>
              <a:gd name="connsiteX0" fmla="*/ 196578 w 197039"/>
              <a:gd name="connsiteY0" fmla="*/ 17455 h 130473"/>
              <a:gd name="connsiteX1" fmla="*/ 154202 w 197039"/>
              <a:gd name="connsiteY1" fmla="*/ 12840 h 130473"/>
              <a:gd name="connsiteX2" fmla="*/ 62218 w 197039"/>
              <a:gd name="connsiteY2" fmla="*/ 0 h 130473"/>
              <a:gd name="connsiteX3" fmla="*/ 0 w 197039"/>
              <a:gd name="connsiteY3" fmla="*/ 66771 h 130473"/>
              <a:gd name="connsiteX4" fmla="*/ 46538 w 197039"/>
              <a:gd name="connsiteY4" fmla="*/ 121120 h 130473"/>
              <a:gd name="connsiteX5" fmla="*/ 125448 w 197039"/>
              <a:gd name="connsiteY5" fmla="*/ 106661 h 130473"/>
              <a:gd name="connsiteX6" fmla="*/ 179768 w 197039"/>
              <a:gd name="connsiteY6" fmla="*/ 130473 h 130473"/>
              <a:gd name="connsiteX7" fmla="*/ 195994 w 197039"/>
              <a:gd name="connsiteY7" fmla="*/ 80426 h 130473"/>
              <a:gd name="connsiteX8" fmla="*/ 196578 w 197039"/>
              <a:gd name="connsiteY8" fmla="*/ 17455 h 1304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7039" h="130473">
                <a:moveTo>
                  <a:pt x="196578" y="17455"/>
                </a:moveTo>
                <a:lnTo>
                  <a:pt x="154202" y="12840"/>
                </a:lnTo>
                <a:lnTo>
                  <a:pt x="62218" y="0"/>
                </a:lnTo>
                <a:cubicBezTo>
                  <a:pt x="40778" y="18288"/>
                  <a:pt x="22491" y="36577"/>
                  <a:pt x="0" y="66771"/>
                </a:cubicBezTo>
                <a:lnTo>
                  <a:pt x="46538" y="121120"/>
                </a:lnTo>
                <a:lnTo>
                  <a:pt x="125448" y="106661"/>
                </a:lnTo>
                <a:lnTo>
                  <a:pt x="179768" y="130473"/>
                </a:lnTo>
                <a:lnTo>
                  <a:pt x="195994" y="80426"/>
                </a:lnTo>
                <a:cubicBezTo>
                  <a:pt x="198620" y="57404"/>
                  <a:pt x="195313" y="66039"/>
                  <a:pt x="196578" y="17455"/>
                </a:cubicBezTo>
                <a:close/>
              </a:path>
            </a:pathLst>
          </a:custGeom>
          <a:solidFill>
            <a:srgbClr val="002060"/>
          </a:solidFill>
          <a:ln w="19050">
            <a:no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5"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136</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209042224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7"/>
                                        </p:tgtEl>
                                        <p:attrNameLst>
                                          <p:attrName>style.visibility</p:attrName>
                                        </p:attrNameLst>
                                      </p:cBhvr>
                                      <p:to>
                                        <p:strVal val="visible"/>
                                      </p:to>
                                    </p:set>
                                    <p:animEffect transition="in" filter="fade">
                                      <p:cBhvr>
                                        <p:cTn id="10" dur="500"/>
                                        <p:tgtEl>
                                          <p:spTgt spid="7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grpId="1" nodeType="clickEffect">
                                  <p:stCondLst>
                                    <p:cond delay="0"/>
                                  </p:stCondLst>
                                  <p:childTnLst>
                                    <p:animEffect transition="out" filter="fade">
                                      <p:cBhvr>
                                        <p:cTn id="14" dur="500"/>
                                        <p:tgtEl>
                                          <p:spTgt spid="77"/>
                                        </p:tgtEl>
                                      </p:cBhvr>
                                    </p:animEffect>
                                    <p:set>
                                      <p:cBhvr>
                                        <p:cTn id="15" dur="1" fill="hold">
                                          <p:stCondLst>
                                            <p:cond delay="499"/>
                                          </p:stCondLst>
                                        </p:cTn>
                                        <p:tgtEl>
                                          <p:spTgt spid="77"/>
                                        </p:tgtEl>
                                        <p:attrNameLst>
                                          <p:attrName>style.visibility</p:attrName>
                                        </p:attrNameLst>
                                      </p:cBhvr>
                                      <p:to>
                                        <p:strVal val="hidden"/>
                                      </p:to>
                                    </p:set>
                                  </p:childTnLst>
                                </p:cTn>
                              </p:par>
                              <p:par>
                                <p:cTn id="16" presetID="10" presetClass="exit" presetSubtype="0" fill="hold" nodeType="withEffect">
                                  <p:stCondLst>
                                    <p:cond delay="0"/>
                                  </p:stCondLst>
                                  <p:childTnLst>
                                    <p:animEffect transition="out" filter="fade">
                                      <p:cBhvr>
                                        <p:cTn id="17" dur="500"/>
                                        <p:tgtEl>
                                          <p:spTgt spid="24"/>
                                        </p:tgtEl>
                                      </p:cBhvr>
                                    </p:animEffect>
                                    <p:set>
                                      <p:cBhvr>
                                        <p:cTn id="18" dur="1" fill="hold">
                                          <p:stCondLst>
                                            <p:cond delay="499"/>
                                          </p:stCondLst>
                                        </p:cTn>
                                        <p:tgtEl>
                                          <p:spTgt spid="24"/>
                                        </p:tgtEl>
                                        <p:attrNameLst>
                                          <p:attrName>style.visibility</p:attrName>
                                        </p:attrNameLst>
                                      </p:cBhvr>
                                      <p:to>
                                        <p:strVal val="hidden"/>
                                      </p:to>
                                    </p:set>
                                  </p:childTnLst>
                                </p:cTn>
                              </p:par>
                            </p:childTnLst>
                          </p:cTn>
                        </p:par>
                        <p:par>
                          <p:cTn id="19" fill="hold">
                            <p:stCondLst>
                              <p:cond delay="500"/>
                            </p:stCondLst>
                            <p:childTnLst>
                              <p:par>
                                <p:cTn id="20" presetID="22" presetClass="entr" presetSubtype="1" fill="hold" nodeType="after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wipe(up)">
                                      <p:cBhvr>
                                        <p:cTn id="22" dur="3000"/>
                                        <p:tgtEl>
                                          <p:spTgt spid="2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75"/>
                                        </p:tgtEl>
                                        <p:attrNameLst>
                                          <p:attrName>style.visibility</p:attrName>
                                        </p:attrNameLst>
                                      </p:cBhvr>
                                      <p:to>
                                        <p:strVal val="visible"/>
                                      </p:to>
                                    </p:set>
                                    <p:animEffect transition="in" filter="fade">
                                      <p:cBhvr>
                                        <p:cTn id="25" dur="500"/>
                                        <p:tgtEl>
                                          <p:spTgt spid="75"/>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21"/>
                                        </p:tgtEl>
                                      </p:cBhvr>
                                    </p:animEffect>
                                    <p:set>
                                      <p:cBhvr>
                                        <p:cTn id="30" dur="1" fill="hold">
                                          <p:stCondLst>
                                            <p:cond delay="499"/>
                                          </p:stCondLst>
                                        </p:cTn>
                                        <p:tgtEl>
                                          <p:spTgt spid="21"/>
                                        </p:tgtEl>
                                        <p:attrNameLst>
                                          <p:attrName>style.visibility</p:attrName>
                                        </p:attrNameLst>
                                      </p:cBhvr>
                                      <p:to>
                                        <p:strVal val="hidden"/>
                                      </p:to>
                                    </p:set>
                                  </p:childTnLst>
                                </p:cTn>
                              </p:par>
                              <p:par>
                                <p:cTn id="31" presetID="10" presetClass="exit" presetSubtype="0" fill="hold" grpId="1" nodeType="withEffect">
                                  <p:stCondLst>
                                    <p:cond delay="0"/>
                                  </p:stCondLst>
                                  <p:childTnLst>
                                    <p:animEffect transition="out" filter="fade">
                                      <p:cBhvr>
                                        <p:cTn id="32" dur="500"/>
                                        <p:tgtEl>
                                          <p:spTgt spid="75"/>
                                        </p:tgtEl>
                                      </p:cBhvr>
                                    </p:animEffect>
                                    <p:set>
                                      <p:cBhvr>
                                        <p:cTn id="33" dur="1" fill="hold">
                                          <p:stCondLst>
                                            <p:cond delay="499"/>
                                          </p:stCondLst>
                                        </p:cTn>
                                        <p:tgtEl>
                                          <p:spTgt spid="75"/>
                                        </p:tgtEl>
                                        <p:attrNameLst>
                                          <p:attrName>style.visibility</p:attrName>
                                        </p:attrNameLst>
                                      </p:cBhvr>
                                      <p:to>
                                        <p:strVal val="hidden"/>
                                      </p:to>
                                    </p:set>
                                  </p:childTnLst>
                                </p:cTn>
                              </p:par>
                            </p:childTnLst>
                          </p:cTn>
                        </p:par>
                        <p:par>
                          <p:cTn id="34" fill="hold">
                            <p:stCondLst>
                              <p:cond delay="500"/>
                            </p:stCondLst>
                            <p:childTnLst>
                              <p:par>
                                <p:cTn id="35" presetID="22" presetClass="entr" presetSubtype="1" fill="hold" grpId="0" nodeType="after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wipe(up)">
                                      <p:cBhvr>
                                        <p:cTn id="37" dur="2750"/>
                                        <p:tgtEl>
                                          <p:spTgt spid="74"/>
                                        </p:tgtEl>
                                      </p:cBhvr>
                                    </p:animEffect>
                                  </p:childTnLst>
                                </p:cTn>
                              </p:par>
                              <p:par>
                                <p:cTn id="38" presetID="22" presetClass="entr" presetSubtype="1" fill="hold" nodeType="withEffect">
                                  <p:stCondLst>
                                    <p:cond delay="0"/>
                                  </p:stCondLst>
                                  <p:childTnLst>
                                    <p:set>
                                      <p:cBhvr>
                                        <p:cTn id="39" dur="1" fill="hold">
                                          <p:stCondLst>
                                            <p:cond delay="0"/>
                                          </p:stCondLst>
                                        </p:cTn>
                                        <p:tgtEl>
                                          <p:spTgt spid="2"/>
                                        </p:tgtEl>
                                        <p:attrNameLst>
                                          <p:attrName>style.visibility</p:attrName>
                                        </p:attrNameLst>
                                      </p:cBhvr>
                                      <p:to>
                                        <p:strVal val="visible"/>
                                      </p:to>
                                    </p:set>
                                    <p:animEffect transition="in" filter="wipe(up)">
                                      <p:cBhvr>
                                        <p:cTn id="40" dur="2750"/>
                                        <p:tgtEl>
                                          <p:spTgt spid="2"/>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08"/>
                                        </p:tgtEl>
                                        <p:attrNameLst>
                                          <p:attrName>style.visibility</p:attrName>
                                        </p:attrNameLst>
                                      </p:cBhvr>
                                      <p:to>
                                        <p:strVal val="visible"/>
                                      </p:to>
                                    </p:set>
                                    <p:animEffect transition="in" filter="fade">
                                      <p:cBhvr>
                                        <p:cTn id="43" dur="500"/>
                                        <p:tgtEl>
                                          <p:spTgt spid="10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xit" presetSubtype="0" fill="hold" grpId="1" nodeType="clickEffect">
                                  <p:stCondLst>
                                    <p:cond delay="0"/>
                                  </p:stCondLst>
                                  <p:childTnLst>
                                    <p:animEffect transition="out" filter="fade">
                                      <p:cBhvr>
                                        <p:cTn id="47" dur="500"/>
                                        <p:tgtEl>
                                          <p:spTgt spid="74"/>
                                        </p:tgtEl>
                                      </p:cBhvr>
                                    </p:animEffect>
                                    <p:set>
                                      <p:cBhvr>
                                        <p:cTn id="48" dur="1" fill="hold">
                                          <p:stCondLst>
                                            <p:cond delay="499"/>
                                          </p:stCondLst>
                                        </p:cTn>
                                        <p:tgtEl>
                                          <p:spTgt spid="74"/>
                                        </p:tgtEl>
                                        <p:attrNameLst>
                                          <p:attrName>style.visibility</p:attrName>
                                        </p:attrNameLst>
                                      </p:cBhvr>
                                      <p:to>
                                        <p:strVal val="hidden"/>
                                      </p:to>
                                    </p:set>
                                  </p:childTnLst>
                                </p:cTn>
                              </p:par>
                              <p:par>
                                <p:cTn id="49" presetID="10" presetClass="exit" presetSubtype="0" fill="hold" grpId="1" nodeType="withEffect">
                                  <p:stCondLst>
                                    <p:cond delay="0"/>
                                  </p:stCondLst>
                                  <p:childTnLst>
                                    <p:animEffect transition="out" filter="fade">
                                      <p:cBhvr>
                                        <p:cTn id="50" dur="500"/>
                                        <p:tgtEl>
                                          <p:spTgt spid="108"/>
                                        </p:tgtEl>
                                      </p:cBhvr>
                                    </p:animEffect>
                                    <p:set>
                                      <p:cBhvr>
                                        <p:cTn id="51" dur="1" fill="hold">
                                          <p:stCondLst>
                                            <p:cond delay="499"/>
                                          </p:stCondLst>
                                        </p:cTn>
                                        <p:tgtEl>
                                          <p:spTgt spid="108"/>
                                        </p:tgtEl>
                                        <p:attrNameLst>
                                          <p:attrName>style.visibility</p:attrName>
                                        </p:attrNameLst>
                                      </p:cBhvr>
                                      <p:to>
                                        <p:strVal val="hidden"/>
                                      </p:to>
                                    </p:set>
                                  </p:childTnLst>
                                </p:cTn>
                              </p:par>
                              <p:par>
                                <p:cTn id="52" presetID="10" presetClass="exit" presetSubtype="0" fill="hold" nodeType="withEffect">
                                  <p:stCondLst>
                                    <p:cond delay="0"/>
                                  </p:stCondLst>
                                  <p:childTnLst>
                                    <p:animEffect transition="out" filter="fade">
                                      <p:cBhvr>
                                        <p:cTn id="53" dur="500"/>
                                        <p:tgtEl>
                                          <p:spTgt spid="2"/>
                                        </p:tgtEl>
                                      </p:cBhvr>
                                    </p:animEffect>
                                    <p:set>
                                      <p:cBhvr>
                                        <p:cTn id="54" dur="1" fill="hold">
                                          <p:stCondLst>
                                            <p:cond delay="499"/>
                                          </p:stCondLst>
                                        </p:cTn>
                                        <p:tgtEl>
                                          <p:spTgt spid="2"/>
                                        </p:tgtEl>
                                        <p:attrNameLst>
                                          <p:attrName>style.visibility</p:attrName>
                                        </p:attrNameLst>
                                      </p:cBhvr>
                                      <p:to>
                                        <p:strVal val="hidden"/>
                                      </p:to>
                                    </p:set>
                                  </p:childTnLst>
                                </p:cTn>
                              </p:par>
                            </p:childTnLst>
                          </p:cTn>
                        </p:par>
                        <p:par>
                          <p:cTn id="55" fill="hold">
                            <p:stCondLst>
                              <p:cond delay="500"/>
                            </p:stCondLst>
                            <p:childTnLst>
                              <p:par>
                                <p:cTn id="56" presetID="22" presetClass="entr" presetSubtype="1" fill="hold" grpId="0" nodeType="afterEffect">
                                  <p:stCondLst>
                                    <p:cond delay="0"/>
                                  </p:stCondLst>
                                  <p:childTnLst>
                                    <p:set>
                                      <p:cBhvr>
                                        <p:cTn id="57" dur="1" fill="hold">
                                          <p:stCondLst>
                                            <p:cond delay="0"/>
                                          </p:stCondLst>
                                        </p:cTn>
                                        <p:tgtEl>
                                          <p:spTgt spid="110"/>
                                        </p:tgtEl>
                                        <p:attrNameLst>
                                          <p:attrName>style.visibility</p:attrName>
                                        </p:attrNameLst>
                                      </p:cBhvr>
                                      <p:to>
                                        <p:strVal val="visible"/>
                                      </p:to>
                                    </p:set>
                                    <p:animEffect transition="in" filter="wipe(up)">
                                      <p:cBhvr>
                                        <p:cTn id="58" dur="2750"/>
                                        <p:tgtEl>
                                          <p:spTgt spid="110"/>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78"/>
                                        </p:tgtEl>
                                        <p:attrNameLst>
                                          <p:attrName>style.visibility</p:attrName>
                                        </p:attrNameLst>
                                      </p:cBhvr>
                                      <p:to>
                                        <p:strVal val="visible"/>
                                      </p:to>
                                    </p:set>
                                    <p:animEffect transition="in" filter="fade">
                                      <p:cBhvr>
                                        <p:cTn id="61" dur="500"/>
                                        <p:tgtEl>
                                          <p:spTgt spid="78"/>
                                        </p:tgtEl>
                                      </p:cBhvr>
                                    </p:animEffect>
                                  </p:childTnLst>
                                </p:cTn>
                              </p:par>
                              <p:par>
                                <p:cTn id="62" presetID="10" presetClass="entr" presetSubtype="0" fill="hold" grpId="0" nodeType="withEffect">
                                  <p:stCondLst>
                                    <p:cond delay="0"/>
                                  </p:stCondLst>
                                  <p:childTnLst>
                                    <p:set>
                                      <p:cBhvr>
                                        <p:cTn id="63" dur="1" fill="hold">
                                          <p:stCondLst>
                                            <p:cond delay="0"/>
                                          </p:stCondLst>
                                        </p:cTn>
                                        <p:tgtEl>
                                          <p:spTgt spid="129"/>
                                        </p:tgtEl>
                                        <p:attrNameLst>
                                          <p:attrName>style.visibility</p:attrName>
                                        </p:attrNameLst>
                                      </p:cBhvr>
                                      <p:to>
                                        <p:strVal val="visible"/>
                                      </p:to>
                                    </p:set>
                                    <p:animEffect transition="in" filter="fade">
                                      <p:cBhvr>
                                        <p:cTn id="64" dur="500"/>
                                        <p:tgtEl>
                                          <p:spTgt spid="129"/>
                                        </p:tgtEl>
                                      </p:cBhvr>
                                    </p:animEffect>
                                  </p:childTnLst>
                                </p:cTn>
                              </p:par>
                              <p:par>
                                <p:cTn id="65" presetID="23" presetClass="entr" presetSubtype="32" fill="hold" grpId="0" nodeType="withEffect">
                                  <p:stCondLst>
                                    <p:cond delay="0"/>
                                  </p:stCondLst>
                                  <p:childTnLst>
                                    <p:set>
                                      <p:cBhvr>
                                        <p:cTn id="66" dur="1" fill="hold">
                                          <p:stCondLst>
                                            <p:cond delay="0"/>
                                          </p:stCondLst>
                                        </p:cTn>
                                        <p:tgtEl>
                                          <p:spTgt spid="131"/>
                                        </p:tgtEl>
                                        <p:attrNameLst>
                                          <p:attrName>style.visibility</p:attrName>
                                        </p:attrNameLst>
                                      </p:cBhvr>
                                      <p:to>
                                        <p:strVal val="visible"/>
                                      </p:to>
                                    </p:set>
                                    <p:anim calcmode="lin" valueType="num">
                                      <p:cBhvr>
                                        <p:cTn id="67" dur="1000" fill="hold"/>
                                        <p:tgtEl>
                                          <p:spTgt spid="131"/>
                                        </p:tgtEl>
                                        <p:attrNameLst>
                                          <p:attrName>ppt_w</p:attrName>
                                        </p:attrNameLst>
                                      </p:cBhvr>
                                      <p:tavLst>
                                        <p:tav tm="0">
                                          <p:val>
                                            <p:strVal val="4*#ppt_w"/>
                                          </p:val>
                                        </p:tav>
                                        <p:tav tm="100000">
                                          <p:val>
                                            <p:strVal val="#ppt_w"/>
                                          </p:val>
                                        </p:tav>
                                      </p:tavLst>
                                    </p:anim>
                                    <p:anim calcmode="lin" valueType="num">
                                      <p:cBhvr>
                                        <p:cTn id="68" dur="1000" fill="hold"/>
                                        <p:tgtEl>
                                          <p:spTgt spid="131"/>
                                        </p:tgtEl>
                                        <p:attrNameLst>
                                          <p:attrName>ppt_h</p:attrName>
                                        </p:attrNameLst>
                                      </p:cBhvr>
                                      <p:tavLst>
                                        <p:tav tm="0">
                                          <p:val>
                                            <p:strVal val="4*#ppt_h"/>
                                          </p:val>
                                        </p:tav>
                                        <p:tav tm="100000">
                                          <p:val>
                                            <p:strVal val="#ppt_h"/>
                                          </p:val>
                                        </p:tav>
                                      </p:tavLst>
                                    </p:anim>
                                  </p:childTnLst>
                                </p:cTn>
                              </p:par>
                              <p:par>
                                <p:cTn id="69" presetID="23" presetClass="entr" presetSubtype="32" fill="hold" grpId="0" nodeType="withEffect">
                                  <p:stCondLst>
                                    <p:cond delay="0"/>
                                  </p:stCondLst>
                                  <p:childTnLst>
                                    <p:set>
                                      <p:cBhvr>
                                        <p:cTn id="70" dur="1" fill="hold">
                                          <p:stCondLst>
                                            <p:cond delay="0"/>
                                          </p:stCondLst>
                                        </p:cTn>
                                        <p:tgtEl>
                                          <p:spTgt spid="132"/>
                                        </p:tgtEl>
                                        <p:attrNameLst>
                                          <p:attrName>style.visibility</p:attrName>
                                        </p:attrNameLst>
                                      </p:cBhvr>
                                      <p:to>
                                        <p:strVal val="visible"/>
                                      </p:to>
                                    </p:set>
                                    <p:anim calcmode="lin" valueType="num">
                                      <p:cBhvr>
                                        <p:cTn id="71" dur="1000" fill="hold"/>
                                        <p:tgtEl>
                                          <p:spTgt spid="132"/>
                                        </p:tgtEl>
                                        <p:attrNameLst>
                                          <p:attrName>ppt_w</p:attrName>
                                        </p:attrNameLst>
                                      </p:cBhvr>
                                      <p:tavLst>
                                        <p:tav tm="0">
                                          <p:val>
                                            <p:strVal val="4*#ppt_w"/>
                                          </p:val>
                                        </p:tav>
                                        <p:tav tm="100000">
                                          <p:val>
                                            <p:strVal val="#ppt_w"/>
                                          </p:val>
                                        </p:tav>
                                      </p:tavLst>
                                    </p:anim>
                                    <p:anim calcmode="lin" valueType="num">
                                      <p:cBhvr>
                                        <p:cTn id="72" dur="1000" fill="hold"/>
                                        <p:tgtEl>
                                          <p:spTgt spid="132"/>
                                        </p:tgtEl>
                                        <p:attrNameLst>
                                          <p:attrName>ppt_h</p:attrName>
                                        </p:attrNameLst>
                                      </p:cBhvr>
                                      <p:tavLst>
                                        <p:tav tm="0">
                                          <p:val>
                                            <p:strVal val="4*#ppt_h"/>
                                          </p:val>
                                        </p:tav>
                                        <p:tav tm="100000">
                                          <p:val>
                                            <p:strVal val="#ppt_h"/>
                                          </p:val>
                                        </p:tav>
                                      </p:tavLst>
                                    </p:anim>
                                  </p:childTnLst>
                                </p:cTn>
                              </p:par>
                            </p:childTnLst>
                          </p:cTn>
                        </p:par>
                      </p:childTnLst>
                    </p:cTn>
                  </p:par>
                  <p:par>
                    <p:cTn id="73" fill="hold">
                      <p:stCondLst>
                        <p:cond delay="indefinite"/>
                      </p:stCondLst>
                      <p:childTnLst>
                        <p:par>
                          <p:cTn id="74" fill="hold">
                            <p:stCondLst>
                              <p:cond delay="0"/>
                            </p:stCondLst>
                            <p:childTnLst>
                              <p:par>
                                <p:cTn id="75" presetID="10" presetClass="entr" presetSubtype="0" fill="hold" grpId="0" nodeType="clickEffect">
                                  <p:stCondLst>
                                    <p:cond delay="0"/>
                                  </p:stCondLst>
                                  <p:childTnLst>
                                    <p:set>
                                      <p:cBhvr>
                                        <p:cTn id="76" dur="1" fill="hold">
                                          <p:stCondLst>
                                            <p:cond delay="0"/>
                                          </p:stCondLst>
                                        </p:cTn>
                                        <p:tgtEl>
                                          <p:spTgt spid="142"/>
                                        </p:tgtEl>
                                        <p:attrNameLst>
                                          <p:attrName>style.visibility</p:attrName>
                                        </p:attrNameLst>
                                      </p:cBhvr>
                                      <p:to>
                                        <p:strVal val="visible"/>
                                      </p:to>
                                    </p:set>
                                    <p:animEffect transition="in" filter="fade">
                                      <p:cBhvr>
                                        <p:cTn id="77" dur="1000"/>
                                        <p:tgtEl>
                                          <p:spTgt spid="142"/>
                                        </p:tgtEl>
                                      </p:cBhvr>
                                    </p:animEffec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grpId="0" nodeType="clickEffect">
                                  <p:stCondLst>
                                    <p:cond delay="0"/>
                                  </p:stCondLst>
                                  <p:childTnLst>
                                    <p:set>
                                      <p:cBhvr>
                                        <p:cTn id="81" dur="1" fill="hold">
                                          <p:stCondLst>
                                            <p:cond delay="0"/>
                                          </p:stCondLst>
                                        </p:cTn>
                                        <p:tgtEl>
                                          <p:spTgt spid="134"/>
                                        </p:tgtEl>
                                        <p:attrNameLst>
                                          <p:attrName>style.visibility</p:attrName>
                                        </p:attrNameLst>
                                      </p:cBhvr>
                                      <p:to>
                                        <p:strVal val="visible"/>
                                      </p:to>
                                    </p:set>
                                    <p:animEffect transition="in" filter="fade">
                                      <p:cBhvr>
                                        <p:cTn id="82" dur="500"/>
                                        <p:tgtEl>
                                          <p:spTgt spid="134"/>
                                        </p:tgtEl>
                                      </p:cBhvr>
                                    </p:animEffect>
                                  </p:childTnLst>
                                </p:cTn>
                              </p:par>
                            </p:childTnLst>
                          </p:cTn>
                        </p:par>
                      </p:childTnLst>
                    </p:cTn>
                  </p:par>
                  <p:par>
                    <p:cTn id="83" fill="hold">
                      <p:stCondLst>
                        <p:cond delay="indefinite"/>
                      </p:stCondLst>
                      <p:childTnLst>
                        <p:par>
                          <p:cTn id="84" fill="hold">
                            <p:stCondLst>
                              <p:cond delay="0"/>
                            </p:stCondLst>
                            <p:childTnLst>
                              <p:par>
                                <p:cTn id="85" presetID="10" presetClass="entr" presetSubtype="0" fill="hold" grpId="0" nodeType="clickEffect">
                                  <p:stCondLst>
                                    <p:cond delay="0"/>
                                  </p:stCondLst>
                                  <p:childTnLst>
                                    <p:set>
                                      <p:cBhvr>
                                        <p:cTn id="86" dur="1" fill="hold">
                                          <p:stCondLst>
                                            <p:cond delay="0"/>
                                          </p:stCondLst>
                                        </p:cTn>
                                        <p:tgtEl>
                                          <p:spTgt spid="133"/>
                                        </p:tgtEl>
                                        <p:attrNameLst>
                                          <p:attrName>style.visibility</p:attrName>
                                        </p:attrNameLst>
                                      </p:cBhvr>
                                      <p:to>
                                        <p:strVal val="visible"/>
                                      </p:to>
                                    </p:set>
                                    <p:animEffect transition="in" filter="fade">
                                      <p:cBhvr>
                                        <p:cTn id="87" dur="500"/>
                                        <p:tgtEl>
                                          <p:spTgt spid="1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110" grpId="0" animBg="1"/>
      <p:bldP spid="78" grpId="0" animBg="1"/>
      <p:bldP spid="108" grpId="0" animBg="1"/>
      <p:bldP spid="108" grpId="1" animBg="1"/>
      <p:bldP spid="75" grpId="0" animBg="1"/>
      <p:bldP spid="75" grpId="1" animBg="1"/>
      <p:bldP spid="77" grpId="0" animBg="1"/>
      <p:bldP spid="77" grpId="1" animBg="1"/>
      <p:bldP spid="129" grpId="0" animBg="1"/>
      <p:bldP spid="131" grpId="0" animBg="1"/>
      <p:bldP spid="132" grpId="0" animBg="1"/>
      <p:bldP spid="133" grpId="0" animBg="1"/>
      <p:bldP spid="134" grpId="0" animBg="1"/>
      <p:bldP spid="142" grpId="0" animBg="1"/>
    </p:bldLst>
  </p:timing>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533400" y="381000"/>
            <a:ext cx="8229600" cy="1107996"/>
          </a:xfrm>
        </p:spPr>
        <p:txBody>
          <a:bodyPr/>
          <a:lstStyle/>
          <a:p>
            <a:pPr defTabSz="914363">
              <a:defRPr/>
            </a:pPr>
            <a:r>
              <a:rPr lang="en-US" dirty="0">
                <a:effectLst>
                  <a:outerShdw blurRad="50800" dist="50800" dir="2700000" algn="tl" rotWithShape="0">
                    <a:prstClr val="black"/>
                  </a:outerShdw>
                </a:effectLst>
              </a:rPr>
              <a:t>Climate Change Analysis</a:t>
            </a:r>
            <a:br>
              <a:rPr lang="en-US" dirty="0">
                <a:effectLst>
                  <a:outerShdw blurRad="50800" dist="50800" dir="2700000" algn="tl" rotWithShape="0">
                    <a:prstClr val="black"/>
                  </a:outerShdw>
                </a:effectLst>
              </a:rPr>
            </a:br>
            <a:r>
              <a:rPr lang="en-US" sz="3600" dirty="0">
                <a:solidFill>
                  <a:prstClr val="white"/>
                </a:solidFill>
              </a:rPr>
              <a:t>Effects on Delta Intake </a:t>
            </a:r>
            <a:r>
              <a:rPr lang="en-US" sz="3600" dirty="0" smtClean="0">
                <a:solidFill>
                  <a:prstClr val="white"/>
                </a:solidFill>
              </a:rPr>
              <a:t>Location</a:t>
            </a:r>
            <a:endParaRPr lang="en-US" sz="3600" dirty="0"/>
          </a:p>
        </p:txBody>
      </p:sp>
      <p:graphicFrame>
        <p:nvGraphicFramePr>
          <p:cNvPr id="6" name="Table 5"/>
          <p:cNvGraphicFramePr>
            <a:graphicFrameLocks noGrp="1"/>
          </p:cNvGraphicFramePr>
          <p:nvPr>
            <p:extLst>
              <p:ext uri="{D42A27DB-BD31-4B8C-83A1-F6EECF244321}">
                <p14:modId xmlns:p14="http://schemas.microsoft.com/office/powerpoint/2010/main" val="2137853054"/>
              </p:ext>
            </p:extLst>
          </p:nvPr>
        </p:nvGraphicFramePr>
        <p:xfrm>
          <a:off x="1901691" y="3380096"/>
          <a:ext cx="5413509" cy="1371600"/>
        </p:xfrm>
        <a:graphic>
          <a:graphicData uri="http://schemas.openxmlformats.org/drawingml/2006/table">
            <a:tbl>
              <a:tblPr firstRow="1" bandRow="1">
                <a:tableStyleId>{AF606853-7671-496A-8E4F-DF71F8EC918B}</a:tableStyleId>
              </a:tblPr>
              <a:tblGrid>
                <a:gridCol w="2680230"/>
                <a:gridCol w="911093"/>
                <a:gridCol w="911093"/>
                <a:gridCol w="911093"/>
              </a:tblGrid>
              <a:tr h="250534">
                <a:tc>
                  <a:txBody>
                    <a:bodyPr/>
                    <a:lstStyle/>
                    <a:p>
                      <a:pPr algn="ctr"/>
                      <a:r>
                        <a:rPr lang="en-US" sz="2400" b="1" u="none" kern="1200" dirty="0" smtClean="0">
                          <a:solidFill>
                            <a:srgbClr val="FFC000"/>
                          </a:solidFill>
                          <a:latin typeface="+mn-lt"/>
                          <a:ea typeface="+mn-ea"/>
                          <a:cs typeface="+mn-cs"/>
                        </a:rPr>
                        <a:t>South Intake</a:t>
                      </a:r>
                      <a:endParaRPr lang="en-US" sz="2400" b="1" u="none" kern="1200" dirty="0">
                        <a:solidFill>
                          <a:srgbClr val="FFC000"/>
                        </a:solidFill>
                        <a:latin typeface="+mn-lt"/>
                        <a:ea typeface="+mn-ea"/>
                        <a:cs typeface="+mn-cs"/>
                      </a:endParaRPr>
                    </a:p>
                  </a:txBody>
                  <a:tcPr marL="45720" marR="45720"/>
                </a:tc>
                <a:tc>
                  <a:txBody>
                    <a:bodyPr/>
                    <a:lstStyle/>
                    <a:p>
                      <a:pPr algn="ctr"/>
                      <a:r>
                        <a:rPr lang="en-US" sz="2400" dirty="0" smtClean="0"/>
                        <a:t>2010</a:t>
                      </a:r>
                      <a:endParaRPr lang="en-US" sz="2400" dirty="0"/>
                    </a:p>
                  </a:txBody>
                  <a:tcPr marL="45720" marR="45720"/>
                </a:tc>
                <a:tc>
                  <a:txBody>
                    <a:bodyPr/>
                    <a:lstStyle/>
                    <a:p>
                      <a:pPr algn="ctr"/>
                      <a:r>
                        <a:rPr lang="en-US" sz="2400" dirty="0" smtClean="0"/>
                        <a:t>2025</a:t>
                      </a:r>
                      <a:endParaRPr lang="en-US" sz="2400" dirty="0"/>
                    </a:p>
                  </a:txBody>
                  <a:tcPr marL="45720" marR="45720"/>
                </a:tc>
                <a:tc>
                  <a:txBody>
                    <a:bodyPr/>
                    <a:lstStyle/>
                    <a:p>
                      <a:pPr algn="ctr"/>
                      <a:r>
                        <a:rPr lang="en-US" sz="2400" dirty="0" smtClean="0"/>
                        <a:t>2060</a:t>
                      </a:r>
                      <a:endParaRPr lang="en-US" sz="2400" dirty="0"/>
                    </a:p>
                  </a:txBody>
                  <a:tcPr marL="45720" marR="45720"/>
                </a:tc>
              </a:tr>
              <a:tr h="250534">
                <a:tc>
                  <a:txBody>
                    <a:bodyPr/>
                    <a:lstStyle/>
                    <a:p>
                      <a:r>
                        <a:rPr lang="en-US" sz="2400" dirty="0" smtClean="0"/>
                        <a:t>Salinity</a:t>
                      </a:r>
                      <a:r>
                        <a:rPr lang="en-US" sz="2400" baseline="0" dirty="0" smtClean="0"/>
                        <a:t> (TDS mg/L)</a:t>
                      </a:r>
                      <a:endParaRPr lang="en-US" sz="2400" dirty="0"/>
                    </a:p>
                  </a:txBody>
                  <a:tcPr marL="45720" marR="45720"/>
                </a:tc>
                <a:tc>
                  <a:txBody>
                    <a:bodyPr/>
                    <a:lstStyle/>
                    <a:p>
                      <a:pPr algn="ctr"/>
                      <a:r>
                        <a:rPr lang="en-US" sz="2400" dirty="0" smtClean="0"/>
                        <a:t>301</a:t>
                      </a:r>
                      <a:endParaRPr lang="en-US" sz="2400" dirty="0"/>
                    </a:p>
                  </a:txBody>
                  <a:tcPr marL="45720" marR="45720"/>
                </a:tc>
                <a:tc>
                  <a:txBody>
                    <a:bodyPr/>
                    <a:lstStyle/>
                    <a:p>
                      <a:pPr algn="ctr"/>
                      <a:r>
                        <a:rPr lang="en-US" sz="2400" dirty="0" smtClean="0"/>
                        <a:t>311</a:t>
                      </a:r>
                      <a:endParaRPr lang="en-US" sz="2400" dirty="0"/>
                    </a:p>
                  </a:txBody>
                  <a:tcPr marL="45720" marR="45720"/>
                </a:tc>
                <a:tc>
                  <a:txBody>
                    <a:bodyPr/>
                    <a:lstStyle/>
                    <a:p>
                      <a:pPr algn="ctr"/>
                      <a:r>
                        <a:rPr lang="en-US" sz="2400" dirty="0" smtClean="0"/>
                        <a:t>326</a:t>
                      </a:r>
                      <a:endParaRPr lang="en-US" sz="2400" dirty="0"/>
                    </a:p>
                  </a:txBody>
                  <a:tcPr marL="45720" marR="45720"/>
                </a:tc>
              </a:tr>
              <a:tr h="250534">
                <a:tc>
                  <a:txBody>
                    <a:bodyPr/>
                    <a:lstStyle/>
                    <a:p>
                      <a:r>
                        <a:rPr lang="en-US" sz="2400" dirty="0" smtClean="0"/>
                        <a:t>Bromide (mg/L)</a:t>
                      </a:r>
                      <a:endParaRPr lang="en-US" sz="2400" dirty="0"/>
                    </a:p>
                  </a:txBody>
                  <a:tcPr marL="45720" marR="45720"/>
                </a:tc>
                <a:tc>
                  <a:txBody>
                    <a:bodyPr/>
                    <a:lstStyle/>
                    <a:p>
                      <a:pPr algn="ctr"/>
                      <a:r>
                        <a:rPr lang="en-US" sz="2400" dirty="0" smtClean="0"/>
                        <a:t>0.34</a:t>
                      </a:r>
                      <a:endParaRPr lang="en-US" sz="2400" dirty="0"/>
                    </a:p>
                  </a:txBody>
                  <a:tcPr marL="45720" marR="45720"/>
                </a:tc>
                <a:tc>
                  <a:txBody>
                    <a:bodyPr/>
                    <a:lstStyle/>
                    <a:p>
                      <a:pPr algn="ctr"/>
                      <a:r>
                        <a:rPr lang="en-US" sz="2400" dirty="0" smtClean="0"/>
                        <a:t>0.35</a:t>
                      </a:r>
                      <a:endParaRPr lang="en-US" sz="2400" dirty="0"/>
                    </a:p>
                  </a:txBody>
                  <a:tcPr marL="45720" marR="45720"/>
                </a:tc>
                <a:tc>
                  <a:txBody>
                    <a:bodyPr/>
                    <a:lstStyle/>
                    <a:p>
                      <a:pPr algn="ctr"/>
                      <a:r>
                        <a:rPr lang="en-US" sz="2400" dirty="0" smtClean="0"/>
                        <a:t>0.35</a:t>
                      </a:r>
                      <a:endParaRPr lang="en-US" sz="2400" dirty="0"/>
                    </a:p>
                  </a:txBody>
                  <a:tcPr marL="45720" marR="45720"/>
                </a:tc>
              </a:tr>
            </a:tbl>
          </a:graphicData>
        </a:graphic>
      </p:graphicFrame>
      <p:graphicFrame>
        <p:nvGraphicFramePr>
          <p:cNvPr id="7" name="Table 6"/>
          <p:cNvGraphicFramePr>
            <a:graphicFrameLocks noGrp="1"/>
          </p:cNvGraphicFramePr>
          <p:nvPr>
            <p:extLst>
              <p:ext uri="{D42A27DB-BD31-4B8C-83A1-F6EECF244321}">
                <p14:modId xmlns:p14="http://schemas.microsoft.com/office/powerpoint/2010/main" val="2053021092"/>
              </p:ext>
            </p:extLst>
          </p:nvPr>
        </p:nvGraphicFramePr>
        <p:xfrm>
          <a:off x="377691" y="1932296"/>
          <a:ext cx="5413509" cy="1371600"/>
        </p:xfrm>
        <a:graphic>
          <a:graphicData uri="http://schemas.openxmlformats.org/drawingml/2006/table">
            <a:tbl>
              <a:tblPr firstRow="1" bandRow="1">
                <a:tableStyleId>{AF606853-7671-496A-8E4F-DF71F8EC918B}</a:tableStyleId>
              </a:tblPr>
              <a:tblGrid>
                <a:gridCol w="2680230"/>
                <a:gridCol w="911093"/>
                <a:gridCol w="911093"/>
                <a:gridCol w="911093"/>
              </a:tblGrid>
              <a:tr h="250534">
                <a:tc>
                  <a:txBody>
                    <a:bodyPr/>
                    <a:lstStyle/>
                    <a:p>
                      <a:pPr algn="ctr"/>
                      <a:r>
                        <a:rPr lang="en-US" sz="2400" b="1" u="none" kern="1200" dirty="0" smtClean="0">
                          <a:solidFill>
                            <a:srgbClr val="FFC000"/>
                          </a:solidFill>
                          <a:latin typeface="+mn-lt"/>
                          <a:ea typeface="+mn-ea"/>
                          <a:cs typeface="+mn-cs"/>
                        </a:rPr>
                        <a:t>North Intake</a:t>
                      </a:r>
                      <a:endParaRPr lang="en-US" sz="2400" b="1" u="none" kern="1200" dirty="0">
                        <a:solidFill>
                          <a:srgbClr val="FFC000"/>
                        </a:solidFill>
                        <a:latin typeface="+mn-lt"/>
                        <a:ea typeface="+mn-ea"/>
                        <a:cs typeface="+mn-cs"/>
                      </a:endParaRPr>
                    </a:p>
                  </a:txBody>
                  <a:tcPr marL="45720" marR="45720"/>
                </a:tc>
                <a:tc>
                  <a:txBody>
                    <a:bodyPr/>
                    <a:lstStyle/>
                    <a:p>
                      <a:pPr algn="ctr"/>
                      <a:r>
                        <a:rPr lang="en-US" sz="2400" dirty="0" smtClean="0"/>
                        <a:t>2010</a:t>
                      </a:r>
                      <a:endParaRPr lang="en-US" sz="2400" dirty="0"/>
                    </a:p>
                  </a:txBody>
                  <a:tcPr marL="45720" marR="45720"/>
                </a:tc>
                <a:tc>
                  <a:txBody>
                    <a:bodyPr/>
                    <a:lstStyle/>
                    <a:p>
                      <a:pPr algn="ctr"/>
                      <a:r>
                        <a:rPr lang="en-US" sz="2400" dirty="0" smtClean="0"/>
                        <a:t>2025</a:t>
                      </a:r>
                      <a:endParaRPr lang="en-US" sz="2400" dirty="0"/>
                    </a:p>
                  </a:txBody>
                  <a:tcPr marL="45720" marR="45720"/>
                </a:tc>
                <a:tc>
                  <a:txBody>
                    <a:bodyPr/>
                    <a:lstStyle/>
                    <a:p>
                      <a:pPr algn="ctr"/>
                      <a:r>
                        <a:rPr lang="en-US" sz="2400" dirty="0" smtClean="0"/>
                        <a:t>2060</a:t>
                      </a:r>
                      <a:endParaRPr lang="en-US" sz="2400" dirty="0"/>
                    </a:p>
                  </a:txBody>
                  <a:tcPr marL="45720" marR="45720"/>
                </a:tc>
              </a:tr>
              <a:tr h="250534">
                <a:tc>
                  <a:txBody>
                    <a:bodyPr/>
                    <a:lstStyle/>
                    <a:p>
                      <a:r>
                        <a:rPr lang="en-US" sz="2400" dirty="0" smtClean="0"/>
                        <a:t>Salinity</a:t>
                      </a:r>
                      <a:r>
                        <a:rPr lang="en-US" sz="2400" baseline="0" dirty="0" smtClean="0"/>
                        <a:t> (TDS mg/L)</a:t>
                      </a:r>
                      <a:endParaRPr lang="en-US" sz="2400" dirty="0"/>
                    </a:p>
                  </a:txBody>
                  <a:tcPr marL="45720" marR="45720"/>
                </a:tc>
                <a:tc>
                  <a:txBody>
                    <a:bodyPr/>
                    <a:lstStyle/>
                    <a:p>
                      <a:pPr algn="ctr"/>
                      <a:r>
                        <a:rPr lang="en-US" sz="2400" dirty="0" smtClean="0"/>
                        <a:t>111</a:t>
                      </a:r>
                      <a:endParaRPr lang="en-US" sz="2400" dirty="0"/>
                    </a:p>
                  </a:txBody>
                  <a:tcPr marL="45720" marR="45720"/>
                </a:tc>
                <a:tc>
                  <a:txBody>
                    <a:bodyPr/>
                    <a:lstStyle/>
                    <a:p>
                      <a:pPr algn="ctr"/>
                      <a:r>
                        <a:rPr lang="en-US" sz="2400" dirty="0" smtClean="0"/>
                        <a:t>111</a:t>
                      </a:r>
                      <a:endParaRPr lang="en-US" sz="2400" dirty="0"/>
                    </a:p>
                  </a:txBody>
                  <a:tcPr marL="45720" marR="45720"/>
                </a:tc>
                <a:tc>
                  <a:txBody>
                    <a:bodyPr/>
                    <a:lstStyle/>
                    <a:p>
                      <a:pPr algn="ctr"/>
                      <a:r>
                        <a:rPr lang="en-US" sz="2400" dirty="0" smtClean="0"/>
                        <a:t>111</a:t>
                      </a:r>
                      <a:endParaRPr lang="en-US" sz="2400" dirty="0"/>
                    </a:p>
                  </a:txBody>
                  <a:tcPr marL="45720" marR="45720"/>
                </a:tc>
              </a:tr>
              <a:tr h="250534">
                <a:tc>
                  <a:txBody>
                    <a:bodyPr/>
                    <a:lstStyle/>
                    <a:p>
                      <a:r>
                        <a:rPr lang="en-US" sz="2400" dirty="0" smtClean="0"/>
                        <a:t>Bromide (mg/L)</a:t>
                      </a:r>
                      <a:endParaRPr lang="en-US" sz="2400" dirty="0"/>
                    </a:p>
                  </a:txBody>
                  <a:tcPr marL="45720" marR="45720"/>
                </a:tc>
                <a:tc>
                  <a:txBody>
                    <a:bodyPr/>
                    <a:lstStyle/>
                    <a:p>
                      <a:pPr algn="ctr"/>
                      <a:r>
                        <a:rPr lang="en-US" sz="2400" dirty="0" smtClean="0"/>
                        <a:t>0.08</a:t>
                      </a:r>
                      <a:endParaRPr lang="en-US" sz="2400" dirty="0"/>
                    </a:p>
                  </a:txBody>
                  <a:tcPr marL="45720" marR="45720"/>
                </a:tc>
                <a:tc>
                  <a:txBody>
                    <a:bodyPr/>
                    <a:lstStyle/>
                    <a:p>
                      <a:pPr algn="ctr"/>
                      <a:r>
                        <a:rPr lang="en-US" sz="2400" dirty="0" smtClean="0"/>
                        <a:t>0.08</a:t>
                      </a:r>
                      <a:endParaRPr lang="en-US" sz="2400" dirty="0"/>
                    </a:p>
                  </a:txBody>
                  <a:tcPr marL="45720" marR="45720"/>
                </a:tc>
                <a:tc>
                  <a:txBody>
                    <a:bodyPr/>
                    <a:lstStyle/>
                    <a:p>
                      <a:pPr algn="ctr"/>
                      <a:r>
                        <a:rPr lang="en-US" sz="2400" dirty="0" smtClean="0"/>
                        <a:t>0.08</a:t>
                      </a:r>
                      <a:endParaRPr lang="en-US" sz="2400" dirty="0"/>
                    </a:p>
                  </a:txBody>
                  <a:tcPr marL="45720" marR="45720"/>
                </a:tc>
              </a:tr>
            </a:tbl>
          </a:graphicData>
        </a:graphic>
      </p:graphicFrame>
      <p:graphicFrame>
        <p:nvGraphicFramePr>
          <p:cNvPr id="8" name="Table 7"/>
          <p:cNvGraphicFramePr>
            <a:graphicFrameLocks noGrp="1"/>
          </p:cNvGraphicFramePr>
          <p:nvPr>
            <p:extLst>
              <p:ext uri="{D42A27DB-BD31-4B8C-83A1-F6EECF244321}">
                <p14:modId xmlns:p14="http://schemas.microsoft.com/office/powerpoint/2010/main" val="1254154663"/>
              </p:ext>
            </p:extLst>
          </p:nvPr>
        </p:nvGraphicFramePr>
        <p:xfrm>
          <a:off x="3425691" y="4827896"/>
          <a:ext cx="5413509" cy="1371600"/>
        </p:xfrm>
        <a:graphic>
          <a:graphicData uri="http://schemas.openxmlformats.org/drawingml/2006/table">
            <a:tbl>
              <a:tblPr firstRow="1" bandRow="1">
                <a:tableStyleId>{AF606853-7671-496A-8E4F-DF71F8EC918B}</a:tableStyleId>
              </a:tblPr>
              <a:tblGrid>
                <a:gridCol w="2680230"/>
                <a:gridCol w="911093"/>
                <a:gridCol w="911093"/>
                <a:gridCol w="911093"/>
              </a:tblGrid>
              <a:tr h="250534">
                <a:tc>
                  <a:txBody>
                    <a:bodyPr/>
                    <a:lstStyle/>
                    <a:p>
                      <a:pPr algn="ctr"/>
                      <a:r>
                        <a:rPr lang="en-US" sz="2400" u="none" dirty="0" smtClean="0">
                          <a:solidFill>
                            <a:srgbClr val="FFC000"/>
                          </a:solidFill>
                        </a:rPr>
                        <a:t>Combined</a:t>
                      </a:r>
                      <a:endParaRPr lang="en-US" sz="2400" u="none" dirty="0"/>
                    </a:p>
                  </a:txBody>
                  <a:tcPr marL="45720" marR="45720"/>
                </a:tc>
                <a:tc>
                  <a:txBody>
                    <a:bodyPr/>
                    <a:lstStyle/>
                    <a:p>
                      <a:pPr algn="ctr"/>
                      <a:r>
                        <a:rPr lang="en-US" sz="2400" dirty="0" smtClean="0"/>
                        <a:t>2010</a:t>
                      </a:r>
                      <a:endParaRPr lang="en-US" sz="2400" dirty="0"/>
                    </a:p>
                  </a:txBody>
                  <a:tcPr marL="45720" marR="45720"/>
                </a:tc>
                <a:tc>
                  <a:txBody>
                    <a:bodyPr/>
                    <a:lstStyle/>
                    <a:p>
                      <a:pPr algn="ctr"/>
                      <a:r>
                        <a:rPr lang="en-US" sz="2400" dirty="0" smtClean="0"/>
                        <a:t>2025</a:t>
                      </a:r>
                      <a:endParaRPr lang="en-US" sz="2400" dirty="0"/>
                    </a:p>
                  </a:txBody>
                  <a:tcPr marL="45720" marR="45720"/>
                </a:tc>
                <a:tc>
                  <a:txBody>
                    <a:bodyPr/>
                    <a:lstStyle/>
                    <a:p>
                      <a:pPr algn="ctr"/>
                      <a:r>
                        <a:rPr lang="en-US" sz="2400" dirty="0" smtClean="0"/>
                        <a:t>2060</a:t>
                      </a:r>
                      <a:endParaRPr lang="en-US" sz="2400" dirty="0"/>
                    </a:p>
                  </a:txBody>
                  <a:tcPr marL="45720" marR="45720"/>
                </a:tc>
              </a:tr>
              <a:tr h="250534">
                <a:tc>
                  <a:txBody>
                    <a:bodyPr/>
                    <a:lstStyle/>
                    <a:p>
                      <a:r>
                        <a:rPr lang="en-US" sz="2400" dirty="0" smtClean="0"/>
                        <a:t>Salinity</a:t>
                      </a:r>
                      <a:r>
                        <a:rPr lang="en-US" sz="2400" baseline="0" dirty="0" smtClean="0"/>
                        <a:t> (TDS mg/L)</a:t>
                      </a:r>
                      <a:endParaRPr lang="en-US" sz="2400" dirty="0"/>
                    </a:p>
                  </a:txBody>
                  <a:tcPr marL="45720" marR="45720"/>
                </a:tc>
                <a:tc>
                  <a:txBody>
                    <a:bodyPr/>
                    <a:lstStyle/>
                    <a:p>
                      <a:pPr algn="ctr"/>
                      <a:r>
                        <a:rPr lang="en-US" sz="2400" dirty="0" smtClean="0"/>
                        <a:t>214</a:t>
                      </a:r>
                      <a:endParaRPr lang="en-US" sz="2400" dirty="0"/>
                    </a:p>
                  </a:txBody>
                  <a:tcPr marL="45720" marR="45720"/>
                </a:tc>
                <a:tc>
                  <a:txBody>
                    <a:bodyPr/>
                    <a:lstStyle/>
                    <a:p>
                      <a:pPr algn="ctr"/>
                      <a:r>
                        <a:rPr lang="en-US" sz="2400" dirty="0" smtClean="0"/>
                        <a:t>221</a:t>
                      </a:r>
                      <a:endParaRPr lang="en-US" sz="2400" dirty="0"/>
                    </a:p>
                  </a:txBody>
                  <a:tcPr marL="45720" marR="45720"/>
                </a:tc>
                <a:tc>
                  <a:txBody>
                    <a:bodyPr/>
                    <a:lstStyle/>
                    <a:p>
                      <a:pPr algn="ctr"/>
                      <a:r>
                        <a:rPr lang="en-US" sz="2400" dirty="0" smtClean="0"/>
                        <a:t>228</a:t>
                      </a:r>
                      <a:endParaRPr lang="en-US" sz="2400" dirty="0"/>
                    </a:p>
                  </a:txBody>
                  <a:tcPr marL="45720" marR="45720"/>
                </a:tc>
              </a:tr>
              <a:tr h="250534">
                <a:tc>
                  <a:txBody>
                    <a:bodyPr/>
                    <a:lstStyle/>
                    <a:p>
                      <a:r>
                        <a:rPr lang="en-US" sz="2400" dirty="0" smtClean="0"/>
                        <a:t>Bromide (mg/L)</a:t>
                      </a:r>
                      <a:endParaRPr lang="en-US" sz="2400" dirty="0"/>
                    </a:p>
                  </a:txBody>
                  <a:tcPr marL="45720" marR="45720"/>
                </a:tc>
                <a:tc>
                  <a:txBody>
                    <a:bodyPr/>
                    <a:lstStyle/>
                    <a:p>
                      <a:pPr algn="ctr"/>
                      <a:r>
                        <a:rPr lang="en-US" sz="2400" dirty="0" smtClean="0"/>
                        <a:t>0.21</a:t>
                      </a:r>
                      <a:endParaRPr lang="en-US" sz="2400" dirty="0"/>
                    </a:p>
                  </a:txBody>
                  <a:tcPr marL="45720" marR="45720"/>
                </a:tc>
                <a:tc>
                  <a:txBody>
                    <a:bodyPr/>
                    <a:lstStyle/>
                    <a:p>
                      <a:pPr algn="ctr"/>
                      <a:r>
                        <a:rPr lang="en-US" sz="2400" dirty="0" smtClean="0"/>
                        <a:t>0.22</a:t>
                      </a:r>
                      <a:endParaRPr lang="en-US" sz="2400" dirty="0"/>
                    </a:p>
                  </a:txBody>
                  <a:tcPr marL="45720" marR="45720"/>
                </a:tc>
                <a:tc>
                  <a:txBody>
                    <a:bodyPr/>
                    <a:lstStyle/>
                    <a:p>
                      <a:pPr algn="ctr"/>
                      <a:r>
                        <a:rPr lang="en-US" sz="2400" dirty="0" smtClean="0"/>
                        <a:t>0.22</a:t>
                      </a:r>
                      <a:endParaRPr lang="en-US" sz="2400" dirty="0"/>
                    </a:p>
                  </a:txBody>
                  <a:tcPr marL="45720" marR="45720"/>
                </a:tc>
              </a:tr>
            </a:tbl>
          </a:graphicData>
        </a:graphic>
      </p:graphicFrame>
      <p:sp>
        <p:nvSpPr>
          <p:cNvPr id="10" name="TextBox 9"/>
          <p:cNvSpPr txBox="1"/>
          <p:nvPr/>
        </p:nvSpPr>
        <p:spPr>
          <a:xfrm>
            <a:off x="107367" y="6293836"/>
            <a:ext cx="5245282" cy="523220"/>
          </a:xfrm>
          <a:prstGeom prst="rect">
            <a:avLst/>
          </a:prstGeom>
          <a:noFill/>
        </p:spPr>
        <p:txBody>
          <a:bodyPr wrap="none" rtlCol="0">
            <a:spAutoFit/>
          </a:bodyPr>
          <a:lstStyle/>
          <a:p>
            <a:r>
              <a:rPr lang="en-US" sz="1400" i="1" dirty="0" smtClean="0">
                <a:solidFill>
                  <a:srgbClr val="FFC000"/>
                </a:solidFill>
                <a:latin typeface="+mn-lt"/>
              </a:rPr>
              <a:t>Based on BDCP Draft EIR/S Alternative 4-H4</a:t>
            </a:r>
          </a:p>
          <a:p>
            <a:r>
              <a:rPr lang="en-US" sz="1400" i="1" dirty="0" smtClean="0">
                <a:solidFill>
                  <a:srgbClr val="FFC000"/>
                </a:solidFill>
                <a:latin typeface="+mn-lt"/>
              </a:rPr>
              <a:t>Analysis conducted in 2013 by CH2M for Metropolitan Water District.</a:t>
            </a:r>
            <a:endParaRPr lang="en-US" sz="1400" i="1" dirty="0">
              <a:solidFill>
                <a:srgbClr val="FFC000"/>
              </a:solidFill>
              <a:latin typeface="+mn-lt"/>
            </a:endParaRPr>
          </a:p>
        </p:txBody>
      </p:sp>
    </p:spTree>
    <p:extLst>
      <p:ext uri="{BB962C8B-B14F-4D97-AF65-F5344CB8AC3E}">
        <p14:creationId xmlns:p14="http://schemas.microsoft.com/office/powerpoint/2010/main" val="2214518685"/>
      </p:ext>
    </p:extLst>
  </p:cSld>
  <p:clrMapOvr>
    <a:masterClrMapping/>
  </p:clrMapOvr>
  <p:transition spd="slow">
    <p:fade/>
  </p:transition>
  <p:timing>
    <p:tnLst>
      <p:par>
        <p:cTn id="1" dur="indefinite" restart="never" nodeType="tmRoot"/>
      </p:par>
    </p:tnLst>
  </p:timing>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7" name="Picture 36"/>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Content Placeholder 6"/>
          <p:cNvGraphicFramePr>
            <a:graphicFrameLocks noGrp="1"/>
          </p:cNvGraphicFramePr>
          <p:nvPr>
            <p:ph idx="1"/>
            <p:extLst>
              <p:ext uri="{D42A27DB-BD31-4B8C-83A1-F6EECF244321}">
                <p14:modId xmlns:p14="http://schemas.microsoft.com/office/powerpoint/2010/main" val="375831096"/>
              </p:ext>
            </p:extLst>
          </p:nvPr>
        </p:nvGraphicFramePr>
        <p:xfrm>
          <a:off x="657079" y="1981200"/>
          <a:ext cx="7829843" cy="4493455"/>
        </p:xfrm>
        <a:graphic>
          <a:graphicData uri="http://schemas.openxmlformats.org/drawingml/2006/chart">
            <c:chart xmlns:c="http://schemas.openxmlformats.org/drawingml/2006/chart" xmlns:r="http://schemas.openxmlformats.org/officeDocument/2006/relationships" r:id="rId4"/>
          </a:graphicData>
        </a:graphic>
      </p:graphicFrame>
      <p:sp>
        <p:nvSpPr>
          <p:cNvPr id="6" name="Title 5"/>
          <p:cNvSpPr txBox="1">
            <a:spLocks/>
          </p:cNvSpPr>
          <p:nvPr/>
        </p:nvSpPr>
        <p:spPr bwMode="ltGray">
          <a:xfrm>
            <a:off x="228600" y="353604"/>
            <a:ext cx="8534400" cy="1052596"/>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r>
              <a:rPr lang="en-US" dirty="0"/>
              <a:t>Climate </a:t>
            </a:r>
            <a:r>
              <a:rPr lang="en-US" dirty="0" smtClean="0"/>
              <a:t>Change Analysis</a:t>
            </a:r>
            <a:endParaRPr lang="en-US" dirty="0"/>
          </a:p>
          <a:p>
            <a:r>
              <a:rPr lang="en-US" sz="3200" dirty="0">
                <a:solidFill>
                  <a:schemeClr val="tx1"/>
                </a:solidFill>
              </a:rPr>
              <a:t>Potential Impacts of Sea-Level Rise on SWP/CVP Exports</a:t>
            </a:r>
          </a:p>
        </p:txBody>
      </p:sp>
      <p:sp>
        <p:nvSpPr>
          <p:cNvPr id="8" name="Rounded Rectangle 7"/>
          <p:cNvSpPr/>
          <p:nvPr/>
        </p:nvSpPr>
        <p:spPr bwMode="gray">
          <a:xfrm>
            <a:off x="114822" y="6400800"/>
            <a:ext cx="8229600" cy="365760"/>
          </a:xfrm>
          <a:prstGeom prst="roundRect">
            <a:avLst/>
          </a:prstGeom>
          <a:noFill/>
          <a:ln>
            <a:noFill/>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vert="horz" wrap="square" lIns="27432" tIns="45718" rIns="27432" bIns="45718" numCol="1" rtlCol="0" anchor="ctr" anchorCtr="0" compatLnSpc="1">
            <a:prstTxWarp prst="textNoShape">
              <a:avLst/>
            </a:prstTxWarp>
          </a:bodyPr>
          <a:lstStyle/>
          <a:p>
            <a:pPr defTabSz="914099"/>
            <a:r>
              <a:rPr lang="en-US" sz="1400" i="1" kern="0" dirty="0" smtClean="0">
                <a:solidFill>
                  <a:srgbClr val="FFFFFF"/>
                </a:solidFill>
                <a:effectLst>
                  <a:outerShdw blurRad="38100" dist="38100" dir="2700000" algn="tl">
                    <a:srgbClr val="000000">
                      <a:alpha val="43137"/>
                    </a:srgbClr>
                  </a:outerShdw>
                </a:effectLst>
              </a:rPr>
              <a:t>Information from DWR CALSim model; MWD share ~ 25%; 2060 operations are preliminary estimates</a:t>
            </a:r>
          </a:p>
          <a:p>
            <a:pPr defTabSz="914099"/>
            <a:r>
              <a:rPr lang="en-US" sz="1400" i="1" kern="0" dirty="0" smtClean="0">
                <a:solidFill>
                  <a:srgbClr val="FFFFFF"/>
                </a:solidFill>
                <a:effectLst>
                  <a:outerShdw blurRad="38100" dist="38100" dir="2700000" algn="tl">
                    <a:srgbClr val="000000">
                      <a:alpha val="43137"/>
                    </a:srgbClr>
                  </a:outerShdw>
                </a:effectLst>
              </a:rPr>
              <a:t>The “without” Cal Water Fix assumes no reduction in future supplies due to potential additional eco-restrictions</a:t>
            </a:r>
          </a:p>
        </p:txBody>
      </p:sp>
      <p:grpSp>
        <p:nvGrpSpPr>
          <p:cNvPr id="2" name="Group 1"/>
          <p:cNvGrpSpPr/>
          <p:nvPr/>
        </p:nvGrpSpPr>
        <p:grpSpPr>
          <a:xfrm>
            <a:off x="4384344" y="3443196"/>
            <a:ext cx="2723278" cy="1905000"/>
            <a:chOff x="4384344" y="3581400"/>
            <a:chExt cx="2723278" cy="1905000"/>
          </a:xfrm>
        </p:grpSpPr>
        <p:sp>
          <p:nvSpPr>
            <p:cNvPr id="11" name="Title 5"/>
            <p:cNvSpPr txBox="1">
              <a:spLocks/>
            </p:cNvSpPr>
            <p:nvPr/>
          </p:nvSpPr>
          <p:spPr bwMode="ltGray">
            <a:xfrm rot="16200000">
              <a:off x="3747155" y="4218589"/>
              <a:ext cx="1905000" cy="630622"/>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pPr algn="ctr">
                <a:lnSpc>
                  <a:spcPct val="85000"/>
                </a:lnSpc>
              </a:pPr>
              <a:r>
                <a:rPr lang="en-US" sz="2400" dirty="0" smtClean="0">
                  <a:solidFill>
                    <a:schemeClr val="tx1"/>
                  </a:solidFill>
                </a:rPr>
                <a:t>Without</a:t>
              </a:r>
            </a:p>
            <a:p>
              <a:pPr algn="ctr">
                <a:lnSpc>
                  <a:spcPct val="85000"/>
                </a:lnSpc>
              </a:pPr>
              <a:r>
                <a:rPr lang="en-US" sz="2400" dirty="0" smtClean="0">
                  <a:solidFill>
                    <a:schemeClr val="tx1"/>
                  </a:solidFill>
                </a:rPr>
                <a:t>Cal Water Fix</a:t>
              </a:r>
              <a:endParaRPr lang="en-US" sz="2400" dirty="0">
                <a:solidFill>
                  <a:schemeClr val="tx1"/>
                </a:solidFill>
              </a:endParaRPr>
            </a:p>
          </p:txBody>
        </p:sp>
        <p:sp>
          <p:nvSpPr>
            <p:cNvPr id="13" name="Title 5"/>
            <p:cNvSpPr txBox="1">
              <a:spLocks/>
            </p:cNvSpPr>
            <p:nvPr/>
          </p:nvSpPr>
          <p:spPr bwMode="ltGray">
            <a:xfrm rot="16200000">
              <a:off x="5839811" y="4218589"/>
              <a:ext cx="1905000" cy="630622"/>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pPr algn="ctr">
                <a:lnSpc>
                  <a:spcPct val="85000"/>
                </a:lnSpc>
              </a:pPr>
              <a:r>
                <a:rPr lang="en-US" sz="2400" dirty="0" smtClean="0">
                  <a:solidFill>
                    <a:schemeClr val="tx1"/>
                  </a:solidFill>
                </a:rPr>
                <a:t>Without</a:t>
              </a:r>
            </a:p>
            <a:p>
              <a:pPr algn="ctr">
                <a:lnSpc>
                  <a:spcPct val="85000"/>
                </a:lnSpc>
              </a:pPr>
              <a:r>
                <a:rPr lang="en-US" sz="2400" dirty="0" smtClean="0">
                  <a:solidFill>
                    <a:schemeClr val="tx1"/>
                  </a:solidFill>
                </a:rPr>
                <a:t>Cal Water Fix</a:t>
              </a:r>
              <a:endParaRPr lang="en-US" sz="2400" dirty="0">
                <a:solidFill>
                  <a:schemeClr val="tx1"/>
                </a:solidFill>
              </a:endParaRPr>
            </a:p>
          </p:txBody>
        </p:sp>
      </p:grpSp>
      <p:grpSp>
        <p:nvGrpSpPr>
          <p:cNvPr id="3" name="Group 2"/>
          <p:cNvGrpSpPr/>
          <p:nvPr/>
        </p:nvGrpSpPr>
        <p:grpSpPr>
          <a:xfrm>
            <a:off x="5115084" y="3443196"/>
            <a:ext cx="2754538" cy="1905000"/>
            <a:chOff x="5115084" y="3581400"/>
            <a:chExt cx="2754538" cy="1905000"/>
          </a:xfrm>
        </p:grpSpPr>
        <p:sp>
          <p:nvSpPr>
            <p:cNvPr id="12" name="Title 5"/>
            <p:cNvSpPr txBox="1">
              <a:spLocks/>
            </p:cNvSpPr>
            <p:nvPr/>
          </p:nvSpPr>
          <p:spPr bwMode="ltGray">
            <a:xfrm rot="16200000">
              <a:off x="4477895" y="4218589"/>
              <a:ext cx="1905000" cy="630622"/>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pPr algn="ctr">
                <a:lnSpc>
                  <a:spcPct val="85000"/>
                </a:lnSpc>
              </a:pPr>
              <a:r>
                <a:rPr lang="en-US" sz="2400" dirty="0" smtClean="0">
                  <a:solidFill>
                    <a:schemeClr val="tx1"/>
                  </a:solidFill>
                </a:rPr>
                <a:t>With</a:t>
              </a:r>
            </a:p>
            <a:p>
              <a:pPr algn="ctr">
                <a:lnSpc>
                  <a:spcPct val="85000"/>
                </a:lnSpc>
              </a:pPr>
              <a:r>
                <a:rPr lang="en-US" sz="2400" dirty="0" smtClean="0">
                  <a:solidFill>
                    <a:schemeClr val="tx1"/>
                  </a:solidFill>
                </a:rPr>
                <a:t>Cal Water Fix</a:t>
              </a:r>
              <a:endParaRPr lang="en-US" sz="2400" dirty="0">
                <a:solidFill>
                  <a:schemeClr val="tx1"/>
                </a:solidFill>
              </a:endParaRPr>
            </a:p>
          </p:txBody>
        </p:sp>
        <p:sp>
          <p:nvSpPr>
            <p:cNvPr id="14" name="Title 5"/>
            <p:cNvSpPr txBox="1">
              <a:spLocks/>
            </p:cNvSpPr>
            <p:nvPr/>
          </p:nvSpPr>
          <p:spPr bwMode="ltGray">
            <a:xfrm rot="16200000">
              <a:off x="6601811" y="4218589"/>
              <a:ext cx="1905000" cy="630622"/>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pPr algn="ctr">
                <a:lnSpc>
                  <a:spcPct val="85000"/>
                </a:lnSpc>
              </a:pPr>
              <a:r>
                <a:rPr lang="en-US" sz="2400" dirty="0" smtClean="0">
                  <a:solidFill>
                    <a:schemeClr val="tx1"/>
                  </a:solidFill>
                </a:rPr>
                <a:t>With</a:t>
              </a:r>
            </a:p>
            <a:p>
              <a:pPr algn="ctr">
                <a:lnSpc>
                  <a:spcPct val="85000"/>
                </a:lnSpc>
              </a:pPr>
              <a:r>
                <a:rPr lang="en-US" sz="2400" dirty="0" smtClean="0">
                  <a:solidFill>
                    <a:schemeClr val="tx1"/>
                  </a:solidFill>
                </a:rPr>
                <a:t>Cal Water Fix</a:t>
              </a:r>
              <a:endParaRPr lang="en-US" sz="2400" dirty="0">
                <a:solidFill>
                  <a:schemeClr val="tx1"/>
                </a:solidFill>
              </a:endParaRPr>
            </a:p>
          </p:txBody>
        </p:sp>
      </p:grpSp>
      <p:sp>
        <p:nvSpPr>
          <p:cNvPr id="15" name="Title 5"/>
          <p:cNvSpPr txBox="1">
            <a:spLocks/>
          </p:cNvSpPr>
          <p:nvPr/>
        </p:nvSpPr>
        <p:spPr bwMode="ltGray">
          <a:xfrm rot="16200000">
            <a:off x="1725011" y="4214604"/>
            <a:ext cx="1905000" cy="316690"/>
          </a:xfrm>
          <a:prstGeom prst="rect">
            <a:avLst/>
          </a:prstGeom>
        </p:spPr>
        <p:txBody>
          <a:bodyPr vert="horz" wrap="square" lIns="0" tIns="0" rIns="0" bIns="0" rtlCol="0" anchor="t">
            <a:spAutoFit/>
          </a:bodyPr>
          <a:lstStyle>
            <a:lvl1pPr algn="r" defTabSz="914363" eaLnBrk="0" hangingPunct="0">
              <a:lnSpc>
                <a:spcPct val="90000"/>
              </a:lnSpc>
              <a:def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n-lt"/>
                <a:cs typeface="Arial" charset="0"/>
              </a:defRPr>
            </a:lvl1pPr>
            <a:lvl2pPr defTabSz="912813" eaLnBrk="0" hangingPunct="0">
              <a:lnSpc>
                <a:spcPct val="90000"/>
              </a:lnSpc>
              <a:defRPr sz="4400" b="1">
                <a:latin typeface="Calibri" pitchFamily="34" charset="0"/>
                <a:cs typeface="Arial" charset="0"/>
              </a:defRPr>
            </a:lvl2pPr>
            <a:lvl3pPr defTabSz="912813" eaLnBrk="0" hangingPunct="0">
              <a:lnSpc>
                <a:spcPct val="90000"/>
              </a:lnSpc>
              <a:defRPr sz="4400" b="1">
                <a:latin typeface="Calibri" pitchFamily="34" charset="0"/>
                <a:cs typeface="Arial" charset="0"/>
              </a:defRPr>
            </a:lvl3pPr>
            <a:lvl4pPr defTabSz="912813" eaLnBrk="0" hangingPunct="0">
              <a:lnSpc>
                <a:spcPct val="90000"/>
              </a:lnSpc>
              <a:defRPr sz="4400" b="1">
                <a:latin typeface="Calibri" pitchFamily="34" charset="0"/>
                <a:cs typeface="Arial" charset="0"/>
              </a:defRPr>
            </a:lvl4pPr>
            <a:lvl5pPr defTabSz="912813" eaLnBrk="0" hangingPunct="0">
              <a:lnSpc>
                <a:spcPct val="90000"/>
              </a:lnSpc>
              <a:defRPr sz="4400" b="1">
                <a:latin typeface="Calibri" pitchFamily="34" charset="0"/>
                <a:cs typeface="Arial" charset="0"/>
              </a:defRPr>
            </a:lvl5pPr>
            <a:lvl6pPr marL="457200" defTabSz="912813" fontAlgn="base">
              <a:lnSpc>
                <a:spcPct val="90000"/>
              </a:lnSpc>
              <a:spcBef>
                <a:spcPct val="0"/>
              </a:spcBef>
              <a:spcAft>
                <a:spcPct val="0"/>
              </a:spcAft>
              <a:defRPr sz="4800">
                <a:latin typeface="Calibri" pitchFamily="34" charset="0"/>
                <a:cs typeface="Arial" charset="0"/>
              </a:defRPr>
            </a:lvl6pPr>
            <a:lvl7pPr marL="914400" defTabSz="912813" fontAlgn="base">
              <a:lnSpc>
                <a:spcPct val="90000"/>
              </a:lnSpc>
              <a:spcBef>
                <a:spcPct val="0"/>
              </a:spcBef>
              <a:spcAft>
                <a:spcPct val="0"/>
              </a:spcAft>
              <a:defRPr sz="4800">
                <a:latin typeface="Calibri" pitchFamily="34" charset="0"/>
                <a:cs typeface="Arial" charset="0"/>
              </a:defRPr>
            </a:lvl7pPr>
            <a:lvl8pPr marL="1371600" defTabSz="912813" fontAlgn="base">
              <a:lnSpc>
                <a:spcPct val="90000"/>
              </a:lnSpc>
              <a:spcBef>
                <a:spcPct val="0"/>
              </a:spcBef>
              <a:spcAft>
                <a:spcPct val="0"/>
              </a:spcAft>
              <a:defRPr sz="4800">
                <a:latin typeface="Calibri" pitchFamily="34" charset="0"/>
                <a:cs typeface="Arial" charset="0"/>
              </a:defRPr>
            </a:lvl8pPr>
            <a:lvl9pPr marL="1828800" defTabSz="912813" fontAlgn="base">
              <a:lnSpc>
                <a:spcPct val="90000"/>
              </a:lnSpc>
              <a:spcBef>
                <a:spcPct val="0"/>
              </a:spcBef>
              <a:spcAft>
                <a:spcPct val="0"/>
              </a:spcAft>
              <a:defRPr sz="4800">
                <a:latin typeface="Calibri" pitchFamily="34" charset="0"/>
                <a:cs typeface="Arial" charset="0"/>
              </a:defRPr>
            </a:lvl9pPr>
          </a:lstStyle>
          <a:p>
            <a:pPr algn="ctr">
              <a:lnSpc>
                <a:spcPct val="85000"/>
              </a:lnSpc>
            </a:pPr>
            <a:r>
              <a:rPr lang="en-US" sz="2400" dirty="0" smtClean="0">
                <a:solidFill>
                  <a:schemeClr val="tx1"/>
                </a:solidFill>
              </a:rPr>
              <a:t>Existing</a:t>
            </a:r>
            <a:endParaRPr lang="en-US" sz="2400" dirty="0">
              <a:solidFill>
                <a:schemeClr val="tx1"/>
              </a:solidFill>
            </a:endParaRPr>
          </a:p>
        </p:txBody>
      </p:sp>
    </p:spTree>
    <p:extLst>
      <p:ext uri="{BB962C8B-B14F-4D97-AF65-F5344CB8AC3E}">
        <p14:creationId xmlns:p14="http://schemas.microsoft.com/office/powerpoint/2010/main" val="41745655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Conveyance Alternatives </a:t>
            </a:r>
            <a:br>
              <a:rPr lang="en-US" dirty="0" smtClean="0"/>
            </a:br>
            <a:r>
              <a:rPr lang="en-US" dirty="0" smtClean="0"/>
              <a:t>Analyzed</a:t>
            </a:r>
            <a:endParaRPr lang="en-US" dirty="0"/>
          </a:p>
        </p:txBody>
      </p:sp>
    </p:spTree>
    <p:extLst>
      <p:ext uri="{BB962C8B-B14F-4D97-AF65-F5344CB8AC3E}">
        <p14:creationId xmlns:p14="http://schemas.microsoft.com/office/powerpoint/2010/main" val="4186493933"/>
      </p:ext>
    </p:extLst>
  </p:cSld>
  <p:clrMapOvr>
    <a:masterClrMapping/>
  </p:clrMapOvr>
  <p:transition spd="slow">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533400" y="381000"/>
            <a:ext cx="8229600" cy="1107996"/>
          </a:xfrm>
        </p:spPr>
        <p:txBody>
          <a:bodyPr/>
          <a:lstStyle/>
          <a:p>
            <a:r>
              <a:rPr lang="en-US" dirty="0"/>
              <a:t>State &amp; Federal Project Supplies</a:t>
            </a:r>
            <a:br>
              <a:rPr lang="en-US" dirty="0"/>
            </a:br>
            <a:r>
              <a:rPr lang="en-US" sz="3600" dirty="0">
                <a:solidFill>
                  <a:schemeClr val="tx1"/>
                </a:solidFill>
              </a:rPr>
              <a:t>Annual Average (in 2025) </a:t>
            </a:r>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1572250733"/>
              </p:ext>
            </p:extLst>
          </p:nvPr>
        </p:nvGraphicFramePr>
        <p:xfrm>
          <a:off x="0" y="1782763"/>
          <a:ext cx="8839200" cy="4694237"/>
        </p:xfrm>
        <a:graphic>
          <a:graphicData uri="http://schemas.openxmlformats.org/drawingml/2006/chart">
            <c:chart xmlns:c="http://schemas.openxmlformats.org/drawingml/2006/chart" xmlns:r="http://schemas.openxmlformats.org/officeDocument/2006/relationships" r:id="rId4"/>
          </a:graphicData>
        </a:graphic>
      </p:graphicFrame>
      <p:grpSp>
        <p:nvGrpSpPr>
          <p:cNvPr id="12" name="Group 8"/>
          <p:cNvGrpSpPr/>
          <p:nvPr/>
        </p:nvGrpSpPr>
        <p:grpSpPr>
          <a:xfrm>
            <a:off x="7254920" y="2621754"/>
            <a:ext cx="1143000" cy="252032"/>
            <a:chOff x="6368142" y="4646955"/>
            <a:chExt cx="936380" cy="435081"/>
          </a:xfrm>
        </p:grpSpPr>
        <p:sp>
          <p:nvSpPr>
            <p:cNvPr id="13" name="Rectangle 12"/>
            <p:cNvSpPr/>
            <p:nvPr/>
          </p:nvSpPr>
          <p:spPr bwMode="auto">
            <a:xfrm>
              <a:off x="6413864" y="4646955"/>
              <a:ext cx="855772" cy="435081"/>
            </a:xfrm>
            <a:prstGeom prst="rect">
              <a:avLst/>
            </a:prstGeom>
            <a:gradFill flip="none" rotWithShape="1">
              <a:gsLst>
                <a:gs pos="0">
                  <a:srgbClr val="002148"/>
                </a:gs>
                <a:gs pos="13000">
                  <a:srgbClr val="558BB8"/>
                </a:gs>
                <a:gs pos="28000">
                  <a:srgbClr val="002148"/>
                </a:gs>
                <a:gs pos="42999">
                  <a:srgbClr val="558BB8"/>
                </a:gs>
                <a:gs pos="58000">
                  <a:srgbClr val="002148"/>
                </a:gs>
                <a:gs pos="72000">
                  <a:srgbClr val="558BB8"/>
                </a:gs>
                <a:gs pos="87000">
                  <a:srgbClr val="002148"/>
                </a:gs>
                <a:gs pos="100000">
                  <a:srgbClr val="558BB8"/>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
          <p:nvSpPr>
            <p:cNvPr id="14" name="TextBox 13"/>
            <p:cNvSpPr txBox="1"/>
            <p:nvPr/>
          </p:nvSpPr>
          <p:spPr>
            <a:xfrm>
              <a:off x="6368142" y="4769342"/>
              <a:ext cx="936380" cy="312693"/>
            </a:xfrm>
            <a:prstGeom prst="rect">
              <a:avLst/>
            </a:prstGeom>
            <a:noFill/>
            <a:scene3d>
              <a:camera prst="orthographicFront"/>
              <a:lightRig rig="threePt" dir="t"/>
            </a:scene3d>
            <a:sp3d>
              <a:bevelT w="101600" h="101600"/>
            </a:sp3d>
          </p:spPr>
          <p:txBody>
            <a:bodyPr wrap="square" rtlCol="0">
              <a:spAutoFit/>
            </a:bodyPr>
            <a:lstStyle/>
            <a:p>
              <a:pPr algn="ctr"/>
              <a:r>
                <a:rPr lang="en-US" sz="1600" dirty="0" smtClean="0">
                  <a:solidFill>
                    <a:prstClr val="white"/>
                  </a:solidFill>
                </a:rPr>
                <a:t> </a:t>
              </a:r>
              <a:endParaRPr lang="en-US" sz="1600" dirty="0">
                <a:solidFill>
                  <a:prstClr val="white"/>
                </a:solidFill>
              </a:endParaRPr>
            </a:p>
          </p:txBody>
        </p:sp>
      </p:grpSp>
      <p:sp>
        <p:nvSpPr>
          <p:cNvPr id="30" name="TextBox 29"/>
          <p:cNvSpPr txBox="1"/>
          <p:nvPr/>
        </p:nvSpPr>
        <p:spPr>
          <a:xfrm>
            <a:off x="76200" y="6012359"/>
            <a:ext cx="8995903" cy="811761"/>
          </a:xfrm>
          <a:prstGeom prst="rect">
            <a:avLst/>
          </a:prstGeom>
          <a:noFill/>
        </p:spPr>
        <p:txBody>
          <a:bodyPr wrap="square" rtlCol="0">
            <a:spAutoFit/>
          </a:bodyPr>
          <a:lstStyle/>
          <a:p>
            <a:pPr>
              <a:lnSpc>
                <a:spcPct val="85000"/>
              </a:lnSpc>
            </a:pP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Data b</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ased on hydrological period (1922-2003); indicates average annual SWP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amp; CVP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water supply exports with climate change in 2025</a:t>
            </a:r>
          </a:p>
          <a:p>
            <a:pPr marL="171450" indent="-171450">
              <a:lnSpc>
                <a:spcPct val="85000"/>
              </a:lnSpc>
              <a:buFont typeface="Arial" panose="020B0604020202020204" pitchFamily="34" charset="0"/>
              <a:buChar char="•"/>
            </a:pP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4.7 maf/yr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Existing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Regulations (No Action Alternative) represents no new conveyance and no new/additional restrictions </a:t>
            </a:r>
          </a:p>
          <a:p>
            <a:pPr marL="171450" indent="-171450">
              <a:lnSpc>
                <a:spcPct val="85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3.5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maf/yr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BDCP Proposed Regulations without Northern Intake (Existing Conditions High Outflow Scenario); BDCP Chapter 9 </a:t>
            </a:r>
          </a:p>
          <a:p>
            <a:pPr marL="171450" indent="-171450">
              <a:lnSpc>
                <a:spcPct val="85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1.5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maf/yr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Earthquake scenario BDCP Chapter 9; analyzed by Dr. David Sunding; minimal exports 1.5 to 3 years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after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earthquake</a:t>
            </a:r>
          </a:p>
          <a:p>
            <a:pPr marL="171450" indent="-171450">
              <a:lnSpc>
                <a:spcPct val="85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4.7 – 5.3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maf/yr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NEW BDCP / Cal Water Fix Preferred Alternative (evaluated in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Draft </a:t>
            </a:r>
            <a:r>
              <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EIR/S as Alternative 4A </a:t>
            </a:r>
            <a:r>
              <a:rPr lang="en-US" sz="11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H3-H4)</a:t>
            </a:r>
            <a:endParaRPr lang="en-US" sz="1100" i="1" kern="0" dirty="0">
              <a:ln w="3175">
                <a:noFill/>
              </a:ln>
              <a:solidFill>
                <a:srgbClr val="FFC000"/>
              </a:solidFill>
              <a:effectLst>
                <a:outerShdw blurRad="50800" dist="38100" dir="2700000" algn="tl" rotWithShape="0">
                  <a:prstClr val="black">
                    <a:alpha val="40000"/>
                  </a:prstClr>
                </a:outerShdw>
              </a:effectLst>
              <a:latin typeface="Calibri"/>
              <a:cs typeface="Arial" charset="0"/>
            </a:endParaRPr>
          </a:p>
        </p:txBody>
      </p:sp>
    </p:spTree>
    <p:extLst>
      <p:ext uri="{BB962C8B-B14F-4D97-AF65-F5344CB8AC3E}">
        <p14:creationId xmlns:p14="http://schemas.microsoft.com/office/powerpoint/2010/main" val="3610314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4400" b="1" dirty="0" smtClean="0"/>
              <a:t>CALFED Alternatives</a:t>
            </a:r>
            <a:endParaRPr lang="en-US" sz="4400" b="1" dirty="0"/>
          </a:p>
        </p:txBody>
      </p:sp>
      <p:sp>
        <p:nvSpPr>
          <p:cNvPr id="5" name="Content Placeholder 4"/>
          <p:cNvSpPr>
            <a:spLocks noGrp="1"/>
          </p:cNvSpPr>
          <p:nvPr>
            <p:ph sz="half" idx="4294967295"/>
          </p:nvPr>
        </p:nvSpPr>
        <p:spPr>
          <a:xfrm>
            <a:off x="152400" y="1981200"/>
            <a:ext cx="4114800" cy="4308872"/>
          </a:xfrm>
          <a:prstGeom prst="rect">
            <a:avLst/>
          </a:prstGeom>
        </p:spPr>
        <p:txBody>
          <a:bodyPr/>
          <a:lstStyle/>
          <a:p>
            <a:pPr>
              <a:lnSpc>
                <a:spcPct val="80000"/>
              </a:lnSpc>
              <a:spcBef>
                <a:spcPts val="0"/>
              </a:spcBef>
              <a:spcAft>
                <a:spcPts val="600"/>
              </a:spcAft>
            </a:pPr>
            <a:r>
              <a:rPr lang="en-US" sz="2000" kern="0" dirty="0" smtClean="0"/>
              <a:t>Transfer Supplies for the Drought  Water Bank</a:t>
            </a:r>
          </a:p>
          <a:p>
            <a:pPr>
              <a:lnSpc>
                <a:spcPct val="80000"/>
              </a:lnSpc>
              <a:spcBef>
                <a:spcPts val="0"/>
              </a:spcBef>
              <a:spcAft>
                <a:spcPts val="600"/>
              </a:spcAft>
            </a:pPr>
            <a:r>
              <a:rPr lang="en-US" sz="2000" kern="0" dirty="0" smtClean="0"/>
              <a:t>Yolo Bypass Conveyance Facility</a:t>
            </a:r>
          </a:p>
          <a:p>
            <a:pPr>
              <a:lnSpc>
                <a:spcPct val="80000"/>
              </a:lnSpc>
              <a:spcBef>
                <a:spcPts val="0"/>
              </a:spcBef>
              <a:spcAft>
                <a:spcPts val="600"/>
              </a:spcAft>
            </a:pPr>
            <a:r>
              <a:rPr lang="en-US" sz="2000" kern="0" dirty="0" smtClean="0"/>
              <a:t>Habitat Restoration</a:t>
            </a:r>
          </a:p>
          <a:p>
            <a:pPr>
              <a:lnSpc>
                <a:spcPct val="80000"/>
              </a:lnSpc>
              <a:spcBef>
                <a:spcPts val="0"/>
              </a:spcBef>
              <a:spcAft>
                <a:spcPts val="600"/>
              </a:spcAft>
            </a:pPr>
            <a:r>
              <a:rPr lang="en-US" sz="2000" kern="0" dirty="0" smtClean="0"/>
              <a:t>Habitat Restoration w/ Dedicated   Enviro Water</a:t>
            </a:r>
          </a:p>
          <a:p>
            <a:pPr>
              <a:lnSpc>
                <a:spcPct val="80000"/>
              </a:lnSpc>
              <a:spcBef>
                <a:spcPts val="0"/>
              </a:spcBef>
              <a:spcAft>
                <a:spcPts val="600"/>
              </a:spcAft>
            </a:pPr>
            <a:r>
              <a:rPr lang="en-US" sz="2000" kern="0" dirty="0" smtClean="0"/>
              <a:t>Extensive Habitat Restoration w/  New Storage</a:t>
            </a:r>
          </a:p>
          <a:p>
            <a:pPr>
              <a:lnSpc>
                <a:spcPct val="80000"/>
              </a:lnSpc>
              <a:spcBef>
                <a:spcPts val="0"/>
              </a:spcBef>
              <a:spcAft>
                <a:spcPts val="600"/>
              </a:spcAft>
            </a:pPr>
            <a:r>
              <a:rPr lang="en-US" sz="2000" kern="0" dirty="0" smtClean="0"/>
              <a:t>Water Management w/   Environmental Storage</a:t>
            </a:r>
          </a:p>
          <a:p>
            <a:pPr>
              <a:lnSpc>
                <a:spcPct val="80000"/>
              </a:lnSpc>
              <a:spcBef>
                <a:spcPts val="0"/>
              </a:spcBef>
              <a:spcAft>
                <a:spcPts val="600"/>
              </a:spcAft>
            </a:pPr>
            <a:r>
              <a:rPr lang="en-US" sz="2000" kern="0" dirty="0" smtClean="0"/>
              <a:t>Chain of Lakes Isolated Facility</a:t>
            </a:r>
          </a:p>
          <a:p>
            <a:pPr>
              <a:lnSpc>
                <a:spcPct val="80000"/>
              </a:lnSpc>
              <a:spcBef>
                <a:spcPts val="0"/>
              </a:spcBef>
              <a:spcAft>
                <a:spcPts val="600"/>
              </a:spcAft>
            </a:pPr>
            <a:r>
              <a:rPr lang="en-US" sz="2000" kern="0" dirty="0" smtClean="0"/>
              <a:t>Additional Export Capacity w/ South  of Delta Storage</a:t>
            </a:r>
            <a:endParaRPr lang="en-US" sz="2000" kern="0" dirty="0"/>
          </a:p>
          <a:p>
            <a:pPr>
              <a:lnSpc>
                <a:spcPct val="80000"/>
              </a:lnSpc>
              <a:spcBef>
                <a:spcPts val="0"/>
              </a:spcBef>
              <a:spcAft>
                <a:spcPts val="600"/>
              </a:spcAft>
            </a:pPr>
            <a:r>
              <a:rPr lang="en-US" sz="2000" kern="0" dirty="0" smtClean="0"/>
              <a:t>Delta Island Protection and Small  Isolated Facility</a:t>
            </a:r>
            <a:endParaRPr lang="en-US" kern="0" dirty="0"/>
          </a:p>
        </p:txBody>
      </p:sp>
      <p:sp>
        <p:nvSpPr>
          <p:cNvPr id="6" name="Content Placeholder 5"/>
          <p:cNvSpPr>
            <a:spLocks noGrp="1"/>
          </p:cNvSpPr>
          <p:nvPr>
            <p:ph sz="half" idx="4294967295"/>
          </p:nvPr>
        </p:nvSpPr>
        <p:spPr>
          <a:xfrm>
            <a:off x="4648200" y="1981200"/>
            <a:ext cx="4267200" cy="4638193"/>
          </a:xfrm>
          <a:prstGeom prst="rect">
            <a:avLst/>
          </a:prstGeom>
        </p:spPr>
        <p:txBody>
          <a:bodyPr/>
          <a:lstStyle/>
          <a:p>
            <a:pPr marL="339976" indent="-339976">
              <a:lnSpc>
                <a:spcPct val="80000"/>
              </a:lnSpc>
              <a:spcBef>
                <a:spcPts val="0"/>
              </a:spcBef>
              <a:spcAft>
                <a:spcPts val="600"/>
              </a:spcAft>
            </a:pPr>
            <a:r>
              <a:rPr lang="en-US" sz="2000" kern="0" dirty="0"/>
              <a:t>Improved </a:t>
            </a:r>
            <a:r>
              <a:rPr lang="en-US" sz="2000" kern="0" dirty="0" smtClean="0"/>
              <a:t>Thru-Delta  Conveyance </a:t>
            </a:r>
            <a:r>
              <a:rPr lang="en-US" sz="2000" kern="0" dirty="0"/>
              <a:t>w/ Screened Diversion at Hood</a:t>
            </a:r>
          </a:p>
          <a:p>
            <a:pPr marL="339976" indent="-339976">
              <a:lnSpc>
                <a:spcPct val="80000"/>
              </a:lnSpc>
              <a:spcBef>
                <a:spcPts val="0"/>
              </a:spcBef>
              <a:spcAft>
                <a:spcPts val="600"/>
              </a:spcAft>
            </a:pPr>
            <a:r>
              <a:rPr lang="en-US" sz="2000" dirty="0" smtClean="0"/>
              <a:t>Dual Transfer Facility</a:t>
            </a:r>
            <a:endParaRPr lang="en-US" sz="2000" dirty="0"/>
          </a:p>
          <a:p>
            <a:pPr marL="339976" indent="-339976">
              <a:lnSpc>
                <a:spcPct val="80000"/>
              </a:lnSpc>
              <a:spcBef>
                <a:spcPts val="0"/>
              </a:spcBef>
              <a:spcAft>
                <a:spcPts val="600"/>
              </a:spcAft>
            </a:pPr>
            <a:r>
              <a:rPr lang="en-US" sz="2000" dirty="0" smtClean="0"/>
              <a:t>East-Side Foothill Large Conveyance Facility</a:t>
            </a:r>
            <a:endParaRPr lang="en-US" sz="2000" dirty="0"/>
          </a:p>
          <a:p>
            <a:pPr marL="339976" indent="-339976">
              <a:lnSpc>
                <a:spcPct val="80000"/>
              </a:lnSpc>
              <a:spcBef>
                <a:spcPts val="0"/>
              </a:spcBef>
              <a:spcAft>
                <a:spcPts val="600"/>
              </a:spcAft>
            </a:pPr>
            <a:r>
              <a:rPr lang="en-US" sz="2000" dirty="0" smtClean="0"/>
              <a:t>West-Side Sacramento Small  </a:t>
            </a:r>
            <a:r>
              <a:rPr lang="en-US" sz="2000" dirty="0"/>
              <a:t>Transfer </a:t>
            </a:r>
            <a:r>
              <a:rPr lang="en-US" sz="2000" dirty="0" smtClean="0"/>
              <a:t>Facility</a:t>
            </a:r>
            <a:endParaRPr lang="en-US" sz="2000" dirty="0"/>
          </a:p>
          <a:p>
            <a:pPr marL="339976" indent="-339976">
              <a:lnSpc>
                <a:spcPct val="80000"/>
              </a:lnSpc>
              <a:spcBef>
                <a:spcPts val="0"/>
              </a:spcBef>
              <a:spcAft>
                <a:spcPts val="600"/>
              </a:spcAft>
            </a:pPr>
            <a:r>
              <a:rPr lang="en-US" sz="2000" dirty="0" smtClean="0"/>
              <a:t>West-Side Sacramento Storage/  </a:t>
            </a:r>
            <a:r>
              <a:rPr lang="en-US" sz="2000" dirty="0"/>
              <a:t>Conveyance  Facility</a:t>
            </a:r>
          </a:p>
          <a:p>
            <a:pPr marL="339976" indent="-339976">
              <a:lnSpc>
                <a:spcPct val="80000"/>
              </a:lnSpc>
              <a:spcBef>
                <a:spcPts val="0"/>
              </a:spcBef>
              <a:spcAft>
                <a:spcPts val="600"/>
              </a:spcAft>
            </a:pPr>
            <a:r>
              <a:rPr lang="en-US" sz="2000" dirty="0" smtClean="0"/>
              <a:t>East-Side Delta Isolated Facility</a:t>
            </a:r>
            <a:endParaRPr lang="en-US" sz="2000" dirty="0"/>
          </a:p>
          <a:p>
            <a:pPr marL="339976" indent="-339976">
              <a:lnSpc>
                <a:spcPct val="80000"/>
              </a:lnSpc>
              <a:spcBef>
                <a:spcPts val="0"/>
              </a:spcBef>
              <a:spcAft>
                <a:spcPts val="600"/>
              </a:spcAft>
            </a:pPr>
            <a:r>
              <a:rPr lang="en-US" sz="2000" dirty="0" smtClean="0"/>
              <a:t>Protection of Delta Islands/  </a:t>
            </a:r>
            <a:r>
              <a:rPr lang="en-US" sz="2000" dirty="0"/>
              <a:t>Functions</a:t>
            </a:r>
          </a:p>
          <a:p>
            <a:pPr marL="339976" indent="-339976">
              <a:lnSpc>
                <a:spcPct val="80000"/>
              </a:lnSpc>
              <a:spcBef>
                <a:spcPts val="0"/>
              </a:spcBef>
              <a:spcAft>
                <a:spcPts val="600"/>
              </a:spcAft>
            </a:pPr>
            <a:r>
              <a:rPr lang="en-US" sz="2000" dirty="0" smtClean="0"/>
              <a:t>Delta Island Protection w/Storage</a:t>
            </a:r>
            <a:endParaRPr lang="en-US" sz="2000" dirty="0"/>
          </a:p>
          <a:p>
            <a:pPr marL="339976" indent="-339976">
              <a:lnSpc>
                <a:spcPct val="80000"/>
              </a:lnSpc>
              <a:spcBef>
                <a:spcPts val="0"/>
              </a:spcBef>
              <a:spcAft>
                <a:spcPts val="600"/>
              </a:spcAft>
            </a:pPr>
            <a:r>
              <a:rPr lang="en-US" sz="2000" dirty="0" smtClean="0"/>
              <a:t>Pollutant Source  Controls/  Operational Changes</a:t>
            </a:r>
            <a:endParaRPr lang="en-US" sz="2000" dirty="0"/>
          </a:p>
          <a:p>
            <a:pPr marL="339976" indent="-339976">
              <a:lnSpc>
                <a:spcPct val="80000"/>
              </a:lnSpc>
              <a:spcBef>
                <a:spcPts val="0"/>
              </a:spcBef>
              <a:spcAft>
                <a:spcPts val="600"/>
              </a:spcAft>
            </a:pPr>
            <a:r>
              <a:rPr lang="en-US" sz="2000" dirty="0" smtClean="0"/>
              <a:t>Source Control/Added Storage</a:t>
            </a:r>
            <a:endParaRPr lang="en-US" sz="2000" dirty="0"/>
          </a:p>
        </p:txBody>
      </p:sp>
    </p:spTree>
    <p:extLst>
      <p:ext uri="{BB962C8B-B14F-4D97-AF65-F5344CB8AC3E}">
        <p14:creationId xmlns:p14="http://schemas.microsoft.com/office/powerpoint/2010/main" val="3387166087"/>
      </p:ext>
    </p:extLst>
  </p:cSld>
  <p:clrMapOvr>
    <a:masterClrMapping/>
  </p:clrMapOvr>
  <p:transition spd="slow">
    <p:fade/>
  </p:transition>
  <p:timing>
    <p:tnLst>
      <p:par>
        <p:cTn id="1" dur="indefinite" restart="never" nodeType="tmRoot"/>
      </p:par>
    </p:tnLst>
  </p:timing>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sz="4400" b="1" dirty="0" smtClean="0"/>
              <a:t>Post CALFED</a:t>
            </a:r>
            <a:br>
              <a:rPr lang="en-US" sz="4400" b="1" dirty="0" smtClean="0"/>
            </a:br>
            <a:r>
              <a:rPr lang="en-US" sz="3200" dirty="0" smtClean="0">
                <a:solidFill>
                  <a:schemeClr val="tx1"/>
                </a:solidFill>
              </a:rPr>
              <a:t>Through-Delta Focus</a:t>
            </a:r>
            <a:endParaRPr lang="en-US" dirty="0">
              <a:solidFill>
                <a:schemeClr val="tx1"/>
              </a:solidFill>
            </a:endParaRPr>
          </a:p>
        </p:txBody>
      </p:sp>
      <p:sp>
        <p:nvSpPr>
          <p:cNvPr id="3" name="Content Placeholder 2"/>
          <p:cNvSpPr>
            <a:spLocks noGrp="1"/>
          </p:cNvSpPr>
          <p:nvPr>
            <p:ph sz="half" idx="4294967295"/>
          </p:nvPr>
        </p:nvSpPr>
        <p:spPr>
          <a:xfrm>
            <a:off x="228600" y="1892300"/>
            <a:ext cx="4038600" cy="4862870"/>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a:lnSpc>
                <a:spcPct val="80000"/>
              </a:lnSpc>
              <a:spcBef>
                <a:spcPts val="0"/>
              </a:spcBef>
              <a:spcAft>
                <a:spcPts val="600"/>
              </a:spcAft>
            </a:pPr>
            <a:r>
              <a:rPr lang="en-US" sz="2000" kern="0" dirty="0"/>
              <a:t>Eco-Crescent Conveyance</a:t>
            </a:r>
          </a:p>
          <a:p>
            <a:pPr>
              <a:lnSpc>
                <a:spcPct val="80000"/>
              </a:lnSpc>
              <a:spcBef>
                <a:spcPts val="0"/>
              </a:spcBef>
              <a:spcAft>
                <a:spcPts val="600"/>
              </a:spcAft>
            </a:pPr>
            <a:r>
              <a:rPr lang="en-US" sz="2000" kern="0" dirty="0"/>
              <a:t>CCWD – San Joaquin Intake </a:t>
            </a:r>
          </a:p>
          <a:p>
            <a:pPr>
              <a:lnSpc>
                <a:spcPct val="80000"/>
              </a:lnSpc>
              <a:spcBef>
                <a:spcPts val="0"/>
              </a:spcBef>
              <a:spcAft>
                <a:spcPts val="600"/>
              </a:spcAft>
            </a:pPr>
            <a:r>
              <a:rPr lang="en-US" sz="2000" kern="0" dirty="0"/>
              <a:t>Russ Brown – Delta Corridors</a:t>
            </a:r>
          </a:p>
          <a:p>
            <a:pPr>
              <a:lnSpc>
                <a:spcPct val="80000"/>
              </a:lnSpc>
              <a:spcBef>
                <a:spcPts val="0"/>
              </a:spcBef>
              <a:spcAft>
                <a:spcPts val="600"/>
              </a:spcAft>
            </a:pPr>
            <a:r>
              <a:rPr lang="en-US" sz="2000" kern="0" dirty="0"/>
              <a:t>Terry Spragg – Water Bags</a:t>
            </a:r>
          </a:p>
          <a:p>
            <a:pPr>
              <a:lnSpc>
                <a:spcPct val="80000"/>
              </a:lnSpc>
              <a:spcBef>
                <a:spcPts val="0"/>
              </a:spcBef>
              <a:spcAft>
                <a:spcPts val="600"/>
              </a:spcAft>
            </a:pPr>
            <a:r>
              <a:rPr lang="en-US" sz="2000" kern="0" dirty="0"/>
              <a:t>Polder Concept – Joint Protection of Multiple Islands</a:t>
            </a:r>
          </a:p>
          <a:p>
            <a:pPr>
              <a:lnSpc>
                <a:spcPct val="80000"/>
              </a:lnSpc>
              <a:spcBef>
                <a:spcPts val="0"/>
              </a:spcBef>
              <a:spcAft>
                <a:spcPts val="600"/>
              </a:spcAft>
            </a:pPr>
            <a:r>
              <a:rPr lang="en-US" sz="2000" kern="0" dirty="0"/>
              <a:t>Franks Tract Gates for Water Quality/Fish Avoidance </a:t>
            </a:r>
          </a:p>
          <a:p>
            <a:pPr>
              <a:lnSpc>
                <a:spcPct val="80000"/>
              </a:lnSpc>
              <a:spcBef>
                <a:spcPts val="0"/>
              </a:spcBef>
              <a:spcAft>
                <a:spcPts val="600"/>
              </a:spcAft>
            </a:pPr>
            <a:r>
              <a:rPr lang="en-US" sz="2000" kern="0" dirty="0"/>
              <a:t>Two-Gates Fish Protection Project</a:t>
            </a:r>
          </a:p>
          <a:p>
            <a:pPr>
              <a:lnSpc>
                <a:spcPct val="80000"/>
              </a:lnSpc>
              <a:spcBef>
                <a:spcPts val="0"/>
              </a:spcBef>
              <a:spcAft>
                <a:spcPts val="600"/>
              </a:spcAft>
            </a:pPr>
            <a:r>
              <a:rPr lang="en-US" sz="2000" kern="0" dirty="0"/>
              <a:t>In-Delta Gate Operations</a:t>
            </a:r>
          </a:p>
          <a:p>
            <a:pPr>
              <a:lnSpc>
                <a:spcPct val="80000"/>
              </a:lnSpc>
              <a:spcBef>
                <a:spcPts val="0"/>
              </a:spcBef>
              <a:spcAft>
                <a:spcPts val="600"/>
              </a:spcAft>
            </a:pPr>
            <a:r>
              <a:rPr lang="en-US" sz="2000" kern="0" dirty="0"/>
              <a:t>Three-Mile Slough Gate</a:t>
            </a:r>
          </a:p>
          <a:p>
            <a:pPr>
              <a:lnSpc>
                <a:spcPct val="80000"/>
              </a:lnSpc>
              <a:spcBef>
                <a:spcPts val="0"/>
              </a:spcBef>
              <a:spcAft>
                <a:spcPts val="600"/>
              </a:spcAft>
            </a:pPr>
            <a:r>
              <a:rPr lang="en-US" sz="2000" kern="0" dirty="0"/>
              <a:t>Central Delta Intake</a:t>
            </a:r>
          </a:p>
          <a:p>
            <a:pPr>
              <a:lnSpc>
                <a:spcPct val="80000"/>
              </a:lnSpc>
              <a:spcBef>
                <a:spcPts val="0"/>
              </a:spcBef>
              <a:spcAft>
                <a:spcPts val="600"/>
              </a:spcAft>
            </a:pPr>
            <a:r>
              <a:rPr lang="en-US" sz="2000" kern="0" dirty="0" smtClean="0"/>
              <a:t>Op </a:t>
            </a:r>
            <a:r>
              <a:rPr lang="en-US" sz="2000" kern="0" dirty="0"/>
              <a:t>Changes for Fish Protection </a:t>
            </a:r>
          </a:p>
          <a:p>
            <a:pPr>
              <a:lnSpc>
                <a:spcPct val="80000"/>
              </a:lnSpc>
              <a:spcBef>
                <a:spcPts val="0"/>
              </a:spcBef>
              <a:spcAft>
                <a:spcPts val="600"/>
              </a:spcAft>
            </a:pPr>
            <a:r>
              <a:rPr lang="en-US" sz="2000" kern="0" dirty="0"/>
              <a:t>Georgiana Slough Gates</a:t>
            </a:r>
          </a:p>
          <a:p>
            <a:pPr>
              <a:lnSpc>
                <a:spcPct val="80000"/>
              </a:lnSpc>
              <a:spcBef>
                <a:spcPts val="0"/>
              </a:spcBef>
              <a:spcAft>
                <a:spcPts val="600"/>
              </a:spcAft>
            </a:pPr>
            <a:r>
              <a:rPr lang="en-US" sz="2000" kern="0" dirty="0"/>
              <a:t>Sutter/Steamboat Barriers for Delta Freshwater Enhancement</a:t>
            </a:r>
          </a:p>
        </p:txBody>
      </p:sp>
      <p:sp>
        <p:nvSpPr>
          <p:cNvPr id="4" name="Content Placeholder 3"/>
          <p:cNvSpPr>
            <a:spLocks noGrp="1"/>
          </p:cNvSpPr>
          <p:nvPr>
            <p:ph sz="half" idx="4294967295"/>
          </p:nvPr>
        </p:nvSpPr>
        <p:spPr>
          <a:xfrm>
            <a:off x="4724400" y="1892300"/>
            <a:ext cx="4343400" cy="4616648"/>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a:lnSpc>
                <a:spcPct val="80000"/>
              </a:lnSpc>
              <a:spcBef>
                <a:spcPts val="0"/>
              </a:spcBef>
              <a:spcAft>
                <a:spcPts val="600"/>
              </a:spcAft>
            </a:pPr>
            <a:r>
              <a:rPr lang="en-US" sz="2000" kern="0" dirty="0"/>
              <a:t>Reoperation of Cross-Channel Gates</a:t>
            </a:r>
          </a:p>
          <a:p>
            <a:pPr>
              <a:lnSpc>
                <a:spcPct val="80000"/>
              </a:lnSpc>
              <a:spcBef>
                <a:spcPts val="0"/>
              </a:spcBef>
              <a:spcAft>
                <a:spcPts val="600"/>
              </a:spcAft>
            </a:pPr>
            <a:r>
              <a:rPr lang="en-US" sz="2000" kern="0" dirty="0"/>
              <a:t>Multiple Intake </a:t>
            </a:r>
            <a:r>
              <a:rPr lang="en-US" sz="2000" kern="0" dirty="0" smtClean="0"/>
              <a:t>for </a:t>
            </a:r>
            <a:r>
              <a:rPr lang="en-US" sz="2000" kern="0" dirty="0"/>
              <a:t>Fish Protection</a:t>
            </a:r>
          </a:p>
          <a:p>
            <a:pPr>
              <a:lnSpc>
                <a:spcPct val="80000"/>
              </a:lnSpc>
              <a:spcBef>
                <a:spcPts val="0"/>
              </a:spcBef>
              <a:spcAft>
                <a:spcPts val="600"/>
              </a:spcAft>
            </a:pPr>
            <a:r>
              <a:rPr lang="en-US" sz="2000" kern="0" dirty="0"/>
              <a:t>South Delta Export Recirculation</a:t>
            </a:r>
          </a:p>
          <a:p>
            <a:pPr>
              <a:lnSpc>
                <a:spcPct val="80000"/>
              </a:lnSpc>
              <a:spcBef>
                <a:spcPts val="0"/>
              </a:spcBef>
              <a:spcAft>
                <a:spcPts val="600"/>
              </a:spcAft>
            </a:pPr>
            <a:r>
              <a:rPr lang="en-US" sz="2000" kern="0" dirty="0"/>
              <a:t>Deep Water Ship Channel Intake</a:t>
            </a:r>
          </a:p>
          <a:p>
            <a:pPr>
              <a:lnSpc>
                <a:spcPct val="80000"/>
              </a:lnSpc>
              <a:spcBef>
                <a:spcPts val="0"/>
              </a:spcBef>
              <a:spcAft>
                <a:spcPts val="600"/>
              </a:spcAft>
            </a:pPr>
            <a:r>
              <a:rPr lang="en-US" sz="2000" kern="0" dirty="0"/>
              <a:t>South Delta Fish Facilities Forum</a:t>
            </a:r>
          </a:p>
          <a:p>
            <a:pPr>
              <a:lnSpc>
                <a:spcPct val="80000"/>
              </a:lnSpc>
              <a:spcBef>
                <a:spcPts val="0"/>
              </a:spcBef>
              <a:spcAft>
                <a:spcPts val="600"/>
              </a:spcAft>
            </a:pPr>
            <a:r>
              <a:rPr lang="en-US" sz="2000" kern="0" dirty="0"/>
              <a:t>In-Delta Storage</a:t>
            </a:r>
          </a:p>
          <a:p>
            <a:pPr>
              <a:lnSpc>
                <a:spcPct val="80000"/>
              </a:lnSpc>
              <a:spcBef>
                <a:spcPts val="0"/>
              </a:spcBef>
              <a:spcAft>
                <a:spcPts val="600"/>
              </a:spcAft>
            </a:pPr>
            <a:r>
              <a:rPr lang="en-US" sz="2000" kern="0" dirty="0"/>
              <a:t>South Delta Operable Gates Study</a:t>
            </a:r>
          </a:p>
          <a:p>
            <a:pPr>
              <a:lnSpc>
                <a:spcPct val="80000"/>
              </a:lnSpc>
              <a:spcBef>
                <a:spcPts val="0"/>
              </a:spcBef>
              <a:spcAft>
                <a:spcPts val="600"/>
              </a:spcAft>
            </a:pPr>
            <a:r>
              <a:rPr lang="en-US" sz="2000" kern="0" dirty="0"/>
              <a:t>Phase VIII Enhanced Flow Process</a:t>
            </a:r>
          </a:p>
          <a:p>
            <a:pPr>
              <a:lnSpc>
                <a:spcPct val="80000"/>
              </a:lnSpc>
              <a:spcBef>
                <a:spcPts val="0"/>
              </a:spcBef>
              <a:spcAft>
                <a:spcPts val="600"/>
              </a:spcAft>
            </a:pPr>
            <a:r>
              <a:rPr lang="en-US" sz="2000" kern="0" dirty="0"/>
              <a:t>Tracy Fish Test Facility</a:t>
            </a:r>
          </a:p>
          <a:p>
            <a:pPr>
              <a:lnSpc>
                <a:spcPct val="80000"/>
              </a:lnSpc>
              <a:spcBef>
                <a:spcPts val="0"/>
              </a:spcBef>
              <a:spcAft>
                <a:spcPts val="600"/>
              </a:spcAft>
            </a:pPr>
            <a:r>
              <a:rPr lang="en-US" sz="2000" kern="0" dirty="0"/>
              <a:t>Salinity Protection Barriers/Gates at Railroad Cut and Empire Cut</a:t>
            </a:r>
          </a:p>
          <a:p>
            <a:pPr>
              <a:lnSpc>
                <a:spcPct val="80000"/>
              </a:lnSpc>
              <a:spcBef>
                <a:spcPts val="0"/>
              </a:spcBef>
              <a:spcAft>
                <a:spcPts val="600"/>
              </a:spcAft>
            </a:pPr>
            <a:r>
              <a:rPr lang="en-US" sz="2000" kern="0" dirty="0"/>
              <a:t>DWR Delta Emergency Preparedness and Response Plan</a:t>
            </a:r>
          </a:p>
          <a:p>
            <a:pPr>
              <a:lnSpc>
                <a:spcPct val="80000"/>
              </a:lnSpc>
              <a:spcBef>
                <a:spcPts val="0"/>
              </a:spcBef>
              <a:spcAft>
                <a:spcPts val="600"/>
              </a:spcAft>
            </a:pPr>
            <a:r>
              <a:rPr lang="en-US" sz="2000" kern="0" dirty="0"/>
              <a:t>Stockton Dissolved Oxygen Study</a:t>
            </a:r>
          </a:p>
          <a:p>
            <a:pPr>
              <a:lnSpc>
                <a:spcPct val="80000"/>
              </a:lnSpc>
              <a:spcBef>
                <a:spcPts val="0"/>
              </a:spcBef>
              <a:spcAft>
                <a:spcPts val="600"/>
              </a:spcAft>
            </a:pPr>
            <a:r>
              <a:rPr lang="en-US" sz="2000" kern="0" dirty="0"/>
              <a:t>Vernalis Adaptive Management Plan</a:t>
            </a:r>
          </a:p>
        </p:txBody>
      </p:sp>
    </p:spTree>
    <p:extLst>
      <p:ext uri="{BB962C8B-B14F-4D97-AF65-F5344CB8AC3E}">
        <p14:creationId xmlns:p14="http://schemas.microsoft.com/office/powerpoint/2010/main" val="4010485416"/>
      </p:ext>
    </p:extLst>
  </p:cSld>
  <p:clrMapOvr>
    <a:masterClrMapping/>
  </p:clrMapOvr>
  <p:transition spd="slow">
    <p:fade/>
  </p:transition>
  <p:timing>
    <p:tnLst>
      <p:par>
        <p:cTn id="1" dur="indefinite" restart="never" nodeType="tmRoot"/>
      </p:par>
    </p:tn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400" b="1" dirty="0" smtClean="0"/>
              <a:t>Initial Alternative Screening Reports</a:t>
            </a:r>
            <a:endParaRPr lang="en-US" sz="4400" b="1" dirty="0"/>
          </a:p>
        </p:txBody>
      </p:sp>
      <p:sp>
        <p:nvSpPr>
          <p:cNvPr id="5" name="Content Placeholder 4"/>
          <p:cNvSpPr>
            <a:spLocks noGrp="1"/>
          </p:cNvSpPr>
          <p:nvPr>
            <p:ph idx="4294967295"/>
          </p:nvPr>
        </p:nvSpPr>
        <p:spPr>
          <a:xfrm>
            <a:off x="304800" y="1964251"/>
            <a:ext cx="8610600" cy="4588949"/>
          </a:xfrm>
          <a:prstGeom prst="rect">
            <a:avLst/>
          </a:prstGeom>
        </p:spPr>
        <p:txBody>
          <a:bodyPr/>
          <a:lstStyle/>
          <a:p>
            <a:pPr>
              <a:spcBef>
                <a:spcPts val="0"/>
              </a:spcBef>
              <a:spcAft>
                <a:spcPts val="300"/>
              </a:spcAft>
            </a:pPr>
            <a:r>
              <a:rPr lang="en-US" sz="2800" dirty="0" smtClean="0"/>
              <a:t>Conveyance </a:t>
            </a:r>
            <a:r>
              <a:rPr lang="en-US" sz="2800" dirty="0"/>
              <a:t>Alternative – </a:t>
            </a:r>
            <a:r>
              <a:rPr lang="en-US" sz="2800" dirty="0" smtClean="0"/>
              <a:t>Dual Conveyance (A1-A4)</a:t>
            </a:r>
          </a:p>
          <a:p>
            <a:pPr lvl="1">
              <a:spcBef>
                <a:spcPts val="0"/>
              </a:spcBef>
              <a:spcAft>
                <a:spcPts val="300"/>
              </a:spcAft>
            </a:pPr>
            <a:r>
              <a:rPr lang="en-US" sz="2200" dirty="0" smtClean="0"/>
              <a:t>Dual Conveyance – Tunnels to South Delta (3k – 15k cfs)</a:t>
            </a:r>
          </a:p>
          <a:p>
            <a:pPr lvl="1">
              <a:spcBef>
                <a:spcPts val="0"/>
              </a:spcBef>
              <a:spcAft>
                <a:spcPts val="300"/>
              </a:spcAft>
            </a:pPr>
            <a:r>
              <a:rPr lang="en-US" sz="2200" dirty="0"/>
              <a:t>Dual </a:t>
            </a:r>
            <a:r>
              <a:rPr lang="en-US" sz="2200" dirty="0" smtClean="0"/>
              <a:t>Conveyance </a:t>
            </a:r>
            <a:r>
              <a:rPr lang="en-US" sz="2200" dirty="0"/>
              <a:t>– </a:t>
            </a:r>
            <a:r>
              <a:rPr lang="en-US" sz="2200" dirty="0" smtClean="0"/>
              <a:t>East Canal to </a:t>
            </a:r>
            <a:r>
              <a:rPr lang="en-US" sz="2200" dirty="0"/>
              <a:t>South Delta (3k – 15k </a:t>
            </a:r>
            <a:r>
              <a:rPr lang="en-US" sz="2200" dirty="0" smtClean="0"/>
              <a:t>cfs)</a:t>
            </a:r>
          </a:p>
          <a:p>
            <a:pPr lvl="1">
              <a:spcBef>
                <a:spcPts val="0"/>
              </a:spcBef>
              <a:spcAft>
                <a:spcPts val="300"/>
              </a:spcAft>
            </a:pPr>
            <a:r>
              <a:rPr lang="en-US" sz="2200" dirty="0" smtClean="0"/>
              <a:t>Dual Conveyance </a:t>
            </a:r>
            <a:r>
              <a:rPr lang="en-US" sz="2200" dirty="0"/>
              <a:t>– </a:t>
            </a:r>
            <a:r>
              <a:rPr lang="en-US" sz="2200" dirty="0" smtClean="0"/>
              <a:t>West Canal </a:t>
            </a:r>
            <a:r>
              <a:rPr lang="en-US" sz="2200" dirty="0"/>
              <a:t>to South Delta (3k – 15k </a:t>
            </a:r>
            <a:r>
              <a:rPr lang="en-US" sz="2200" dirty="0" smtClean="0"/>
              <a:t>cfs)</a:t>
            </a:r>
          </a:p>
          <a:p>
            <a:pPr lvl="1">
              <a:spcBef>
                <a:spcPts val="0"/>
              </a:spcBef>
              <a:spcAft>
                <a:spcPts val="300"/>
              </a:spcAft>
            </a:pPr>
            <a:r>
              <a:rPr lang="en-US" sz="2200" dirty="0" smtClean="0"/>
              <a:t>Dual Conveyance – East Canal to San </a:t>
            </a:r>
            <a:r>
              <a:rPr lang="en-US" sz="2200" dirty="0"/>
              <a:t>Joaquin </a:t>
            </a:r>
            <a:r>
              <a:rPr lang="en-US" sz="2200" dirty="0" smtClean="0"/>
              <a:t>R. </a:t>
            </a:r>
            <a:r>
              <a:rPr lang="en-US" sz="2200" dirty="0"/>
              <a:t>(3k – 15k cfs) </a:t>
            </a:r>
            <a:endParaRPr lang="en-US" sz="2200" dirty="0" smtClean="0"/>
          </a:p>
          <a:p>
            <a:pPr>
              <a:spcBef>
                <a:spcPts val="0"/>
              </a:spcBef>
              <a:spcAft>
                <a:spcPts val="300"/>
              </a:spcAft>
            </a:pPr>
            <a:r>
              <a:rPr lang="en-US" sz="2800" dirty="0" smtClean="0"/>
              <a:t>Conveyance </a:t>
            </a:r>
            <a:r>
              <a:rPr lang="en-US" sz="2800" dirty="0"/>
              <a:t>Alternative – </a:t>
            </a:r>
            <a:r>
              <a:rPr lang="en-US" sz="2800" dirty="0" smtClean="0"/>
              <a:t>Isolated Conveyance (B1-B7)</a:t>
            </a:r>
          </a:p>
          <a:p>
            <a:pPr lvl="1">
              <a:spcBef>
                <a:spcPts val="0"/>
              </a:spcBef>
              <a:spcAft>
                <a:spcPts val="300"/>
              </a:spcAft>
            </a:pPr>
            <a:r>
              <a:rPr lang="en-US" sz="2200" dirty="0" smtClean="0"/>
              <a:t>North Delta Tunnel </a:t>
            </a:r>
            <a:r>
              <a:rPr lang="en-US" sz="2200" dirty="0"/>
              <a:t>– Abandon South Delta Intakes (15k cfs)</a:t>
            </a:r>
          </a:p>
          <a:p>
            <a:pPr lvl="1">
              <a:spcBef>
                <a:spcPts val="0"/>
              </a:spcBef>
              <a:spcAft>
                <a:spcPts val="300"/>
              </a:spcAft>
            </a:pPr>
            <a:r>
              <a:rPr lang="en-US" sz="2200" dirty="0" smtClean="0"/>
              <a:t>East </a:t>
            </a:r>
            <a:r>
              <a:rPr lang="en-US" sz="2200" dirty="0"/>
              <a:t>Canal – Abandon South Delta Intakes (15k cfs)</a:t>
            </a:r>
          </a:p>
          <a:p>
            <a:pPr lvl="1">
              <a:spcBef>
                <a:spcPts val="0"/>
              </a:spcBef>
              <a:spcAft>
                <a:spcPts val="300"/>
              </a:spcAft>
            </a:pPr>
            <a:r>
              <a:rPr lang="en-US" sz="2200" dirty="0" smtClean="0"/>
              <a:t>West </a:t>
            </a:r>
            <a:r>
              <a:rPr lang="en-US" sz="2200" dirty="0"/>
              <a:t>Canal – Abandon South Delta Intakes (15k cfs)</a:t>
            </a:r>
          </a:p>
          <a:p>
            <a:pPr lvl="1">
              <a:spcBef>
                <a:spcPts val="0"/>
              </a:spcBef>
              <a:spcAft>
                <a:spcPts val="300"/>
              </a:spcAft>
            </a:pPr>
            <a:r>
              <a:rPr lang="en-US" sz="2200" dirty="0" smtClean="0"/>
              <a:t>Feather River/Foothill </a:t>
            </a:r>
            <a:r>
              <a:rPr lang="en-US" sz="2200" dirty="0"/>
              <a:t>Canal – Abandon </a:t>
            </a:r>
            <a:r>
              <a:rPr lang="en-US" sz="2200" dirty="0" smtClean="0"/>
              <a:t>So. Delta (15k cfs)</a:t>
            </a:r>
          </a:p>
          <a:p>
            <a:pPr lvl="1">
              <a:spcBef>
                <a:spcPts val="0"/>
              </a:spcBef>
              <a:spcAft>
                <a:spcPts val="300"/>
              </a:spcAft>
            </a:pPr>
            <a:r>
              <a:rPr lang="en-US" sz="2200" dirty="0" smtClean="0"/>
              <a:t>Sac Ship Channel – </a:t>
            </a:r>
            <a:r>
              <a:rPr lang="en-US" sz="2200" dirty="0"/>
              <a:t>Abandon South Delta Intakes (15k cfs</a:t>
            </a:r>
            <a:r>
              <a:rPr lang="en-US" sz="2200" dirty="0" smtClean="0"/>
              <a:t>)</a:t>
            </a:r>
          </a:p>
          <a:p>
            <a:pPr lvl="1">
              <a:spcBef>
                <a:spcPts val="0"/>
              </a:spcBef>
              <a:spcAft>
                <a:spcPts val="300"/>
              </a:spcAft>
            </a:pPr>
            <a:r>
              <a:rPr lang="en-US" sz="2200" dirty="0" smtClean="0"/>
              <a:t>Fremont Weir Tunnel </a:t>
            </a:r>
            <a:r>
              <a:rPr lang="en-US" sz="2200" dirty="0"/>
              <a:t>– Abandon </a:t>
            </a:r>
            <a:r>
              <a:rPr lang="en-US" sz="2200" dirty="0" smtClean="0"/>
              <a:t>South </a:t>
            </a:r>
            <a:r>
              <a:rPr lang="en-US" sz="2200" dirty="0"/>
              <a:t>Delta </a:t>
            </a:r>
            <a:r>
              <a:rPr lang="en-US" sz="2200" dirty="0" smtClean="0"/>
              <a:t>Intakes (15k cfs)</a:t>
            </a:r>
          </a:p>
          <a:p>
            <a:pPr lvl="1">
              <a:spcBef>
                <a:spcPts val="0"/>
              </a:spcBef>
              <a:spcAft>
                <a:spcPts val="300"/>
              </a:spcAft>
            </a:pPr>
            <a:r>
              <a:rPr lang="en-US" sz="2200" dirty="0" smtClean="0"/>
              <a:t>Antioch Tunnel w/Desal – </a:t>
            </a:r>
            <a:r>
              <a:rPr lang="en-US" sz="2200" dirty="0"/>
              <a:t>Abandon South Delta Intakes (15k cfs)</a:t>
            </a:r>
          </a:p>
        </p:txBody>
      </p:sp>
    </p:spTree>
    <p:extLst>
      <p:ext uri="{BB962C8B-B14F-4D97-AF65-F5344CB8AC3E}">
        <p14:creationId xmlns:p14="http://schemas.microsoft.com/office/powerpoint/2010/main" val="107170241"/>
      </p:ext>
    </p:extLst>
  </p:cSld>
  <p:clrMapOvr>
    <a:masterClrMapping/>
  </p:clrMapOvr>
  <p:transition spd="slow">
    <p:fade/>
  </p:transition>
  <p:timing>
    <p:tnLst>
      <p:par>
        <p:cTn id="1" dur="indefinite" restart="never" nodeType="tmRoot"/>
      </p:par>
    </p:tnLst>
  </p:timing>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400" b="1" dirty="0" smtClean="0"/>
              <a:t>Initial Alternative Screening Reports</a:t>
            </a:r>
            <a:endParaRPr lang="en-US" sz="4400" b="1" dirty="0"/>
          </a:p>
        </p:txBody>
      </p:sp>
      <p:sp>
        <p:nvSpPr>
          <p:cNvPr id="5" name="Content Placeholder 4"/>
          <p:cNvSpPr>
            <a:spLocks noGrp="1"/>
          </p:cNvSpPr>
          <p:nvPr>
            <p:ph idx="4294967295"/>
          </p:nvPr>
        </p:nvSpPr>
        <p:spPr>
          <a:xfrm>
            <a:off x="533400" y="2209800"/>
            <a:ext cx="8610600" cy="2529923"/>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300"/>
              </a:spcAft>
            </a:pPr>
            <a:r>
              <a:rPr lang="en-US" dirty="0"/>
              <a:t>Conveyance Alternative – Through Delta (C1-C4)</a:t>
            </a:r>
          </a:p>
          <a:p>
            <a:pPr lvl="1">
              <a:spcBef>
                <a:spcPts val="0"/>
              </a:spcBef>
              <a:spcAft>
                <a:spcPts val="300"/>
              </a:spcAft>
            </a:pPr>
            <a:r>
              <a:rPr lang="en-US" sz="2200" dirty="0"/>
              <a:t>Through-Delta – Separate Corridors (15k cfs)</a:t>
            </a:r>
          </a:p>
          <a:p>
            <a:pPr lvl="1">
              <a:spcBef>
                <a:spcPts val="0"/>
              </a:spcBef>
              <a:spcAft>
                <a:spcPts val="300"/>
              </a:spcAft>
            </a:pPr>
            <a:r>
              <a:rPr lang="en-US" sz="2200" dirty="0"/>
              <a:t>Through-Delta– Armored Corridors (15k cfs)</a:t>
            </a:r>
          </a:p>
          <a:p>
            <a:pPr lvl="1">
              <a:spcBef>
                <a:spcPts val="0"/>
              </a:spcBef>
              <a:spcAft>
                <a:spcPts val="300"/>
              </a:spcAft>
            </a:pPr>
            <a:r>
              <a:rPr lang="en-US" sz="2200" dirty="0"/>
              <a:t>Through-Delta – Delta Salinity Barrier (15k cfs)</a:t>
            </a:r>
          </a:p>
          <a:p>
            <a:pPr lvl="1">
              <a:spcBef>
                <a:spcPts val="0"/>
              </a:spcBef>
              <a:spcAft>
                <a:spcPts val="300"/>
              </a:spcAft>
            </a:pPr>
            <a:r>
              <a:rPr lang="en-US" sz="2200" dirty="0"/>
              <a:t>Through-Delta – New Clifton Court Forebay Screens (15k cfs)</a:t>
            </a:r>
          </a:p>
          <a:p>
            <a:pPr lvl="1">
              <a:spcBef>
                <a:spcPts val="0"/>
              </a:spcBef>
              <a:spcAft>
                <a:spcPts val="300"/>
              </a:spcAft>
            </a:pPr>
            <a:endParaRPr lang="en-US" sz="2200" dirty="0"/>
          </a:p>
          <a:p>
            <a:pPr>
              <a:spcBef>
                <a:spcPts val="0"/>
              </a:spcBef>
              <a:spcAft>
                <a:spcPts val="300"/>
              </a:spcAft>
            </a:pPr>
            <a:endParaRPr lang="en-US" dirty="0"/>
          </a:p>
        </p:txBody>
      </p:sp>
    </p:spTree>
    <p:extLst>
      <p:ext uri="{BB962C8B-B14F-4D97-AF65-F5344CB8AC3E}">
        <p14:creationId xmlns:p14="http://schemas.microsoft.com/office/powerpoint/2010/main" val="3214734535"/>
      </p:ext>
    </p:extLst>
  </p:cSld>
  <p:clrMapOvr>
    <a:masterClrMapping/>
  </p:clrMapOvr>
  <p:transition spd="slow">
    <p:fade/>
  </p:transition>
  <p:timing>
    <p:tnLst>
      <p:par>
        <p:cTn id="1" dur="indefinite" restart="never" nodeType="tmRoot"/>
      </p:par>
    </p:tnLst>
  </p:timing>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052596"/>
          </a:xfrm>
        </p:spPr>
        <p:txBody>
          <a:bodyPr/>
          <a:lstStyle/>
          <a:p>
            <a:r>
              <a:rPr lang="en-US" sz="4400" b="1" dirty="0" smtClean="0"/>
              <a:t>Bay Delta Conservation Plan</a:t>
            </a:r>
            <a:br>
              <a:rPr lang="en-US" sz="4400" b="1" dirty="0" smtClean="0"/>
            </a:br>
            <a:r>
              <a:rPr lang="en-US" sz="3200" b="1" dirty="0" smtClean="0">
                <a:solidFill>
                  <a:schemeClr val="tx1"/>
                </a:solidFill>
              </a:rPr>
              <a:t>Summary of Alternatives Evaluated</a:t>
            </a:r>
            <a:endParaRPr lang="en-US" sz="3200" b="1" dirty="0">
              <a:solidFill>
                <a:schemeClr val="tx1"/>
              </a:solidFill>
            </a:endParaRPr>
          </a:p>
        </p:txBody>
      </p:sp>
      <p:sp>
        <p:nvSpPr>
          <p:cNvPr id="3" name="Content Placeholder 2"/>
          <p:cNvSpPr>
            <a:spLocks noGrp="1"/>
          </p:cNvSpPr>
          <p:nvPr>
            <p:ph idx="4294967295"/>
          </p:nvPr>
        </p:nvSpPr>
        <p:spPr>
          <a:xfrm>
            <a:off x="762000" y="2209800"/>
            <a:ext cx="8382000" cy="337169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300"/>
              </a:spcAft>
            </a:pPr>
            <a:r>
              <a:rPr lang="en-US" dirty="0"/>
              <a:t>BDCP Proposed Action (9,000 cfs tunnel)</a:t>
            </a:r>
          </a:p>
          <a:p>
            <a:pPr>
              <a:spcBef>
                <a:spcPts val="0"/>
              </a:spcBef>
              <a:spcAft>
                <a:spcPts val="300"/>
              </a:spcAft>
            </a:pPr>
            <a:r>
              <a:rPr lang="en-US" dirty="0"/>
              <a:t>West Canal (15,000 cfs)</a:t>
            </a:r>
          </a:p>
          <a:p>
            <a:pPr>
              <a:spcBef>
                <a:spcPts val="0"/>
              </a:spcBef>
              <a:spcAft>
                <a:spcPts val="300"/>
              </a:spcAft>
            </a:pPr>
            <a:r>
              <a:rPr lang="en-US" dirty="0"/>
              <a:t>Tunnels (3,000, 6,0000 and 15,000 cfs)</a:t>
            </a:r>
          </a:p>
          <a:p>
            <a:pPr>
              <a:spcBef>
                <a:spcPts val="0"/>
              </a:spcBef>
              <a:spcAft>
                <a:spcPts val="300"/>
              </a:spcAft>
            </a:pPr>
            <a:r>
              <a:rPr lang="en-US" dirty="0"/>
              <a:t>Isolated facility (15,000 cfs)</a:t>
            </a:r>
          </a:p>
          <a:p>
            <a:pPr>
              <a:spcBef>
                <a:spcPts val="0"/>
              </a:spcBef>
              <a:spcAft>
                <a:spcPts val="300"/>
              </a:spcAft>
            </a:pPr>
            <a:r>
              <a:rPr lang="en-US" dirty="0"/>
              <a:t>Through-Delta</a:t>
            </a:r>
          </a:p>
          <a:p>
            <a:pPr>
              <a:spcBef>
                <a:spcPts val="0"/>
              </a:spcBef>
              <a:spcAft>
                <a:spcPts val="300"/>
              </a:spcAft>
            </a:pPr>
            <a:r>
              <a:rPr lang="en-US" dirty="0"/>
              <a:t>Less Tidal Restoration</a:t>
            </a:r>
          </a:p>
          <a:p>
            <a:pPr>
              <a:spcBef>
                <a:spcPts val="0"/>
              </a:spcBef>
              <a:spcAft>
                <a:spcPts val="300"/>
              </a:spcAft>
            </a:pPr>
            <a:r>
              <a:rPr lang="en-US" dirty="0"/>
              <a:t>More Restoration</a:t>
            </a:r>
          </a:p>
          <a:p>
            <a:pPr>
              <a:spcBef>
                <a:spcPts val="0"/>
              </a:spcBef>
              <a:spcAft>
                <a:spcPts val="300"/>
              </a:spcAft>
            </a:pPr>
            <a:r>
              <a:rPr lang="en-US" dirty="0"/>
              <a:t>More Spring Outflow</a:t>
            </a:r>
          </a:p>
        </p:txBody>
      </p:sp>
    </p:spTree>
    <p:extLst>
      <p:ext uri="{BB962C8B-B14F-4D97-AF65-F5344CB8AC3E}">
        <p14:creationId xmlns:p14="http://schemas.microsoft.com/office/powerpoint/2010/main" val="2713914305"/>
      </p:ext>
    </p:extLst>
  </p:cSld>
  <p:clrMapOvr>
    <a:masterClrMapping/>
  </p:clrMapOvr>
  <p:transition spd="slow">
    <p:fade/>
  </p:transition>
  <p:timing>
    <p:tnLst>
      <p:par>
        <p:cTn id="1" dur="indefinite" restart="never" nodeType="tmRoot"/>
      </p:par>
    </p:tnLst>
  </p:timing>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400" b="1" dirty="0" smtClean="0"/>
              <a:t>Additional Proposals</a:t>
            </a:r>
            <a:endParaRPr lang="en-US" sz="4400" b="1" dirty="0"/>
          </a:p>
        </p:txBody>
      </p:sp>
      <p:sp>
        <p:nvSpPr>
          <p:cNvPr id="3" name="Content Placeholder 2"/>
          <p:cNvSpPr>
            <a:spLocks noGrp="1"/>
          </p:cNvSpPr>
          <p:nvPr>
            <p:ph idx="4294967295"/>
          </p:nvPr>
        </p:nvSpPr>
        <p:spPr>
          <a:xfrm>
            <a:off x="762000" y="2057400"/>
            <a:ext cx="7467600" cy="3520964"/>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300"/>
              </a:spcAft>
            </a:pPr>
            <a:r>
              <a:rPr lang="en-US" dirty="0"/>
              <a:t>Delta </a:t>
            </a:r>
          </a:p>
          <a:p>
            <a:pPr lvl="1">
              <a:spcBef>
                <a:spcPts val="0"/>
              </a:spcBef>
              <a:spcAft>
                <a:spcPts val="300"/>
              </a:spcAft>
            </a:pPr>
            <a:r>
              <a:rPr lang="en-US" sz="2200" dirty="0"/>
              <a:t>Natural Resources Defense Council – Portfolio Proposal</a:t>
            </a:r>
          </a:p>
          <a:p>
            <a:pPr lvl="1">
              <a:spcBef>
                <a:spcPts val="0"/>
              </a:spcBef>
              <a:spcAft>
                <a:spcPts val="300"/>
              </a:spcAft>
            </a:pPr>
            <a:r>
              <a:rPr lang="en-US" sz="2200" dirty="0"/>
              <a:t>Robert Pyke – Western Delta Intakes Concept</a:t>
            </a:r>
          </a:p>
          <a:p>
            <a:pPr lvl="1">
              <a:spcBef>
                <a:spcPts val="0"/>
              </a:spcBef>
              <a:spcAft>
                <a:spcPts val="300"/>
              </a:spcAft>
            </a:pPr>
            <a:r>
              <a:rPr lang="en-US" sz="2200" dirty="0"/>
              <a:t>Peer Swan – An Alternative Vision</a:t>
            </a:r>
          </a:p>
          <a:p>
            <a:pPr>
              <a:spcBef>
                <a:spcPts val="0"/>
              </a:spcBef>
              <a:spcAft>
                <a:spcPts val="300"/>
              </a:spcAft>
            </a:pPr>
            <a:r>
              <a:rPr lang="en-US" dirty="0"/>
              <a:t>Statewide</a:t>
            </a:r>
          </a:p>
          <a:p>
            <a:pPr lvl="1">
              <a:spcBef>
                <a:spcPts val="0"/>
              </a:spcBef>
              <a:spcAft>
                <a:spcPts val="300"/>
              </a:spcAft>
            </a:pPr>
            <a:r>
              <a:rPr lang="en-US" sz="2200" dirty="0"/>
              <a:t>ACWA – Statewide Water Action Plan</a:t>
            </a:r>
          </a:p>
          <a:p>
            <a:pPr lvl="1">
              <a:spcBef>
                <a:spcPts val="0"/>
              </a:spcBef>
              <a:spcAft>
                <a:spcPts val="300"/>
              </a:spcAft>
            </a:pPr>
            <a:r>
              <a:rPr lang="en-US" sz="2200" dirty="0"/>
              <a:t>Delta Stewardship Council – Delta Plan</a:t>
            </a:r>
          </a:p>
          <a:p>
            <a:pPr lvl="1">
              <a:spcBef>
                <a:spcPts val="0"/>
              </a:spcBef>
              <a:spcAft>
                <a:spcPts val="300"/>
              </a:spcAft>
            </a:pPr>
            <a:r>
              <a:rPr lang="en-US" sz="2200" dirty="0"/>
              <a:t>Delta Vision Foundation Process</a:t>
            </a:r>
          </a:p>
          <a:p>
            <a:pPr lvl="1">
              <a:spcBef>
                <a:spcPts val="0"/>
              </a:spcBef>
              <a:spcAft>
                <a:spcPts val="300"/>
              </a:spcAft>
            </a:pPr>
            <a:r>
              <a:rPr lang="en-US" sz="2200" dirty="0"/>
              <a:t>Public Policy Institute of California – </a:t>
            </a:r>
            <a:br>
              <a:rPr lang="en-US" sz="2200" dirty="0"/>
            </a:br>
            <a:r>
              <a:rPr lang="en-US" sz="2200" dirty="0"/>
              <a:t>Comparing Futures for the Sacramento/San Joaquin Delta</a:t>
            </a:r>
          </a:p>
        </p:txBody>
      </p:sp>
    </p:spTree>
    <p:extLst>
      <p:ext uri="{BB962C8B-B14F-4D97-AF65-F5344CB8AC3E}">
        <p14:creationId xmlns:p14="http://schemas.microsoft.com/office/powerpoint/2010/main" val="3029467654"/>
      </p:ext>
    </p:extLst>
  </p:cSld>
  <p:clrMapOvr>
    <a:masterClrMapping/>
  </p:clrMapOvr>
  <p:transition spd="slow">
    <p:fade/>
  </p:transition>
  <p:timing>
    <p:tnLst>
      <p:par>
        <p:cTn id="1" dur="indefinite" restart="never" nodeType="tmRoot"/>
      </p:par>
    </p:tnLst>
  </p:timing>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California EcoRestore</a:t>
            </a:r>
            <a:endParaRPr lang="en-US" dirty="0"/>
          </a:p>
        </p:txBody>
      </p:sp>
    </p:spTree>
    <p:extLst>
      <p:ext uri="{BB962C8B-B14F-4D97-AF65-F5344CB8AC3E}">
        <p14:creationId xmlns:p14="http://schemas.microsoft.com/office/powerpoint/2010/main" val="3497700648"/>
      </p:ext>
    </p:extLst>
  </p:cSld>
  <p:clrMapOvr>
    <a:masterClrMapping/>
  </p:clrMapOvr>
  <p:transition spd="slow">
    <p:fade/>
  </p:transition>
  <p:timing>
    <p:tnLst>
      <p:par>
        <p:cTn id="1" dur="indefinite" restart="never" nodeType="tmRoot"/>
      </p:par>
    </p:tnLst>
  </p:timing>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California EcoRestore Projects</a:t>
            </a:r>
            <a:br>
              <a:rPr lang="en-US" dirty="0" smtClean="0"/>
            </a:br>
            <a:r>
              <a:rPr lang="en-US" sz="3600" dirty="0" smtClean="0">
                <a:solidFill>
                  <a:schemeClr val="tx1"/>
                </a:solidFill>
              </a:rPr>
              <a:t>Rough Cost Estimate</a:t>
            </a:r>
            <a:endParaRPr lang="en-US" sz="3600" dirty="0">
              <a:solidFill>
                <a:schemeClr val="tx1"/>
              </a:solidFill>
            </a:endParaRPr>
          </a:p>
        </p:txBody>
      </p:sp>
      <p:sp>
        <p:nvSpPr>
          <p:cNvPr id="5" name="Text Placeholder 4"/>
          <p:cNvSpPr>
            <a:spLocks noGrp="1"/>
          </p:cNvSpPr>
          <p:nvPr>
            <p:ph type="body" sz="quarter" idx="11"/>
          </p:nvPr>
        </p:nvSpPr>
        <p:spPr>
          <a:xfrm>
            <a:off x="609600" y="2819400"/>
            <a:ext cx="7924800" cy="3886200"/>
          </a:xfrm>
        </p:spPr>
        <p:txBody>
          <a:bodyPr/>
          <a:lstStyle/>
          <a:p>
            <a:pPr marL="288925" indent="-288925">
              <a:spcBef>
                <a:spcPts val="600"/>
              </a:spcBef>
              <a:spcAft>
                <a:spcPts val="600"/>
              </a:spcAft>
              <a:tabLst>
                <a:tab pos="7658100" algn="r"/>
              </a:tabLst>
            </a:pPr>
            <a:r>
              <a:rPr lang="en-US" dirty="0" smtClean="0"/>
              <a:t>SWP/CVP Bio Op Mandates (25,000 acres)</a:t>
            </a:r>
          </a:p>
          <a:p>
            <a:pPr marL="806450" lvl="1" indent="-288925">
              <a:spcBef>
                <a:spcPts val="600"/>
              </a:spcBef>
              <a:spcAft>
                <a:spcPts val="600"/>
              </a:spcAft>
              <a:tabLst>
                <a:tab pos="7658100" algn="r"/>
              </a:tabLst>
            </a:pPr>
            <a:r>
              <a:rPr lang="en-US" dirty="0">
                <a:solidFill>
                  <a:schemeClr val="tx1"/>
                </a:solidFill>
              </a:rPr>
              <a:t>Floodplain Restoration (</a:t>
            </a:r>
            <a:r>
              <a:rPr lang="en-US" dirty="0" smtClean="0">
                <a:solidFill>
                  <a:schemeClr val="tx1"/>
                </a:solidFill>
              </a:rPr>
              <a:t>17,000 </a:t>
            </a:r>
            <a:r>
              <a:rPr lang="en-US" dirty="0">
                <a:solidFill>
                  <a:schemeClr val="tx1"/>
                </a:solidFill>
              </a:rPr>
              <a:t>ac</a:t>
            </a:r>
            <a:r>
              <a:rPr lang="en-US" dirty="0" smtClean="0">
                <a:solidFill>
                  <a:schemeClr val="tx1"/>
                </a:solidFill>
              </a:rPr>
              <a:t>.)	$719 M</a:t>
            </a:r>
          </a:p>
          <a:p>
            <a:pPr marL="806450" lvl="1" indent="-288925">
              <a:spcBef>
                <a:spcPts val="600"/>
              </a:spcBef>
              <a:spcAft>
                <a:spcPts val="600"/>
              </a:spcAft>
              <a:tabLst>
                <a:tab pos="7658100" algn="r"/>
              </a:tabLst>
            </a:pPr>
            <a:r>
              <a:rPr lang="en-US" dirty="0">
                <a:solidFill>
                  <a:schemeClr val="tx1"/>
                </a:solidFill>
              </a:rPr>
              <a:t>Tidal Habitat </a:t>
            </a:r>
            <a:r>
              <a:rPr lang="en-US" dirty="0" smtClean="0">
                <a:solidFill>
                  <a:schemeClr val="tx1"/>
                </a:solidFill>
              </a:rPr>
              <a:t>(8,000 </a:t>
            </a:r>
            <a:r>
              <a:rPr lang="en-US" dirty="0">
                <a:solidFill>
                  <a:schemeClr val="tx1"/>
                </a:solidFill>
              </a:rPr>
              <a:t>ac</a:t>
            </a:r>
            <a:r>
              <a:rPr lang="en-US" dirty="0" smtClean="0">
                <a:solidFill>
                  <a:schemeClr val="tx1"/>
                </a:solidFill>
              </a:rPr>
              <a:t>.)	$235 M</a:t>
            </a:r>
            <a:endParaRPr lang="en-US" dirty="0">
              <a:solidFill>
                <a:schemeClr val="tx1"/>
              </a:solidFill>
            </a:endParaRPr>
          </a:p>
          <a:p>
            <a:pPr marL="288925" indent="-288925">
              <a:spcBef>
                <a:spcPts val="600"/>
              </a:spcBef>
              <a:spcAft>
                <a:spcPts val="600"/>
              </a:spcAft>
              <a:tabLst>
                <a:tab pos="7658100" algn="r"/>
              </a:tabLst>
            </a:pPr>
            <a:r>
              <a:rPr lang="en-US" dirty="0" smtClean="0"/>
              <a:t>State Proposition 1 Grants (5,000 acres)</a:t>
            </a:r>
          </a:p>
          <a:p>
            <a:pPr marL="806450" lvl="1" indent="-288925">
              <a:spcBef>
                <a:spcPts val="600"/>
              </a:spcBef>
              <a:spcAft>
                <a:spcPts val="600"/>
              </a:spcAft>
              <a:tabLst>
                <a:tab pos="7658100" algn="r"/>
              </a:tabLst>
            </a:pPr>
            <a:r>
              <a:rPr lang="en-US" dirty="0">
                <a:solidFill>
                  <a:schemeClr val="tx1"/>
                </a:solidFill>
              </a:rPr>
              <a:t>Floodplain Restoration </a:t>
            </a:r>
            <a:r>
              <a:rPr lang="en-US" dirty="0" smtClean="0">
                <a:solidFill>
                  <a:schemeClr val="tx1"/>
                </a:solidFill>
              </a:rPr>
              <a:t>(500 </a:t>
            </a:r>
            <a:r>
              <a:rPr lang="en-US" dirty="0">
                <a:solidFill>
                  <a:schemeClr val="tx1"/>
                </a:solidFill>
              </a:rPr>
              <a:t>ac</a:t>
            </a:r>
            <a:r>
              <a:rPr lang="en-US" dirty="0" smtClean="0">
                <a:solidFill>
                  <a:schemeClr val="tx1"/>
                </a:solidFill>
              </a:rPr>
              <a:t>.)	$21 M</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Managed Wetlands (3,500 ac.)</a:t>
            </a:r>
            <a:r>
              <a:rPr lang="en-US" dirty="0">
                <a:solidFill>
                  <a:schemeClr val="tx1"/>
                </a:solidFill>
              </a:rPr>
              <a:t>	</a:t>
            </a:r>
            <a:r>
              <a:rPr lang="en-US" dirty="0" smtClean="0">
                <a:solidFill>
                  <a:schemeClr val="tx1"/>
                </a:solidFill>
              </a:rPr>
              <a:t>$40 M</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Tidal Habitat (1,000 ac.)</a:t>
            </a:r>
            <a:r>
              <a:rPr lang="en-US" dirty="0">
                <a:solidFill>
                  <a:schemeClr val="tx1"/>
                </a:solidFill>
              </a:rPr>
              <a:t>	</a:t>
            </a:r>
            <a:r>
              <a:rPr lang="en-US" dirty="0" smtClean="0">
                <a:solidFill>
                  <a:schemeClr val="tx1"/>
                </a:solidFill>
              </a:rPr>
              <a:t>$29 M</a:t>
            </a:r>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81000" y="1143000"/>
            <a:ext cx="4480560" cy="1445084"/>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bwMode="auto">
          <a:xfrm>
            <a:off x="6172200" y="1865542"/>
            <a:ext cx="2667000" cy="420458"/>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latin typeface="Segoe" pitchFamily="34" charset="0"/>
              </a:rPr>
              <a:t>Add Assumptions</a:t>
            </a:r>
          </a:p>
        </p:txBody>
      </p:sp>
    </p:spTree>
    <p:extLst>
      <p:ext uri="{BB962C8B-B14F-4D97-AF65-F5344CB8AC3E}">
        <p14:creationId xmlns:p14="http://schemas.microsoft.com/office/powerpoint/2010/main" val="798990786"/>
      </p:ext>
    </p:extLst>
  </p:cSld>
  <p:clrMapOvr>
    <a:masterClrMapping/>
  </p:clrMapOvr>
  <p:transition spd="slow">
    <p:fade/>
  </p:transition>
  <p:timing>
    <p:tnLst>
      <p:par>
        <p:cTn id="1" dur="indefinite" restart="never" nodeType="tmRoot"/>
      </p:par>
    </p:tnLst>
  </p:timing>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pPr algn="ctr"/>
            <a:r>
              <a:rPr lang="en-US" dirty="0" smtClean="0"/>
              <a:t>MWD water sales average 2.0 million ft.</a:t>
            </a:r>
            <a:endParaRPr lang="en-US" sz="4000" dirty="0"/>
          </a:p>
        </p:txBody>
      </p:sp>
      <p:graphicFrame>
        <p:nvGraphicFramePr>
          <p:cNvPr id="3" name="Content Placeholder 3"/>
          <p:cNvGraphicFramePr>
            <a:graphicFrameLocks/>
          </p:cNvGraphicFramePr>
          <p:nvPr>
            <p:extLst>
              <p:ext uri="{D42A27DB-BD31-4B8C-83A1-F6EECF244321}">
                <p14:modId xmlns:p14="http://schemas.microsoft.com/office/powerpoint/2010/main" val="2353514825"/>
              </p:ext>
            </p:extLst>
          </p:nvPr>
        </p:nvGraphicFramePr>
        <p:xfrm>
          <a:off x="152400" y="1564105"/>
          <a:ext cx="8763000" cy="4760495"/>
        </p:xfrm>
        <a:graphic>
          <a:graphicData uri="http://schemas.openxmlformats.org/drawingml/2006/chart">
            <c:chart xmlns:c="http://schemas.openxmlformats.org/drawingml/2006/chart" xmlns:r="http://schemas.openxmlformats.org/officeDocument/2006/relationships" r:id="rId3"/>
          </a:graphicData>
        </a:graphic>
      </p:graphicFrame>
      <p:sp>
        <p:nvSpPr>
          <p:cNvPr id="4" name="Rectangle 3"/>
          <p:cNvSpPr/>
          <p:nvPr/>
        </p:nvSpPr>
        <p:spPr>
          <a:xfrm>
            <a:off x="160421" y="6466456"/>
            <a:ext cx="1636089" cy="307777"/>
          </a:xfrm>
          <a:prstGeom prst="rect">
            <a:avLst/>
          </a:prstGeom>
        </p:spPr>
        <p:txBody>
          <a:bodyPr wrap="none">
            <a:spAutoFit/>
          </a:bodyPr>
          <a:lstStyle/>
          <a:p>
            <a:r>
              <a:rPr lang="en-US" sz="1400" dirty="0">
                <a:solidFill>
                  <a:srgbClr val="FFC000"/>
                </a:solidFill>
                <a:latin typeface="+mn-lt"/>
              </a:rPr>
              <a:t>* </a:t>
            </a:r>
            <a:r>
              <a:rPr lang="en-US" sz="1400" i="1" dirty="0">
                <a:solidFill>
                  <a:srgbClr val="FFC000"/>
                </a:solidFill>
                <a:latin typeface="+mn-lt"/>
              </a:rPr>
              <a:t>Includes Exchange</a:t>
            </a:r>
          </a:p>
        </p:txBody>
      </p:sp>
    </p:spTree>
    <p:extLst>
      <p:ext uri="{BB962C8B-B14F-4D97-AF65-F5344CB8AC3E}">
        <p14:creationId xmlns:p14="http://schemas.microsoft.com/office/powerpoint/2010/main" val="4238874091"/>
      </p:ext>
    </p:extLst>
  </p:cSld>
  <p:clrMapOvr>
    <a:masterClrMapping/>
  </p:clrMapOvr>
  <p:transition spd="slow">
    <p:fade/>
  </p:transition>
  <p:timing>
    <p:tnLst>
      <p:par>
        <p:cTn id="1" dur="indefinite" restart="never" nodeType="tmRoot"/>
      </p:par>
    </p:tnLst>
  </p:timing>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0" name="Chart 19"/>
          <p:cNvGraphicFramePr/>
          <p:nvPr>
            <p:extLst>
              <p:ext uri="{D42A27DB-BD31-4B8C-83A1-F6EECF244321}">
                <p14:modId xmlns:p14="http://schemas.microsoft.com/office/powerpoint/2010/main" val="1945235926"/>
              </p:ext>
            </p:extLst>
          </p:nvPr>
        </p:nvGraphicFramePr>
        <p:xfrm>
          <a:off x="152400" y="1176436"/>
          <a:ext cx="8763000" cy="5482525"/>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p:cNvSpPr txBox="1"/>
          <p:nvPr/>
        </p:nvSpPr>
        <p:spPr>
          <a:xfrm>
            <a:off x="7164881" y="4960430"/>
            <a:ext cx="609600" cy="461665"/>
          </a:xfrm>
          <a:prstGeom prst="rect">
            <a:avLst/>
          </a:prstGeom>
          <a:noFill/>
          <a:effectLst/>
        </p:spPr>
        <p:txBody>
          <a:bodyPr wrap="square" rtlCol="0">
            <a:spAutoFit/>
          </a:bodyPr>
          <a:lstStyle/>
          <a:p>
            <a:pPr algn="ctr"/>
            <a:r>
              <a:rPr lang="en-US" sz="2400" b="1" dirty="0" smtClean="0"/>
              <a:t>0.9</a:t>
            </a:r>
            <a:endParaRPr lang="en-US" sz="2400" b="1" dirty="0"/>
          </a:p>
        </p:txBody>
      </p:sp>
      <p:sp>
        <p:nvSpPr>
          <p:cNvPr id="8" name="Rectangle 7"/>
          <p:cNvSpPr/>
          <p:nvPr/>
        </p:nvSpPr>
        <p:spPr bwMode="auto">
          <a:xfrm>
            <a:off x="7849371" y="5554695"/>
            <a:ext cx="538542" cy="510493"/>
          </a:xfrm>
          <a:prstGeom prst="rect">
            <a:avLst/>
          </a:prstGeom>
          <a:gradFill flip="none" rotWithShape="1">
            <a:gsLst>
              <a:gs pos="0">
                <a:srgbClr val="FF9933">
                  <a:shade val="30000"/>
                  <a:satMod val="115000"/>
                </a:srgbClr>
              </a:gs>
              <a:gs pos="50000">
                <a:srgbClr val="FF9933">
                  <a:shade val="67500"/>
                  <a:satMod val="115000"/>
                </a:srgbClr>
              </a:gs>
              <a:gs pos="100000">
                <a:srgbClr val="FF9933">
                  <a:shade val="100000"/>
                  <a:satMod val="115000"/>
                </a:srgbClr>
              </a:gs>
            </a:gsLst>
            <a:lin ang="10800000" scaled="1"/>
            <a:tileRect/>
          </a:gradFill>
          <a:ln>
            <a:headEnd type="none" w="med" len="med"/>
            <a:tailEnd type="none" w="med" len="med"/>
          </a:ln>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9" name="Rectangle 8"/>
          <p:cNvSpPr/>
          <p:nvPr/>
        </p:nvSpPr>
        <p:spPr bwMode="auto">
          <a:xfrm>
            <a:off x="7852586" y="4960430"/>
            <a:ext cx="538542" cy="589592"/>
          </a:xfrm>
          <a:prstGeom prst="rect">
            <a:avLst/>
          </a:prstGeom>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Rectangle 9"/>
          <p:cNvSpPr/>
          <p:nvPr/>
        </p:nvSpPr>
        <p:spPr bwMode="auto">
          <a:xfrm>
            <a:off x="7851009" y="4630346"/>
            <a:ext cx="540994" cy="331596"/>
          </a:xfrm>
          <a:prstGeom prst="rect">
            <a:avLst/>
          </a:prstGeom>
          <a:pattFill prst="wdUpDiag">
            <a:fgClr>
              <a:schemeClr val="tx1"/>
            </a:fgClr>
            <a:bgClr>
              <a:schemeClr val="accent5">
                <a:lumMod val="75000"/>
              </a:schemeClr>
            </a:bgClr>
          </a:pattFill>
          <a:ln>
            <a:noFill/>
            <a:headEnd type="none" w="med" len="med"/>
            <a:tailEnd type="none" w="med" len="med"/>
          </a:ln>
          <a:effectLst/>
        </p:spPr>
        <p:style>
          <a:lnRef idx="1">
            <a:schemeClr val="accent3"/>
          </a:lnRef>
          <a:fillRef idx="3">
            <a:schemeClr val="accent3"/>
          </a:fillRef>
          <a:effectRef idx="2">
            <a:schemeClr val="accent3"/>
          </a:effectRef>
          <a:fontRef idx="minor">
            <a:schemeClr val="lt1"/>
          </a:fontRef>
        </p:style>
        <p:txBody>
          <a:bodyPr vert="horz" wrap="square" lIns="91436" tIns="45718" rIns="91436" bIns="45718" numCol="1" rtlCol="0" anchor="ctr" anchorCtr="0" compatLnSpc="1">
            <a:prstTxWarp prst="textNoShape">
              <a:avLst/>
            </a:prstTxWarp>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dirty="0"/>
          </a:p>
        </p:txBody>
      </p:sp>
      <p:sp>
        <p:nvSpPr>
          <p:cNvPr id="11" name="TextBox 10"/>
          <p:cNvSpPr txBox="1"/>
          <p:nvPr/>
        </p:nvSpPr>
        <p:spPr>
          <a:xfrm>
            <a:off x="7770848" y="5007735"/>
            <a:ext cx="721642" cy="461665"/>
          </a:xfrm>
          <a:prstGeom prst="rect">
            <a:avLst/>
          </a:prstGeom>
          <a:noFill/>
          <a:effectLst/>
        </p:spPr>
        <p:txBody>
          <a:bodyPr wrap="square" rtlCol="0">
            <a:spAutoFit/>
          </a:bodyPr>
          <a:lstStyle/>
          <a:p>
            <a:pPr algn="ctr"/>
            <a:r>
              <a:rPr lang="en-US" sz="2400" b="1" dirty="0" smtClean="0"/>
              <a:t>0.8</a:t>
            </a:r>
            <a:endParaRPr lang="en-US" sz="2400" b="1" dirty="0"/>
          </a:p>
        </p:txBody>
      </p:sp>
      <p:sp>
        <p:nvSpPr>
          <p:cNvPr id="13" name="TextBox 12"/>
          <p:cNvSpPr txBox="1"/>
          <p:nvPr/>
        </p:nvSpPr>
        <p:spPr>
          <a:xfrm>
            <a:off x="7805255" y="3635385"/>
            <a:ext cx="618548" cy="707886"/>
          </a:xfrm>
          <a:prstGeom prst="rect">
            <a:avLst/>
          </a:prstGeom>
          <a:noFill/>
          <a:effectLst/>
        </p:spPr>
        <p:txBody>
          <a:bodyPr wrap="square" rtlCol="0">
            <a:spAutoFit/>
          </a:bodyPr>
          <a:lstStyle/>
          <a:p>
            <a:pPr algn="ctr"/>
            <a:r>
              <a:rPr lang="en-US" sz="4000" b="1" dirty="0" smtClean="0">
                <a:ln w="900" cmpd="sng">
                  <a:solidFill>
                    <a:schemeClr val="accent1">
                      <a:satMod val="190000"/>
                      <a:alpha val="55000"/>
                    </a:schemeClr>
                  </a:solidFill>
                  <a:prstDash val="solid"/>
                </a:ln>
                <a:solidFill>
                  <a:schemeClr val="tx1">
                    <a:lumMod val="85000"/>
                  </a:schemeClr>
                </a:solidFill>
                <a:effectLst>
                  <a:innerShdw blurRad="101600" dist="76200" dir="5400000">
                    <a:schemeClr val="accent1">
                      <a:satMod val="190000"/>
                      <a:tint val="100000"/>
                      <a:alpha val="74000"/>
                    </a:schemeClr>
                  </a:innerShdw>
                </a:effectLst>
              </a:rPr>
              <a:t>?</a:t>
            </a:r>
            <a:endParaRPr lang="en-US" sz="4000" b="1" dirty="0">
              <a:ln w="900" cmpd="sng">
                <a:solidFill>
                  <a:schemeClr val="accent1">
                    <a:satMod val="190000"/>
                    <a:alpha val="55000"/>
                  </a:schemeClr>
                </a:solidFill>
                <a:prstDash val="solid"/>
              </a:ln>
              <a:solidFill>
                <a:schemeClr val="tx1">
                  <a:lumMod val="85000"/>
                </a:schemeClr>
              </a:solidFill>
              <a:effectLst>
                <a:innerShdw blurRad="101600" dist="76200" dir="5400000">
                  <a:schemeClr val="accent1">
                    <a:satMod val="190000"/>
                    <a:tint val="100000"/>
                    <a:alpha val="74000"/>
                  </a:schemeClr>
                </a:innerShdw>
              </a:effectLst>
            </a:endParaRPr>
          </a:p>
        </p:txBody>
      </p:sp>
      <p:sp>
        <p:nvSpPr>
          <p:cNvPr id="14" name="Rectangle 13"/>
          <p:cNvSpPr/>
          <p:nvPr/>
        </p:nvSpPr>
        <p:spPr bwMode="auto">
          <a:xfrm>
            <a:off x="7859974" y="3392905"/>
            <a:ext cx="508581" cy="1192847"/>
          </a:xfrm>
          <a:prstGeom prst="rect">
            <a:avLst/>
          </a:prstGeom>
          <a:noFill/>
          <a:ln w="28575">
            <a:solidFill>
              <a:schemeClr val="tx1">
                <a:lumMod val="85000"/>
              </a:schemeClr>
            </a:solidFill>
            <a:prstDash val="dash"/>
            <a:headEnd type="none" w="med" len="med"/>
            <a:tailEnd type="none" w="med" len="med"/>
          </a:ln>
          <a:effectLst/>
        </p:spPr>
        <p:style>
          <a:lnRef idx="1">
            <a:schemeClr val="accent3"/>
          </a:lnRef>
          <a:fillRef idx="3">
            <a:schemeClr val="accent3"/>
          </a:fillRef>
          <a:effectRef idx="2">
            <a:schemeClr val="accent3"/>
          </a:effectRef>
          <a:fontRef idx="minor">
            <a:schemeClr val="lt1"/>
          </a:fontRef>
        </p:style>
        <p:txBody>
          <a:bodyPr vert="horz" wrap="square" lIns="91436" tIns="45718" rIns="91436" bIns="45718" numCol="1" rtlCol="0" anchor="ctr" anchorCtr="0" compatLnSpc="1">
            <a:prstTxWarp prst="textNoShape">
              <a:avLst/>
            </a:prstTxWarp>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dirty="0"/>
          </a:p>
        </p:txBody>
      </p:sp>
      <p:sp>
        <p:nvSpPr>
          <p:cNvPr id="2" name="Title 1"/>
          <p:cNvSpPr>
            <a:spLocks noGrp="1"/>
          </p:cNvSpPr>
          <p:nvPr>
            <p:ph type="title"/>
          </p:nvPr>
        </p:nvSpPr>
        <p:spPr>
          <a:xfrm>
            <a:off x="541421" y="287153"/>
            <a:ext cx="8229600" cy="984885"/>
          </a:xfrm>
        </p:spPr>
        <p:txBody>
          <a:bodyPr/>
          <a:lstStyle/>
          <a:p>
            <a:pPr>
              <a:lnSpc>
                <a:spcPct val="80000"/>
              </a:lnSpc>
            </a:pPr>
            <a:r>
              <a:rPr lang="en-US" sz="4000" dirty="0"/>
              <a:t>Regional Storage Reserves Could be Higher with </a:t>
            </a:r>
            <a:r>
              <a:rPr lang="en-US" sz="4000" dirty="0" smtClean="0"/>
              <a:t>California WaterFix</a:t>
            </a:r>
            <a:endParaRPr lang="en-US" sz="3200" dirty="0">
              <a:solidFill>
                <a:schemeClr val="tx1"/>
              </a:solidFill>
            </a:endParaRPr>
          </a:p>
        </p:txBody>
      </p:sp>
      <p:sp>
        <p:nvSpPr>
          <p:cNvPr id="12" name="TextBox 11"/>
          <p:cNvSpPr txBox="1"/>
          <p:nvPr/>
        </p:nvSpPr>
        <p:spPr>
          <a:xfrm>
            <a:off x="5338692" y="6505073"/>
            <a:ext cx="3119508" cy="307777"/>
          </a:xfrm>
          <a:prstGeom prst="rect">
            <a:avLst/>
          </a:prstGeom>
          <a:noFill/>
        </p:spPr>
        <p:txBody>
          <a:bodyPr wrap="none" rtlCol="0">
            <a:spAutoFit/>
          </a:bodyPr>
          <a:lstStyle/>
          <a:p>
            <a:r>
              <a:rPr lang="en-US" sz="1400" i="1" dirty="0" smtClean="0">
                <a:solidFill>
                  <a:srgbClr val="FFC000"/>
                </a:solidFill>
                <a:latin typeface="+mn-lt"/>
              </a:rPr>
              <a:t>Storage represents end-of-year balances</a:t>
            </a:r>
            <a:endParaRPr lang="en-US" sz="1400" i="1" dirty="0">
              <a:solidFill>
                <a:srgbClr val="FFC000"/>
              </a:solidFill>
              <a:latin typeface="+mn-lt"/>
            </a:endParaRPr>
          </a:p>
        </p:txBody>
      </p:sp>
      <p:sp>
        <p:nvSpPr>
          <p:cNvPr id="15" name="Rounded Rectangle 14"/>
          <p:cNvSpPr/>
          <p:nvPr/>
        </p:nvSpPr>
        <p:spPr bwMode="auto">
          <a:xfrm>
            <a:off x="3657600" y="4253922"/>
            <a:ext cx="3581400" cy="1143000"/>
          </a:xfrm>
          <a:prstGeom prst="roundRect">
            <a:avLst/>
          </a:prstGeom>
          <a:ln>
            <a:headEnd type="none" w="med" len="med"/>
            <a:tailEnd type="none" w="med" len="med"/>
          </a:ln>
          <a:effectLst>
            <a:glow rad="101600">
              <a:schemeClr val="accent6">
                <a:satMod val="175000"/>
                <a:alpha val="40000"/>
              </a:schemeClr>
            </a:glow>
            <a:outerShdw blurRad="50800" dist="38100" dir="5400000" rotWithShape="0">
              <a:srgbClr val="000000">
                <a:alpha val="35000"/>
              </a:srgbClr>
            </a:outerShdw>
          </a:effectLst>
          <a:scene3d>
            <a:camera prst="orthographicFront"/>
            <a:lightRig rig="threePt" dir="t"/>
          </a:scene3d>
          <a:sp3d>
            <a:bevelT/>
          </a:sp3d>
        </p:spPr>
        <p:style>
          <a:lnRef idx="1">
            <a:schemeClr val="accent6"/>
          </a:lnRef>
          <a:fillRef idx="2">
            <a:schemeClr val="accent6"/>
          </a:fillRef>
          <a:effectRef idx="1">
            <a:schemeClr val="accent6"/>
          </a:effectRef>
          <a:fontRef idx="minor">
            <a:schemeClr val="dk1"/>
          </a:fontRef>
        </p:style>
        <p:txBody>
          <a:bodyPr vert="horz" wrap="square" lIns="91436" tIns="45718" rIns="91436" bIns="45718" numCol="1" rtlCol="0" anchor="ctr" anchorCtr="0" compatLnSpc="1">
            <a:prstTxWarp prst="textNoShape">
              <a:avLst/>
            </a:prstTxWarp>
          </a:bodyPr>
          <a:lstStyle>
            <a:lvl1pPr marL="0" indent="0">
              <a:defRPr sz="1100">
                <a:solidFill>
                  <a:schemeClr val="dk1"/>
                </a:solidFill>
                <a:latin typeface="+mn-lt"/>
                <a:ea typeface="+mn-ea"/>
                <a:cs typeface="+mn-cs"/>
              </a:defRPr>
            </a:lvl1pPr>
            <a:lvl2pPr marL="457200" indent="0">
              <a:defRPr sz="1100">
                <a:solidFill>
                  <a:schemeClr val="dk1"/>
                </a:solidFill>
                <a:latin typeface="+mn-lt"/>
                <a:ea typeface="+mn-ea"/>
                <a:cs typeface="+mn-cs"/>
              </a:defRPr>
            </a:lvl2pPr>
            <a:lvl3pPr marL="914400" indent="0">
              <a:defRPr sz="1100">
                <a:solidFill>
                  <a:schemeClr val="dk1"/>
                </a:solidFill>
                <a:latin typeface="+mn-lt"/>
                <a:ea typeface="+mn-ea"/>
                <a:cs typeface="+mn-cs"/>
              </a:defRPr>
            </a:lvl3pPr>
            <a:lvl4pPr marL="1371600" indent="0">
              <a:defRPr sz="1100">
                <a:solidFill>
                  <a:schemeClr val="dk1"/>
                </a:solidFill>
                <a:latin typeface="+mn-lt"/>
                <a:ea typeface="+mn-ea"/>
                <a:cs typeface="+mn-cs"/>
              </a:defRPr>
            </a:lvl4pPr>
            <a:lvl5pPr marL="1828800" indent="0">
              <a:defRPr sz="1100">
                <a:solidFill>
                  <a:schemeClr val="dk1"/>
                </a:solidFill>
                <a:latin typeface="+mn-lt"/>
                <a:ea typeface="+mn-ea"/>
                <a:cs typeface="+mn-cs"/>
              </a:defRPr>
            </a:lvl5pPr>
            <a:lvl6pPr marL="2286000" indent="0">
              <a:defRPr sz="1100">
                <a:solidFill>
                  <a:schemeClr val="dk1"/>
                </a:solidFill>
                <a:latin typeface="+mn-lt"/>
                <a:ea typeface="+mn-ea"/>
                <a:cs typeface="+mn-cs"/>
              </a:defRPr>
            </a:lvl6pPr>
            <a:lvl7pPr marL="2743200" indent="0">
              <a:defRPr sz="1100">
                <a:solidFill>
                  <a:schemeClr val="dk1"/>
                </a:solidFill>
                <a:latin typeface="+mn-lt"/>
                <a:ea typeface="+mn-ea"/>
                <a:cs typeface="+mn-cs"/>
              </a:defRPr>
            </a:lvl7pPr>
            <a:lvl8pPr marL="3200400" indent="0">
              <a:defRPr sz="1100">
                <a:solidFill>
                  <a:schemeClr val="dk1"/>
                </a:solidFill>
                <a:latin typeface="+mn-lt"/>
                <a:ea typeface="+mn-ea"/>
                <a:cs typeface="+mn-cs"/>
              </a:defRPr>
            </a:lvl8pPr>
            <a:lvl9pPr marL="3657600" indent="0">
              <a:defRPr sz="1100">
                <a:solidFill>
                  <a:schemeClr val="dk1"/>
                </a:solidFill>
                <a:latin typeface="+mn-lt"/>
                <a:ea typeface="+mn-ea"/>
                <a:cs typeface="+mn-cs"/>
              </a:defRPr>
            </a:lvl9pPr>
          </a:lstStyle>
          <a:p>
            <a:pPr algn="ctr">
              <a:lnSpc>
                <a:spcPct val="80000"/>
              </a:lnSpc>
            </a:pPr>
            <a:r>
              <a:rPr lang="en-US" sz="2800" b="1" dirty="0" smtClean="0"/>
              <a:t>1.43</a:t>
            </a:r>
            <a:r>
              <a:rPr lang="en-US" sz="2800" b="1" dirty="0" smtClean="0">
                <a:effectLst/>
              </a:rPr>
              <a:t> million AF of</a:t>
            </a:r>
          </a:p>
          <a:p>
            <a:pPr algn="ctr">
              <a:lnSpc>
                <a:spcPct val="80000"/>
              </a:lnSpc>
            </a:pPr>
            <a:r>
              <a:rPr lang="en-US" sz="2800" b="1" dirty="0" smtClean="0">
                <a:effectLst/>
              </a:rPr>
              <a:t>additional storage entering 2016</a:t>
            </a:r>
            <a:endParaRPr lang="en-US" sz="2800" b="1" dirty="0">
              <a:effectLst/>
            </a:endParaRPr>
          </a:p>
        </p:txBody>
      </p:sp>
      <p:sp>
        <p:nvSpPr>
          <p:cNvPr id="17" name="TextBox 16"/>
          <p:cNvSpPr txBox="1"/>
          <p:nvPr/>
        </p:nvSpPr>
        <p:spPr>
          <a:xfrm>
            <a:off x="7766599" y="4577602"/>
            <a:ext cx="721642" cy="461665"/>
          </a:xfrm>
          <a:prstGeom prst="rect">
            <a:avLst/>
          </a:prstGeom>
          <a:noFill/>
          <a:effectLst>
            <a:glow rad="139700">
              <a:schemeClr val="accent4">
                <a:satMod val="175000"/>
                <a:alpha val="40000"/>
              </a:schemeClr>
            </a:glow>
          </a:effectLst>
        </p:spPr>
        <p:txBody>
          <a:bodyPr wrap="square" rtlCol="0">
            <a:spAutoFit/>
          </a:bodyPr>
          <a:lstStyle/>
          <a:p>
            <a:pPr algn="ctr"/>
            <a:r>
              <a:rPr lang="en-US" sz="2400" b="1" dirty="0" smtClean="0">
                <a:effectLst>
                  <a:glow rad="101600">
                    <a:schemeClr val="bg2">
                      <a:alpha val="60000"/>
                    </a:schemeClr>
                  </a:glow>
                </a:effectLst>
              </a:rPr>
              <a:t>0.4</a:t>
            </a:r>
            <a:endParaRPr lang="en-US" sz="2400" b="1" dirty="0">
              <a:effectLst>
                <a:glow rad="101600">
                  <a:schemeClr val="bg2">
                    <a:alpha val="60000"/>
                  </a:schemeClr>
                </a:glow>
              </a:effectLst>
            </a:endParaRPr>
          </a:p>
        </p:txBody>
      </p:sp>
      <p:sp>
        <p:nvSpPr>
          <p:cNvPr id="16" name="Round Same Side Corner Rectangle 15"/>
          <p:cNvSpPr/>
          <p:nvPr/>
        </p:nvSpPr>
        <p:spPr bwMode="auto">
          <a:xfrm>
            <a:off x="2447731" y="6504993"/>
            <a:ext cx="1295400" cy="200528"/>
          </a:xfrm>
          <a:prstGeom prst="round2Same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400" dirty="0" smtClean="0">
                <a:solidFill>
                  <a:srgbClr val="FFFFFF"/>
                </a:solidFill>
                <a:effectLst>
                  <a:outerShdw blurRad="38100" dist="38100" dir="2700000" algn="tl">
                    <a:srgbClr val="000000">
                      <a:alpha val="43137"/>
                    </a:srgbClr>
                  </a:outerShdw>
                </a:effectLst>
                <a:latin typeface="Segoe" pitchFamily="34" charset="0"/>
              </a:rPr>
              <a:t>BiOps</a:t>
            </a:r>
          </a:p>
        </p:txBody>
      </p:sp>
    </p:spTree>
    <p:extLst>
      <p:ext uri="{BB962C8B-B14F-4D97-AF65-F5344CB8AC3E}">
        <p14:creationId xmlns:p14="http://schemas.microsoft.com/office/powerpoint/2010/main" val="3386415233"/>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20">
                                            <p:graphicEl>
                                              <a:chart seriesIdx="0" categoryIdx="-4" bldStep="series"/>
                                            </p:graphicEl>
                                          </p:spTgt>
                                        </p:tgtEl>
                                        <p:attrNameLst>
                                          <p:attrName>style.visibility</p:attrName>
                                        </p:attrNameLst>
                                      </p:cBhvr>
                                      <p:to>
                                        <p:strVal val="visible"/>
                                      </p:to>
                                    </p:set>
                                    <p:animEffect transition="in" filter="wipe(down)">
                                      <p:cBhvr>
                                        <p:cTn id="7" dur="1000"/>
                                        <p:tgtEl>
                                          <p:spTgt spid="20">
                                            <p:graphicEl>
                                              <a:chart seriesIdx="0" categoryIdx="-4" bldStep="series"/>
                                            </p:graphic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4" fill="hold" grpId="0" nodeType="clickEffect">
                                  <p:stCondLst>
                                    <p:cond delay="0"/>
                                  </p:stCondLst>
                                  <p:childTnLst>
                                    <p:set>
                                      <p:cBhvr>
                                        <p:cTn id="11" dur="1" fill="hold">
                                          <p:stCondLst>
                                            <p:cond delay="0"/>
                                          </p:stCondLst>
                                        </p:cTn>
                                        <p:tgtEl>
                                          <p:spTgt spid="20">
                                            <p:graphicEl>
                                              <a:chart seriesIdx="1" categoryIdx="-4" bldStep="series"/>
                                            </p:graphicEl>
                                          </p:spTgt>
                                        </p:tgtEl>
                                        <p:attrNameLst>
                                          <p:attrName>style.visibility</p:attrName>
                                        </p:attrNameLst>
                                      </p:cBhvr>
                                      <p:to>
                                        <p:strVal val="visible"/>
                                      </p:to>
                                    </p:set>
                                    <p:animEffect transition="in" filter="wipe(down)">
                                      <p:cBhvr>
                                        <p:cTn id="12" dur="1000"/>
                                        <p:tgtEl>
                                          <p:spTgt spid="20">
                                            <p:graphicEl>
                                              <a:chart seriesIdx="1" categoryIdx="-4" bldStep="series"/>
                                            </p:graphic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grpId="0" nodeType="clickEffect">
                                  <p:stCondLst>
                                    <p:cond delay="0"/>
                                  </p:stCondLst>
                                  <p:childTnLst>
                                    <p:set>
                                      <p:cBhvr>
                                        <p:cTn id="16" dur="1" fill="hold">
                                          <p:stCondLst>
                                            <p:cond delay="0"/>
                                          </p:stCondLst>
                                        </p:cTn>
                                        <p:tgtEl>
                                          <p:spTgt spid="20">
                                            <p:graphicEl>
                                              <a:chart seriesIdx="2" categoryIdx="-4" bldStep="series"/>
                                            </p:graphicEl>
                                          </p:spTgt>
                                        </p:tgtEl>
                                        <p:attrNameLst>
                                          <p:attrName>style.visibility</p:attrName>
                                        </p:attrNameLst>
                                      </p:cBhvr>
                                      <p:to>
                                        <p:strVal val="visible"/>
                                      </p:to>
                                    </p:set>
                                    <p:animEffect transition="in" filter="wipe(down)">
                                      <p:cBhvr>
                                        <p:cTn id="17" dur="1000"/>
                                        <p:tgtEl>
                                          <p:spTgt spid="20">
                                            <p:graphicEl>
                                              <a:chart seriesIdx="2" categoryIdx="-4" bldStep="series"/>
                                            </p:graphicEl>
                                          </p:spTgt>
                                        </p:tgtEl>
                                      </p:cBhvr>
                                    </p:animEffect>
                                  </p:childTnLst>
                                </p:cTn>
                              </p:par>
                              <p:par>
                                <p:cTn id="18" presetID="22" presetClass="entr" presetSubtype="4" fill="hold" grpId="0" nodeType="withEffect">
                                  <p:stCondLst>
                                    <p:cond delay="0"/>
                                  </p:stCondLst>
                                  <p:childTnLst>
                                    <p:set>
                                      <p:cBhvr>
                                        <p:cTn id="19" dur="1" fill="hold">
                                          <p:stCondLst>
                                            <p:cond delay="0"/>
                                          </p:stCondLst>
                                        </p:cTn>
                                        <p:tgtEl>
                                          <p:spTgt spid="14"/>
                                        </p:tgtEl>
                                        <p:attrNameLst>
                                          <p:attrName>style.visibility</p:attrName>
                                        </p:attrNameLst>
                                      </p:cBhvr>
                                      <p:to>
                                        <p:strVal val="visible"/>
                                      </p:to>
                                    </p:set>
                                    <p:animEffect transition="in" filter="wipe(down)">
                                      <p:cBhvr>
                                        <p:cTn id="20" dur="1000"/>
                                        <p:tgtEl>
                                          <p:spTgt spid="14"/>
                                        </p:tgtEl>
                                      </p:cBhvr>
                                    </p:animEffect>
                                  </p:childTnLst>
                                </p:cTn>
                              </p:par>
                              <p:par>
                                <p:cTn id="21" presetID="22" presetClass="entr" presetSubtype="4" fill="hold" grpId="0" nodeType="withEffect">
                                  <p:stCondLst>
                                    <p:cond delay="0"/>
                                  </p:stCondLst>
                                  <p:childTnLst>
                                    <p:set>
                                      <p:cBhvr>
                                        <p:cTn id="22" dur="1" fill="hold">
                                          <p:stCondLst>
                                            <p:cond delay="0"/>
                                          </p:stCondLst>
                                        </p:cTn>
                                        <p:tgtEl>
                                          <p:spTgt spid="13"/>
                                        </p:tgtEl>
                                        <p:attrNameLst>
                                          <p:attrName>style.visibility</p:attrName>
                                        </p:attrNameLst>
                                      </p:cBhvr>
                                      <p:to>
                                        <p:strVal val="visible"/>
                                      </p:to>
                                    </p:set>
                                    <p:animEffect transition="in" filter="wipe(down)">
                                      <p:cBhvr>
                                        <p:cTn id="23" dur="1000"/>
                                        <p:tgtEl>
                                          <p:spTgt spid="13"/>
                                        </p:tgtEl>
                                      </p:cBhvr>
                                    </p:animEffect>
                                  </p:childTnLst>
                                </p:cTn>
                              </p:par>
                            </p:childTnLst>
                          </p:cTn>
                        </p:par>
                      </p:childTnLst>
                    </p:cTn>
                  </p:par>
                  <p:par>
                    <p:cTn id="24" fill="hold">
                      <p:stCondLst>
                        <p:cond delay="indefinite"/>
                      </p:stCondLst>
                      <p:childTnLst>
                        <p:par>
                          <p:cTn id="25" fill="hold">
                            <p:stCondLst>
                              <p:cond delay="0"/>
                            </p:stCondLst>
                            <p:childTnLst>
                              <p:par>
                                <p:cTn id="26" presetID="23" presetClass="entr" presetSubtype="32" fill="hold" grpId="0" nodeType="clickEffect">
                                  <p:stCondLst>
                                    <p:cond delay="0"/>
                                  </p:stCondLst>
                                  <p:childTnLst>
                                    <p:set>
                                      <p:cBhvr>
                                        <p:cTn id="27" dur="1" fill="hold">
                                          <p:stCondLst>
                                            <p:cond delay="0"/>
                                          </p:stCondLst>
                                        </p:cTn>
                                        <p:tgtEl>
                                          <p:spTgt spid="15"/>
                                        </p:tgtEl>
                                        <p:attrNameLst>
                                          <p:attrName>style.visibility</p:attrName>
                                        </p:attrNameLst>
                                      </p:cBhvr>
                                      <p:to>
                                        <p:strVal val="visible"/>
                                      </p:to>
                                    </p:set>
                                    <p:anim calcmode="lin" valueType="num">
                                      <p:cBhvr>
                                        <p:cTn id="28" dur="1250" fill="hold"/>
                                        <p:tgtEl>
                                          <p:spTgt spid="15"/>
                                        </p:tgtEl>
                                        <p:attrNameLst>
                                          <p:attrName>ppt_w</p:attrName>
                                        </p:attrNameLst>
                                      </p:cBhvr>
                                      <p:tavLst>
                                        <p:tav tm="0">
                                          <p:val>
                                            <p:strVal val="4*#ppt_w"/>
                                          </p:val>
                                        </p:tav>
                                        <p:tav tm="100000">
                                          <p:val>
                                            <p:strVal val="#ppt_w"/>
                                          </p:val>
                                        </p:tav>
                                      </p:tavLst>
                                    </p:anim>
                                    <p:anim calcmode="lin" valueType="num">
                                      <p:cBhvr>
                                        <p:cTn id="29" dur="1250" fill="hold"/>
                                        <p:tgtEl>
                                          <p:spTgt spid="15"/>
                                        </p:tgtEl>
                                        <p:attrNameLst>
                                          <p:attrName>ppt_h</p:attrName>
                                        </p:attrNameLst>
                                      </p:cBhvr>
                                      <p:tavLst>
                                        <p:tav tm="0">
                                          <p:val>
                                            <p:strVal val="4*#ppt_h"/>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20" grpId="0">
        <p:bldSub>
          <a:bldChart bld="series" animBg="0"/>
        </p:bldSub>
      </p:bldGraphic>
      <p:bldP spid="13" grpId="0"/>
      <p:bldP spid="14" grpId="0" animBg="1"/>
      <p:bldP spid="15"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Finance/Cost </a:t>
            </a:r>
            <a:r>
              <a:rPr lang="en-US" sz="6000" dirty="0"/>
              <a:t>Allocation</a:t>
            </a:r>
          </a:p>
        </p:txBody>
      </p:sp>
    </p:spTree>
    <p:extLst>
      <p:ext uri="{BB962C8B-B14F-4D97-AF65-F5344CB8AC3E}">
        <p14:creationId xmlns:p14="http://schemas.microsoft.com/office/powerpoint/2010/main" val="3400495913"/>
      </p:ext>
    </p:extLst>
  </p:cSld>
  <p:clrMapOvr>
    <a:masterClrMapping/>
  </p:clrMapOvr>
  <p:transition>
    <p:fade/>
  </p:transition>
  <p:timing>
    <p:tnLst>
      <p:par>
        <p:cTn id="1" dur="indefinite" restart="never" nodeType="tmRoot"/>
      </p:par>
    </p:tnLst>
  </p:timing>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esign &amp; Construction Enterprise</a:t>
            </a:r>
            <a:br>
              <a:rPr lang="en-US" dirty="0" smtClean="0"/>
            </a:br>
            <a:r>
              <a:rPr lang="en-US" dirty="0" smtClean="0"/>
              <a:t/>
            </a:r>
            <a:br>
              <a:rPr lang="en-US" dirty="0" smtClean="0"/>
            </a:br>
            <a:r>
              <a:rPr lang="en-US" dirty="0" smtClean="0">
                <a:solidFill>
                  <a:schemeClr val="tx1"/>
                </a:solidFill>
              </a:rPr>
              <a:t>Budget </a:t>
            </a:r>
            <a:r>
              <a:rPr lang="en-US" dirty="0" smtClean="0">
                <a:solidFill>
                  <a:schemeClr val="tx1"/>
                </a:solidFill>
              </a:rPr>
              <a:t>and </a:t>
            </a:r>
            <a:r>
              <a:rPr lang="en-US" dirty="0" smtClean="0">
                <a:solidFill>
                  <a:schemeClr val="tx1"/>
                </a:solidFill>
              </a:rPr>
              <a:t>Schedule</a:t>
            </a:r>
            <a:endParaRPr lang="en-US" dirty="0">
              <a:solidFill>
                <a:schemeClr val="tx1"/>
              </a:solidFill>
            </a:endParaRPr>
          </a:p>
        </p:txBody>
      </p:sp>
    </p:spTree>
    <p:extLst>
      <p:ext uri="{BB962C8B-B14F-4D97-AF65-F5344CB8AC3E}">
        <p14:creationId xmlns:p14="http://schemas.microsoft.com/office/powerpoint/2010/main" val="42213077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4350" y="457200"/>
            <a:ext cx="8229600" cy="997196"/>
          </a:xfrm>
        </p:spPr>
        <p:txBody>
          <a:bodyPr/>
          <a:lstStyle/>
          <a:p>
            <a:r>
              <a:rPr lang="en-US" sz="4000" dirty="0" smtClean="0"/>
              <a:t>California WaterFix</a:t>
            </a:r>
            <a:br>
              <a:rPr lang="en-US" sz="4000" dirty="0" smtClean="0"/>
            </a:br>
            <a:r>
              <a:rPr lang="en-US" sz="3200" dirty="0">
                <a:solidFill>
                  <a:schemeClr val="tx1"/>
                </a:solidFill>
              </a:rPr>
              <a:t>Summary </a:t>
            </a:r>
            <a:r>
              <a:rPr lang="en-US" sz="3200" dirty="0" smtClean="0">
                <a:solidFill>
                  <a:schemeClr val="tx1"/>
                </a:solidFill>
              </a:rPr>
              <a:t>- Funding Commitments Mar 2016</a:t>
            </a:r>
            <a:endParaRPr lang="en-US" sz="3200" dirty="0">
              <a:solidFill>
                <a:schemeClr val="tx1"/>
              </a:solidFill>
            </a:endParaRPr>
          </a:p>
        </p:txBody>
      </p:sp>
      <p:pic>
        <p:nvPicPr>
          <p:cNvPr id="5122"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t="16811" r="50472" b="13301"/>
          <a:stretch/>
        </p:blipFill>
        <p:spPr bwMode="auto">
          <a:xfrm>
            <a:off x="571541" y="1905000"/>
            <a:ext cx="8000918" cy="46428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309861836"/>
      </p:ext>
    </p:extLst>
  </p:cSld>
  <p:clrMapOvr>
    <a:masterClrMapping/>
  </p:clrMapOvr>
  <p:transition>
    <p:fade/>
  </p:transition>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4350" y="457200"/>
            <a:ext cx="8229600" cy="997196"/>
          </a:xfrm>
        </p:spPr>
        <p:txBody>
          <a:bodyPr/>
          <a:lstStyle/>
          <a:p>
            <a:r>
              <a:rPr lang="en-US" sz="4000" dirty="0" smtClean="0"/>
              <a:t>California WaterFix</a:t>
            </a:r>
            <a:br>
              <a:rPr lang="en-US" sz="4000" dirty="0" smtClean="0"/>
            </a:br>
            <a:r>
              <a:rPr lang="en-US" sz="3200" dirty="0" smtClean="0">
                <a:solidFill>
                  <a:schemeClr val="tx1"/>
                </a:solidFill>
              </a:rPr>
              <a:t>Summary - Funding Incurred Mar 2016</a:t>
            </a:r>
            <a:endParaRPr lang="en-US" sz="3200" dirty="0">
              <a:solidFill>
                <a:schemeClr val="tx1"/>
              </a:solidFill>
            </a:endParaRPr>
          </a:p>
        </p:txBody>
      </p:sp>
      <p:pic>
        <p:nvPicPr>
          <p:cNvPr id="5"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50000" t="16811" b="13301"/>
          <a:stretch/>
        </p:blipFill>
        <p:spPr bwMode="auto">
          <a:xfrm>
            <a:off x="533421" y="1905000"/>
            <a:ext cx="8077159" cy="46428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563560298"/>
      </p:ext>
    </p:extLst>
  </p:cSld>
  <p:clrMapOvr>
    <a:masterClrMapping/>
  </p:clrMapOvr>
  <p:transition>
    <p:fade/>
  </p:transition>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r"/>
            <a:r>
              <a:rPr lang="en-US" sz="4000" dirty="0" smtClean="0"/>
              <a:t>Design &amp; Construction Enterprise</a:t>
            </a:r>
            <a:br>
              <a:rPr lang="en-US" sz="4000" dirty="0" smtClean="0"/>
            </a:br>
            <a:r>
              <a:rPr lang="en-US" sz="4000" dirty="0" smtClean="0"/>
              <a:t>Annual &amp; Cumulative Spending</a:t>
            </a:r>
            <a:endParaRPr lang="en-US" sz="4000" dirty="0"/>
          </a:p>
        </p:txBody>
      </p:sp>
      <p:sp>
        <p:nvSpPr>
          <p:cNvPr id="4" name="Slide Number Placeholder 3"/>
          <p:cNvSpPr>
            <a:spLocks noGrp="1"/>
          </p:cNvSpPr>
          <p:nvPr>
            <p:ph type="sldNum" sz="quarter" idx="4294967295"/>
          </p:nvPr>
        </p:nvSpPr>
        <p:spPr>
          <a:xfrm>
            <a:off x="8458200" y="6427788"/>
            <a:ext cx="685800" cy="365125"/>
          </a:xfrm>
          <a:prstGeom prst="rect">
            <a:avLst/>
          </a:prstGeom>
        </p:spPr>
        <p:txBody>
          <a:bodyPr/>
          <a:lstStyle/>
          <a:p>
            <a:pPr>
              <a:defRPr/>
            </a:pPr>
            <a:fld id="{BBD5DA8B-909A-4A9A-84AE-26D515D4E1A6}" type="slidenum">
              <a:rPr lang="en-US" smtClean="0">
                <a:solidFill>
                  <a:prstClr val="white"/>
                </a:solidFill>
              </a:rPr>
              <a:pPr>
                <a:defRPr/>
              </a:pPr>
              <a:t>153</a:t>
            </a:fld>
            <a:endParaRPr lang="en-US" dirty="0">
              <a:solidFill>
                <a:prstClr val="white"/>
              </a:solidFill>
            </a:endParaRPr>
          </a:p>
        </p:txBody>
      </p:sp>
      <p:pic>
        <p:nvPicPr>
          <p:cNvPr id="4098"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8748" t="10800" b="3418"/>
          <a:stretch/>
        </p:blipFill>
        <p:spPr bwMode="auto">
          <a:xfrm>
            <a:off x="7962" y="1890215"/>
            <a:ext cx="9136038" cy="496778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92421097"/>
      </p:ext>
    </p:extLst>
  </p:cSld>
  <p:clrMapOvr>
    <a:masterClrMapping/>
  </p:clrMapOvr>
  <p:transition spd="slow">
    <p:fade/>
  </p:transition>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2786405302"/>
              </p:ext>
            </p:extLst>
          </p:nvPr>
        </p:nvGraphicFramePr>
        <p:xfrm>
          <a:off x="76200" y="1981200"/>
          <a:ext cx="8991600" cy="3321053"/>
        </p:xfrm>
        <a:graphic>
          <a:graphicData uri="http://schemas.openxmlformats.org/drawingml/2006/table">
            <a:tbl>
              <a:tblPr>
                <a:tableStyleId>{D03447BB-5D67-496B-8E87-E561075AD55C}</a:tableStyleId>
              </a:tblPr>
              <a:tblGrid>
                <a:gridCol w="5715000">
                  <a:extLst>
                    <a:ext uri="{9D8B030D-6E8A-4147-A177-3AD203B41FA5}">
                      <a16:colId xmlns:a16="http://schemas.microsoft.com/office/drawing/2014/main" xmlns="" val="3116431541"/>
                    </a:ext>
                  </a:extLst>
                </a:gridCol>
                <a:gridCol w="3276600">
                  <a:extLst>
                    <a:ext uri="{9D8B030D-6E8A-4147-A177-3AD203B41FA5}">
                      <a16:colId xmlns:a16="http://schemas.microsoft.com/office/drawing/2014/main" xmlns="" val="692854404"/>
                    </a:ext>
                  </a:extLst>
                </a:gridCol>
              </a:tblGrid>
              <a:tr h="682460">
                <a:tc gridSpan="2">
                  <a:txBody>
                    <a:bodyPr/>
                    <a:lstStyle/>
                    <a:p>
                      <a:pPr marL="0" lvl="0" algn="ctr" defTabSz="457200" rtl="0" eaLnBrk="1" fontAlgn="t" latinLnBrk="0" hangingPunct="1"/>
                      <a:r>
                        <a:rPr lang="en-US" sz="3200" b="1" u="none" strike="noStrike" kern="1200" dirty="0" smtClean="0">
                          <a:solidFill>
                            <a:srgbClr val="FFFFFF"/>
                          </a:solidFill>
                          <a:effectLst/>
                          <a:latin typeface="+mn-lt"/>
                          <a:ea typeface="+mn-ea"/>
                          <a:cs typeface="+mn-cs"/>
                        </a:rPr>
                        <a:t>California</a:t>
                      </a:r>
                      <a:r>
                        <a:rPr lang="en-US" sz="3200" b="1" u="none" strike="noStrike" kern="1200" baseline="0" dirty="0" smtClean="0">
                          <a:solidFill>
                            <a:srgbClr val="FFFFFF"/>
                          </a:solidFill>
                          <a:effectLst/>
                          <a:latin typeface="+mn-lt"/>
                          <a:ea typeface="+mn-ea"/>
                          <a:cs typeface="+mn-cs"/>
                        </a:rPr>
                        <a:t> WaterFix Program Budget</a:t>
                      </a:r>
                    </a:p>
                    <a:p>
                      <a:pPr marL="0" lvl="0" algn="ctr" defTabSz="457200" rtl="0" eaLnBrk="1" fontAlgn="t" latinLnBrk="0" hangingPunct="1"/>
                      <a:r>
                        <a:rPr lang="en-US" sz="3200" b="1" u="none" strike="noStrike" kern="1200" baseline="0" dirty="0" smtClean="0">
                          <a:solidFill>
                            <a:srgbClr val="FFFFFF"/>
                          </a:solidFill>
                          <a:effectLst/>
                          <a:latin typeface="+mn-lt"/>
                          <a:ea typeface="+mn-ea"/>
                          <a:cs typeface="+mn-cs"/>
                        </a:rPr>
                        <a:t>Cumulative Cost (2014 Dollars)</a:t>
                      </a:r>
                      <a:endParaRPr lang="en-US" sz="3200" b="1" u="none" strike="noStrike" kern="1200" dirty="0">
                        <a:solidFill>
                          <a:srgbClr val="FFFFFF"/>
                        </a:solidFill>
                        <a:effectLst/>
                        <a:latin typeface="+mn-lt"/>
                        <a:ea typeface="+mn-ea"/>
                        <a:cs typeface="+mn-cs"/>
                      </a:endParaRPr>
                    </a:p>
                  </a:txBody>
                  <a:tcPr marL="9525" marR="9525" marT="11430" marB="0" anchor="ctr">
                    <a:lnL w="12700" cap="flat" cmpd="sng" algn="ctr">
                      <a:noFill/>
                      <a:prstDash val="solid"/>
                      <a:round/>
                      <a:headEnd type="none" w="med" len="med"/>
                      <a:tailEnd type="none" w="med" len="med"/>
                    </a:lnL>
                    <a:lnR w="1905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solidFill>
                  </a:tcPr>
                </a:tc>
                <a:tc hMerge="1">
                  <a:txBody>
                    <a:bodyPr/>
                    <a:lstStyle/>
                    <a:p>
                      <a:endParaRPr lang="en-US"/>
                    </a:p>
                  </a:txBody>
                  <a:tcPr/>
                </a:tc>
                <a:extLst>
                  <a:ext uri="{0D108BD9-81ED-4DB2-BD59-A6C34878D82A}">
                    <a16:rowId xmlns:a16="http://schemas.microsoft.com/office/drawing/2014/main" xmlns="" val="10000"/>
                  </a:ext>
                </a:extLst>
              </a:tr>
              <a:tr h="362290">
                <a:tc>
                  <a:txBody>
                    <a:bodyPr/>
                    <a:lstStyle/>
                    <a:p>
                      <a:pPr marL="0" lvl="0" algn="ctr" defTabSz="457200" rtl="0" eaLnBrk="1" fontAlgn="b" latinLnBrk="0" hangingPunct="1"/>
                      <a:r>
                        <a:rPr lang="en-US" sz="2400" b="1" i="0" kern="1200" dirty="0" smtClean="0">
                          <a:solidFill>
                            <a:schemeClr val="accent6">
                              <a:lumMod val="75000"/>
                            </a:schemeClr>
                          </a:solidFill>
                          <a:latin typeface="+mn-lt"/>
                          <a:ea typeface="+mn-ea"/>
                          <a:cs typeface="+mn-cs"/>
                        </a:rPr>
                        <a:t>Name</a:t>
                      </a:r>
                      <a:endParaRPr lang="en-US" sz="24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tc>
                  <a:txBody>
                    <a:bodyPr/>
                    <a:lstStyle/>
                    <a:p>
                      <a:pPr marL="0" lvl="0" algn="ctr" defTabSz="457200" rtl="0" eaLnBrk="1" fontAlgn="b" latinLnBrk="0" hangingPunct="1"/>
                      <a:r>
                        <a:rPr lang="en-US" sz="2400" b="1" i="0" kern="1200" dirty="0" smtClean="0">
                          <a:solidFill>
                            <a:schemeClr val="accent6">
                              <a:lumMod val="75000"/>
                            </a:schemeClr>
                          </a:solidFill>
                          <a:latin typeface="+mn-lt"/>
                          <a:ea typeface="+mn-ea"/>
                          <a:cs typeface="+mn-cs"/>
                        </a:rPr>
                        <a:t>Cost</a:t>
                      </a:r>
                      <a:endParaRPr lang="en-US" sz="24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extLst>
                  <a:ext uri="{0D108BD9-81ED-4DB2-BD59-A6C34878D82A}">
                    <a16:rowId xmlns:a16="http://schemas.microsoft.com/office/drawing/2014/main" xmlns="" val="10001"/>
                  </a:ext>
                </a:extLst>
              </a:tr>
              <a:tr h="395447">
                <a:tc>
                  <a:txBody>
                    <a:bodyPr/>
                    <a:lstStyle/>
                    <a:p>
                      <a:pPr marL="111125" lvl="2" indent="-4763" algn="l" fontAlgn="b"/>
                      <a:r>
                        <a:rPr lang="en-US" sz="2400" b="1" i="0" kern="1200" dirty="0" smtClean="0">
                          <a:solidFill>
                            <a:schemeClr val="accent6">
                              <a:lumMod val="75000"/>
                            </a:schemeClr>
                          </a:solidFill>
                          <a:latin typeface="+mn-lt"/>
                          <a:ea typeface="+mn-ea"/>
                          <a:cs typeface="+mn-cs"/>
                        </a:rPr>
                        <a:t>PM/CM/ENG</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2400" b="1" i="0" kern="1200" dirty="0" smtClean="0">
                          <a:solidFill>
                            <a:schemeClr val="accent6">
                              <a:lumMod val="75000"/>
                            </a:schemeClr>
                          </a:solidFill>
                          <a:latin typeface="+mn-lt"/>
                          <a:ea typeface="+mn-ea"/>
                          <a:cs typeface="+mn-cs"/>
                        </a:rPr>
                        <a:t>$             1,919,910,670</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2975985314"/>
                  </a:ext>
                </a:extLst>
              </a:tr>
              <a:tr h="395447">
                <a:tc>
                  <a:txBody>
                    <a:bodyPr/>
                    <a:lstStyle/>
                    <a:p>
                      <a:pPr marL="111125" lvl="2" indent="-4763" algn="l" fontAlgn="b"/>
                      <a:r>
                        <a:rPr lang="en-US" sz="2400" b="1" i="0" kern="1200" dirty="0" smtClean="0">
                          <a:solidFill>
                            <a:schemeClr val="accent6">
                              <a:lumMod val="75000"/>
                            </a:schemeClr>
                          </a:solidFill>
                          <a:latin typeface="+mn-lt"/>
                          <a:ea typeface="+mn-ea"/>
                          <a:cs typeface="+mn-cs"/>
                        </a:rPr>
                        <a:t>Construction </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2400" b="1" i="0" kern="1200" dirty="0" smtClean="0">
                          <a:solidFill>
                            <a:schemeClr val="accent6">
                              <a:lumMod val="75000"/>
                            </a:schemeClr>
                          </a:solidFill>
                          <a:latin typeface="+mn-lt"/>
                          <a:ea typeface="+mn-ea"/>
                          <a:cs typeface="+mn-cs"/>
                        </a:rPr>
                        <a:t>$             9,499,048,014</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1892043502"/>
                  </a:ext>
                </a:extLst>
              </a:tr>
              <a:tr h="395447">
                <a:tc>
                  <a:txBody>
                    <a:bodyPr/>
                    <a:lstStyle/>
                    <a:p>
                      <a:pPr marL="111125" lvl="2" indent="-4763" algn="l" fontAlgn="b"/>
                      <a:r>
                        <a:rPr lang="en-US" sz="2400" b="1" i="0" kern="1200" dirty="0" smtClean="0">
                          <a:solidFill>
                            <a:schemeClr val="accent6">
                              <a:lumMod val="75000"/>
                            </a:schemeClr>
                          </a:solidFill>
                          <a:latin typeface="+mn-lt"/>
                          <a:ea typeface="+mn-ea"/>
                          <a:cs typeface="+mn-cs"/>
                        </a:rPr>
                        <a:t>Contingency </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2400" b="1" i="0" kern="1200" dirty="0">
                          <a:solidFill>
                            <a:schemeClr val="accent6">
                              <a:lumMod val="75000"/>
                            </a:schemeClr>
                          </a:solidFill>
                          <a:latin typeface="+mn-lt"/>
                          <a:ea typeface="+mn-ea"/>
                          <a:cs typeface="+mn-cs"/>
                        </a:rPr>
                        <a:t> </a:t>
                      </a:r>
                      <a:r>
                        <a:rPr lang="en-US" sz="2400" b="1" i="0" kern="1200" dirty="0" smtClean="0">
                          <a:solidFill>
                            <a:schemeClr val="accent6">
                              <a:lumMod val="75000"/>
                            </a:schemeClr>
                          </a:solidFill>
                          <a:latin typeface="+mn-lt"/>
                          <a:ea typeface="+mn-ea"/>
                          <a:cs typeface="+mn-cs"/>
                        </a:rPr>
                        <a:t>$ </a:t>
                      </a:r>
                      <a:r>
                        <a:rPr lang="en-US" sz="2400" b="1" i="0" kern="1200" baseline="0" dirty="0" smtClean="0">
                          <a:solidFill>
                            <a:schemeClr val="accent6">
                              <a:lumMod val="75000"/>
                            </a:schemeClr>
                          </a:solidFill>
                          <a:latin typeface="+mn-lt"/>
                          <a:ea typeface="+mn-ea"/>
                          <a:cs typeface="+mn-cs"/>
                        </a:rPr>
                        <a:t>           </a:t>
                      </a:r>
                      <a:r>
                        <a:rPr lang="en-US" sz="2400" b="1" i="0" kern="1200" dirty="0" smtClean="0">
                          <a:solidFill>
                            <a:schemeClr val="accent6">
                              <a:lumMod val="75000"/>
                            </a:schemeClr>
                          </a:solidFill>
                          <a:latin typeface="+mn-lt"/>
                          <a:ea typeface="+mn-ea"/>
                          <a:cs typeface="+mn-cs"/>
                        </a:rPr>
                        <a:t>3,378,400,000</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64721049"/>
                  </a:ext>
                </a:extLst>
              </a:tr>
              <a:tr h="395447">
                <a:tc>
                  <a:txBody>
                    <a:bodyPr/>
                    <a:lstStyle/>
                    <a:p>
                      <a:pPr marL="111125" lvl="2" indent="-4763" algn="l" defTabSz="457200" rtl="0" eaLnBrk="1" fontAlgn="b" latinLnBrk="0" hangingPunct="1"/>
                      <a:r>
                        <a:rPr lang="en-US" sz="2400" b="1" i="0" kern="1200" dirty="0" smtClean="0">
                          <a:solidFill>
                            <a:schemeClr val="accent6">
                              <a:lumMod val="75000"/>
                            </a:schemeClr>
                          </a:solidFill>
                          <a:latin typeface="+mn-lt"/>
                          <a:ea typeface="+mn-ea"/>
                          <a:cs typeface="+mn-cs"/>
                        </a:rPr>
                        <a:t>Land Acquisition</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marL="0" algn="l" defTabSz="457200" rtl="0" eaLnBrk="1" fontAlgn="b" latinLnBrk="0" hangingPunct="1"/>
                      <a:r>
                        <a:rPr lang="en-US" sz="2400" b="1" i="0" kern="1200" dirty="0">
                          <a:solidFill>
                            <a:schemeClr val="accent6">
                              <a:lumMod val="75000"/>
                            </a:schemeClr>
                          </a:solidFill>
                          <a:latin typeface="+mn-lt"/>
                          <a:ea typeface="+mn-ea"/>
                          <a:cs typeface="+mn-cs"/>
                        </a:rPr>
                        <a:t> </a:t>
                      </a:r>
                      <a:r>
                        <a:rPr lang="en-US" sz="2400" b="1" i="0" kern="1200" dirty="0" smtClean="0">
                          <a:solidFill>
                            <a:schemeClr val="accent6">
                              <a:lumMod val="75000"/>
                            </a:schemeClr>
                          </a:solidFill>
                          <a:latin typeface="+mn-lt"/>
                          <a:ea typeface="+mn-ea"/>
                          <a:cs typeface="+mn-cs"/>
                        </a:rPr>
                        <a:t>$               146,100,000</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844244759"/>
                  </a:ext>
                </a:extLst>
              </a:tr>
              <a:tr h="369789">
                <a:tc>
                  <a:txBody>
                    <a:bodyPr/>
                    <a:lstStyle/>
                    <a:p>
                      <a:pPr algn="r" fontAlgn="b"/>
                      <a:r>
                        <a:rPr lang="en-US" sz="1600" b="1" i="0" u="none" strike="noStrike" dirty="0">
                          <a:solidFill>
                            <a:srgbClr val="FFFFFF"/>
                          </a:solidFill>
                          <a:effectLst/>
                          <a:latin typeface="Calibri" panose="020F0502020204030204" pitchFamily="34" charset="0"/>
                        </a:rPr>
                        <a:t> </a:t>
                      </a:r>
                      <a:r>
                        <a:rPr lang="en-US" sz="2400" b="1" i="0" kern="1200" dirty="0" smtClean="0">
                          <a:solidFill>
                            <a:srgbClr val="FFFFFF"/>
                          </a:solidFill>
                          <a:latin typeface="+mn-lt"/>
                          <a:ea typeface="+mn-ea"/>
                          <a:cs typeface="+mn-cs"/>
                        </a:rPr>
                        <a:t>Grand </a:t>
                      </a:r>
                      <a:r>
                        <a:rPr lang="en-US" sz="2400" b="1" i="0" kern="1200" dirty="0">
                          <a:solidFill>
                            <a:srgbClr val="FFFFFF"/>
                          </a:solidFill>
                          <a:latin typeface="+mn-lt"/>
                          <a:ea typeface="+mn-ea"/>
                          <a:cs typeface="+mn-cs"/>
                        </a:rPr>
                        <a:t>Total Cost</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tc>
                  <a:txBody>
                    <a:bodyPr/>
                    <a:lstStyle/>
                    <a:p>
                      <a:pPr marL="0" algn="l" defTabSz="457200" rtl="0" eaLnBrk="1" fontAlgn="b" latinLnBrk="0" hangingPunct="1"/>
                      <a:r>
                        <a:rPr lang="en-US" sz="2400" b="1" i="0" kern="1200" dirty="0">
                          <a:solidFill>
                            <a:srgbClr val="FFFFFF"/>
                          </a:solidFill>
                          <a:latin typeface="+mn-lt"/>
                          <a:ea typeface="+mn-ea"/>
                          <a:cs typeface="+mn-cs"/>
                        </a:rPr>
                        <a:t> </a:t>
                      </a:r>
                      <a:r>
                        <a:rPr lang="en-US" sz="2400" b="1" i="0" kern="1200" dirty="0" smtClean="0">
                          <a:solidFill>
                            <a:srgbClr val="FFFFFF"/>
                          </a:solidFill>
                          <a:latin typeface="+mn-lt"/>
                          <a:ea typeface="+mn-ea"/>
                          <a:cs typeface="+mn-cs"/>
                        </a:rPr>
                        <a:t>$          14,943,458,684</a:t>
                      </a:r>
                      <a:endParaRPr lang="en-US" sz="2400" b="1" i="0" kern="1200" dirty="0">
                        <a:solidFill>
                          <a:srgbClr val="FFFFFF"/>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extLst>
                  <a:ext uri="{0D108BD9-81ED-4DB2-BD59-A6C34878D82A}">
                    <a16:rowId xmlns:a16="http://schemas.microsoft.com/office/drawing/2014/main" xmlns="" val="350676976"/>
                  </a:ext>
                </a:extLst>
              </a:tr>
            </a:tbl>
          </a:graphicData>
        </a:graphic>
      </p:graphicFrame>
    </p:spTree>
    <p:extLst>
      <p:ext uri="{BB962C8B-B14F-4D97-AF65-F5344CB8AC3E}">
        <p14:creationId xmlns:p14="http://schemas.microsoft.com/office/powerpoint/2010/main" val="325567891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2387168349"/>
              </p:ext>
            </p:extLst>
          </p:nvPr>
        </p:nvGraphicFramePr>
        <p:xfrm>
          <a:off x="609600" y="373511"/>
          <a:ext cx="7696200" cy="6450330"/>
        </p:xfrm>
        <a:graphic>
          <a:graphicData uri="http://schemas.openxmlformats.org/drawingml/2006/table">
            <a:tbl>
              <a:tblPr>
                <a:tableStyleId>{D03447BB-5D67-496B-8E87-E561075AD55C}</a:tableStyleId>
              </a:tblPr>
              <a:tblGrid>
                <a:gridCol w="648268">
                  <a:extLst>
                    <a:ext uri="{9D8B030D-6E8A-4147-A177-3AD203B41FA5}">
                      <a16:colId xmlns:a16="http://schemas.microsoft.com/office/drawing/2014/main" xmlns="" val="20001"/>
                    </a:ext>
                  </a:extLst>
                </a:gridCol>
                <a:gridCol w="4228532">
                  <a:extLst>
                    <a:ext uri="{9D8B030D-6E8A-4147-A177-3AD203B41FA5}">
                      <a16:colId xmlns:a16="http://schemas.microsoft.com/office/drawing/2014/main" xmlns="" val="3116431541"/>
                    </a:ext>
                  </a:extLst>
                </a:gridCol>
                <a:gridCol w="76200"/>
                <a:gridCol w="2743200">
                  <a:extLst>
                    <a:ext uri="{9D8B030D-6E8A-4147-A177-3AD203B41FA5}">
                      <a16:colId xmlns:a16="http://schemas.microsoft.com/office/drawing/2014/main" xmlns="" val="692854404"/>
                    </a:ext>
                  </a:extLst>
                </a:gridCol>
              </a:tblGrid>
              <a:tr h="468630">
                <a:tc gridSpan="4">
                  <a:txBody>
                    <a:bodyPr/>
                    <a:lstStyle/>
                    <a:p>
                      <a:pPr marL="0" lvl="0" algn="ctr" defTabSz="457200" rtl="0" eaLnBrk="1" fontAlgn="t" latinLnBrk="0" hangingPunct="1"/>
                      <a:r>
                        <a:rPr lang="en-US" sz="2000" b="1" u="none" strike="noStrike" kern="1200" dirty="0" smtClean="0">
                          <a:solidFill>
                            <a:srgbClr val="FFFFFF"/>
                          </a:solidFill>
                          <a:effectLst/>
                          <a:latin typeface="+mn-lt"/>
                          <a:ea typeface="+mn-ea"/>
                          <a:cs typeface="+mn-cs"/>
                        </a:rPr>
                        <a:t>California</a:t>
                      </a:r>
                      <a:r>
                        <a:rPr lang="en-US" sz="2000" b="1" u="none" strike="noStrike" kern="1200" baseline="0" dirty="0" smtClean="0">
                          <a:solidFill>
                            <a:srgbClr val="FFFFFF"/>
                          </a:solidFill>
                          <a:effectLst/>
                          <a:latin typeface="+mn-lt"/>
                          <a:ea typeface="+mn-ea"/>
                          <a:cs typeface="+mn-cs"/>
                        </a:rPr>
                        <a:t> WaterFix Mitigation Cost Estimate</a:t>
                      </a:r>
                    </a:p>
                    <a:p>
                      <a:pPr marL="0" lvl="0" algn="ctr" defTabSz="457200" rtl="0" eaLnBrk="1" fontAlgn="t" latinLnBrk="0" hangingPunct="1"/>
                      <a:r>
                        <a:rPr lang="en-US" sz="2000" b="1" u="none" strike="noStrike" kern="1200" baseline="0" dirty="0" smtClean="0">
                          <a:solidFill>
                            <a:srgbClr val="FFFFFF"/>
                          </a:solidFill>
                          <a:effectLst/>
                          <a:latin typeface="+mn-lt"/>
                          <a:ea typeface="+mn-ea"/>
                          <a:cs typeface="+mn-cs"/>
                        </a:rPr>
                        <a:t>Cumulative Cost (2014 Dollars)</a:t>
                      </a:r>
                      <a:endParaRPr lang="en-US" sz="2000" b="1" u="none" strike="noStrike" kern="1200" dirty="0">
                        <a:solidFill>
                          <a:srgbClr val="FFFFFF"/>
                        </a:solidFill>
                        <a:effectLst/>
                        <a:latin typeface="+mn-lt"/>
                        <a:ea typeface="+mn-ea"/>
                        <a:cs typeface="+mn-cs"/>
                      </a:endParaRPr>
                    </a:p>
                  </a:txBody>
                  <a:tcPr marL="9525" marR="9525" marT="11430" marB="0" anchor="ctr">
                    <a:lnL w="12700" cap="flat" cmpd="sng" algn="ctr">
                      <a:noFill/>
                      <a:prstDash val="solid"/>
                      <a:round/>
                      <a:headEnd type="none" w="med" len="med"/>
                      <a:tailEnd type="none" w="med" len="med"/>
                    </a:lnL>
                    <a:lnR w="1905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solidFill>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xmlns="" val="10000"/>
                  </a:ext>
                </a:extLst>
              </a:tr>
              <a:tr h="234774">
                <a:tc>
                  <a:txBody>
                    <a:bodyPr/>
                    <a:lstStyle/>
                    <a:p>
                      <a:pPr marL="0" lvl="0" algn="ctr" defTabSz="457200" rtl="0" eaLnBrk="1" fontAlgn="b" latinLnBrk="0" hangingPunct="1"/>
                      <a:r>
                        <a:rPr lang="en-US" sz="1600" b="1" i="0" kern="1200" dirty="0" smtClean="0">
                          <a:solidFill>
                            <a:schemeClr val="accent6">
                              <a:lumMod val="75000"/>
                            </a:schemeClr>
                          </a:solidFill>
                          <a:latin typeface="+mn-lt"/>
                          <a:ea typeface="+mn-ea"/>
                          <a:cs typeface="+mn-cs"/>
                        </a:rPr>
                        <a:t>ID No.</a:t>
                      </a:r>
                      <a:endParaRPr lang="en-US" sz="16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tc>
                  <a:txBody>
                    <a:bodyPr/>
                    <a:lstStyle/>
                    <a:p>
                      <a:pPr marL="0" lvl="0" algn="ctr" defTabSz="457200" rtl="0" eaLnBrk="1" fontAlgn="b" latinLnBrk="0" hangingPunct="1"/>
                      <a:r>
                        <a:rPr lang="en-US" sz="1600" b="1" i="0" kern="1200" dirty="0" smtClean="0">
                          <a:solidFill>
                            <a:schemeClr val="accent6">
                              <a:lumMod val="75000"/>
                            </a:schemeClr>
                          </a:solidFill>
                          <a:latin typeface="+mn-lt"/>
                          <a:ea typeface="+mn-ea"/>
                          <a:cs typeface="+mn-cs"/>
                        </a:rPr>
                        <a:t>Name</a:t>
                      </a:r>
                      <a:endParaRPr lang="en-US" sz="16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tc gridSpan="2">
                  <a:txBody>
                    <a:bodyPr/>
                    <a:lstStyle/>
                    <a:p>
                      <a:pPr marL="0" lvl="0" algn="ctr" defTabSz="457200" rtl="0" eaLnBrk="1" fontAlgn="b" latinLnBrk="0" hangingPunct="1"/>
                      <a:r>
                        <a:rPr lang="en-US" sz="1600" b="1" i="0" kern="1200" dirty="0" smtClean="0">
                          <a:solidFill>
                            <a:schemeClr val="accent6">
                              <a:lumMod val="75000"/>
                            </a:schemeClr>
                          </a:solidFill>
                          <a:latin typeface="+mn-lt"/>
                          <a:ea typeface="+mn-ea"/>
                          <a:cs typeface="+mn-cs"/>
                        </a:rPr>
                        <a:t>Cost</a:t>
                      </a:r>
                      <a:endParaRPr lang="en-US" sz="16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tc hMerge="1">
                  <a:txBody>
                    <a:bodyPr/>
                    <a:lstStyle/>
                    <a:p>
                      <a:pPr marL="0" lvl="0" algn="ctr" defTabSz="457200" rtl="0" eaLnBrk="1" fontAlgn="b" latinLnBrk="0" hangingPunct="1"/>
                      <a:endParaRPr lang="en-US" sz="16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extLst>
                  <a:ext uri="{0D108BD9-81ED-4DB2-BD59-A6C34878D82A}">
                    <a16:rowId xmlns:a16="http://schemas.microsoft.com/office/drawing/2014/main" xmlns="" val="10001"/>
                  </a:ext>
                </a:extLst>
              </a:tr>
              <a:tr h="248068">
                <a:tc>
                  <a:txBody>
                    <a:bodyPr/>
                    <a:lstStyle/>
                    <a:p>
                      <a:pPr algn="ctr" fontAlgn="b"/>
                      <a:r>
                        <a:rPr lang="en-US" sz="1600" b="1" i="0" kern="1200" dirty="0">
                          <a:solidFill>
                            <a:schemeClr val="accent6">
                              <a:lumMod val="75000"/>
                            </a:schemeClr>
                          </a:solidFill>
                          <a:latin typeface="+mn-lt"/>
                          <a:ea typeface="+mn-ea"/>
                          <a:cs typeface="+mn-cs"/>
                        </a:rPr>
                        <a:t>EC03</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Natural Communities Protection</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93,178,308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591224210"/>
                  </a:ext>
                </a:extLst>
              </a:tr>
              <a:tr h="248068">
                <a:tc>
                  <a:txBody>
                    <a:bodyPr/>
                    <a:lstStyle/>
                    <a:p>
                      <a:pPr algn="ctr" fontAlgn="b"/>
                      <a:r>
                        <a:rPr lang="en-US" sz="1600" b="1" i="0" kern="1200" dirty="0">
                          <a:solidFill>
                            <a:schemeClr val="accent6">
                              <a:lumMod val="75000"/>
                            </a:schemeClr>
                          </a:solidFill>
                          <a:latin typeface="+mn-lt"/>
                          <a:ea typeface="+mn-ea"/>
                          <a:cs typeface="+mn-cs"/>
                        </a:rPr>
                        <a:t>EC04</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Tidal Natural Communities</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23,622,027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2602635312"/>
                  </a:ext>
                </a:extLst>
              </a:tr>
              <a:tr h="248068">
                <a:tc>
                  <a:txBody>
                    <a:bodyPr/>
                    <a:lstStyle/>
                    <a:p>
                      <a:pPr algn="ctr" fontAlgn="b"/>
                      <a:r>
                        <a:rPr lang="en-US" sz="1600" b="1" i="0" kern="1200" dirty="0">
                          <a:solidFill>
                            <a:schemeClr val="accent6">
                              <a:lumMod val="75000"/>
                            </a:schemeClr>
                          </a:solidFill>
                          <a:latin typeface="+mn-lt"/>
                          <a:ea typeface="+mn-ea"/>
                          <a:cs typeface="+mn-cs"/>
                        </a:rPr>
                        <a:t>EC06</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Channel Margin Enhancement</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39,654,662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988803259"/>
                  </a:ext>
                </a:extLst>
              </a:tr>
              <a:tr h="248068">
                <a:tc>
                  <a:txBody>
                    <a:bodyPr/>
                    <a:lstStyle/>
                    <a:p>
                      <a:pPr algn="ctr" fontAlgn="b"/>
                      <a:r>
                        <a:rPr lang="en-US" sz="1600" b="1" i="0" kern="1200" dirty="0">
                          <a:solidFill>
                            <a:schemeClr val="accent6">
                              <a:lumMod val="75000"/>
                            </a:schemeClr>
                          </a:solidFill>
                          <a:latin typeface="+mn-lt"/>
                          <a:ea typeface="+mn-ea"/>
                          <a:cs typeface="+mn-cs"/>
                        </a:rPr>
                        <a:t>EC07</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Riparian Natural Community </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3,133,564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1407099874"/>
                  </a:ext>
                </a:extLst>
              </a:tr>
              <a:tr h="248068">
                <a:tc>
                  <a:txBody>
                    <a:bodyPr/>
                    <a:lstStyle/>
                    <a:p>
                      <a:pPr algn="ctr" fontAlgn="b"/>
                      <a:r>
                        <a:rPr lang="en-US" sz="1600" b="1" i="0" kern="1200" dirty="0">
                          <a:solidFill>
                            <a:schemeClr val="accent6">
                              <a:lumMod val="75000"/>
                            </a:schemeClr>
                          </a:solidFill>
                          <a:latin typeface="+mn-lt"/>
                          <a:ea typeface="+mn-ea"/>
                          <a:cs typeface="+mn-cs"/>
                        </a:rPr>
                        <a:t>EC08</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Grassland Restoration</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32,438,868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2142448349"/>
                  </a:ext>
                </a:extLst>
              </a:tr>
              <a:tr h="248068">
                <a:tc>
                  <a:txBody>
                    <a:bodyPr/>
                    <a:lstStyle/>
                    <a:p>
                      <a:pPr algn="ctr" fontAlgn="b"/>
                      <a:r>
                        <a:rPr lang="en-US" sz="1600" b="1" i="0" kern="1200" dirty="0">
                          <a:solidFill>
                            <a:schemeClr val="accent6">
                              <a:lumMod val="75000"/>
                            </a:schemeClr>
                          </a:solidFill>
                          <a:latin typeface="+mn-lt"/>
                          <a:ea typeface="+mn-ea"/>
                          <a:cs typeface="+mn-cs"/>
                        </a:rPr>
                        <a:t>EC09</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Vernal Pool and Alkali Seasonal Wetland</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75,000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4076479234"/>
                  </a:ext>
                </a:extLst>
              </a:tr>
              <a:tr h="248068">
                <a:tc>
                  <a:txBody>
                    <a:bodyPr/>
                    <a:lstStyle/>
                    <a:p>
                      <a:pPr algn="ctr" fontAlgn="b"/>
                      <a:r>
                        <a:rPr lang="en-US" sz="1600" b="1" i="0" kern="1200" dirty="0">
                          <a:solidFill>
                            <a:schemeClr val="accent6">
                              <a:lumMod val="75000"/>
                            </a:schemeClr>
                          </a:solidFill>
                          <a:latin typeface="+mn-lt"/>
                          <a:ea typeface="+mn-ea"/>
                          <a:cs typeface="+mn-cs"/>
                        </a:rPr>
                        <a:t>EC10</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Nontidal Marsh Restoration</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17,028,222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1318953896"/>
                  </a:ext>
                </a:extLst>
              </a:tr>
              <a:tr h="248068">
                <a:tc>
                  <a:txBody>
                    <a:bodyPr/>
                    <a:lstStyle/>
                    <a:p>
                      <a:pPr algn="ctr" fontAlgn="b"/>
                      <a:r>
                        <a:rPr lang="en-US" sz="1600" b="1" i="0" kern="1200" dirty="0">
                          <a:solidFill>
                            <a:schemeClr val="accent6">
                              <a:lumMod val="75000"/>
                            </a:schemeClr>
                          </a:solidFill>
                          <a:latin typeface="+mn-lt"/>
                          <a:ea typeface="+mn-ea"/>
                          <a:cs typeface="+mn-cs"/>
                        </a:rPr>
                        <a:t>EC11</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Natural Communities Management </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26,934,539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017889327"/>
                  </a:ext>
                </a:extLst>
              </a:tr>
              <a:tr h="248068">
                <a:tc>
                  <a:txBody>
                    <a:bodyPr/>
                    <a:lstStyle/>
                    <a:p>
                      <a:pPr algn="ctr" fontAlgn="b"/>
                      <a:r>
                        <a:rPr lang="en-US" sz="1600" b="1" i="0" kern="1200" dirty="0">
                          <a:solidFill>
                            <a:schemeClr val="accent6">
                              <a:lumMod val="75000"/>
                            </a:schemeClr>
                          </a:solidFill>
                          <a:latin typeface="+mn-lt"/>
                          <a:ea typeface="+mn-ea"/>
                          <a:cs typeface="+mn-cs"/>
                        </a:rPr>
                        <a:t>EC15</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Localized Reduction of Predatory Fish</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19,703,298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310625558"/>
                  </a:ext>
                </a:extLst>
              </a:tr>
              <a:tr h="248068">
                <a:tc>
                  <a:txBody>
                    <a:bodyPr/>
                    <a:lstStyle/>
                    <a:p>
                      <a:pPr algn="ctr" fontAlgn="b"/>
                      <a:r>
                        <a:rPr lang="en-US" sz="1600" b="1" i="0" kern="1200" dirty="0">
                          <a:solidFill>
                            <a:schemeClr val="accent6">
                              <a:lumMod val="75000"/>
                            </a:schemeClr>
                          </a:solidFill>
                          <a:latin typeface="+mn-lt"/>
                          <a:ea typeface="+mn-ea"/>
                          <a:cs typeface="+mn-cs"/>
                        </a:rPr>
                        <a:t>EC16</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Nonphysical Fish Barrier</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76,550,897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411160866"/>
                  </a:ext>
                </a:extLst>
              </a:tr>
              <a:tr h="248068">
                <a:tc>
                  <a:txBody>
                    <a:bodyPr/>
                    <a:lstStyle/>
                    <a:p>
                      <a:pPr algn="ctr" fontAlgn="b"/>
                      <a:r>
                        <a:rPr lang="en-US" sz="1600" b="1" i="0" kern="1200" dirty="0">
                          <a:solidFill>
                            <a:schemeClr val="accent6">
                              <a:lumMod val="75000"/>
                            </a:schemeClr>
                          </a:solidFill>
                          <a:latin typeface="+mn-lt"/>
                          <a:ea typeface="+mn-ea"/>
                          <a:cs typeface="+mn-cs"/>
                        </a:rPr>
                        <a:t>CUL</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Cultural Resources</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13,350,000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2599707427"/>
                  </a:ext>
                </a:extLst>
              </a:tr>
              <a:tr h="248068">
                <a:tc>
                  <a:txBody>
                    <a:bodyPr/>
                    <a:lstStyle/>
                    <a:p>
                      <a:pPr algn="ctr" fontAlgn="b"/>
                      <a:r>
                        <a:rPr lang="en-US" sz="1600" b="1" i="0" kern="1200" dirty="0">
                          <a:solidFill>
                            <a:schemeClr val="accent6">
                              <a:lumMod val="75000"/>
                            </a:schemeClr>
                          </a:solidFill>
                          <a:latin typeface="+mn-lt"/>
                          <a:ea typeface="+mn-ea"/>
                          <a:cs typeface="+mn-cs"/>
                        </a:rPr>
                        <a:t>AQ</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Air Quality</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37,630,000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455814036"/>
                  </a:ext>
                </a:extLst>
              </a:tr>
              <a:tr h="248068">
                <a:tc>
                  <a:txBody>
                    <a:bodyPr/>
                    <a:lstStyle/>
                    <a:p>
                      <a:pPr algn="ctr" fontAlgn="b"/>
                      <a:r>
                        <a:rPr lang="en-US" sz="1600" b="1" i="0" kern="1200" dirty="0">
                          <a:solidFill>
                            <a:schemeClr val="accent6">
                              <a:lumMod val="75000"/>
                            </a:schemeClr>
                          </a:solidFill>
                          <a:latin typeface="+mn-lt"/>
                          <a:ea typeface="+mn-ea"/>
                          <a:cs typeface="+mn-cs"/>
                        </a:rPr>
                        <a:t>BIO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1600" b="1" i="0" kern="1200" dirty="0">
                          <a:solidFill>
                            <a:schemeClr val="accent6">
                              <a:lumMod val="75000"/>
                            </a:schemeClr>
                          </a:solidFill>
                          <a:latin typeface="+mn-lt"/>
                          <a:ea typeface="+mn-ea"/>
                          <a:cs typeface="+mn-cs"/>
                        </a:rPr>
                        <a:t>Biological Resources </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gridSpan="2">
                  <a:txBody>
                    <a:bodyPr/>
                    <a:lstStyle/>
                    <a:p>
                      <a:pPr algn="l" fontAlgn="b"/>
                      <a:r>
                        <a:rPr lang="en-US" sz="1600" b="1" i="0" kern="1200" dirty="0">
                          <a:solidFill>
                            <a:schemeClr val="accent6">
                              <a:lumMod val="75000"/>
                            </a:schemeClr>
                          </a:solidFill>
                          <a:latin typeface="+mn-lt"/>
                          <a:ea typeface="+mn-ea"/>
                          <a:cs typeface="+mn-cs"/>
                        </a:rPr>
                        <a:t> $                12,000,000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4061028425"/>
                  </a:ext>
                </a:extLst>
              </a:tr>
              <a:tr h="248068">
                <a:tc gridSpan="2">
                  <a:txBody>
                    <a:bodyPr/>
                    <a:lstStyle/>
                    <a:p>
                      <a:pPr algn="r" fontAlgn="b"/>
                      <a:r>
                        <a:rPr lang="en-US" sz="1600" b="1" i="0" kern="1200" dirty="0">
                          <a:solidFill>
                            <a:schemeClr val="accent6">
                              <a:lumMod val="75000"/>
                            </a:schemeClr>
                          </a:solidFill>
                          <a:latin typeface="+mn-lt"/>
                          <a:ea typeface="+mn-ea"/>
                          <a:cs typeface="+mn-cs"/>
                        </a:rPr>
                        <a:t>Subtotal</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40000"/>
                        <a:lumOff val="60000"/>
                      </a:schemeClr>
                    </a:solidFill>
                  </a:tcPr>
                </a:tc>
                <a:tc hMerge="1">
                  <a:txBody>
                    <a:bodyPr/>
                    <a:lstStyle/>
                    <a:p>
                      <a:endParaRPr lang="en-US"/>
                    </a:p>
                  </a:txBody>
                  <a:tcPr/>
                </a:tc>
                <a:tc gridSpan="2">
                  <a:txBody>
                    <a:bodyPr/>
                    <a:lstStyle/>
                    <a:p>
                      <a:pPr algn="l" fontAlgn="b"/>
                      <a:r>
                        <a:rPr lang="en-US" sz="1600" b="1" i="0" kern="1200" dirty="0">
                          <a:solidFill>
                            <a:schemeClr val="accent6">
                              <a:lumMod val="75000"/>
                            </a:schemeClr>
                          </a:solidFill>
                          <a:latin typeface="+mn-lt"/>
                          <a:ea typeface="+mn-ea"/>
                          <a:cs typeface="+mn-cs"/>
                        </a:rPr>
                        <a:t> $              395,299,385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40000"/>
                        <a:lumOff val="60000"/>
                      </a:schemeClr>
                    </a:solidFill>
                  </a:tcPr>
                </a:tc>
                <a:tc hMerge="1">
                  <a:txBody>
                    <a:bodyPr/>
                    <a:lstStyle/>
                    <a:p>
                      <a:pPr algn="l" fontAlgn="b"/>
                      <a:endParaRPr lang="en-US" sz="16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40000"/>
                        <a:lumOff val="60000"/>
                      </a:schemeClr>
                    </a:solidFill>
                  </a:tcPr>
                </a:tc>
                <a:extLst>
                  <a:ext uri="{0D108BD9-81ED-4DB2-BD59-A6C34878D82A}">
                    <a16:rowId xmlns:a16="http://schemas.microsoft.com/office/drawing/2014/main" xmlns="" val="2762369213"/>
                  </a:ext>
                </a:extLst>
              </a:tr>
              <a:tr h="248068">
                <a:tc gridSpan="4">
                  <a:txBody>
                    <a:bodyPr/>
                    <a:lstStyle/>
                    <a:p>
                      <a:pPr lvl="1" algn="l" fontAlgn="b"/>
                      <a:r>
                        <a:rPr lang="en-US" sz="1600" b="1" i="0" kern="1200" dirty="0">
                          <a:solidFill>
                            <a:schemeClr val="accent6">
                              <a:lumMod val="75000"/>
                            </a:schemeClr>
                          </a:solidFill>
                          <a:latin typeface="+mn-lt"/>
                          <a:ea typeface="+mn-ea"/>
                          <a:cs typeface="+mn-cs"/>
                        </a:rPr>
                        <a:t>Other Costs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lumMod val="20000"/>
                        <a:lumOff val="80000"/>
                      </a:schemeClr>
                    </a:solidFill>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xmlns="" val="1560923038"/>
                  </a:ext>
                </a:extLst>
              </a:tr>
              <a:tr h="248068">
                <a:tc gridSpan="3">
                  <a:txBody>
                    <a:bodyPr/>
                    <a:lstStyle/>
                    <a:p>
                      <a:pPr marL="736600" lvl="2" indent="0" algn="l" fontAlgn="b"/>
                      <a:r>
                        <a:rPr lang="en-US" sz="1600" b="1" i="0" kern="1200" dirty="0">
                          <a:solidFill>
                            <a:schemeClr val="accent6">
                              <a:lumMod val="75000"/>
                            </a:schemeClr>
                          </a:solidFill>
                          <a:latin typeface="+mn-lt"/>
                          <a:ea typeface="+mn-ea"/>
                          <a:cs typeface="+mn-cs"/>
                        </a:rPr>
                        <a:t>Program Administration</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endParaRPr lang="en-US"/>
                    </a:p>
                  </a:txBody>
                  <a:tcPr/>
                </a:tc>
                <a:tc hMerge="1">
                  <a:txBody>
                    <a:bodyPr/>
                    <a:lstStyle/>
                    <a:p>
                      <a:endParaRPr lang="en-US"/>
                    </a:p>
                  </a:txBody>
                  <a:tcPr/>
                </a:tc>
                <a:tc>
                  <a:txBody>
                    <a:bodyPr/>
                    <a:lstStyle/>
                    <a:p>
                      <a:pPr algn="l" fontAlgn="b"/>
                      <a:r>
                        <a:rPr lang="en-US" sz="1600" b="1" i="0" kern="1200" dirty="0">
                          <a:solidFill>
                            <a:schemeClr val="accent6">
                              <a:lumMod val="75000"/>
                            </a:schemeClr>
                          </a:solidFill>
                          <a:latin typeface="+mn-lt"/>
                          <a:ea typeface="+mn-ea"/>
                          <a:cs typeface="+mn-cs"/>
                        </a:rPr>
                        <a:t> $                12,775,000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795990979"/>
                  </a:ext>
                </a:extLst>
              </a:tr>
              <a:tr h="248068">
                <a:tc gridSpan="3">
                  <a:txBody>
                    <a:bodyPr/>
                    <a:lstStyle/>
                    <a:p>
                      <a:pPr marL="736600" lvl="2" indent="0" algn="l" fontAlgn="b"/>
                      <a:r>
                        <a:rPr lang="en-US" sz="1600" b="1" i="0" kern="1200" dirty="0">
                          <a:solidFill>
                            <a:schemeClr val="accent6">
                              <a:lumMod val="75000"/>
                            </a:schemeClr>
                          </a:solidFill>
                          <a:latin typeface="+mn-lt"/>
                          <a:ea typeface="+mn-ea"/>
                          <a:cs typeface="+mn-cs"/>
                        </a:rPr>
                        <a:t>Monitoring (terrestrial and aquatic)</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endParaRPr lang="en-US"/>
                    </a:p>
                  </a:txBody>
                  <a:tcPr/>
                </a:tc>
                <a:tc hMerge="1">
                  <a:txBody>
                    <a:bodyPr/>
                    <a:lstStyle/>
                    <a:p>
                      <a:endParaRPr lang="en-US"/>
                    </a:p>
                  </a:txBody>
                  <a:tcPr/>
                </a:tc>
                <a:tc>
                  <a:txBody>
                    <a:bodyPr/>
                    <a:lstStyle/>
                    <a:p>
                      <a:pPr algn="l" fontAlgn="b"/>
                      <a:r>
                        <a:rPr lang="en-US" sz="1600" b="1" i="0" kern="1200" dirty="0">
                          <a:solidFill>
                            <a:schemeClr val="accent6">
                              <a:lumMod val="75000"/>
                            </a:schemeClr>
                          </a:solidFill>
                          <a:latin typeface="+mn-lt"/>
                          <a:ea typeface="+mn-ea"/>
                          <a:cs typeface="+mn-cs"/>
                        </a:rPr>
                        <a:t> $              133,398,319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64721049"/>
                  </a:ext>
                </a:extLst>
              </a:tr>
              <a:tr h="248068">
                <a:tc gridSpan="3">
                  <a:txBody>
                    <a:bodyPr/>
                    <a:lstStyle/>
                    <a:p>
                      <a:pPr marL="736600" lvl="2" indent="0" algn="l" defTabSz="457200" rtl="0" eaLnBrk="1" fontAlgn="b" latinLnBrk="0" hangingPunct="1"/>
                      <a:r>
                        <a:rPr lang="en-US" sz="1600" b="1" i="0" kern="1200" dirty="0">
                          <a:solidFill>
                            <a:schemeClr val="accent6">
                              <a:lumMod val="75000"/>
                            </a:schemeClr>
                          </a:solidFill>
                          <a:latin typeface="+mn-lt"/>
                          <a:ea typeface="+mn-ea"/>
                          <a:cs typeface="+mn-cs"/>
                        </a:rPr>
                        <a:t>Property tax revenue replacement</a:t>
                      </a: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endParaRPr lang="en-US"/>
                    </a:p>
                  </a:txBody>
                  <a:tcPr/>
                </a:tc>
                <a:tc hMerge="1">
                  <a:txBody>
                    <a:bodyPr/>
                    <a:lstStyle/>
                    <a:p>
                      <a:endParaRPr lang="en-US"/>
                    </a:p>
                  </a:txBody>
                  <a:tcPr/>
                </a:tc>
                <a:tc>
                  <a:txBody>
                    <a:bodyPr/>
                    <a:lstStyle/>
                    <a:p>
                      <a:pPr marL="0" algn="l" defTabSz="457200" rtl="0" eaLnBrk="1" fontAlgn="b" latinLnBrk="0" hangingPunct="1"/>
                      <a:r>
                        <a:rPr lang="en-US" sz="1600" b="1" i="0" kern="1200" dirty="0">
                          <a:solidFill>
                            <a:schemeClr val="accent6">
                              <a:lumMod val="75000"/>
                            </a:schemeClr>
                          </a:solidFill>
                          <a:latin typeface="+mn-lt"/>
                          <a:ea typeface="+mn-ea"/>
                          <a:cs typeface="+mn-cs"/>
                        </a:rPr>
                        <a:t> $                48,121,823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844244759"/>
                  </a:ext>
                </a:extLst>
              </a:tr>
              <a:tr h="248068">
                <a:tc gridSpan="3">
                  <a:txBody>
                    <a:bodyPr/>
                    <a:lstStyle/>
                    <a:p>
                      <a:pPr marL="0" algn="r" defTabSz="457200" rtl="0" eaLnBrk="1" fontAlgn="b" latinLnBrk="0" hangingPunct="1"/>
                      <a:r>
                        <a:rPr lang="en-US" sz="1600" b="1" i="0" kern="1200" dirty="0">
                          <a:solidFill>
                            <a:schemeClr val="accent6">
                              <a:lumMod val="75000"/>
                            </a:schemeClr>
                          </a:solidFill>
                          <a:latin typeface="+mn-lt"/>
                          <a:ea typeface="+mn-ea"/>
                          <a:cs typeface="+mn-cs"/>
                        </a:rPr>
                        <a:t>Subtotal</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40000"/>
                        <a:lumOff val="60000"/>
                      </a:schemeClr>
                    </a:solidFill>
                  </a:tcPr>
                </a:tc>
                <a:tc hMerge="1">
                  <a:txBody>
                    <a:bodyPr/>
                    <a:lstStyle/>
                    <a:p>
                      <a:endParaRPr lang="en-US"/>
                    </a:p>
                  </a:txBody>
                  <a:tcPr/>
                </a:tc>
                <a:tc hMerge="1">
                  <a:txBody>
                    <a:bodyPr/>
                    <a:lstStyle/>
                    <a:p>
                      <a:endParaRPr lang="en-US"/>
                    </a:p>
                  </a:txBody>
                  <a:tcPr/>
                </a:tc>
                <a:tc>
                  <a:txBody>
                    <a:bodyPr/>
                    <a:lstStyle/>
                    <a:p>
                      <a:pPr marL="0" algn="l" defTabSz="457200" rtl="0" eaLnBrk="1" fontAlgn="b" latinLnBrk="0" hangingPunct="1"/>
                      <a:r>
                        <a:rPr lang="en-US" sz="1600" b="1" i="0" kern="1200" dirty="0">
                          <a:solidFill>
                            <a:schemeClr val="accent6">
                              <a:lumMod val="75000"/>
                            </a:schemeClr>
                          </a:solidFill>
                          <a:latin typeface="+mn-lt"/>
                          <a:ea typeface="+mn-ea"/>
                          <a:cs typeface="+mn-cs"/>
                        </a:rPr>
                        <a:t> $              194,295,142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40000"/>
                        <a:lumOff val="60000"/>
                      </a:schemeClr>
                    </a:solidFill>
                  </a:tcPr>
                </a:tc>
                <a:extLst>
                  <a:ext uri="{0D108BD9-81ED-4DB2-BD59-A6C34878D82A}">
                    <a16:rowId xmlns:a16="http://schemas.microsoft.com/office/drawing/2014/main" xmlns="" val="2820578114"/>
                  </a:ext>
                </a:extLst>
              </a:tr>
              <a:tr h="248068">
                <a:tc gridSpan="3">
                  <a:txBody>
                    <a:bodyPr/>
                    <a:lstStyle/>
                    <a:p>
                      <a:pPr marL="0" algn="r" defTabSz="457200" rtl="0" eaLnBrk="1" fontAlgn="b" latinLnBrk="0" hangingPunct="1"/>
                      <a:r>
                        <a:rPr lang="en-US" sz="1600" b="1" i="0" kern="1200" dirty="0">
                          <a:solidFill>
                            <a:srgbClr val="FFFFFF"/>
                          </a:solidFill>
                          <a:latin typeface="+mn-lt"/>
                          <a:ea typeface="+mn-ea"/>
                          <a:cs typeface="+mn-cs"/>
                        </a:rPr>
                        <a:t>Total Costs</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tc hMerge="1">
                  <a:txBody>
                    <a:bodyPr/>
                    <a:lstStyle/>
                    <a:p>
                      <a:endParaRPr lang="en-US"/>
                    </a:p>
                  </a:txBody>
                  <a:tcPr/>
                </a:tc>
                <a:tc hMerge="1">
                  <a:txBody>
                    <a:bodyPr/>
                    <a:lstStyle/>
                    <a:p>
                      <a:endParaRPr lang="en-US"/>
                    </a:p>
                  </a:txBody>
                  <a:tcPr/>
                </a:tc>
                <a:tc>
                  <a:txBody>
                    <a:bodyPr/>
                    <a:lstStyle/>
                    <a:p>
                      <a:pPr marL="0" algn="l" defTabSz="457200" rtl="0" eaLnBrk="1" fontAlgn="b" latinLnBrk="0" hangingPunct="1"/>
                      <a:r>
                        <a:rPr lang="en-US" sz="1600" b="1" i="0" kern="1200" dirty="0">
                          <a:solidFill>
                            <a:srgbClr val="FFFFFF"/>
                          </a:solidFill>
                          <a:latin typeface="+mn-lt"/>
                          <a:ea typeface="+mn-ea"/>
                          <a:cs typeface="+mn-cs"/>
                        </a:rPr>
                        <a:t> $              589,594,527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extLst>
                  <a:ext uri="{0D108BD9-81ED-4DB2-BD59-A6C34878D82A}">
                    <a16:rowId xmlns:a16="http://schemas.microsoft.com/office/drawing/2014/main" xmlns="" val="3987097355"/>
                  </a:ext>
                </a:extLst>
              </a:tr>
              <a:tr h="248068">
                <a:tc gridSpan="3">
                  <a:txBody>
                    <a:bodyPr/>
                    <a:lstStyle/>
                    <a:p>
                      <a:pPr marL="0" algn="r" defTabSz="457200" rtl="0" eaLnBrk="1" fontAlgn="b" latinLnBrk="0" hangingPunct="1"/>
                      <a:r>
                        <a:rPr lang="en-US" sz="1600" b="1" i="0" kern="1200" dirty="0">
                          <a:solidFill>
                            <a:schemeClr val="accent6">
                              <a:lumMod val="75000"/>
                            </a:schemeClr>
                          </a:solidFill>
                          <a:latin typeface="+mn-lt"/>
                          <a:ea typeface="+mn-ea"/>
                          <a:cs typeface="+mn-cs"/>
                        </a:rPr>
                        <a:t>Contingency 35%</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hMerge="1">
                  <a:txBody>
                    <a:bodyPr/>
                    <a:lstStyle/>
                    <a:p>
                      <a:endParaRPr lang="en-US"/>
                    </a:p>
                  </a:txBody>
                  <a:tcPr/>
                </a:tc>
                <a:tc hMerge="1">
                  <a:txBody>
                    <a:bodyPr/>
                    <a:lstStyle/>
                    <a:p>
                      <a:endParaRPr lang="en-US"/>
                    </a:p>
                  </a:txBody>
                  <a:tcPr/>
                </a:tc>
                <a:tc>
                  <a:txBody>
                    <a:bodyPr/>
                    <a:lstStyle/>
                    <a:p>
                      <a:pPr marL="0" algn="l" defTabSz="457200" rtl="0" eaLnBrk="1" fontAlgn="b" latinLnBrk="0" hangingPunct="1"/>
                      <a:r>
                        <a:rPr lang="en-US" sz="1600" b="1" i="0" kern="1200" dirty="0">
                          <a:solidFill>
                            <a:schemeClr val="accent6">
                              <a:lumMod val="75000"/>
                            </a:schemeClr>
                          </a:solidFill>
                          <a:latin typeface="+mn-lt"/>
                          <a:ea typeface="+mn-ea"/>
                          <a:cs typeface="+mn-cs"/>
                        </a:rPr>
                        <a:t> $              206,358,084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478127623"/>
                  </a:ext>
                </a:extLst>
              </a:tr>
              <a:tr h="233022">
                <a:tc gridSpan="3">
                  <a:txBody>
                    <a:bodyPr/>
                    <a:lstStyle/>
                    <a:p>
                      <a:pPr algn="r" fontAlgn="b"/>
                      <a:r>
                        <a:rPr lang="en-US" sz="1100" b="1" i="0" u="none" strike="noStrike" dirty="0">
                          <a:solidFill>
                            <a:srgbClr val="FFFFFF"/>
                          </a:solidFill>
                          <a:effectLst/>
                          <a:latin typeface="Calibri" panose="020F0502020204030204" pitchFamily="34" charset="0"/>
                        </a:rPr>
                        <a:t> </a:t>
                      </a:r>
                      <a:r>
                        <a:rPr lang="en-US" sz="1600" b="1" i="0" kern="1200" dirty="0" smtClean="0">
                          <a:solidFill>
                            <a:srgbClr val="FFFFFF"/>
                          </a:solidFill>
                          <a:latin typeface="+mn-lt"/>
                          <a:ea typeface="+mn-ea"/>
                          <a:cs typeface="+mn-cs"/>
                        </a:rPr>
                        <a:t>Grand </a:t>
                      </a:r>
                      <a:r>
                        <a:rPr lang="en-US" sz="1600" b="1" i="0" kern="1200" dirty="0">
                          <a:solidFill>
                            <a:srgbClr val="FFFFFF"/>
                          </a:solidFill>
                          <a:latin typeface="+mn-lt"/>
                          <a:ea typeface="+mn-ea"/>
                          <a:cs typeface="+mn-cs"/>
                        </a:rPr>
                        <a:t>Total Cost</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tc hMerge="1">
                  <a:txBody>
                    <a:bodyPr/>
                    <a:lstStyle/>
                    <a:p>
                      <a:endParaRPr lang="en-US"/>
                    </a:p>
                  </a:txBody>
                  <a:tcPr/>
                </a:tc>
                <a:tc hMerge="1">
                  <a:txBody>
                    <a:bodyPr/>
                    <a:lstStyle/>
                    <a:p>
                      <a:endParaRPr lang="en-US"/>
                    </a:p>
                  </a:txBody>
                  <a:tcPr/>
                </a:tc>
                <a:tc>
                  <a:txBody>
                    <a:bodyPr/>
                    <a:lstStyle/>
                    <a:p>
                      <a:pPr marL="0" algn="l" defTabSz="457200" rtl="0" eaLnBrk="1" fontAlgn="b" latinLnBrk="0" hangingPunct="1"/>
                      <a:r>
                        <a:rPr lang="en-US" sz="1600" b="1" i="0" kern="1200" dirty="0">
                          <a:solidFill>
                            <a:srgbClr val="FFFFFF"/>
                          </a:solidFill>
                          <a:latin typeface="+mn-lt"/>
                          <a:ea typeface="+mn-ea"/>
                          <a:cs typeface="+mn-cs"/>
                        </a:rPr>
                        <a:t> $              795,952,611 </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extLst>
                  <a:ext uri="{0D108BD9-81ED-4DB2-BD59-A6C34878D82A}">
                    <a16:rowId xmlns:a16="http://schemas.microsoft.com/office/drawing/2014/main" xmlns="" val="350676976"/>
                  </a:ext>
                </a:extLst>
              </a:tr>
            </a:tbl>
          </a:graphicData>
        </a:graphic>
      </p:graphicFrame>
    </p:spTree>
    <p:extLst>
      <p:ext uri="{BB962C8B-B14F-4D97-AF65-F5344CB8AC3E}">
        <p14:creationId xmlns:p14="http://schemas.microsoft.com/office/powerpoint/2010/main" val="22658225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1854587790"/>
              </p:ext>
            </p:extLst>
          </p:nvPr>
        </p:nvGraphicFramePr>
        <p:xfrm>
          <a:off x="457200" y="2514600"/>
          <a:ext cx="8495730" cy="2530159"/>
        </p:xfrm>
        <a:graphic>
          <a:graphicData uri="http://schemas.openxmlformats.org/drawingml/2006/table">
            <a:tbl>
              <a:tblPr>
                <a:tableStyleId>{D03447BB-5D67-496B-8E87-E561075AD55C}</a:tableStyleId>
              </a:tblPr>
              <a:tblGrid>
                <a:gridCol w="5029200">
                  <a:extLst>
                    <a:ext uri="{9D8B030D-6E8A-4147-A177-3AD203B41FA5}">
                      <a16:colId xmlns:a16="http://schemas.microsoft.com/office/drawing/2014/main" xmlns="" val="3116431541"/>
                    </a:ext>
                  </a:extLst>
                </a:gridCol>
                <a:gridCol w="3466530">
                  <a:extLst>
                    <a:ext uri="{9D8B030D-6E8A-4147-A177-3AD203B41FA5}">
                      <a16:colId xmlns:a16="http://schemas.microsoft.com/office/drawing/2014/main" xmlns="" val="692854404"/>
                    </a:ext>
                  </a:extLst>
                </a:gridCol>
              </a:tblGrid>
              <a:tr h="682460">
                <a:tc gridSpan="2">
                  <a:txBody>
                    <a:bodyPr/>
                    <a:lstStyle/>
                    <a:p>
                      <a:pPr marL="0" lvl="0" algn="ctr" defTabSz="457200" rtl="0" eaLnBrk="1" fontAlgn="t" latinLnBrk="0" hangingPunct="1"/>
                      <a:r>
                        <a:rPr lang="en-US" sz="3200" b="1" u="none" strike="noStrike" kern="1200" dirty="0" smtClean="0">
                          <a:solidFill>
                            <a:srgbClr val="FFFFFF"/>
                          </a:solidFill>
                          <a:effectLst/>
                          <a:latin typeface="+mn-lt"/>
                          <a:ea typeface="+mn-ea"/>
                          <a:cs typeface="+mn-cs"/>
                        </a:rPr>
                        <a:t>California</a:t>
                      </a:r>
                      <a:r>
                        <a:rPr lang="en-US" sz="3200" b="1" u="none" strike="noStrike" kern="1200" baseline="0" dirty="0" smtClean="0">
                          <a:solidFill>
                            <a:srgbClr val="FFFFFF"/>
                          </a:solidFill>
                          <a:effectLst/>
                          <a:latin typeface="+mn-lt"/>
                          <a:ea typeface="+mn-ea"/>
                          <a:cs typeface="+mn-cs"/>
                        </a:rPr>
                        <a:t> WaterFix Total Budget</a:t>
                      </a:r>
                    </a:p>
                    <a:p>
                      <a:pPr marL="0" lvl="0" algn="ctr" defTabSz="457200" rtl="0" eaLnBrk="1" fontAlgn="t" latinLnBrk="0" hangingPunct="1"/>
                      <a:r>
                        <a:rPr lang="en-US" sz="3200" b="1" u="none" strike="noStrike" kern="1200" baseline="0" dirty="0" smtClean="0">
                          <a:solidFill>
                            <a:srgbClr val="FFFFFF"/>
                          </a:solidFill>
                          <a:effectLst/>
                          <a:latin typeface="+mn-lt"/>
                          <a:ea typeface="+mn-ea"/>
                          <a:cs typeface="+mn-cs"/>
                        </a:rPr>
                        <a:t>Cumulative Cost (2014 Dollars)</a:t>
                      </a:r>
                      <a:endParaRPr lang="en-US" sz="3200" b="1" u="none" strike="noStrike" kern="1200" dirty="0">
                        <a:solidFill>
                          <a:srgbClr val="FFFFFF"/>
                        </a:solidFill>
                        <a:effectLst/>
                        <a:latin typeface="+mn-lt"/>
                        <a:ea typeface="+mn-ea"/>
                        <a:cs typeface="+mn-cs"/>
                      </a:endParaRPr>
                    </a:p>
                  </a:txBody>
                  <a:tcPr marL="9525" marR="9525" marT="11430" marB="0" anchor="ctr">
                    <a:lnL w="12700" cap="flat" cmpd="sng" algn="ctr">
                      <a:noFill/>
                      <a:prstDash val="solid"/>
                      <a:round/>
                      <a:headEnd type="none" w="med" len="med"/>
                      <a:tailEnd type="none" w="med" len="med"/>
                    </a:lnL>
                    <a:lnR w="1905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solidFill>
                  </a:tcPr>
                </a:tc>
                <a:tc hMerge="1">
                  <a:txBody>
                    <a:bodyPr/>
                    <a:lstStyle/>
                    <a:p>
                      <a:endParaRPr lang="en-US"/>
                    </a:p>
                  </a:txBody>
                  <a:tcPr/>
                </a:tc>
                <a:extLst>
                  <a:ext uri="{0D108BD9-81ED-4DB2-BD59-A6C34878D82A}">
                    <a16:rowId xmlns:a16="http://schemas.microsoft.com/office/drawing/2014/main" xmlns="" val="10000"/>
                  </a:ext>
                </a:extLst>
              </a:tr>
              <a:tr h="362290">
                <a:tc>
                  <a:txBody>
                    <a:bodyPr/>
                    <a:lstStyle/>
                    <a:p>
                      <a:pPr marL="0" lvl="0" algn="ctr" defTabSz="457200" rtl="0" eaLnBrk="1" fontAlgn="b" latinLnBrk="0" hangingPunct="1"/>
                      <a:r>
                        <a:rPr lang="en-US" sz="2400" b="1" i="0" kern="1200" dirty="0" smtClean="0">
                          <a:solidFill>
                            <a:schemeClr val="accent6">
                              <a:lumMod val="75000"/>
                            </a:schemeClr>
                          </a:solidFill>
                          <a:latin typeface="+mn-lt"/>
                          <a:ea typeface="+mn-ea"/>
                          <a:cs typeface="+mn-cs"/>
                        </a:rPr>
                        <a:t>Name</a:t>
                      </a:r>
                      <a:endParaRPr lang="en-US" sz="24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tc>
                  <a:txBody>
                    <a:bodyPr/>
                    <a:lstStyle/>
                    <a:p>
                      <a:pPr marL="0" lvl="0" algn="ctr" defTabSz="457200" rtl="0" eaLnBrk="1" fontAlgn="b" latinLnBrk="0" hangingPunct="1"/>
                      <a:r>
                        <a:rPr lang="en-US" sz="2400" b="1" i="0" kern="1200" dirty="0" smtClean="0">
                          <a:solidFill>
                            <a:schemeClr val="accent6">
                              <a:lumMod val="75000"/>
                            </a:schemeClr>
                          </a:solidFill>
                          <a:latin typeface="+mn-lt"/>
                          <a:ea typeface="+mn-ea"/>
                          <a:cs typeface="+mn-cs"/>
                        </a:rPr>
                        <a:t>Cost</a:t>
                      </a:r>
                      <a:endParaRPr lang="en-US" sz="2400" b="1" i="0" kern="1200" dirty="0">
                        <a:solidFill>
                          <a:schemeClr val="accent6">
                            <a:lumMod val="75000"/>
                          </a:schemeClr>
                        </a:solidFill>
                        <a:latin typeface="+mn-lt"/>
                        <a:ea typeface="+mn-ea"/>
                        <a:cs typeface="+mn-cs"/>
                      </a:endParaRPr>
                    </a:p>
                  </a:txBody>
                  <a:tcPr marL="9525" marR="9525" marT="11430"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w="38100" cap="flat" cmpd="sng" algn="ctr">
                      <a:noFill/>
                      <a:prstDash val="solid"/>
                      <a:round/>
                      <a:headEnd type="none" w="med" len="med"/>
                      <a:tailEnd type="none" w="med" len="med"/>
                    </a:lnT>
                    <a:lnB>
                      <a:noFill/>
                    </a:lnB>
                    <a:lnTlToBr w="12700" cmpd="sng">
                      <a:noFill/>
                      <a:prstDash val="solid"/>
                    </a:lnTlToBr>
                    <a:lnBlToTr w="12700" cmpd="sng">
                      <a:noFill/>
                      <a:prstDash val="solid"/>
                    </a:lnBlToTr>
                    <a:solidFill>
                      <a:schemeClr val="bg1">
                        <a:lumMod val="20000"/>
                        <a:lumOff val="80000"/>
                      </a:schemeClr>
                    </a:solidFill>
                  </a:tcPr>
                </a:tc>
                <a:extLst>
                  <a:ext uri="{0D108BD9-81ED-4DB2-BD59-A6C34878D82A}">
                    <a16:rowId xmlns:a16="http://schemas.microsoft.com/office/drawing/2014/main" xmlns="" val="10001"/>
                  </a:ext>
                </a:extLst>
              </a:tr>
              <a:tr h="395447">
                <a:tc>
                  <a:txBody>
                    <a:bodyPr/>
                    <a:lstStyle/>
                    <a:p>
                      <a:pPr marL="0" lvl="2" indent="0" algn="l" fontAlgn="b"/>
                      <a:r>
                        <a:rPr lang="en-US" sz="2400" b="1" i="0" kern="1200" dirty="0" smtClean="0">
                          <a:solidFill>
                            <a:schemeClr val="accent6">
                              <a:lumMod val="75000"/>
                            </a:schemeClr>
                          </a:solidFill>
                          <a:latin typeface="+mn-lt"/>
                          <a:ea typeface="+mn-ea"/>
                          <a:cs typeface="+mn-cs"/>
                        </a:rPr>
                        <a:t>Total 2081/Section 7 Mitigation Costs</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algn="l" fontAlgn="b"/>
                      <a:r>
                        <a:rPr lang="en-US" sz="2400" b="1" i="0" kern="1200" dirty="0">
                          <a:solidFill>
                            <a:schemeClr val="accent6">
                              <a:lumMod val="75000"/>
                            </a:schemeClr>
                          </a:solidFill>
                          <a:latin typeface="+mn-lt"/>
                          <a:ea typeface="+mn-ea"/>
                          <a:cs typeface="+mn-cs"/>
                        </a:rPr>
                        <a:t> </a:t>
                      </a:r>
                      <a:r>
                        <a:rPr lang="en-US" sz="2400" b="1" i="0" kern="1200" dirty="0" smtClean="0">
                          <a:solidFill>
                            <a:schemeClr val="accent6">
                              <a:lumMod val="75000"/>
                            </a:schemeClr>
                          </a:solidFill>
                          <a:latin typeface="+mn-lt"/>
                          <a:ea typeface="+mn-ea"/>
                          <a:cs typeface="+mn-cs"/>
                        </a:rPr>
                        <a:t>$               795,952,611</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64721049"/>
                  </a:ext>
                </a:extLst>
              </a:tr>
              <a:tr h="395447">
                <a:tc>
                  <a:txBody>
                    <a:bodyPr/>
                    <a:lstStyle/>
                    <a:p>
                      <a:pPr marL="0" lvl="2" indent="0" algn="l" defTabSz="457200" rtl="0" eaLnBrk="1" fontAlgn="b" latinLnBrk="0" hangingPunct="1"/>
                      <a:r>
                        <a:rPr lang="en-US" sz="2400" b="1" i="0" kern="1200" dirty="0" smtClean="0">
                          <a:solidFill>
                            <a:schemeClr val="accent6">
                              <a:lumMod val="75000"/>
                            </a:schemeClr>
                          </a:solidFill>
                          <a:latin typeface="+mn-lt"/>
                          <a:ea typeface="+mn-ea"/>
                          <a:cs typeface="+mn-cs"/>
                        </a:rPr>
                        <a:t>Total Design/Construction Budget</a:t>
                      </a:r>
                      <a:endParaRPr lang="en-US" sz="2400" b="1" i="0" kern="1200" dirty="0">
                        <a:solidFill>
                          <a:schemeClr val="accent6">
                            <a:lumMod val="75000"/>
                          </a:schemeClr>
                        </a:solidFill>
                        <a:latin typeface="+mn-lt"/>
                        <a:ea typeface="+mn-ea"/>
                        <a:cs typeface="+mn-cs"/>
                      </a:endParaRPr>
                    </a:p>
                  </a:txBody>
                  <a:tcPr marL="714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a:txBody>
                    <a:bodyPr/>
                    <a:lstStyle/>
                    <a:p>
                      <a:pPr marL="0" algn="l" defTabSz="457200" rtl="0" eaLnBrk="1" fontAlgn="b" latinLnBrk="0" hangingPunct="1"/>
                      <a:r>
                        <a:rPr lang="en-US" sz="2400" b="1" i="0" kern="1200" dirty="0">
                          <a:solidFill>
                            <a:schemeClr val="accent6">
                              <a:lumMod val="75000"/>
                            </a:schemeClr>
                          </a:solidFill>
                          <a:latin typeface="+mn-lt"/>
                          <a:ea typeface="+mn-ea"/>
                          <a:cs typeface="+mn-cs"/>
                        </a:rPr>
                        <a:t> </a:t>
                      </a:r>
                      <a:r>
                        <a:rPr lang="en-US" sz="2400" b="1" i="0" kern="1200" dirty="0" smtClean="0">
                          <a:solidFill>
                            <a:schemeClr val="accent6">
                              <a:lumMod val="75000"/>
                            </a:schemeClr>
                          </a:solidFill>
                          <a:latin typeface="+mn-lt"/>
                          <a:ea typeface="+mn-ea"/>
                          <a:cs typeface="+mn-cs"/>
                        </a:rPr>
                        <a:t>$          14,943,458,684</a:t>
                      </a:r>
                      <a:endParaRPr lang="en-US" sz="2400" b="1" i="0" kern="1200" dirty="0">
                        <a:solidFill>
                          <a:schemeClr val="accent6">
                            <a:lumMod val="75000"/>
                          </a:schemeClr>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xmlns="" val="3844244759"/>
                  </a:ext>
                </a:extLst>
              </a:tr>
              <a:tr h="369789">
                <a:tc>
                  <a:txBody>
                    <a:bodyPr/>
                    <a:lstStyle/>
                    <a:p>
                      <a:pPr algn="r" fontAlgn="b"/>
                      <a:r>
                        <a:rPr lang="en-US" sz="1600" b="1" i="0" u="none" strike="noStrike" dirty="0">
                          <a:solidFill>
                            <a:srgbClr val="FFFFFF"/>
                          </a:solidFill>
                          <a:effectLst/>
                          <a:latin typeface="Calibri" panose="020F0502020204030204" pitchFamily="34" charset="0"/>
                        </a:rPr>
                        <a:t> </a:t>
                      </a:r>
                      <a:r>
                        <a:rPr lang="en-US" sz="2400" b="1" i="0" kern="1200" dirty="0" smtClean="0">
                          <a:solidFill>
                            <a:srgbClr val="FFFFFF"/>
                          </a:solidFill>
                          <a:latin typeface="+mn-lt"/>
                          <a:ea typeface="+mn-ea"/>
                          <a:cs typeface="+mn-cs"/>
                        </a:rPr>
                        <a:t>Grand </a:t>
                      </a:r>
                      <a:r>
                        <a:rPr lang="en-US" sz="2400" b="1" i="0" kern="1200" dirty="0">
                          <a:solidFill>
                            <a:srgbClr val="FFFFFF"/>
                          </a:solidFill>
                          <a:latin typeface="+mn-lt"/>
                          <a:ea typeface="+mn-ea"/>
                          <a:cs typeface="+mn-cs"/>
                        </a:rPr>
                        <a:t>Total Cost</a:t>
                      </a: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tc>
                  <a:txBody>
                    <a:bodyPr/>
                    <a:lstStyle/>
                    <a:p>
                      <a:pPr marL="0" algn="l" defTabSz="457200" rtl="0" eaLnBrk="1" fontAlgn="b" latinLnBrk="0" hangingPunct="1"/>
                      <a:r>
                        <a:rPr lang="en-US" sz="2400" b="1" i="0" kern="1200" dirty="0">
                          <a:solidFill>
                            <a:srgbClr val="FFFFFF"/>
                          </a:solidFill>
                          <a:latin typeface="+mn-lt"/>
                          <a:ea typeface="+mn-ea"/>
                          <a:cs typeface="+mn-cs"/>
                        </a:rPr>
                        <a:t> </a:t>
                      </a:r>
                      <a:r>
                        <a:rPr lang="en-US" sz="2400" b="1" i="0" kern="1200" dirty="0" smtClean="0">
                          <a:solidFill>
                            <a:srgbClr val="FFFFFF"/>
                          </a:solidFill>
                          <a:latin typeface="+mn-lt"/>
                          <a:ea typeface="+mn-ea"/>
                          <a:cs typeface="+mn-cs"/>
                        </a:rPr>
                        <a:t>$          15,739,411,295</a:t>
                      </a:r>
                      <a:endParaRPr lang="en-US" sz="2400" b="1" i="0" kern="1200" dirty="0">
                        <a:solidFill>
                          <a:srgbClr val="FFFFFF"/>
                        </a:solidFill>
                        <a:latin typeface="+mn-lt"/>
                        <a:ea typeface="+mn-ea"/>
                        <a:cs typeface="+mn-cs"/>
                      </a:endParaRPr>
                    </a:p>
                  </a:txBody>
                  <a:tcPr marL="7938" marR="7938" marT="9525" marB="0" anchor="ctr">
                    <a:lnL w="19050" cap="flat" cmpd="sng" algn="ctr">
                      <a:noFill/>
                      <a:prstDash val="solid"/>
                      <a:round/>
                      <a:headEnd type="none" w="med" len="med"/>
                      <a:tailEnd type="none" w="med" len="med"/>
                    </a:lnL>
                    <a:lnR w="12700" cap="flat" cmpd="sng" algn="ctr">
                      <a:noFill/>
                      <a:prstDash val="solid"/>
                      <a:round/>
                      <a:headEnd type="none" w="med" len="med"/>
                      <a:tailEnd type="none" w="med" len="med"/>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lumMod val="75000"/>
                      </a:schemeClr>
                    </a:solidFill>
                  </a:tcPr>
                </a:tc>
                <a:extLst>
                  <a:ext uri="{0D108BD9-81ED-4DB2-BD59-A6C34878D82A}">
                    <a16:rowId xmlns:a16="http://schemas.microsoft.com/office/drawing/2014/main" xmlns="" val="350676976"/>
                  </a:ext>
                </a:extLst>
              </a:tr>
            </a:tbl>
          </a:graphicData>
        </a:graphic>
      </p:graphicFrame>
    </p:spTree>
    <p:extLst>
      <p:ext uri="{BB962C8B-B14F-4D97-AF65-F5344CB8AC3E}">
        <p14:creationId xmlns:p14="http://schemas.microsoft.com/office/powerpoint/2010/main" val="31184208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 name="Rectangle 67"/>
          <p:cNvSpPr/>
          <p:nvPr/>
        </p:nvSpPr>
        <p:spPr bwMode="auto">
          <a:xfrm>
            <a:off x="0" y="1143000"/>
            <a:ext cx="9144000" cy="5715000"/>
          </a:xfrm>
          <a:prstGeom prst="rect">
            <a:avLst/>
          </a:prstGeom>
          <a:solidFill>
            <a:schemeClr val="tx1">
              <a:lumMod val="9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chemeClr val="bg1"/>
              </a:solidFill>
              <a:effectLst>
                <a:outerShdw blurRad="38100" dist="38100" dir="2700000" algn="tl">
                  <a:srgbClr val="000000">
                    <a:alpha val="43137"/>
                  </a:srgbClr>
                </a:outerShdw>
              </a:effectLst>
              <a:latin typeface="Segoe" pitchFamily="34" charset="0"/>
            </a:endParaRPr>
          </a:p>
        </p:txBody>
      </p:sp>
      <p:cxnSp>
        <p:nvCxnSpPr>
          <p:cNvPr id="32" name="Straight Connector 31"/>
          <p:cNvCxnSpPr/>
          <p:nvPr/>
        </p:nvCxnSpPr>
        <p:spPr>
          <a:xfrm>
            <a:off x="4572000" y="3201408"/>
            <a:ext cx="12700" cy="689521"/>
          </a:xfrm>
          <a:prstGeom prst="line">
            <a:avLst/>
          </a:prstGeom>
          <a:ln/>
        </p:spPr>
        <p:style>
          <a:lnRef idx="1">
            <a:schemeClr val="accent3"/>
          </a:lnRef>
          <a:fillRef idx="0">
            <a:schemeClr val="accent3"/>
          </a:fillRef>
          <a:effectRef idx="0">
            <a:schemeClr val="accent3"/>
          </a:effectRef>
          <a:fontRef idx="minor">
            <a:schemeClr val="tx1"/>
          </a:fontRef>
        </p:style>
      </p:cxnSp>
      <p:cxnSp>
        <p:nvCxnSpPr>
          <p:cNvPr id="93" name="Straight Connector 92"/>
          <p:cNvCxnSpPr/>
          <p:nvPr/>
        </p:nvCxnSpPr>
        <p:spPr>
          <a:xfrm>
            <a:off x="1282700" y="2708779"/>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5683250" y="271449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6769100" y="271449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858124" y="2696230"/>
            <a:ext cx="0" cy="278638"/>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a:off x="2387600" y="271449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a:endCxn id="17" idx="0"/>
          </p:cNvCxnSpPr>
          <p:nvPr/>
        </p:nvCxnSpPr>
        <p:spPr>
          <a:xfrm>
            <a:off x="4577556" y="1543121"/>
            <a:ext cx="0" cy="13716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3512345" y="2696230"/>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2349500" y="181744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3429000" y="1207842"/>
            <a:ext cx="2286000" cy="381001"/>
          </a:xfrm>
          <a:prstGeom prst="rect">
            <a:avLst/>
          </a:prstGeom>
          <a:solidFill>
            <a:srgbClr val="000099"/>
          </a:solidFill>
          <a:ln>
            <a:solidFill>
              <a:srgbClr val="00009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tx1"/>
                </a:solidFill>
              </a:rPr>
              <a:t>Program Director</a:t>
            </a:r>
          </a:p>
        </p:txBody>
      </p:sp>
      <p:sp>
        <p:nvSpPr>
          <p:cNvPr id="15" name="Rectangle 14"/>
          <p:cNvSpPr/>
          <p:nvPr/>
        </p:nvSpPr>
        <p:spPr>
          <a:xfrm>
            <a:off x="825500" y="2914721"/>
            <a:ext cx="914400" cy="457200"/>
          </a:xfrm>
          <a:prstGeom prst="rect">
            <a:avLst/>
          </a:prstGeom>
          <a:solidFill>
            <a:srgbClr val="0070C0"/>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ln>
                  <a:noFill/>
                  <a:prstDash val="solid"/>
                </a:ln>
                <a:solidFill>
                  <a:schemeClr val="tx1"/>
                </a:solidFill>
              </a:rPr>
              <a:t>Staffing and Admin.</a:t>
            </a:r>
          </a:p>
        </p:txBody>
      </p:sp>
      <p:sp>
        <p:nvSpPr>
          <p:cNvPr id="16" name="Rectangle 15"/>
          <p:cNvSpPr/>
          <p:nvPr/>
        </p:nvSpPr>
        <p:spPr>
          <a:xfrm>
            <a:off x="1930400" y="2914721"/>
            <a:ext cx="914400" cy="457200"/>
          </a:xfrm>
          <a:prstGeom prst="rect">
            <a:avLst/>
          </a:prstGeom>
          <a:solidFill>
            <a:srgbClr val="0070C0"/>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ln>
                  <a:noFill/>
                  <a:prstDash val="solid"/>
                </a:ln>
                <a:solidFill>
                  <a:schemeClr val="tx1"/>
                </a:solidFill>
              </a:rPr>
              <a:t>Environment and Planning</a:t>
            </a:r>
          </a:p>
        </p:txBody>
      </p:sp>
      <p:sp>
        <p:nvSpPr>
          <p:cNvPr id="17" name="Rectangle 16"/>
          <p:cNvSpPr/>
          <p:nvPr/>
        </p:nvSpPr>
        <p:spPr>
          <a:xfrm>
            <a:off x="4120356" y="2914721"/>
            <a:ext cx="914400" cy="457200"/>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tx1"/>
                </a:solidFill>
              </a:rPr>
              <a:t>Chief Engineer</a:t>
            </a:r>
          </a:p>
        </p:txBody>
      </p:sp>
      <p:sp>
        <p:nvSpPr>
          <p:cNvPr id="18" name="Rectangle 17"/>
          <p:cNvSpPr/>
          <p:nvPr/>
        </p:nvSpPr>
        <p:spPr>
          <a:xfrm>
            <a:off x="3029745" y="2914721"/>
            <a:ext cx="914400" cy="457200"/>
          </a:xfrm>
          <a:prstGeom prst="rect">
            <a:avLst/>
          </a:prstGeom>
          <a:solidFill>
            <a:srgbClr val="0070C0"/>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ln>
                  <a:noFill/>
                  <a:prstDash val="solid"/>
                </a:ln>
                <a:solidFill>
                  <a:schemeClr val="tx1"/>
                </a:solidFill>
              </a:rPr>
              <a:t>QA / QC</a:t>
            </a:r>
          </a:p>
        </p:txBody>
      </p:sp>
      <p:sp>
        <p:nvSpPr>
          <p:cNvPr id="20" name="Rectangle 19"/>
          <p:cNvSpPr/>
          <p:nvPr/>
        </p:nvSpPr>
        <p:spPr>
          <a:xfrm>
            <a:off x="6273801" y="3914300"/>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General Technology</a:t>
            </a:r>
          </a:p>
        </p:txBody>
      </p:sp>
      <p:sp>
        <p:nvSpPr>
          <p:cNvPr id="21" name="Rectangle 20"/>
          <p:cNvSpPr/>
          <p:nvPr/>
        </p:nvSpPr>
        <p:spPr>
          <a:xfrm>
            <a:off x="1943100" y="3465633"/>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Environmental Permits</a:t>
            </a:r>
          </a:p>
        </p:txBody>
      </p:sp>
      <p:sp>
        <p:nvSpPr>
          <p:cNvPr id="22" name="Rectangle 21"/>
          <p:cNvSpPr/>
          <p:nvPr/>
        </p:nvSpPr>
        <p:spPr>
          <a:xfrm>
            <a:off x="4120356" y="3898631"/>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lnSpc>
                <a:spcPct val="80000"/>
              </a:lnSpc>
            </a:pPr>
            <a:r>
              <a:rPr lang="en-US" sz="1050" b="1" dirty="0">
                <a:solidFill>
                  <a:schemeClr val="bg1"/>
                </a:solidFill>
              </a:rPr>
              <a:t>Tunnels &amp; </a:t>
            </a:r>
            <a:r>
              <a:rPr lang="en-US" sz="1050" b="1" dirty="0" smtClean="0">
                <a:solidFill>
                  <a:schemeClr val="bg1"/>
                </a:solidFill>
              </a:rPr>
              <a:t>Shafts</a:t>
            </a:r>
            <a:endParaRPr lang="en-US" sz="1050" b="1" dirty="0">
              <a:solidFill>
                <a:schemeClr val="bg1"/>
              </a:solidFill>
            </a:endParaRPr>
          </a:p>
        </p:txBody>
      </p:sp>
      <p:sp>
        <p:nvSpPr>
          <p:cNvPr id="23" name="Rectangle 22"/>
          <p:cNvSpPr/>
          <p:nvPr/>
        </p:nvSpPr>
        <p:spPr>
          <a:xfrm>
            <a:off x="3042445" y="3465633"/>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lnSpc>
                <a:spcPct val="80000"/>
              </a:lnSpc>
            </a:pPr>
            <a:endParaRPr lang="en-US" sz="1050" b="1" dirty="0">
              <a:solidFill>
                <a:schemeClr val="bg1"/>
              </a:solidFill>
            </a:endParaRPr>
          </a:p>
          <a:p>
            <a:pPr algn="ctr">
              <a:lnSpc>
                <a:spcPct val="80000"/>
              </a:lnSpc>
            </a:pPr>
            <a:r>
              <a:rPr lang="en-US" sz="1050" b="1" dirty="0" smtClean="0">
                <a:solidFill>
                  <a:schemeClr val="bg1"/>
                </a:solidFill>
              </a:rPr>
              <a:t>Standards</a:t>
            </a:r>
            <a:endParaRPr lang="en-US" sz="1050" b="1" dirty="0">
              <a:solidFill>
                <a:schemeClr val="bg1"/>
              </a:solidFill>
            </a:endParaRPr>
          </a:p>
          <a:p>
            <a:pPr algn="ctr">
              <a:lnSpc>
                <a:spcPct val="80000"/>
              </a:lnSpc>
            </a:pPr>
            <a:endParaRPr lang="en-US" sz="1050" b="1" dirty="0">
              <a:solidFill>
                <a:schemeClr val="bg1"/>
              </a:solidFill>
            </a:endParaRPr>
          </a:p>
        </p:txBody>
      </p:sp>
      <p:sp>
        <p:nvSpPr>
          <p:cNvPr id="24" name="Rectangle 23"/>
          <p:cNvSpPr/>
          <p:nvPr/>
        </p:nvSpPr>
        <p:spPr>
          <a:xfrm>
            <a:off x="5245100" y="3465633"/>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lnSpc>
                <a:spcPct val="80000"/>
              </a:lnSpc>
            </a:pPr>
            <a:r>
              <a:rPr lang="en-US" sz="1050" b="1" dirty="0" smtClean="0">
                <a:solidFill>
                  <a:schemeClr val="bg1"/>
                </a:solidFill>
              </a:rPr>
              <a:t>Program Controls</a:t>
            </a:r>
            <a:endParaRPr lang="en-US" sz="1050" b="1" dirty="0">
              <a:solidFill>
                <a:schemeClr val="bg1"/>
              </a:solidFill>
            </a:endParaRPr>
          </a:p>
          <a:p>
            <a:pPr algn="ctr">
              <a:lnSpc>
                <a:spcPct val="80000"/>
              </a:lnSpc>
            </a:pPr>
            <a:endParaRPr lang="en-US" sz="1050" b="1" dirty="0">
              <a:solidFill>
                <a:schemeClr val="bg1"/>
              </a:solidFill>
            </a:endParaRPr>
          </a:p>
        </p:txBody>
      </p:sp>
      <p:cxnSp>
        <p:nvCxnSpPr>
          <p:cNvPr id="29" name="Straight Connector 28"/>
          <p:cNvCxnSpPr/>
          <p:nvPr/>
        </p:nvCxnSpPr>
        <p:spPr>
          <a:xfrm>
            <a:off x="2413000" y="3313233"/>
            <a:ext cx="0" cy="152400"/>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nvCxnSpPr>
        <p:spPr>
          <a:xfrm>
            <a:off x="3512345" y="3313233"/>
            <a:ext cx="0" cy="152400"/>
          </a:xfrm>
          <a:prstGeom prst="line">
            <a:avLst/>
          </a:prstGeom>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nvCxnSpPr>
        <p:spPr>
          <a:xfrm>
            <a:off x="5715000" y="3313233"/>
            <a:ext cx="0" cy="152400"/>
          </a:xfrm>
          <a:prstGeom prst="line">
            <a:avLst/>
          </a:prstGeom>
        </p:spPr>
        <p:style>
          <a:lnRef idx="1">
            <a:schemeClr val="accent1"/>
          </a:lnRef>
          <a:fillRef idx="0">
            <a:schemeClr val="accent1"/>
          </a:fillRef>
          <a:effectRef idx="0">
            <a:schemeClr val="accent1"/>
          </a:effectRef>
          <a:fontRef idx="minor">
            <a:schemeClr val="tx1"/>
          </a:fontRef>
        </p:style>
      </p:cxnSp>
      <p:cxnSp>
        <p:nvCxnSpPr>
          <p:cNvPr id="34" name="Elbow Connector 33"/>
          <p:cNvCxnSpPr>
            <a:stCxn id="3" idx="2"/>
          </p:cNvCxnSpPr>
          <p:nvPr/>
        </p:nvCxnSpPr>
        <p:spPr>
          <a:xfrm rot="5400000">
            <a:off x="2698751" y="172791"/>
            <a:ext cx="457201" cy="3289300"/>
          </a:xfrm>
          <a:prstGeom prst="bentConnector3">
            <a:avLst>
              <a:gd name="adj1" fmla="val 50000"/>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3448845" y="181744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5715000" y="181744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a:off x="6794500" y="1817442"/>
            <a:ext cx="0" cy="2743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Rectangle 3"/>
          <p:cNvSpPr/>
          <p:nvPr/>
        </p:nvSpPr>
        <p:spPr>
          <a:xfrm>
            <a:off x="825500" y="2046042"/>
            <a:ext cx="914400" cy="548640"/>
          </a:xfrm>
          <a:prstGeom prst="rect">
            <a:avLst/>
          </a:prstGeom>
          <a:solidFill>
            <a:schemeClr val="tx2">
              <a:lumMod val="50000"/>
            </a:schemeClr>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ln>
                  <a:noFill/>
                  <a:prstDash val="solid"/>
                </a:ln>
                <a:solidFill>
                  <a:schemeClr val="tx1"/>
                </a:solidFill>
              </a:rPr>
              <a:t>Finance and Accounting</a:t>
            </a:r>
          </a:p>
        </p:txBody>
      </p:sp>
      <p:sp>
        <p:nvSpPr>
          <p:cNvPr id="5" name="Rectangle 4"/>
          <p:cNvSpPr/>
          <p:nvPr/>
        </p:nvSpPr>
        <p:spPr>
          <a:xfrm>
            <a:off x="1930400" y="2046042"/>
            <a:ext cx="914400" cy="548640"/>
          </a:xfrm>
          <a:prstGeom prst="rect">
            <a:avLst/>
          </a:prstGeom>
          <a:solidFill>
            <a:schemeClr val="tx2">
              <a:lumMod val="50000"/>
            </a:schemeClr>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ln>
                  <a:noFill/>
                  <a:prstDash val="solid"/>
                </a:ln>
                <a:solidFill>
                  <a:schemeClr val="tx1"/>
                </a:solidFill>
              </a:rPr>
              <a:t>Public Education</a:t>
            </a:r>
          </a:p>
        </p:txBody>
      </p:sp>
      <p:sp>
        <p:nvSpPr>
          <p:cNvPr id="6" name="Rectangle 5"/>
          <p:cNvSpPr/>
          <p:nvPr/>
        </p:nvSpPr>
        <p:spPr>
          <a:xfrm>
            <a:off x="4120356" y="2046042"/>
            <a:ext cx="914400" cy="548640"/>
          </a:xfrm>
          <a:prstGeom prst="rect">
            <a:avLst/>
          </a:prstGeom>
          <a:solidFill>
            <a:schemeClr val="tx2">
              <a:lumMod val="50000"/>
            </a:schemeClr>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ln>
                  <a:noFill/>
                  <a:prstDash val="solid"/>
                </a:ln>
                <a:solidFill>
                  <a:schemeClr val="tx1"/>
                </a:solidFill>
              </a:rPr>
              <a:t>Program Manager</a:t>
            </a:r>
          </a:p>
        </p:txBody>
      </p:sp>
      <p:sp>
        <p:nvSpPr>
          <p:cNvPr id="7" name="Rectangle 6"/>
          <p:cNvSpPr/>
          <p:nvPr/>
        </p:nvSpPr>
        <p:spPr>
          <a:xfrm>
            <a:off x="3029745" y="2046042"/>
            <a:ext cx="914400" cy="548640"/>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solidFill>
                  <a:schemeClr val="tx1"/>
                </a:solidFill>
              </a:rPr>
              <a:t>Internal Audit</a:t>
            </a:r>
          </a:p>
        </p:txBody>
      </p:sp>
      <p:sp>
        <p:nvSpPr>
          <p:cNvPr id="8" name="Rectangle 7"/>
          <p:cNvSpPr/>
          <p:nvPr/>
        </p:nvSpPr>
        <p:spPr>
          <a:xfrm>
            <a:off x="5232400" y="2046042"/>
            <a:ext cx="914400" cy="548640"/>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solidFill>
                  <a:schemeClr val="tx1"/>
                </a:solidFill>
              </a:rPr>
              <a:t>Legal Counsel</a:t>
            </a:r>
          </a:p>
        </p:txBody>
      </p:sp>
      <p:sp>
        <p:nvSpPr>
          <p:cNvPr id="37" name="Rectangle 36"/>
          <p:cNvSpPr/>
          <p:nvPr/>
        </p:nvSpPr>
        <p:spPr>
          <a:xfrm>
            <a:off x="6668294" y="5533883"/>
            <a:ext cx="2011680" cy="182880"/>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i="1" dirty="0">
                <a:solidFill>
                  <a:schemeClr val="tx1"/>
                </a:solidFill>
              </a:rPr>
              <a:t>Program Director Reports</a:t>
            </a:r>
          </a:p>
        </p:txBody>
      </p:sp>
      <p:sp>
        <p:nvSpPr>
          <p:cNvPr id="38" name="Rectangle 37"/>
          <p:cNvSpPr/>
          <p:nvPr/>
        </p:nvSpPr>
        <p:spPr>
          <a:xfrm>
            <a:off x="6668294" y="5808203"/>
            <a:ext cx="2011680" cy="182880"/>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i="1" dirty="0">
                <a:solidFill>
                  <a:schemeClr val="tx1"/>
                </a:solidFill>
              </a:rPr>
              <a:t>Program Manager Reports</a:t>
            </a:r>
          </a:p>
        </p:txBody>
      </p:sp>
      <p:sp>
        <p:nvSpPr>
          <p:cNvPr id="39" name="Rectangle 38"/>
          <p:cNvSpPr/>
          <p:nvPr/>
        </p:nvSpPr>
        <p:spPr>
          <a:xfrm>
            <a:off x="6668294" y="6079599"/>
            <a:ext cx="2011680" cy="182880"/>
          </a:xfrm>
          <a:prstGeom prst="rect">
            <a:avLst/>
          </a:prstGeom>
          <a:solidFill>
            <a:schemeClr val="accent3">
              <a:lumMod val="50000"/>
            </a:schemeClr>
          </a:solid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i="1" dirty="0">
                <a:solidFill>
                  <a:schemeClr val="tx1"/>
                </a:solidFill>
              </a:rPr>
              <a:t>Technical Leadership</a:t>
            </a:r>
          </a:p>
        </p:txBody>
      </p:sp>
      <p:sp>
        <p:nvSpPr>
          <p:cNvPr id="40" name="Rectangle 39"/>
          <p:cNvSpPr/>
          <p:nvPr/>
        </p:nvSpPr>
        <p:spPr>
          <a:xfrm>
            <a:off x="6311900" y="2046042"/>
            <a:ext cx="914400" cy="548640"/>
          </a:xfrm>
          <a:prstGeom prst="rect">
            <a:avLst/>
          </a:prstGeom>
          <a:solidFill>
            <a:schemeClr val="tx2">
              <a:lumMod val="50000"/>
            </a:schemeClr>
          </a:solidFill>
          <a:ln w="76200">
            <a:no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dirty="0">
                <a:ln>
                  <a:noFill/>
                  <a:prstDash val="solid"/>
                </a:ln>
                <a:solidFill>
                  <a:schemeClr val="tx1"/>
                </a:solidFill>
              </a:rPr>
              <a:t>Safety and Risk Mgmt.</a:t>
            </a:r>
          </a:p>
        </p:txBody>
      </p:sp>
      <p:sp>
        <p:nvSpPr>
          <p:cNvPr id="48" name="Rectangle 47"/>
          <p:cNvSpPr/>
          <p:nvPr/>
        </p:nvSpPr>
        <p:spPr>
          <a:xfrm>
            <a:off x="825500" y="3465633"/>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Staffing</a:t>
            </a:r>
          </a:p>
        </p:txBody>
      </p:sp>
      <p:sp>
        <p:nvSpPr>
          <p:cNvPr id="52" name="Rectangle 51"/>
          <p:cNvSpPr/>
          <p:nvPr/>
        </p:nvSpPr>
        <p:spPr>
          <a:xfrm>
            <a:off x="825500" y="3914300"/>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Office Management</a:t>
            </a:r>
          </a:p>
        </p:txBody>
      </p:sp>
      <p:sp>
        <p:nvSpPr>
          <p:cNvPr id="53" name="Rectangle 52"/>
          <p:cNvSpPr/>
          <p:nvPr/>
        </p:nvSpPr>
        <p:spPr>
          <a:xfrm>
            <a:off x="7403306" y="3450392"/>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lnSpc>
                <a:spcPct val="80000"/>
              </a:lnSpc>
            </a:pPr>
            <a:endParaRPr lang="en-US" sz="1050" b="1" dirty="0">
              <a:solidFill>
                <a:schemeClr val="bg1"/>
              </a:solidFill>
            </a:endParaRPr>
          </a:p>
        </p:txBody>
      </p:sp>
      <p:sp>
        <p:nvSpPr>
          <p:cNvPr id="55" name="Rectangle 54"/>
          <p:cNvSpPr/>
          <p:nvPr/>
        </p:nvSpPr>
        <p:spPr>
          <a:xfrm>
            <a:off x="1943100" y="3921519"/>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Conveyance Mitigation Planning</a:t>
            </a:r>
          </a:p>
        </p:txBody>
      </p:sp>
      <p:sp>
        <p:nvSpPr>
          <p:cNvPr id="56" name="Rectangle 55"/>
          <p:cNvSpPr/>
          <p:nvPr/>
        </p:nvSpPr>
        <p:spPr>
          <a:xfrm>
            <a:off x="3042445" y="3918701"/>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Performance Management</a:t>
            </a:r>
          </a:p>
        </p:txBody>
      </p:sp>
      <p:sp>
        <p:nvSpPr>
          <p:cNvPr id="57" name="Rectangle 56"/>
          <p:cNvSpPr/>
          <p:nvPr/>
        </p:nvSpPr>
        <p:spPr>
          <a:xfrm>
            <a:off x="5245100" y="3918701"/>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Contracting</a:t>
            </a:r>
          </a:p>
        </p:txBody>
      </p:sp>
      <p:sp>
        <p:nvSpPr>
          <p:cNvPr id="60" name="Rectangle 59"/>
          <p:cNvSpPr/>
          <p:nvPr/>
        </p:nvSpPr>
        <p:spPr>
          <a:xfrm>
            <a:off x="4120356" y="4180067"/>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50" b="1" dirty="0">
                <a:solidFill>
                  <a:schemeClr val="bg1"/>
                </a:solidFill>
              </a:rPr>
              <a:t>Utilities &amp; Power</a:t>
            </a:r>
          </a:p>
        </p:txBody>
      </p:sp>
      <p:sp>
        <p:nvSpPr>
          <p:cNvPr id="19" name="Rectangle 18"/>
          <p:cNvSpPr/>
          <p:nvPr/>
        </p:nvSpPr>
        <p:spPr>
          <a:xfrm>
            <a:off x="5232400" y="2914721"/>
            <a:ext cx="914400" cy="457200"/>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tx1"/>
                </a:solidFill>
              </a:rPr>
              <a:t>Program Controls and Contracting</a:t>
            </a:r>
          </a:p>
        </p:txBody>
      </p:sp>
      <p:sp>
        <p:nvSpPr>
          <p:cNvPr id="11" name="Title 10"/>
          <p:cNvSpPr>
            <a:spLocks noGrp="1"/>
          </p:cNvSpPr>
          <p:nvPr>
            <p:ph type="title"/>
          </p:nvPr>
        </p:nvSpPr>
        <p:spPr>
          <a:xfrm>
            <a:off x="469900" y="228600"/>
            <a:ext cx="8229600" cy="609398"/>
          </a:xfrm>
        </p:spPr>
        <p:txBody>
          <a:bodyPr>
            <a:noAutofit/>
          </a:bodyPr>
          <a:lstStyle/>
          <a:p>
            <a:r>
              <a:rPr lang="en-US" sz="3600" b="1" dirty="0"/>
              <a:t>Design and Construction Enterprise </a:t>
            </a:r>
            <a:br>
              <a:rPr lang="en-US" sz="3600" b="1" dirty="0"/>
            </a:br>
            <a:r>
              <a:rPr lang="en-US" sz="2800" dirty="0">
                <a:solidFill>
                  <a:schemeClr val="tx1"/>
                </a:solidFill>
              </a:rPr>
              <a:t>Organizational Structure</a:t>
            </a:r>
          </a:p>
        </p:txBody>
      </p:sp>
      <p:sp>
        <p:nvSpPr>
          <p:cNvPr id="59" name="Rectangle 58"/>
          <p:cNvSpPr/>
          <p:nvPr/>
        </p:nvSpPr>
        <p:spPr>
          <a:xfrm>
            <a:off x="6311900" y="2914721"/>
            <a:ext cx="914400" cy="457200"/>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tx1"/>
                </a:solidFill>
              </a:rPr>
              <a:t>Information Technology and Systems</a:t>
            </a:r>
          </a:p>
        </p:txBody>
      </p:sp>
      <p:sp>
        <p:nvSpPr>
          <p:cNvPr id="70" name="Rectangle 69"/>
          <p:cNvSpPr/>
          <p:nvPr/>
        </p:nvSpPr>
        <p:spPr>
          <a:xfrm>
            <a:off x="6273800" y="3458012"/>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lnSpc>
                <a:spcPct val="80000"/>
              </a:lnSpc>
            </a:pPr>
            <a:r>
              <a:rPr lang="en-US" sz="1050" b="1" dirty="0" smtClean="0">
                <a:solidFill>
                  <a:schemeClr val="bg1"/>
                </a:solidFill>
              </a:rPr>
              <a:t>Centralized Administration</a:t>
            </a:r>
            <a:endParaRPr lang="en-US" sz="1050" b="1" dirty="0">
              <a:solidFill>
                <a:schemeClr val="bg1"/>
              </a:solidFill>
            </a:endParaRPr>
          </a:p>
        </p:txBody>
      </p:sp>
      <p:cxnSp>
        <p:nvCxnSpPr>
          <p:cNvPr id="71" name="Straight Connector 70"/>
          <p:cNvCxnSpPr/>
          <p:nvPr/>
        </p:nvCxnSpPr>
        <p:spPr>
          <a:xfrm>
            <a:off x="6743700" y="3305612"/>
            <a:ext cx="0" cy="152400"/>
          </a:xfrm>
          <a:prstGeom prst="line">
            <a:avLst/>
          </a:prstGeom>
        </p:spPr>
        <p:style>
          <a:lnRef idx="1">
            <a:schemeClr val="accent1"/>
          </a:lnRef>
          <a:fillRef idx="0">
            <a:schemeClr val="accent1"/>
          </a:fillRef>
          <a:effectRef idx="0">
            <a:schemeClr val="accent1"/>
          </a:effectRef>
          <a:fontRef idx="minor">
            <a:schemeClr val="tx1"/>
          </a:fontRef>
        </p:style>
      </p:cxnSp>
      <p:sp>
        <p:nvSpPr>
          <p:cNvPr id="76" name="Rectangle 75"/>
          <p:cNvSpPr/>
          <p:nvPr/>
        </p:nvSpPr>
        <p:spPr>
          <a:xfrm>
            <a:off x="4120356" y="4451694"/>
            <a:ext cx="914400" cy="54864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Conveyance Mitigation Engineering</a:t>
            </a:r>
          </a:p>
        </p:txBody>
      </p:sp>
      <p:sp>
        <p:nvSpPr>
          <p:cNvPr id="77" name="Rectangle 76"/>
          <p:cNvSpPr/>
          <p:nvPr/>
        </p:nvSpPr>
        <p:spPr>
          <a:xfrm>
            <a:off x="4120356" y="4993487"/>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Intakes</a:t>
            </a:r>
          </a:p>
        </p:txBody>
      </p:sp>
      <p:sp>
        <p:nvSpPr>
          <p:cNvPr id="78" name="Rectangle 77"/>
          <p:cNvSpPr/>
          <p:nvPr/>
        </p:nvSpPr>
        <p:spPr>
          <a:xfrm>
            <a:off x="4120356" y="5264906"/>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Pumping Plant</a:t>
            </a:r>
          </a:p>
        </p:txBody>
      </p:sp>
      <p:sp>
        <p:nvSpPr>
          <p:cNvPr id="79" name="Rectangle 78"/>
          <p:cNvSpPr/>
          <p:nvPr/>
        </p:nvSpPr>
        <p:spPr>
          <a:xfrm>
            <a:off x="4120356" y="5535130"/>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Forebays</a:t>
            </a:r>
          </a:p>
        </p:txBody>
      </p:sp>
      <p:sp>
        <p:nvSpPr>
          <p:cNvPr id="80" name="Rectangle 79"/>
          <p:cNvSpPr/>
          <p:nvPr/>
        </p:nvSpPr>
        <p:spPr>
          <a:xfrm>
            <a:off x="4120356" y="5811381"/>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Geotech</a:t>
            </a:r>
          </a:p>
        </p:txBody>
      </p:sp>
      <p:sp>
        <p:nvSpPr>
          <p:cNvPr id="81" name="Rectangle 80"/>
          <p:cNvSpPr/>
          <p:nvPr/>
        </p:nvSpPr>
        <p:spPr>
          <a:xfrm>
            <a:off x="4120356" y="6091448"/>
            <a:ext cx="914400" cy="36576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Engineering Support</a:t>
            </a:r>
          </a:p>
        </p:txBody>
      </p:sp>
      <p:sp>
        <p:nvSpPr>
          <p:cNvPr id="82" name="Rectangle 81"/>
          <p:cNvSpPr/>
          <p:nvPr/>
        </p:nvSpPr>
        <p:spPr>
          <a:xfrm>
            <a:off x="4120356" y="6455928"/>
            <a:ext cx="914400" cy="274320"/>
          </a:xfrm>
          <a:prstGeom prst="rect">
            <a:avLst/>
          </a:prstGeom>
          <a:no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00" b="1" dirty="0">
                <a:solidFill>
                  <a:schemeClr val="bg1"/>
                </a:solidFill>
              </a:rPr>
              <a:t>Estimating</a:t>
            </a:r>
          </a:p>
        </p:txBody>
      </p:sp>
      <p:sp>
        <p:nvSpPr>
          <p:cNvPr id="83" name="Rectangle 82"/>
          <p:cNvSpPr/>
          <p:nvPr/>
        </p:nvSpPr>
        <p:spPr>
          <a:xfrm>
            <a:off x="4126959" y="3462708"/>
            <a:ext cx="914400" cy="333239"/>
          </a:xfrm>
          <a:prstGeom prst="rect">
            <a:avLst/>
          </a:prstGeom>
          <a:solidFill>
            <a:schemeClr val="accent3">
              <a:lumMod val="60000"/>
              <a:lumOff val="40000"/>
            </a:schemeClr>
          </a:solid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80000"/>
              </a:lnSpc>
            </a:pPr>
            <a:r>
              <a:rPr lang="en-US" sz="1050" b="1" dirty="0">
                <a:solidFill>
                  <a:schemeClr val="bg1"/>
                </a:solidFill>
              </a:rPr>
              <a:t>Engineering Design Manager</a:t>
            </a:r>
          </a:p>
        </p:txBody>
      </p:sp>
      <p:sp>
        <p:nvSpPr>
          <p:cNvPr id="85" name="Rectangle 84"/>
          <p:cNvSpPr/>
          <p:nvPr/>
        </p:nvSpPr>
        <p:spPr>
          <a:xfrm>
            <a:off x="6350000" y="1207842"/>
            <a:ext cx="1244600" cy="380999"/>
          </a:xfrm>
          <a:prstGeom prst="rect">
            <a:avLst/>
          </a:prstGeom>
          <a:solidFill>
            <a:schemeClr val="tx2">
              <a:lumMod val="60000"/>
              <a:lumOff val="40000"/>
            </a:schemeClr>
          </a:solidFill>
          <a:ln>
            <a:solidFill>
              <a:srgbClr val="00009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bg1"/>
                </a:solidFill>
              </a:rPr>
              <a:t>Program Advisory Group</a:t>
            </a:r>
          </a:p>
        </p:txBody>
      </p:sp>
      <p:cxnSp>
        <p:nvCxnSpPr>
          <p:cNvPr id="86" name="Straight Connector 85"/>
          <p:cNvCxnSpPr>
            <a:stCxn id="3" idx="3"/>
            <a:endCxn id="85" idx="1"/>
          </p:cNvCxnSpPr>
          <p:nvPr/>
        </p:nvCxnSpPr>
        <p:spPr>
          <a:xfrm flipV="1">
            <a:off x="5715000" y="1398342"/>
            <a:ext cx="635000"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4572000" y="1817441"/>
            <a:ext cx="2222500" cy="0"/>
          </a:xfrm>
          <a:prstGeom prst="line">
            <a:avLst/>
          </a:prstGeom>
        </p:spPr>
        <p:style>
          <a:lnRef idx="1">
            <a:schemeClr val="dk1"/>
          </a:lnRef>
          <a:fillRef idx="0">
            <a:schemeClr val="dk1"/>
          </a:fillRef>
          <a:effectRef idx="0">
            <a:schemeClr val="dk1"/>
          </a:effectRef>
          <a:fontRef idx="minor">
            <a:schemeClr val="tx1"/>
          </a:fontRef>
        </p:style>
      </p:cxnSp>
      <p:sp>
        <p:nvSpPr>
          <p:cNvPr id="75" name="Rectangle 74"/>
          <p:cNvSpPr/>
          <p:nvPr/>
        </p:nvSpPr>
        <p:spPr>
          <a:xfrm>
            <a:off x="7403306" y="2907100"/>
            <a:ext cx="914400" cy="457200"/>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tx1"/>
                </a:solidFill>
              </a:rPr>
              <a:t>Property Acquisition</a:t>
            </a:r>
          </a:p>
        </p:txBody>
      </p:sp>
      <p:sp>
        <p:nvSpPr>
          <p:cNvPr id="14" name="TextBox 13"/>
          <p:cNvSpPr txBox="1"/>
          <p:nvPr/>
        </p:nvSpPr>
        <p:spPr>
          <a:xfrm>
            <a:off x="7390605" y="3422263"/>
            <a:ext cx="914400" cy="480131"/>
          </a:xfrm>
          <a:prstGeom prst="rect">
            <a:avLst/>
          </a:prstGeom>
          <a:noFill/>
        </p:spPr>
        <p:txBody>
          <a:bodyPr wrap="square" rtlCol="0" anchor="ctr">
            <a:spAutoFit/>
          </a:bodyPr>
          <a:lstStyle/>
          <a:p>
            <a:pPr algn="ctr">
              <a:lnSpc>
                <a:spcPct val="80000"/>
              </a:lnSpc>
            </a:pPr>
            <a:r>
              <a:rPr lang="en-US" sz="1050" b="1" dirty="0">
                <a:solidFill>
                  <a:schemeClr val="bg1"/>
                </a:solidFill>
              </a:rPr>
              <a:t>RoW, Survey &amp; Mapping</a:t>
            </a:r>
          </a:p>
        </p:txBody>
      </p:sp>
      <p:sp>
        <p:nvSpPr>
          <p:cNvPr id="87" name="Rectangle 86"/>
          <p:cNvSpPr/>
          <p:nvPr/>
        </p:nvSpPr>
        <p:spPr>
          <a:xfrm>
            <a:off x="7401978" y="3903461"/>
            <a:ext cx="914400" cy="4572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050" b="1" dirty="0">
                <a:solidFill>
                  <a:schemeClr val="bg1"/>
                </a:solidFill>
              </a:rPr>
              <a:t>Appraisal and Acquisitions</a:t>
            </a:r>
          </a:p>
        </p:txBody>
      </p:sp>
      <p:cxnSp>
        <p:nvCxnSpPr>
          <p:cNvPr id="89" name="Straight Connector 88"/>
          <p:cNvCxnSpPr/>
          <p:nvPr/>
        </p:nvCxnSpPr>
        <p:spPr>
          <a:xfrm>
            <a:off x="1279525" y="2696230"/>
            <a:ext cx="6584155" cy="0"/>
          </a:xfrm>
          <a:prstGeom prst="line">
            <a:avLst/>
          </a:prstGeom>
        </p:spPr>
        <p:style>
          <a:lnRef idx="1">
            <a:schemeClr val="dk1"/>
          </a:lnRef>
          <a:fillRef idx="0">
            <a:schemeClr val="dk1"/>
          </a:fillRef>
          <a:effectRef idx="0">
            <a:schemeClr val="dk1"/>
          </a:effectRef>
          <a:fontRef idx="minor">
            <a:schemeClr val="tx1"/>
          </a:fontRef>
        </p:style>
      </p:cxnSp>
      <p:cxnSp>
        <p:nvCxnSpPr>
          <p:cNvPr id="94" name="Straight Connector 93"/>
          <p:cNvCxnSpPr/>
          <p:nvPr/>
        </p:nvCxnSpPr>
        <p:spPr>
          <a:xfrm>
            <a:off x="7866854" y="3305612"/>
            <a:ext cx="0" cy="152400"/>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a:off x="1279525" y="3305612"/>
            <a:ext cx="0" cy="152400"/>
          </a:xfrm>
          <a:prstGeom prst="line">
            <a:avLst/>
          </a:prstGeom>
        </p:spPr>
        <p:style>
          <a:lnRef idx="1">
            <a:schemeClr val="accent1"/>
          </a:lnRef>
          <a:fillRef idx="0">
            <a:schemeClr val="accent1"/>
          </a:fillRef>
          <a:effectRef idx="0">
            <a:schemeClr val="accent1"/>
          </a:effectRef>
          <a:fontRef idx="minor">
            <a:schemeClr val="tx1"/>
          </a:fontRef>
        </p:style>
      </p:cxnSp>
      <p:sp>
        <p:nvSpPr>
          <p:cNvPr id="67" name="Rectangle 66"/>
          <p:cNvSpPr/>
          <p:nvPr/>
        </p:nvSpPr>
        <p:spPr>
          <a:xfrm>
            <a:off x="6660355" y="6354352"/>
            <a:ext cx="2011680" cy="182880"/>
          </a:xfrm>
          <a:prstGeom prst="rect">
            <a:avLst/>
          </a:prstGeom>
          <a:solidFill>
            <a:schemeClr val="bg1"/>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1200" b="1" i="1" dirty="0">
                <a:solidFill>
                  <a:schemeClr val="tx1"/>
                </a:solidFill>
              </a:rPr>
              <a:t>Work Team</a:t>
            </a:r>
          </a:p>
        </p:txBody>
      </p:sp>
    </p:spTree>
    <p:extLst>
      <p:ext uri="{BB962C8B-B14F-4D97-AF65-F5344CB8AC3E}">
        <p14:creationId xmlns:p14="http://schemas.microsoft.com/office/powerpoint/2010/main" val="4231296218"/>
      </p:ext>
    </p:extLst>
  </p:cSld>
  <p:clrMapOvr>
    <a:masterClrMapping/>
  </p:clrMapOvr>
  <p:transition/>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auto">
          <a:xfrm>
            <a:off x="0" y="1143000"/>
            <a:ext cx="9144000" cy="5715000"/>
          </a:xfrm>
          <a:prstGeom prst="rect">
            <a:avLst/>
          </a:prstGeom>
          <a:solidFill>
            <a:schemeClr val="tx1">
              <a:lumMod val="9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4" name="Rectangle 3"/>
          <p:cNvSpPr/>
          <p:nvPr>
            <p:custDataLst>
              <p:tags r:id="rId1"/>
            </p:custDataLst>
          </p:nvPr>
        </p:nvSpPr>
        <p:spPr>
          <a:xfrm>
            <a:off x="1598977" y="1344212"/>
            <a:ext cx="284281" cy="176089"/>
          </a:xfrm>
          <a:prstGeom prst="rect">
            <a:avLst/>
          </a:prstGeom>
          <a:solidFill>
            <a:srgbClr val="9EF72D"/>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5" name="Straight Connector 4"/>
          <p:cNvCxnSpPr/>
          <p:nvPr>
            <p:custDataLst>
              <p:tags r:id="rId2"/>
            </p:custDataLst>
          </p:nvPr>
        </p:nvCxnSpPr>
        <p:spPr>
          <a:xfrm>
            <a:off x="1254242" y="1686623"/>
            <a:ext cx="489551"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6" name="Rectangle 5"/>
          <p:cNvSpPr/>
          <p:nvPr>
            <p:custDataLst>
              <p:tags r:id="rId3"/>
            </p:custDataLst>
          </p:nvPr>
        </p:nvSpPr>
        <p:spPr>
          <a:xfrm>
            <a:off x="1684260" y="1575328"/>
            <a:ext cx="369565" cy="176089"/>
          </a:xfrm>
          <a:prstGeom prst="rect">
            <a:avLst/>
          </a:prstGeom>
          <a:solidFill>
            <a:srgbClr val="1AAA4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7" name="Straight Connector 6"/>
          <p:cNvCxnSpPr/>
          <p:nvPr>
            <p:custDataLst>
              <p:tags r:id="rId4"/>
            </p:custDataLst>
          </p:nvPr>
        </p:nvCxnSpPr>
        <p:spPr>
          <a:xfrm>
            <a:off x="1335071" y="2081897"/>
            <a:ext cx="600488"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8" name="Rectangle 7"/>
          <p:cNvSpPr/>
          <p:nvPr>
            <p:custDataLst>
              <p:tags r:id="rId5"/>
            </p:custDataLst>
          </p:nvPr>
        </p:nvSpPr>
        <p:spPr>
          <a:xfrm>
            <a:off x="1935558" y="1993854"/>
            <a:ext cx="1065039" cy="176089"/>
          </a:xfrm>
          <a:prstGeom prst="rect">
            <a:avLst/>
          </a:prstGeom>
          <a:solidFill>
            <a:schemeClr val="accent4"/>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9" name="Straight Connector 8"/>
          <p:cNvCxnSpPr/>
          <p:nvPr>
            <p:custDataLst>
              <p:tags r:id="rId6"/>
            </p:custDataLst>
          </p:nvPr>
        </p:nvCxnSpPr>
        <p:spPr>
          <a:xfrm>
            <a:off x="1487058" y="2313014"/>
            <a:ext cx="590640"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0" name="Rectangle 9"/>
          <p:cNvSpPr/>
          <p:nvPr>
            <p:custDataLst>
              <p:tags r:id="rId7"/>
            </p:custDataLst>
          </p:nvPr>
        </p:nvSpPr>
        <p:spPr>
          <a:xfrm>
            <a:off x="2077699" y="2224970"/>
            <a:ext cx="739131" cy="176089"/>
          </a:xfrm>
          <a:prstGeom prst="rect">
            <a:avLst/>
          </a:prstGeom>
          <a:solidFill>
            <a:srgbClr val="02B2EE"/>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11" name="Straight Connector 10"/>
          <p:cNvCxnSpPr/>
          <p:nvPr>
            <p:custDataLst>
              <p:tags r:id="rId8"/>
            </p:custDataLst>
          </p:nvPr>
        </p:nvCxnSpPr>
        <p:spPr>
          <a:xfrm>
            <a:off x="1272945" y="2544130"/>
            <a:ext cx="804754"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 name="Rectangle 11"/>
          <p:cNvSpPr/>
          <p:nvPr>
            <p:custDataLst>
              <p:tags r:id="rId9"/>
            </p:custDataLst>
          </p:nvPr>
        </p:nvSpPr>
        <p:spPr>
          <a:xfrm>
            <a:off x="2077698" y="2456086"/>
            <a:ext cx="899547" cy="176089"/>
          </a:xfrm>
          <a:prstGeom prst="rect">
            <a:avLst/>
          </a:prstGeom>
          <a:solidFill>
            <a:srgbClr val="6F319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13" name="Straight Connector 12"/>
          <p:cNvCxnSpPr/>
          <p:nvPr>
            <p:custDataLst>
              <p:tags r:id="rId10"/>
            </p:custDataLst>
          </p:nvPr>
        </p:nvCxnSpPr>
        <p:spPr>
          <a:xfrm>
            <a:off x="1296242" y="2775246"/>
            <a:ext cx="781458"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 name="Rectangle 13"/>
          <p:cNvSpPr/>
          <p:nvPr>
            <p:custDataLst>
              <p:tags r:id="rId11"/>
            </p:custDataLst>
          </p:nvPr>
        </p:nvSpPr>
        <p:spPr>
          <a:xfrm>
            <a:off x="2077699" y="2687203"/>
            <a:ext cx="1029504" cy="176089"/>
          </a:xfrm>
          <a:prstGeom prst="rect">
            <a:avLst/>
          </a:prstGeom>
          <a:solidFill>
            <a:schemeClr val="accent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15" name="Straight Connector 14"/>
          <p:cNvCxnSpPr/>
          <p:nvPr>
            <p:custDataLst>
              <p:tags r:id="rId12"/>
            </p:custDataLst>
          </p:nvPr>
        </p:nvCxnSpPr>
        <p:spPr>
          <a:xfrm>
            <a:off x="1535872" y="3006363"/>
            <a:ext cx="541827"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 name="Rectangle 15"/>
          <p:cNvSpPr/>
          <p:nvPr>
            <p:custDataLst>
              <p:tags r:id="rId13"/>
            </p:custDataLst>
          </p:nvPr>
        </p:nvSpPr>
        <p:spPr>
          <a:xfrm>
            <a:off x="2077699" y="2918319"/>
            <a:ext cx="1116818" cy="176089"/>
          </a:xfrm>
          <a:prstGeom prst="rect">
            <a:avLst/>
          </a:prstGeom>
          <a:solidFill>
            <a:schemeClr val="bg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17" name="Straight Connector 16"/>
          <p:cNvCxnSpPr/>
          <p:nvPr>
            <p:custDataLst>
              <p:tags r:id="rId14"/>
            </p:custDataLst>
          </p:nvPr>
        </p:nvCxnSpPr>
        <p:spPr>
          <a:xfrm>
            <a:off x="1087674" y="3237479"/>
            <a:ext cx="990025"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8" name="Rectangle 17"/>
          <p:cNvSpPr/>
          <p:nvPr>
            <p:custDataLst>
              <p:tags r:id="rId15"/>
            </p:custDataLst>
          </p:nvPr>
        </p:nvSpPr>
        <p:spPr>
          <a:xfrm>
            <a:off x="2077699" y="3149436"/>
            <a:ext cx="1116818" cy="176089"/>
          </a:xfrm>
          <a:prstGeom prst="rect">
            <a:avLst/>
          </a:prstGeom>
          <a:solidFill>
            <a:srgbClr val="40D69D"/>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19" name="Straight Connector 18"/>
          <p:cNvCxnSpPr/>
          <p:nvPr>
            <p:custDataLst>
              <p:tags r:id="rId16"/>
            </p:custDataLst>
          </p:nvPr>
        </p:nvCxnSpPr>
        <p:spPr>
          <a:xfrm>
            <a:off x="1583576" y="3628616"/>
            <a:ext cx="1087052"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0" name="Rectangle 19"/>
          <p:cNvSpPr/>
          <p:nvPr>
            <p:custDataLst>
              <p:tags r:id="rId17"/>
            </p:custDataLst>
          </p:nvPr>
        </p:nvSpPr>
        <p:spPr>
          <a:xfrm>
            <a:off x="2670630" y="3540571"/>
            <a:ext cx="1419374" cy="176089"/>
          </a:xfrm>
          <a:prstGeom prst="rect">
            <a:avLst/>
          </a:prstGeom>
          <a:solidFill>
            <a:schemeClr val="accent4"/>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21" name="Straight Connector 20"/>
          <p:cNvCxnSpPr/>
          <p:nvPr>
            <p:custDataLst>
              <p:tags r:id="rId18"/>
            </p:custDataLst>
          </p:nvPr>
        </p:nvCxnSpPr>
        <p:spPr>
          <a:xfrm>
            <a:off x="1122066" y="3859732"/>
            <a:ext cx="1548563"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2" name="Rectangle 21"/>
          <p:cNvSpPr/>
          <p:nvPr>
            <p:custDataLst>
              <p:tags r:id="rId19"/>
            </p:custDataLst>
          </p:nvPr>
        </p:nvSpPr>
        <p:spPr>
          <a:xfrm>
            <a:off x="2670630" y="3771688"/>
            <a:ext cx="1419374" cy="176089"/>
          </a:xfrm>
          <a:prstGeom prst="rect">
            <a:avLst/>
          </a:prstGeom>
          <a:solidFill>
            <a:schemeClr val="tx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23" name="Straight Connector 22"/>
          <p:cNvCxnSpPr/>
          <p:nvPr>
            <p:custDataLst>
              <p:tags r:id="rId20"/>
            </p:custDataLst>
          </p:nvPr>
        </p:nvCxnSpPr>
        <p:spPr>
          <a:xfrm>
            <a:off x="1544747" y="4090848"/>
            <a:ext cx="1634541"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4" name="Rectangle 23"/>
          <p:cNvSpPr/>
          <p:nvPr>
            <p:custDataLst>
              <p:tags r:id="rId21"/>
            </p:custDataLst>
          </p:nvPr>
        </p:nvSpPr>
        <p:spPr>
          <a:xfrm>
            <a:off x="3179288" y="4002805"/>
            <a:ext cx="4000241" cy="176089"/>
          </a:xfrm>
          <a:prstGeom prst="rect">
            <a:avLst/>
          </a:prstGeom>
          <a:solidFill>
            <a:schemeClr val="accent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25" name="Straight Connector 24"/>
          <p:cNvCxnSpPr/>
          <p:nvPr>
            <p:custDataLst>
              <p:tags r:id="rId22"/>
            </p:custDataLst>
          </p:nvPr>
        </p:nvCxnSpPr>
        <p:spPr>
          <a:xfrm>
            <a:off x="1784378" y="4321965"/>
            <a:ext cx="2705648"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6" name="Rectangle 25"/>
          <p:cNvSpPr/>
          <p:nvPr>
            <p:custDataLst>
              <p:tags r:id="rId23"/>
            </p:custDataLst>
          </p:nvPr>
        </p:nvSpPr>
        <p:spPr>
          <a:xfrm>
            <a:off x="4490026" y="4233921"/>
            <a:ext cx="2516903" cy="176089"/>
          </a:xfrm>
          <a:prstGeom prst="rect">
            <a:avLst/>
          </a:prstGeom>
          <a:solidFill>
            <a:schemeClr val="bg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27" name="Straight Connector 26"/>
          <p:cNvCxnSpPr/>
          <p:nvPr>
            <p:custDataLst>
              <p:tags r:id="rId24"/>
            </p:custDataLst>
          </p:nvPr>
        </p:nvCxnSpPr>
        <p:spPr>
          <a:xfrm>
            <a:off x="1521451" y="4553081"/>
            <a:ext cx="3082289"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8" name="Rectangle 27"/>
          <p:cNvSpPr/>
          <p:nvPr>
            <p:custDataLst>
              <p:tags r:id="rId25"/>
            </p:custDataLst>
          </p:nvPr>
        </p:nvSpPr>
        <p:spPr>
          <a:xfrm>
            <a:off x="4603738" y="4465038"/>
            <a:ext cx="2631630" cy="176089"/>
          </a:xfrm>
          <a:prstGeom prst="rect">
            <a:avLst/>
          </a:prstGeom>
          <a:solidFill>
            <a:srgbClr val="6F319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29" name="Straight Connector 28"/>
          <p:cNvCxnSpPr/>
          <p:nvPr>
            <p:custDataLst>
              <p:tags r:id="rId26"/>
            </p:custDataLst>
          </p:nvPr>
        </p:nvCxnSpPr>
        <p:spPr>
          <a:xfrm>
            <a:off x="1336180" y="4784198"/>
            <a:ext cx="4583374"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0" name="Rectangle 29"/>
          <p:cNvSpPr/>
          <p:nvPr>
            <p:custDataLst>
              <p:tags r:id="rId27"/>
            </p:custDataLst>
          </p:nvPr>
        </p:nvSpPr>
        <p:spPr>
          <a:xfrm>
            <a:off x="5919553" y="4696154"/>
            <a:ext cx="1615326" cy="176089"/>
          </a:xfrm>
          <a:prstGeom prst="rect">
            <a:avLst/>
          </a:prstGeom>
          <a:solidFill>
            <a:srgbClr val="40D69D"/>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31" name="Straight Connector 30"/>
          <p:cNvCxnSpPr/>
          <p:nvPr>
            <p:custDataLst>
              <p:tags r:id="rId28"/>
            </p:custDataLst>
          </p:nvPr>
        </p:nvCxnSpPr>
        <p:spPr>
          <a:xfrm>
            <a:off x="1735565" y="5015314"/>
            <a:ext cx="4405323"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2" name="Rectangle 31"/>
          <p:cNvSpPr/>
          <p:nvPr>
            <p:custDataLst>
              <p:tags r:id="rId29"/>
            </p:custDataLst>
          </p:nvPr>
        </p:nvSpPr>
        <p:spPr>
          <a:xfrm>
            <a:off x="6140888" y="4927270"/>
            <a:ext cx="851828" cy="176089"/>
          </a:xfrm>
          <a:prstGeom prst="rect">
            <a:avLst/>
          </a:prstGeom>
          <a:solidFill>
            <a:srgbClr val="02B2EE"/>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cxnSp>
        <p:nvCxnSpPr>
          <p:cNvPr id="33" name="Straight Connector 32"/>
          <p:cNvCxnSpPr/>
          <p:nvPr>
            <p:custDataLst>
              <p:tags r:id="rId30"/>
            </p:custDataLst>
          </p:nvPr>
        </p:nvCxnSpPr>
        <p:spPr>
          <a:xfrm>
            <a:off x="1341727" y="5429310"/>
            <a:ext cx="6193152" cy="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4" name="Rectangle 33"/>
          <p:cNvSpPr/>
          <p:nvPr>
            <p:custDataLst>
              <p:tags r:id="rId31"/>
            </p:custDataLst>
          </p:nvPr>
        </p:nvSpPr>
        <p:spPr>
          <a:xfrm>
            <a:off x="7534880" y="5341267"/>
            <a:ext cx="391902" cy="176089"/>
          </a:xfrm>
          <a:prstGeom prst="rect">
            <a:avLst/>
          </a:prstGeom>
          <a:solidFill>
            <a:schemeClr val="tx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20" dirty="0"/>
          </a:p>
        </p:txBody>
      </p:sp>
      <p:sp>
        <p:nvSpPr>
          <p:cNvPr id="36" name="TextBox 35"/>
          <p:cNvSpPr txBox="1"/>
          <p:nvPr>
            <p:custDataLst>
              <p:tags r:id="rId32"/>
            </p:custDataLst>
          </p:nvPr>
        </p:nvSpPr>
        <p:spPr>
          <a:xfrm>
            <a:off x="958878" y="5872655"/>
            <a:ext cx="702116" cy="249299"/>
          </a:xfrm>
          <a:prstGeom prst="rect">
            <a:avLst/>
          </a:prstGeom>
          <a:noFill/>
        </p:spPr>
        <p:txBody>
          <a:bodyPr vert="horz" wrap="none" lIns="114300" tIns="0" rIns="114300" bIns="0" rtlCol="0" anchor="ctr">
            <a:spAutoFit/>
          </a:bodyPr>
          <a:lstStyle/>
          <a:p>
            <a:pPr algn="ctr"/>
            <a:r>
              <a:rPr lang="en-US" sz="1620" b="1" dirty="0">
                <a:solidFill>
                  <a:schemeClr val="bg1">
                    <a:lumMod val="50000"/>
                  </a:schemeClr>
                </a:solidFill>
              </a:rPr>
              <a:t>Start</a:t>
            </a:r>
          </a:p>
        </p:txBody>
      </p:sp>
      <p:sp>
        <p:nvSpPr>
          <p:cNvPr id="60" name="TextBox 59"/>
          <p:cNvSpPr txBox="1"/>
          <p:nvPr>
            <p:custDataLst>
              <p:tags r:id="rId33"/>
            </p:custDataLst>
          </p:nvPr>
        </p:nvSpPr>
        <p:spPr>
          <a:xfrm>
            <a:off x="7770878" y="5872655"/>
            <a:ext cx="956737" cy="249299"/>
          </a:xfrm>
          <a:prstGeom prst="rect">
            <a:avLst/>
          </a:prstGeom>
          <a:noFill/>
        </p:spPr>
        <p:txBody>
          <a:bodyPr vert="horz" wrap="none" lIns="114300" tIns="0" rIns="114300" bIns="0" rtlCol="0" anchor="ctr">
            <a:spAutoFit/>
          </a:bodyPr>
          <a:lstStyle/>
          <a:p>
            <a:pPr algn="ctr"/>
            <a:r>
              <a:rPr lang="en-US" sz="1620" b="1" dirty="0">
                <a:solidFill>
                  <a:schemeClr val="bg1">
                    <a:lumMod val="50000"/>
                  </a:schemeClr>
                </a:solidFill>
              </a:rPr>
              <a:t>Year 16</a:t>
            </a:r>
          </a:p>
        </p:txBody>
      </p:sp>
      <p:sp>
        <p:nvSpPr>
          <p:cNvPr id="62" name="TextBox 61"/>
          <p:cNvSpPr txBox="1"/>
          <p:nvPr>
            <p:custDataLst>
              <p:tags r:id="rId34"/>
            </p:custDataLst>
          </p:nvPr>
        </p:nvSpPr>
        <p:spPr>
          <a:xfrm>
            <a:off x="838201" y="4946846"/>
            <a:ext cx="1249903"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Pump Plant </a:t>
            </a:r>
          </a:p>
        </p:txBody>
      </p:sp>
      <p:sp>
        <p:nvSpPr>
          <p:cNvPr id="63" name="TextBox 62"/>
          <p:cNvSpPr txBox="1"/>
          <p:nvPr>
            <p:custDataLst>
              <p:tags r:id="rId35"/>
            </p:custDataLst>
          </p:nvPr>
        </p:nvSpPr>
        <p:spPr>
          <a:xfrm>
            <a:off x="6990004" y="4932820"/>
            <a:ext cx="490731" cy="174196"/>
          </a:xfrm>
          <a:prstGeom prst="rect">
            <a:avLst/>
          </a:prstGeom>
          <a:noFill/>
        </p:spPr>
        <p:txBody>
          <a:bodyPr vert="horz" wrap="none" lIns="0" tIns="0" rIns="0" bIns="0" rtlCol="0" anchor="ctr">
            <a:noAutofit/>
          </a:bodyPr>
          <a:lstStyle/>
          <a:p>
            <a:pPr algn="ctr"/>
            <a:r>
              <a:rPr lang="en-US" sz="900" dirty="0">
                <a:solidFill>
                  <a:schemeClr val="tx2"/>
                </a:solidFill>
              </a:rPr>
              <a:t>2.25 Years</a:t>
            </a:r>
          </a:p>
        </p:txBody>
      </p:sp>
      <p:sp>
        <p:nvSpPr>
          <p:cNvPr id="64" name="TextBox 63"/>
          <p:cNvSpPr txBox="1"/>
          <p:nvPr>
            <p:custDataLst>
              <p:tags r:id="rId36"/>
            </p:custDataLst>
          </p:nvPr>
        </p:nvSpPr>
        <p:spPr>
          <a:xfrm>
            <a:off x="7568251" y="4699794"/>
            <a:ext cx="445764" cy="172448"/>
          </a:xfrm>
          <a:prstGeom prst="rect">
            <a:avLst/>
          </a:prstGeom>
          <a:noFill/>
        </p:spPr>
        <p:txBody>
          <a:bodyPr vert="horz" wrap="none" lIns="0" tIns="0" rIns="0" bIns="0" rtlCol="0" anchor="ctr">
            <a:noAutofit/>
          </a:bodyPr>
          <a:lstStyle/>
          <a:p>
            <a:pPr algn="ctr"/>
            <a:r>
              <a:rPr lang="en-US" sz="900" dirty="0">
                <a:solidFill>
                  <a:schemeClr val="tx2"/>
                </a:solidFill>
              </a:rPr>
              <a:t>4.5 Years</a:t>
            </a:r>
          </a:p>
        </p:txBody>
      </p:sp>
      <p:sp>
        <p:nvSpPr>
          <p:cNvPr id="65" name="TextBox 64"/>
          <p:cNvSpPr txBox="1"/>
          <p:nvPr>
            <p:custDataLst>
              <p:tags r:id="rId37"/>
            </p:custDataLst>
          </p:nvPr>
        </p:nvSpPr>
        <p:spPr>
          <a:xfrm>
            <a:off x="7259840" y="4455138"/>
            <a:ext cx="421806" cy="195717"/>
          </a:xfrm>
          <a:prstGeom prst="rect">
            <a:avLst/>
          </a:prstGeom>
          <a:noFill/>
        </p:spPr>
        <p:txBody>
          <a:bodyPr vert="horz" wrap="none" lIns="0" tIns="0" rIns="0" bIns="0" rtlCol="0" anchor="ctr">
            <a:noAutofit/>
          </a:bodyPr>
          <a:lstStyle/>
          <a:p>
            <a:pPr algn="ctr"/>
            <a:r>
              <a:rPr lang="en-US" sz="900" dirty="0">
                <a:solidFill>
                  <a:schemeClr val="tx2"/>
                </a:solidFill>
              </a:rPr>
              <a:t>7.25 Years</a:t>
            </a:r>
          </a:p>
        </p:txBody>
      </p:sp>
      <p:sp>
        <p:nvSpPr>
          <p:cNvPr id="66" name="TextBox 65"/>
          <p:cNvSpPr txBox="1"/>
          <p:nvPr>
            <p:custDataLst>
              <p:tags r:id="rId38"/>
            </p:custDataLst>
          </p:nvPr>
        </p:nvSpPr>
        <p:spPr>
          <a:xfrm>
            <a:off x="838201" y="4225984"/>
            <a:ext cx="1249903"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Clifton Court</a:t>
            </a:r>
          </a:p>
        </p:txBody>
      </p:sp>
      <p:sp>
        <p:nvSpPr>
          <p:cNvPr id="67" name="TextBox 66"/>
          <p:cNvSpPr txBox="1"/>
          <p:nvPr>
            <p:custDataLst>
              <p:tags r:id="rId39"/>
            </p:custDataLst>
          </p:nvPr>
        </p:nvSpPr>
        <p:spPr>
          <a:xfrm>
            <a:off x="6954674" y="4227216"/>
            <a:ext cx="497973" cy="166687"/>
          </a:xfrm>
          <a:prstGeom prst="rect">
            <a:avLst/>
          </a:prstGeom>
          <a:noFill/>
        </p:spPr>
        <p:txBody>
          <a:bodyPr vert="horz" wrap="none" lIns="0" tIns="0" rIns="0" bIns="0" rtlCol="0" anchor="ctr">
            <a:noAutofit/>
          </a:bodyPr>
          <a:lstStyle/>
          <a:p>
            <a:pPr algn="ctr"/>
            <a:r>
              <a:rPr lang="en-US" sz="900" dirty="0">
                <a:solidFill>
                  <a:schemeClr val="tx2"/>
                </a:solidFill>
              </a:rPr>
              <a:t>7 Years</a:t>
            </a:r>
          </a:p>
        </p:txBody>
      </p:sp>
      <p:sp>
        <p:nvSpPr>
          <p:cNvPr id="68" name="TextBox 67"/>
          <p:cNvSpPr txBox="1"/>
          <p:nvPr>
            <p:custDataLst>
              <p:tags r:id="rId40"/>
            </p:custDataLst>
          </p:nvPr>
        </p:nvSpPr>
        <p:spPr>
          <a:xfrm>
            <a:off x="7179528" y="4018203"/>
            <a:ext cx="520098" cy="125105"/>
          </a:xfrm>
          <a:prstGeom prst="rect">
            <a:avLst/>
          </a:prstGeom>
          <a:noFill/>
        </p:spPr>
        <p:txBody>
          <a:bodyPr vert="horz" wrap="none" lIns="0" tIns="0" rIns="0" bIns="0" rtlCol="0" anchor="ctr">
            <a:noAutofit/>
          </a:bodyPr>
          <a:lstStyle/>
          <a:p>
            <a:pPr algn="ctr"/>
            <a:r>
              <a:rPr lang="en-US" sz="900" dirty="0">
                <a:solidFill>
                  <a:schemeClr val="tx2"/>
                </a:solidFill>
              </a:rPr>
              <a:t>10.75 Years</a:t>
            </a:r>
          </a:p>
        </p:txBody>
      </p:sp>
      <p:sp>
        <p:nvSpPr>
          <p:cNvPr id="69" name="TextBox 68"/>
          <p:cNvSpPr txBox="1"/>
          <p:nvPr>
            <p:custDataLst>
              <p:tags r:id="rId41"/>
            </p:custDataLst>
          </p:nvPr>
        </p:nvSpPr>
        <p:spPr>
          <a:xfrm>
            <a:off x="4017827" y="3769308"/>
            <a:ext cx="517291" cy="173194"/>
          </a:xfrm>
          <a:prstGeom prst="rect">
            <a:avLst/>
          </a:prstGeom>
          <a:noFill/>
        </p:spPr>
        <p:txBody>
          <a:bodyPr vert="horz" wrap="none" lIns="0" tIns="0" rIns="0" bIns="0" rtlCol="0" anchor="ctr">
            <a:noAutofit/>
          </a:bodyPr>
          <a:lstStyle/>
          <a:p>
            <a:pPr algn="ctr"/>
            <a:r>
              <a:rPr lang="en-US" sz="900" dirty="0">
                <a:solidFill>
                  <a:schemeClr val="tx2"/>
                </a:solidFill>
              </a:rPr>
              <a:t>4 Years</a:t>
            </a:r>
          </a:p>
        </p:txBody>
      </p:sp>
      <p:sp>
        <p:nvSpPr>
          <p:cNvPr id="70" name="TextBox 69"/>
          <p:cNvSpPr txBox="1"/>
          <p:nvPr>
            <p:custDataLst>
              <p:tags r:id="rId42"/>
            </p:custDataLst>
          </p:nvPr>
        </p:nvSpPr>
        <p:spPr>
          <a:xfrm>
            <a:off x="4026693" y="3534255"/>
            <a:ext cx="474624" cy="174751"/>
          </a:xfrm>
          <a:prstGeom prst="rect">
            <a:avLst/>
          </a:prstGeom>
          <a:noFill/>
        </p:spPr>
        <p:txBody>
          <a:bodyPr vert="horz" wrap="none" lIns="0" tIns="0" rIns="0" bIns="0" rtlCol="0" anchor="ctr">
            <a:noAutofit/>
          </a:bodyPr>
          <a:lstStyle/>
          <a:p>
            <a:pPr algn="ctr"/>
            <a:r>
              <a:rPr lang="en-US" sz="900" dirty="0">
                <a:solidFill>
                  <a:schemeClr val="tx2"/>
                </a:solidFill>
              </a:rPr>
              <a:t>4 Years</a:t>
            </a:r>
          </a:p>
        </p:txBody>
      </p:sp>
      <p:sp>
        <p:nvSpPr>
          <p:cNvPr id="71" name="TextBox 70"/>
          <p:cNvSpPr txBox="1"/>
          <p:nvPr>
            <p:custDataLst>
              <p:tags r:id="rId43"/>
            </p:custDataLst>
          </p:nvPr>
        </p:nvSpPr>
        <p:spPr>
          <a:xfrm>
            <a:off x="3194517" y="3135125"/>
            <a:ext cx="545904" cy="169566"/>
          </a:xfrm>
          <a:prstGeom prst="rect">
            <a:avLst/>
          </a:prstGeom>
          <a:noFill/>
        </p:spPr>
        <p:txBody>
          <a:bodyPr vert="horz" wrap="none" lIns="0" tIns="0" rIns="0" bIns="0" rtlCol="0" anchor="ctr">
            <a:noAutofit/>
          </a:bodyPr>
          <a:lstStyle/>
          <a:p>
            <a:pPr algn="ctr"/>
            <a:r>
              <a:rPr lang="en-US" sz="900" dirty="0">
                <a:solidFill>
                  <a:schemeClr val="tx2"/>
                </a:solidFill>
              </a:rPr>
              <a:t>3 Years</a:t>
            </a:r>
          </a:p>
        </p:txBody>
      </p:sp>
      <p:sp>
        <p:nvSpPr>
          <p:cNvPr id="72" name="TextBox 71"/>
          <p:cNvSpPr txBox="1"/>
          <p:nvPr>
            <p:custDataLst>
              <p:tags r:id="rId44"/>
            </p:custDataLst>
          </p:nvPr>
        </p:nvSpPr>
        <p:spPr>
          <a:xfrm>
            <a:off x="3199560" y="2915110"/>
            <a:ext cx="361510" cy="174751"/>
          </a:xfrm>
          <a:prstGeom prst="rect">
            <a:avLst/>
          </a:prstGeom>
          <a:noFill/>
        </p:spPr>
        <p:txBody>
          <a:bodyPr vert="horz" wrap="none" lIns="0" tIns="0" rIns="0" bIns="0" rtlCol="0" anchor="ctr">
            <a:noAutofit/>
          </a:bodyPr>
          <a:lstStyle/>
          <a:p>
            <a:pPr algn="ctr"/>
            <a:r>
              <a:rPr lang="en-US" sz="900" dirty="0">
                <a:solidFill>
                  <a:schemeClr val="tx2"/>
                </a:solidFill>
              </a:rPr>
              <a:t>3 Years</a:t>
            </a:r>
          </a:p>
        </p:txBody>
      </p:sp>
      <p:sp>
        <p:nvSpPr>
          <p:cNvPr id="73" name="TextBox 72"/>
          <p:cNvSpPr txBox="1"/>
          <p:nvPr>
            <p:custDataLst>
              <p:tags r:id="rId45"/>
            </p:custDataLst>
          </p:nvPr>
        </p:nvSpPr>
        <p:spPr>
          <a:xfrm>
            <a:off x="3099755" y="2684870"/>
            <a:ext cx="418826" cy="149406"/>
          </a:xfrm>
          <a:prstGeom prst="rect">
            <a:avLst/>
          </a:prstGeom>
          <a:noFill/>
        </p:spPr>
        <p:txBody>
          <a:bodyPr vert="horz" wrap="none" lIns="0" tIns="0" rIns="0" bIns="0" rtlCol="0" anchor="ctr">
            <a:noAutofit/>
          </a:bodyPr>
          <a:lstStyle/>
          <a:p>
            <a:pPr algn="ctr"/>
            <a:r>
              <a:rPr lang="en-US" sz="900" dirty="0">
                <a:solidFill>
                  <a:schemeClr val="tx2"/>
                </a:solidFill>
              </a:rPr>
              <a:t>3 Years</a:t>
            </a:r>
          </a:p>
        </p:txBody>
      </p:sp>
      <p:sp>
        <p:nvSpPr>
          <p:cNvPr id="74" name="TextBox 73"/>
          <p:cNvSpPr txBox="1"/>
          <p:nvPr>
            <p:custDataLst>
              <p:tags r:id="rId46"/>
            </p:custDataLst>
          </p:nvPr>
        </p:nvSpPr>
        <p:spPr>
          <a:xfrm>
            <a:off x="2977245" y="2467726"/>
            <a:ext cx="509793" cy="163112"/>
          </a:xfrm>
          <a:prstGeom prst="rect">
            <a:avLst/>
          </a:prstGeom>
          <a:noFill/>
        </p:spPr>
        <p:txBody>
          <a:bodyPr vert="horz" wrap="none" lIns="0" tIns="0" rIns="0" bIns="0" rtlCol="0" anchor="ctr">
            <a:noAutofit/>
          </a:bodyPr>
          <a:lstStyle/>
          <a:p>
            <a:pPr algn="ctr"/>
            <a:r>
              <a:rPr lang="en-US" sz="900" dirty="0">
                <a:solidFill>
                  <a:schemeClr val="tx2"/>
                </a:solidFill>
              </a:rPr>
              <a:t>2.5 Years</a:t>
            </a:r>
          </a:p>
        </p:txBody>
      </p:sp>
      <p:sp>
        <p:nvSpPr>
          <p:cNvPr id="75" name="TextBox 74"/>
          <p:cNvSpPr txBox="1"/>
          <p:nvPr>
            <p:custDataLst>
              <p:tags r:id="rId47"/>
            </p:custDataLst>
          </p:nvPr>
        </p:nvSpPr>
        <p:spPr>
          <a:xfrm>
            <a:off x="2839898" y="2251668"/>
            <a:ext cx="393031" cy="110201"/>
          </a:xfrm>
          <a:prstGeom prst="rect">
            <a:avLst/>
          </a:prstGeom>
          <a:noFill/>
        </p:spPr>
        <p:txBody>
          <a:bodyPr vert="horz" wrap="none" lIns="0" tIns="0" rIns="0" bIns="0" rtlCol="0" anchor="ctr">
            <a:noAutofit/>
          </a:bodyPr>
          <a:lstStyle/>
          <a:p>
            <a:pPr algn="ctr"/>
            <a:r>
              <a:rPr lang="en-US" sz="900" dirty="0">
                <a:solidFill>
                  <a:schemeClr val="tx2"/>
                </a:solidFill>
              </a:rPr>
              <a:t>2 Years</a:t>
            </a:r>
          </a:p>
        </p:txBody>
      </p:sp>
      <p:sp>
        <p:nvSpPr>
          <p:cNvPr id="76" name="TextBox 75"/>
          <p:cNvSpPr txBox="1"/>
          <p:nvPr>
            <p:custDataLst>
              <p:tags r:id="rId48"/>
            </p:custDataLst>
          </p:nvPr>
        </p:nvSpPr>
        <p:spPr>
          <a:xfrm>
            <a:off x="2952831" y="1994771"/>
            <a:ext cx="503692" cy="151983"/>
          </a:xfrm>
          <a:prstGeom prst="rect">
            <a:avLst/>
          </a:prstGeom>
          <a:noFill/>
        </p:spPr>
        <p:txBody>
          <a:bodyPr vert="horz" wrap="none" lIns="0" tIns="0" rIns="0" bIns="0" rtlCol="0" anchor="ctr">
            <a:noAutofit/>
          </a:bodyPr>
          <a:lstStyle/>
          <a:p>
            <a:pPr algn="ctr"/>
            <a:r>
              <a:rPr lang="en-US" sz="900" dirty="0">
                <a:solidFill>
                  <a:schemeClr val="tx2"/>
                </a:solidFill>
              </a:rPr>
              <a:t>3 Years</a:t>
            </a:r>
          </a:p>
        </p:txBody>
      </p:sp>
      <p:sp>
        <p:nvSpPr>
          <p:cNvPr id="77" name="TextBox 76"/>
          <p:cNvSpPr txBox="1"/>
          <p:nvPr>
            <p:custDataLst>
              <p:tags r:id="rId49"/>
            </p:custDataLst>
          </p:nvPr>
        </p:nvSpPr>
        <p:spPr>
          <a:xfrm>
            <a:off x="2053825" y="1593017"/>
            <a:ext cx="441933" cy="154958"/>
          </a:xfrm>
          <a:prstGeom prst="rect">
            <a:avLst/>
          </a:prstGeom>
          <a:noFill/>
        </p:spPr>
        <p:txBody>
          <a:bodyPr vert="horz" wrap="none" lIns="0" tIns="0" rIns="0" bIns="0" rtlCol="0" anchor="ctr">
            <a:noAutofit/>
          </a:bodyPr>
          <a:lstStyle/>
          <a:p>
            <a:pPr algn="ctr"/>
            <a:r>
              <a:rPr lang="en-US" sz="900" dirty="0">
                <a:solidFill>
                  <a:schemeClr val="tx2"/>
                </a:solidFill>
              </a:rPr>
              <a:t>1 Year</a:t>
            </a:r>
          </a:p>
        </p:txBody>
      </p:sp>
      <p:sp>
        <p:nvSpPr>
          <p:cNvPr id="79" name="TextBox 78"/>
          <p:cNvSpPr txBox="1"/>
          <p:nvPr>
            <p:custDataLst>
              <p:tags r:id="rId50"/>
            </p:custDataLst>
          </p:nvPr>
        </p:nvSpPr>
        <p:spPr>
          <a:xfrm>
            <a:off x="676277" y="5276964"/>
            <a:ext cx="810094" cy="304699"/>
          </a:xfrm>
          <a:prstGeom prst="rect">
            <a:avLst/>
          </a:prstGeom>
          <a:noFill/>
        </p:spPr>
        <p:txBody>
          <a:bodyPr vert="horz" wrap="square" lIns="0" tIns="0" rIns="0" bIns="0" rtlCol="0" anchor="ctr">
            <a:spAutoFit/>
          </a:bodyPr>
          <a:lstStyle/>
          <a:p>
            <a:r>
              <a:rPr lang="en-US" sz="990" b="1" dirty="0">
                <a:solidFill>
                  <a:schemeClr val="bg1">
                    <a:lumMod val="50000"/>
                  </a:schemeClr>
                </a:solidFill>
              </a:rPr>
              <a:t>Commissioning</a:t>
            </a:r>
          </a:p>
        </p:txBody>
      </p:sp>
      <p:sp>
        <p:nvSpPr>
          <p:cNvPr id="80" name="TextBox 79"/>
          <p:cNvSpPr txBox="1"/>
          <p:nvPr>
            <p:custDataLst>
              <p:tags r:id="rId51"/>
            </p:custDataLst>
          </p:nvPr>
        </p:nvSpPr>
        <p:spPr>
          <a:xfrm>
            <a:off x="838202" y="4708026"/>
            <a:ext cx="802822"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IF </a:t>
            </a:r>
          </a:p>
        </p:txBody>
      </p:sp>
      <p:sp>
        <p:nvSpPr>
          <p:cNvPr id="81" name="TextBox 80"/>
          <p:cNvSpPr txBox="1"/>
          <p:nvPr>
            <p:custDataLst>
              <p:tags r:id="rId52"/>
            </p:custDataLst>
          </p:nvPr>
        </p:nvSpPr>
        <p:spPr>
          <a:xfrm>
            <a:off x="838201" y="4476910"/>
            <a:ext cx="1045706"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Intake</a:t>
            </a:r>
          </a:p>
        </p:txBody>
      </p:sp>
      <p:sp>
        <p:nvSpPr>
          <p:cNvPr id="82" name="TextBox 81"/>
          <p:cNvSpPr txBox="1"/>
          <p:nvPr>
            <p:custDataLst>
              <p:tags r:id="rId53"/>
            </p:custDataLst>
          </p:nvPr>
        </p:nvSpPr>
        <p:spPr>
          <a:xfrm>
            <a:off x="838202" y="4014677"/>
            <a:ext cx="1076247"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Tunnel</a:t>
            </a:r>
          </a:p>
        </p:txBody>
      </p:sp>
      <p:sp>
        <p:nvSpPr>
          <p:cNvPr id="83" name="TextBox 82"/>
          <p:cNvSpPr txBox="1"/>
          <p:nvPr>
            <p:custDataLst>
              <p:tags r:id="rId54"/>
            </p:custDataLst>
          </p:nvPr>
        </p:nvSpPr>
        <p:spPr>
          <a:xfrm>
            <a:off x="838201" y="3707385"/>
            <a:ext cx="522126" cy="304699"/>
          </a:xfrm>
          <a:prstGeom prst="rect">
            <a:avLst/>
          </a:prstGeom>
          <a:noFill/>
        </p:spPr>
        <p:txBody>
          <a:bodyPr vert="horz" wrap="square" lIns="0" tIns="0" rIns="0" bIns="0" rtlCol="0" anchor="ctr">
            <a:spAutoFit/>
          </a:bodyPr>
          <a:lstStyle/>
          <a:p>
            <a:r>
              <a:rPr lang="en-US" sz="990" b="1" dirty="0">
                <a:solidFill>
                  <a:schemeClr val="bg1">
                    <a:lumMod val="50000"/>
                  </a:schemeClr>
                </a:solidFill>
              </a:rPr>
              <a:t>Site Work</a:t>
            </a:r>
          </a:p>
        </p:txBody>
      </p:sp>
      <p:sp>
        <p:nvSpPr>
          <p:cNvPr id="84" name="TextBox 83"/>
          <p:cNvSpPr txBox="1"/>
          <p:nvPr>
            <p:custDataLst>
              <p:tags r:id="rId55"/>
            </p:custDataLst>
          </p:nvPr>
        </p:nvSpPr>
        <p:spPr>
          <a:xfrm>
            <a:off x="838201" y="3552444"/>
            <a:ext cx="1127151"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Utilities</a:t>
            </a:r>
          </a:p>
        </p:txBody>
      </p:sp>
      <p:sp>
        <p:nvSpPr>
          <p:cNvPr id="85" name="TextBox 84"/>
          <p:cNvSpPr txBox="1"/>
          <p:nvPr>
            <p:custDataLst>
              <p:tags r:id="rId56"/>
            </p:custDataLst>
          </p:nvPr>
        </p:nvSpPr>
        <p:spPr>
          <a:xfrm>
            <a:off x="809626" y="3161308"/>
            <a:ext cx="477039"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IF</a:t>
            </a:r>
          </a:p>
        </p:txBody>
      </p:sp>
      <p:sp>
        <p:nvSpPr>
          <p:cNvPr id="86" name="TextBox 85"/>
          <p:cNvSpPr txBox="1"/>
          <p:nvPr>
            <p:custDataLst>
              <p:tags r:id="rId57"/>
            </p:custDataLst>
          </p:nvPr>
        </p:nvSpPr>
        <p:spPr>
          <a:xfrm>
            <a:off x="809626" y="2930192"/>
            <a:ext cx="1064612"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Clifton Court</a:t>
            </a:r>
          </a:p>
        </p:txBody>
      </p:sp>
      <p:sp>
        <p:nvSpPr>
          <p:cNvPr id="87" name="TextBox 86"/>
          <p:cNvSpPr txBox="1"/>
          <p:nvPr>
            <p:custDataLst>
              <p:tags r:id="rId58"/>
            </p:custDataLst>
          </p:nvPr>
        </p:nvSpPr>
        <p:spPr>
          <a:xfrm>
            <a:off x="809627" y="2699075"/>
            <a:ext cx="750464"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Tunnel</a:t>
            </a:r>
          </a:p>
        </p:txBody>
      </p:sp>
      <p:sp>
        <p:nvSpPr>
          <p:cNvPr id="88" name="TextBox 87"/>
          <p:cNvSpPr txBox="1"/>
          <p:nvPr>
            <p:custDataLst>
              <p:tags r:id="rId59"/>
            </p:custDataLst>
          </p:nvPr>
        </p:nvSpPr>
        <p:spPr>
          <a:xfrm>
            <a:off x="809627" y="2467959"/>
            <a:ext cx="719923"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Intake</a:t>
            </a:r>
          </a:p>
        </p:txBody>
      </p:sp>
      <p:sp>
        <p:nvSpPr>
          <p:cNvPr id="89" name="TextBox 88"/>
          <p:cNvSpPr txBox="1"/>
          <p:nvPr>
            <p:custDataLst>
              <p:tags r:id="rId60"/>
            </p:custDataLst>
          </p:nvPr>
        </p:nvSpPr>
        <p:spPr>
          <a:xfrm>
            <a:off x="809626" y="2236842"/>
            <a:ext cx="1000618"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Pump Plant </a:t>
            </a:r>
          </a:p>
        </p:txBody>
      </p:sp>
      <p:sp>
        <p:nvSpPr>
          <p:cNvPr id="90" name="TextBox 89"/>
          <p:cNvSpPr txBox="1"/>
          <p:nvPr>
            <p:custDataLst>
              <p:tags r:id="rId61"/>
            </p:custDataLst>
          </p:nvPr>
        </p:nvSpPr>
        <p:spPr>
          <a:xfrm>
            <a:off x="809627" y="2005726"/>
            <a:ext cx="801368" cy="152349"/>
          </a:xfrm>
          <a:prstGeom prst="rect">
            <a:avLst/>
          </a:prstGeom>
          <a:noFill/>
        </p:spPr>
        <p:txBody>
          <a:bodyPr vert="horz" wrap="square" lIns="0" tIns="0" rIns="0" bIns="0" rtlCol="0" anchor="ctr">
            <a:spAutoFit/>
          </a:bodyPr>
          <a:lstStyle/>
          <a:p>
            <a:r>
              <a:rPr lang="en-US" sz="990" b="1" dirty="0">
                <a:solidFill>
                  <a:schemeClr val="bg1">
                    <a:lumMod val="50000"/>
                  </a:schemeClr>
                </a:solidFill>
              </a:rPr>
              <a:t>Utilities </a:t>
            </a:r>
          </a:p>
        </p:txBody>
      </p:sp>
      <p:sp>
        <p:nvSpPr>
          <p:cNvPr id="91" name="TextBox 90"/>
          <p:cNvSpPr txBox="1"/>
          <p:nvPr>
            <p:custDataLst>
              <p:tags r:id="rId62"/>
            </p:custDataLst>
          </p:nvPr>
        </p:nvSpPr>
        <p:spPr>
          <a:xfrm>
            <a:off x="661928" y="1511026"/>
            <a:ext cx="648657" cy="304699"/>
          </a:xfrm>
          <a:prstGeom prst="rect">
            <a:avLst/>
          </a:prstGeom>
          <a:noFill/>
        </p:spPr>
        <p:txBody>
          <a:bodyPr vert="horz" wrap="square" lIns="0" tIns="0" rIns="0" bIns="0" rtlCol="0" anchor="ctr">
            <a:spAutoFit/>
          </a:bodyPr>
          <a:lstStyle/>
          <a:p>
            <a:r>
              <a:rPr lang="en-US" sz="990" b="1" dirty="0">
                <a:solidFill>
                  <a:schemeClr val="bg1">
                    <a:lumMod val="50000"/>
                  </a:schemeClr>
                </a:solidFill>
              </a:rPr>
              <a:t>RFQ process</a:t>
            </a:r>
          </a:p>
        </p:txBody>
      </p:sp>
      <p:sp>
        <p:nvSpPr>
          <p:cNvPr id="92" name="TextBox 91"/>
          <p:cNvSpPr txBox="1"/>
          <p:nvPr>
            <p:custDataLst>
              <p:tags r:id="rId63"/>
            </p:custDataLst>
          </p:nvPr>
        </p:nvSpPr>
        <p:spPr>
          <a:xfrm>
            <a:off x="661928" y="1279909"/>
            <a:ext cx="1007892" cy="304699"/>
          </a:xfrm>
          <a:prstGeom prst="rect">
            <a:avLst/>
          </a:prstGeom>
          <a:noFill/>
        </p:spPr>
        <p:txBody>
          <a:bodyPr vert="horz" wrap="square" lIns="0" tIns="0" rIns="0" bIns="0" rtlCol="0" anchor="ctr">
            <a:spAutoFit/>
          </a:bodyPr>
          <a:lstStyle/>
          <a:p>
            <a:r>
              <a:rPr lang="en-US" sz="990" b="1" dirty="0">
                <a:solidFill>
                  <a:schemeClr val="bg1">
                    <a:lumMod val="50000"/>
                  </a:schemeClr>
                </a:solidFill>
              </a:rPr>
              <a:t>Leadership staffing</a:t>
            </a:r>
          </a:p>
        </p:txBody>
      </p:sp>
      <p:sp>
        <p:nvSpPr>
          <p:cNvPr id="93" name="TextBox 92"/>
          <p:cNvSpPr txBox="1"/>
          <p:nvPr>
            <p:custDataLst>
              <p:tags r:id="rId64"/>
            </p:custDataLst>
          </p:nvPr>
        </p:nvSpPr>
        <p:spPr>
          <a:xfrm>
            <a:off x="1914449" y="1372650"/>
            <a:ext cx="373984" cy="137235"/>
          </a:xfrm>
          <a:prstGeom prst="rect">
            <a:avLst/>
          </a:prstGeom>
          <a:noFill/>
        </p:spPr>
        <p:txBody>
          <a:bodyPr vert="horz" wrap="none" lIns="0" tIns="0" rIns="0" bIns="0" rtlCol="0" anchor="ctr">
            <a:noAutofit/>
          </a:bodyPr>
          <a:lstStyle/>
          <a:p>
            <a:pPr algn="ctr"/>
            <a:r>
              <a:rPr lang="en-US" sz="900" dirty="0">
                <a:solidFill>
                  <a:schemeClr val="tx2"/>
                </a:solidFill>
              </a:rPr>
              <a:t>.75 Years</a:t>
            </a:r>
          </a:p>
        </p:txBody>
      </p:sp>
      <p:sp>
        <p:nvSpPr>
          <p:cNvPr id="94" name="TextBox 93"/>
          <p:cNvSpPr txBox="1"/>
          <p:nvPr>
            <p:custDataLst>
              <p:tags r:id="rId65"/>
            </p:custDataLst>
          </p:nvPr>
        </p:nvSpPr>
        <p:spPr>
          <a:xfrm>
            <a:off x="7844724" y="5312412"/>
            <a:ext cx="355606" cy="182590"/>
          </a:xfrm>
          <a:prstGeom prst="rect">
            <a:avLst/>
          </a:prstGeom>
          <a:noFill/>
        </p:spPr>
        <p:txBody>
          <a:bodyPr vert="horz" wrap="none" lIns="0" tIns="0" rIns="0" bIns="0" rtlCol="0" anchor="ctr">
            <a:noAutofit/>
          </a:bodyPr>
          <a:lstStyle/>
          <a:p>
            <a:pPr algn="r"/>
            <a:r>
              <a:rPr lang="en-US" sz="900" dirty="0">
                <a:solidFill>
                  <a:schemeClr val="tx2"/>
                </a:solidFill>
              </a:rPr>
              <a:t>1 Year</a:t>
            </a:r>
          </a:p>
        </p:txBody>
      </p:sp>
      <p:sp>
        <p:nvSpPr>
          <p:cNvPr id="96" name="TextBox 95"/>
          <p:cNvSpPr txBox="1"/>
          <p:nvPr/>
        </p:nvSpPr>
        <p:spPr>
          <a:xfrm>
            <a:off x="542084" y="2005234"/>
            <a:ext cx="378565" cy="1095813"/>
          </a:xfrm>
          <a:prstGeom prst="rect">
            <a:avLst/>
          </a:prstGeom>
          <a:noFill/>
        </p:spPr>
        <p:txBody>
          <a:bodyPr vert="vert270" wrap="none" rtlCol="0">
            <a:spAutoFit/>
          </a:bodyPr>
          <a:lstStyle/>
          <a:p>
            <a:r>
              <a:rPr lang="en-US" sz="1260" dirty="0">
                <a:solidFill>
                  <a:schemeClr val="bg1">
                    <a:lumMod val="50000"/>
                  </a:schemeClr>
                </a:solidFill>
              </a:rPr>
              <a:t>Design Phase</a:t>
            </a:r>
          </a:p>
        </p:txBody>
      </p:sp>
      <p:sp>
        <p:nvSpPr>
          <p:cNvPr id="97" name="TextBox 96"/>
          <p:cNvSpPr txBox="1"/>
          <p:nvPr/>
        </p:nvSpPr>
        <p:spPr>
          <a:xfrm>
            <a:off x="542825" y="3510015"/>
            <a:ext cx="378565" cy="1544654"/>
          </a:xfrm>
          <a:prstGeom prst="rect">
            <a:avLst/>
          </a:prstGeom>
          <a:noFill/>
        </p:spPr>
        <p:txBody>
          <a:bodyPr vert="vert270" wrap="none" rtlCol="0">
            <a:spAutoFit/>
          </a:bodyPr>
          <a:lstStyle/>
          <a:p>
            <a:r>
              <a:rPr lang="en-US" sz="1260" dirty="0">
                <a:solidFill>
                  <a:schemeClr val="bg1">
                    <a:lumMod val="50000"/>
                  </a:schemeClr>
                </a:solidFill>
              </a:rPr>
              <a:t>Construction  Phase</a:t>
            </a:r>
          </a:p>
        </p:txBody>
      </p:sp>
      <p:cxnSp>
        <p:nvCxnSpPr>
          <p:cNvPr id="99" name="Straight Connector 98"/>
          <p:cNvCxnSpPr/>
          <p:nvPr/>
        </p:nvCxnSpPr>
        <p:spPr>
          <a:xfrm>
            <a:off x="652404" y="1846144"/>
            <a:ext cx="7675244" cy="0"/>
          </a:xfrm>
          <a:prstGeom prst="line">
            <a:avLst/>
          </a:prstGeom>
        </p:spPr>
        <p:style>
          <a:lnRef idx="2">
            <a:schemeClr val="accent1"/>
          </a:lnRef>
          <a:fillRef idx="0">
            <a:schemeClr val="accent1"/>
          </a:fillRef>
          <a:effectRef idx="1">
            <a:schemeClr val="accent1"/>
          </a:effectRef>
          <a:fontRef idx="minor">
            <a:schemeClr val="tx1"/>
          </a:fontRef>
        </p:style>
      </p:cxnSp>
      <p:cxnSp>
        <p:nvCxnSpPr>
          <p:cNvPr id="100" name="Straight Connector 99"/>
          <p:cNvCxnSpPr/>
          <p:nvPr/>
        </p:nvCxnSpPr>
        <p:spPr>
          <a:xfrm>
            <a:off x="685802" y="3429000"/>
            <a:ext cx="7675244" cy="0"/>
          </a:xfrm>
          <a:prstGeom prst="line">
            <a:avLst/>
          </a:prstGeom>
        </p:spPr>
        <p:style>
          <a:lnRef idx="2">
            <a:schemeClr val="accent1"/>
          </a:lnRef>
          <a:fillRef idx="0">
            <a:schemeClr val="accent1"/>
          </a:fillRef>
          <a:effectRef idx="1">
            <a:schemeClr val="accent1"/>
          </a:effectRef>
          <a:fontRef idx="minor">
            <a:schemeClr val="tx1"/>
          </a:fontRef>
        </p:style>
      </p:cxnSp>
      <p:cxnSp>
        <p:nvCxnSpPr>
          <p:cNvPr id="101" name="Straight Connector 100"/>
          <p:cNvCxnSpPr/>
          <p:nvPr/>
        </p:nvCxnSpPr>
        <p:spPr>
          <a:xfrm>
            <a:off x="718235" y="5222753"/>
            <a:ext cx="7675244" cy="0"/>
          </a:xfrm>
          <a:prstGeom prst="line">
            <a:avLst/>
          </a:prstGeom>
        </p:spPr>
        <p:style>
          <a:lnRef idx="2">
            <a:schemeClr val="accent1"/>
          </a:lnRef>
          <a:fillRef idx="0">
            <a:schemeClr val="accent1"/>
          </a:fillRef>
          <a:effectRef idx="1">
            <a:schemeClr val="accent1"/>
          </a:effectRef>
          <a:fontRef idx="minor">
            <a:schemeClr val="tx1"/>
          </a:fontRef>
        </p:style>
      </p:cxnSp>
      <p:sp>
        <p:nvSpPr>
          <p:cNvPr id="98" name="OTLSHAPE_TB_00000000000000000000000000000000_ScaleContainer"/>
          <p:cNvSpPr/>
          <p:nvPr>
            <p:custDataLst>
              <p:tags r:id="rId66"/>
            </p:custDataLst>
          </p:nvPr>
        </p:nvSpPr>
        <p:spPr>
          <a:xfrm>
            <a:off x="1560091" y="5884522"/>
            <a:ext cx="6366691" cy="240336"/>
          </a:xfrm>
          <a:prstGeom prst="roundRect">
            <a:avLst/>
          </a:prstGeom>
          <a:gradFill flip="none" rotWithShape="1">
            <a:gsLst>
              <a:gs pos="0">
                <a:srgbClr val="44546A"/>
              </a:gs>
              <a:gs pos="100000">
                <a:srgbClr val="52667F"/>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78" name="Title 10"/>
          <p:cNvSpPr txBox="1">
            <a:spLocks/>
          </p:cNvSpPr>
          <p:nvPr/>
        </p:nvSpPr>
        <p:spPr>
          <a:xfrm>
            <a:off x="469900" y="228600"/>
            <a:ext cx="8229600" cy="609398"/>
          </a:xfrm>
          <a:prstGeom prst="rect">
            <a:avLst/>
          </a:prstGeom>
        </p:spPr>
        <p:txBody>
          <a:bodyPr>
            <a:no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lang="en-US" sz="3600" dirty="0" smtClean="0"/>
              <a:t>Design and Construction Enterprise </a:t>
            </a:r>
            <a:br>
              <a:rPr lang="en-US" sz="3600" dirty="0" smtClean="0"/>
            </a:br>
            <a:r>
              <a:rPr lang="en-US" sz="2800" dirty="0" smtClean="0">
                <a:solidFill>
                  <a:schemeClr val="tx1"/>
                </a:solidFill>
              </a:rPr>
              <a:t>Program Schedule</a:t>
            </a:r>
            <a:endParaRPr lang="en-US" sz="2800" dirty="0">
              <a:solidFill>
                <a:schemeClr val="tx1"/>
              </a:solidFill>
            </a:endParaRPr>
          </a:p>
        </p:txBody>
      </p:sp>
    </p:spTree>
    <p:extLst>
      <p:ext uri="{BB962C8B-B14F-4D97-AF65-F5344CB8AC3E}">
        <p14:creationId xmlns:p14="http://schemas.microsoft.com/office/powerpoint/2010/main" val="72620608"/>
      </p:ext>
    </p:extLst>
  </p:cSld>
  <p:clrMapOvr>
    <a:masterClrMapping/>
  </p:clrMapOvr>
  <p:transition>
    <p:fade/>
  </p:transition>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4" name="Rectangle 153"/>
          <p:cNvSpPr/>
          <p:nvPr/>
        </p:nvSpPr>
        <p:spPr bwMode="auto">
          <a:xfrm>
            <a:off x="0" y="1143000"/>
            <a:ext cx="9144000" cy="5715000"/>
          </a:xfrm>
          <a:prstGeom prst="rect">
            <a:avLst/>
          </a:prstGeom>
          <a:solidFill>
            <a:schemeClr val="tx1">
              <a:lumMod val="9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cxnSp>
        <p:nvCxnSpPr>
          <p:cNvPr id="1352" name="OTLSHAPE_T_f33b42b28fb045cca4742c3a54040197_RightVerticalConnector1"/>
          <p:cNvCxnSpPr/>
          <p:nvPr>
            <p:custDataLst>
              <p:tags r:id="rId2"/>
            </p:custDataLst>
          </p:nvPr>
        </p:nvCxnSpPr>
        <p:spPr>
          <a:xfrm>
            <a:off x="2384216" y="3724462"/>
            <a:ext cx="0" cy="5715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9" name="OTLSHAPE_T_80da211125c845ef9c87fa170597ee6c_RightVerticalConnector1"/>
          <p:cNvCxnSpPr/>
          <p:nvPr>
            <p:custDataLst>
              <p:tags r:id="rId3"/>
            </p:custDataLst>
          </p:nvPr>
        </p:nvCxnSpPr>
        <p:spPr>
          <a:xfrm>
            <a:off x="2675761" y="3051768"/>
            <a:ext cx="0" cy="5715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2" name="OTLSHAPE_T_aa1c97fed9354a1aaa2ae7c715681c3d_LeftVerticalConnector5"/>
          <p:cNvCxnSpPr/>
          <p:nvPr>
            <p:custDataLst>
              <p:tags r:id="rId4"/>
            </p:custDataLst>
          </p:nvPr>
        </p:nvCxnSpPr>
        <p:spPr>
          <a:xfrm>
            <a:off x="670092" y="4691669"/>
            <a:ext cx="0" cy="84734"/>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1" name="OTLSHAPE_T_aa1c97fed9354a1aaa2ae7c715681c3d_LeftVerticalConnector4"/>
          <p:cNvCxnSpPr/>
          <p:nvPr>
            <p:custDataLst>
              <p:tags r:id="rId5"/>
            </p:custDataLst>
          </p:nvPr>
        </p:nvCxnSpPr>
        <p:spPr>
          <a:xfrm>
            <a:off x="670092" y="4355475"/>
            <a:ext cx="0" cy="84734"/>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9" name="OTLSHAPE_T_aa1c97fed9354a1aaa2ae7c715681c3d_LeftVerticalConnector2"/>
          <p:cNvCxnSpPr/>
          <p:nvPr>
            <p:custDataLst>
              <p:tags r:id="rId6"/>
            </p:custDataLst>
          </p:nvPr>
        </p:nvCxnSpPr>
        <p:spPr>
          <a:xfrm>
            <a:off x="670092" y="3051768"/>
            <a:ext cx="0" cy="5715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4" name="OTLSHAPE_T_b2c95551792e49ff9f11c6fe4c933237_RightVerticalConnector4"/>
          <p:cNvCxnSpPr/>
          <p:nvPr>
            <p:custDataLst>
              <p:tags r:id="rId7"/>
            </p:custDataLst>
          </p:nvPr>
        </p:nvCxnSpPr>
        <p:spPr>
          <a:xfrm>
            <a:off x="1508783" y="3311383"/>
            <a:ext cx="0" cy="106147"/>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3" name="OTLSHAPE_T_b2c95551792e49ff9f11c6fe4c933237_RightVerticalConnector3"/>
          <p:cNvCxnSpPr/>
          <p:nvPr>
            <p:custDataLst>
              <p:tags r:id="rId8"/>
            </p:custDataLst>
          </p:nvPr>
        </p:nvCxnSpPr>
        <p:spPr>
          <a:xfrm>
            <a:off x="1508783" y="3002773"/>
            <a:ext cx="0" cy="106147"/>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2" name="OTLSHAPE_T_b2c95551792e49ff9f11c6fe4c933237_RightVerticalConnector2"/>
          <p:cNvCxnSpPr/>
          <p:nvPr>
            <p:custDataLst>
              <p:tags r:id="rId9"/>
            </p:custDataLst>
          </p:nvPr>
        </p:nvCxnSpPr>
        <p:spPr>
          <a:xfrm>
            <a:off x="1508783" y="2743158"/>
            <a:ext cx="0" cy="5715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1" name="OTLSHAPE_T_b2c95551792e49ff9f11c6fe4c933237_RightVerticalConnector1"/>
          <p:cNvCxnSpPr/>
          <p:nvPr>
            <p:custDataLst>
              <p:tags r:id="rId10"/>
            </p:custDataLst>
          </p:nvPr>
        </p:nvCxnSpPr>
        <p:spPr>
          <a:xfrm>
            <a:off x="1508783" y="2455551"/>
            <a:ext cx="0" cy="5715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263" name="OTLSHAPE_TB_00000000000000000000000000000000_LeftEndCaps" hidden="1"/>
          <p:cNvSpPr txBox="1"/>
          <p:nvPr>
            <p:custDataLst>
              <p:tags r:id="rId11"/>
            </p:custDataLst>
          </p:nvPr>
        </p:nvSpPr>
        <p:spPr>
          <a:xfrm>
            <a:off x="190500" y="5042793"/>
            <a:ext cx="352425" cy="498598"/>
          </a:xfrm>
          <a:prstGeom prst="rect">
            <a:avLst/>
          </a:prstGeom>
          <a:noFill/>
        </p:spPr>
        <p:txBody>
          <a:bodyPr vert="horz" wrap="square" lIns="0" tIns="0" rIns="0" bIns="0" rtlCol="0" anchor="ctr" anchorCtr="0">
            <a:spAutoFit/>
          </a:bodyPr>
          <a:lstStyle/>
          <a:p>
            <a:pPr algn="ctr"/>
            <a:r>
              <a:rPr lang="en-US" sz="1620" b="1" dirty="0">
                <a:solidFill>
                  <a:schemeClr val="accent2"/>
                </a:solidFill>
                <a:latin typeface="Calibri" panose="020F0502020204030204" pitchFamily="34" charset="0"/>
              </a:rPr>
              <a:t>2016</a:t>
            </a:r>
          </a:p>
        </p:txBody>
      </p:sp>
      <p:sp>
        <p:nvSpPr>
          <p:cNvPr id="1266" name="OTLSHAPE_TB_00000000000000000000000000000000_ElapsedTime" hidden="1"/>
          <p:cNvSpPr/>
          <p:nvPr>
            <p:custDataLst>
              <p:tags r:id="rId12"/>
            </p:custDataLst>
          </p:nvPr>
        </p:nvSpPr>
        <p:spPr>
          <a:xfrm>
            <a:off x="0" y="34290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268" name="OTLSHAPE_TB_00000000000000000000000000000000_TodayMarkerShape" hidden="1"/>
          <p:cNvSpPr/>
          <p:nvPr>
            <p:custDataLst>
              <p:tags r:id="rId13"/>
            </p:custDataLst>
          </p:nvPr>
        </p:nvSpPr>
        <p:spPr>
          <a:xfrm flipV="1">
            <a:off x="592529" y="5006340"/>
            <a:ext cx="81643" cy="114300"/>
          </a:xfrm>
          <a:prstGeom prst="triangl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269" name="OTLSHAPE_TB_00000000000000000000000000000000_TodayMarkerText" hidden="1"/>
          <p:cNvSpPr txBox="1"/>
          <p:nvPr>
            <p:custDataLst>
              <p:tags r:id="rId14"/>
            </p:custDataLst>
          </p:nvPr>
        </p:nvSpPr>
        <p:spPr>
          <a:xfrm>
            <a:off x="633349" y="5006341"/>
            <a:ext cx="0" cy="830997"/>
          </a:xfrm>
          <a:prstGeom prst="rect">
            <a:avLst/>
          </a:prstGeom>
          <a:noFill/>
        </p:spPr>
        <p:txBody>
          <a:bodyPr vert="horz" wrap="square" lIns="0" tIns="0" rIns="0" bIns="0" rtlCol="0" anchor="ctr" anchorCtr="0">
            <a:spAutoFit/>
          </a:bodyPr>
          <a:lstStyle/>
          <a:p>
            <a:pPr algn="ctr"/>
            <a:r>
              <a:rPr lang="en-US" sz="1080" dirty="0">
                <a:solidFill>
                  <a:schemeClr val="dk1"/>
                </a:solidFill>
                <a:latin typeface="Calibri" panose="020F0502020204030204" pitchFamily="34" charset="0"/>
              </a:rPr>
              <a:t>Today</a:t>
            </a:r>
          </a:p>
        </p:txBody>
      </p:sp>
      <p:cxnSp>
        <p:nvCxnSpPr>
          <p:cNvPr id="1279" name="OTLSHAPE_T_8c307a656d40478685d932edf5272243_LeftVerticalConnector1" hidden="1"/>
          <p:cNvCxnSpPr/>
          <p:nvPr>
            <p:custDataLst>
              <p:tags r:id="rId15"/>
            </p:custDataLst>
          </p:nvPr>
        </p:nvCxnSpPr>
        <p:spPr>
          <a:xfrm>
            <a:off x="670092" y="1094003"/>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0" name="OTLSHAPE_T_8c307a656d40478685d932edf5272243_LeftVerticalConnector2" hidden="1"/>
          <p:cNvCxnSpPr/>
          <p:nvPr>
            <p:custDataLst>
              <p:tags r:id="rId16"/>
            </p:custDataLst>
          </p:nvPr>
        </p:nvCxnSpPr>
        <p:spPr>
          <a:xfrm>
            <a:off x="670092" y="161155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1" name="OTLSHAPE_T_8c307a656d40478685d932edf5272243_LeftVerticalConnector3" hidden="1"/>
          <p:cNvCxnSpPr/>
          <p:nvPr>
            <p:custDataLst>
              <p:tags r:id="rId17"/>
            </p:custDataLst>
          </p:nvPr>
        </p:nvCxnSpPr>
        <p:spPr>
          <a:xfrm>
            <a:off x="670092" y="212910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2" name="OTLSHAPE_T_8c307a656d40478685d932edf5272243_LeftVerticalConnector5" hidden="1"/>
          <p:cNvCxnSpPr/>
          <p:nvPr>
            <p:custDataLst>
              <p:tags r:id="rId18"/>
            </p:custDataLst>
          </p:nvPr>
        </p:nvCxnSpPr>
        <p:spPr>
          <a:xfrm>
            <a:off x="670092" y="274632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3" name="OTLSHAPE_T_8c307a656d40478685d932edf5272243_LeftVerticalConnector6" hidden="1"/>
          <p:cNvCxnSpPr/>
          <p:nvPr>
            <p:custDataLst>
              <p:tags r:id="rId19"/>
            </p:custDataLst>
          </p:nvPr>
        </p:nvCxnSpPr>
        <p:spPr>
          <a:xfrm>
            <a:off x="670092" y="3110408"/>
            <a:ext cx="0" cy="37955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4" name="OTLSHAPE_T_8c307a656d40478685d932edf5272243_LeftVerticalConnector7" hidden="1"/>
          <p:cNvCxnSpPr/>
          <p:nvPr>
            <p:custDataLst>
              <p:tags r:id="rId20"/>
            </p:custDataLst>
          </p:nvPr>
        </p:nvCxnSpPr>
        <p:spPr>
          <a:xfrm>
            <a:off x="670092"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5" name="OTLSHAPE_T_8c307a656d40478685d932edf5272243_LeftVerticalConnector8" hidden="1"/>
          <p:cNvCxnSpPr/>
          <p:nvPr>
            <p:custDataLst>
              <p:tags r:id="rId21"/>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6" name="OTLSHAPE_T_8c307a656d40478685d932edf5272243_LeftVerticalConnector9" hidden="1"/>
          <p:cNvCxnSpPr/>
          <p:nvPr>
            <p:custDataLst>
              <p:tags r:id="rId22"/>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87" name="OTLSHAPE_T_8c307a656d40478685d932edf5272243_LeftVerticalConnector11" hidden="1"/>
          <p:cNvCxnSpPr/>
          <p:nvPr>
            <p:custDataLst>
              <p:tags r:id="rId23"/>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3" name="OTLSHAPE_T_b2c95551792e49ff9f11c6fe4c933237_LeftVerticalConnector1" hidden="1"/>
          <p:cNvCxnSpPr/>
          <p:nvPr>
            <p:custDataLst>
              <p:tags r:id="rId24"/>
            </p:custDataLst>
          </p:nvPr>
        </p:nvCxnSpPr>
        <p:spPr>
          <a:xfrm>
            <a:off x="670092" y="161155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4" name="OTLSHAPE_T_b2c95551792e49ff9f11c6fe4c933237_LeftVerticalConnector2" hidden="1"/>
          <p:cNvCxnSpPr/>
          <p:nvPr>
            <p:custDataLst>
              <p:tags r:id="rId25"/>
            </p:custDataLst>
          </p:nvPr>
        </p:nvCxnSpPr>
        <p:spPr>
          <a:xfrm>
            <a:off x="670092" y="212910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5" name="OTLSHAPE_T_b2c95551792e49ff9f11c6fe4c933237_LeftVerticalConnector4" hidden="1"/>
          <p:cNvCxnSpPr/>
          <p:nvPr>
            <p:custDataLst>
              <p:tags r:id="rId26"/>
            </p:custDataLst>
          </p:nvPr>
        </p:nvCxnSpPr>
        <p:spPr>
          <a:xfrm>
            <a:off x="670092" y="274632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6" name="OTLSHAPE_T_b2c95551792e49ff9f11c6fe4c933237_LeftVerticalConnector5" hidden="1"/>
          <p:cNvCxnSpPr/>
          <p:nvPr>
            <p:custDataLst>
              <p:tags r:id="rId27"/>
            </p:custDataLst>
          </p:nvPr>
        </p:nvCxnSpPr>
        <p:spPr>
          <a:xfrm>
            <a:off x="670092" y="3110408"/>
            <a:ext cx="0" cy="37955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7" name="OTLSHAPE_T_b2c95551792e49ff9f11c6fe4c933237_LeftVerticalConnector6" hidden="1"/>
          <p:cNvCxnSpPr/>
          <p:nvPr>
            <p:custDataLst>
              <p:tags r:id="rId28"/>
            </p:custDataLst>
          </p:nvPr>
        </p:nvCxnSpPr>
        <p:spPr>
          <a:xfrm>
            <a:off x="670092"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8" name="OTLSHAPE_T_b2c95551792e49ff9f11c6fe4c933237_LeftVerticalConnector7" hidden="1"/>
          <p:cNvCxnSpPr/>
          <p:nvPr>
            <p:custDataLst>
              <p:tags r:id="rId29"/>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99" name="OTLSHAPE_T_b2c95551792e49ff9f11c6fe4c933237_LeftVerticalConnector8" hidden="1"/>
          <p:cNvCxnSpPr/>
          <p:nvPr>
            <p:custDataLst>
              <p:tags r:id="rId30"/>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0" name="OTLSHAPE_T_b2c95551792e49ff9f11c6fe4c933237_LeftVerticalConnector10" hidden="1"/>
          <p:cNvCxnSpPr/>
          <p:nvPr>
            <p:custDataLst>
              <p:tags r:id="rId31"/>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5" name="OTLSHAPE_T_aa1c97fed9354a1aaa2ae7c715681c3d_RightVerticalConnector2" hidden="1"/>
          <p:cNvCxnSpPr/>
          <p:nvPr>
            <p:custDataLst>
              <p:tags r:id="rId32"/>
            </p:custDataLst>
          </p:nvPr>
        </p:nvCxnSpPr>
        <p:spPr>
          <a:xfrm>
            <a:off x="1508783" y="2388718"/>
            <a:ext cx="0" cy="106146"/>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6" name="OTLSHAPE_T_aa1c97fed9354a1aaa2ae7c715681c3d_RightVerticalConnector3" hidden="1"/>
          <p:cNvCxnSpPr/>
          <p:nvPr>
            <p:custDataLst>
              <p:tags r:id="rId33"/>
            </p:custDataLst>
          </p:nvPr>
        </p:nvCxnSpPr>
        <p:spPr>
          <a:xfrm>
            <a:off x="1508783" y="2697328"/>
            <a:ext cx="0" cy="106146"/>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7" name="OTLSHAPE_T_aa1c97fed9354a1aaa2ae7c715681c3d_RightVerticalConnector4" hidden="1"/>
          <p:cNvCxnSpPr/>
          <p:nvPr>
            <p:custDataLst>
              <p:tags r:id="rId34"/>
            </p:custDataLst>
          </p:nvPr>
        </p:nvCxnSpPr>
        <p:spPr>
          <a:xfrm>
            <a:off x="1508783" y="3110408"/>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8" name="OTLSHAPE_T_aa1c97fed9354a1aaa2ae7c715681c3d_RightVerticalConnector5" hidden="1"/>
          <p:cNvCxnSpPr/>
          <p:nvPr>
            <p:custDataLst>
              <p:tags r:id="rId35"/>
            </p:custDataLst>
          </p:nvPr>
        </p:nvCxnSpPr>
        <p:spPr>
          <a:xfrm>
            <a:off x="1508783" y="3419018"/>
            <a:ext cx="0" cy="7094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19" name="OTLSHAPE_T_aa1c97fed9354a1aaa2ae7c715681c3d_RightVerticalConnector6" hidden="1"/>
          <p:cNvCxnSpPr/>
          <p:nvPr>
            <p:custDataLst>
              <p:tags r:id="rId36"/>
            </p:custDataLst>
          </p:nvPr>
        </p:nvCxnSpPr>
        <p:spPr>
          <a:xfrm>
            <a:off x="1508783"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0" name="OTLSHAPE_T_aa1c97fed9354a1aaa2ae7c715681c3d_RightVerticalConnector7" hidden="1"/>
          <p:cNvCxnSpPr/>
          <p:nvPr>
            <p:custDataLst>
              <p:tags r:id="rId37"/>
            </p:custDataLst>
          </p:nvPr>
        </p:nvCxnSpPr>
        <p:spPr>
          <a:xfrm>
            <a:off x="1508783"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1" name="OTLSHAPE_T_aa1c97fed9354a1aaa2ae7c715681c3d_RightVerticalConnector8" hidden="1"/>
          <p:cNvCxnSpPr/>
          <p:nvPr>
            <p:custDataLst>
              <p:tags r:id="rId38"/>
            </p:custDataLst>
          </p:nvPr>
        </p:nvCxnSpPr>
        <p:spPr>
          <a:xfrm>
            <a:off x="1508783" y="4413810"/>
            <a:ext cx="0" cy="706831"/>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2" name="OTLSHAPE_T_80da211125c845ef9c87fa170597ee6c_LeftVerticalConnector1" hidden="1"/>
          <p:cNvCxnSpPr/>
          <p:nvPr>
            <p:custDataLst>
              <p:tags r:id="rId39"/>
            </p:custDataLst>
          </p:nvPr>
        </p:nvCxnSpPr>
        <p:spPr>
          <a:xfrm>
            <a:off x="670092" y="243771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3" name="OTLSHAPE_T_80da211125c845ef9c87fa170597ee6c_LeftVerticalConnector2" hidden="1"/>
          <p:cNvCxnSpPr/>
          <p:nvPr>
            <p:custDataLst>
              <p:tags r:id="rId40"/>
            </p:custDataLst>
          </p:nvPr>
        </p:nvCxnSpPr>
        <p:spPr>
          <a:xfrm>
            <a:off x="670092" y="274632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4" name="OTLSHAPE_T_80da211125c845ef9c87fa170597ee6c_LeftVerticalConnector3" hidden="1"/>
          <p:cNvCxnSpPr/>
          <p:nvPr>
            <p:custDataLst>
              <p:tags r:id="rId41"/>
            </p:custDataLst>
          </p:nvPr>
        </p:nvCxnSpPr>
        <p:spPr>
          <a:xfrm>
            <a:off x="670092" y="3110408"/>
            <a:ext cx="0" cy="37955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5" name="OTLSHAPE_T_80da211125c845ef9c87fa170597ee6c_LeftVerticalConnector4" hidden="1"/>
          <p:cNvCxnSpPr/>
          <p:nvPr>
            <p:custDataLst>
              <p:tags r:id="rId42"/>
            </p:custDataLst>
          </p:nvPr>
        </p:nvCxnSpPr>
        <p:spPr>
          <a:xfrm>
            <a:off x="670092"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6" name="OTLSHAPE_T_80da211125c845ef9c87fa170597ee6c_LeftVerticalConnector5" hidden="1"/>
          <p:cNvCxnSpPr/>
          <p:nvPr>
            <p:custDataLst>
              <p:tags r:id="rId43"/>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7" name="OTLSHAPE_T_80da211125c845ef9c87fa170597ee6c_LeftVerticalConnector6" hidden="1"/>
          <p:cNvCxnSpPr/>
          <p:nvPr>
            <p:custDataLst>
              <p:tags r:id="rId44"/>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8" name="OTLSHAPE_T_80da211125c845ef9c87fa170597ee6c_LeftVerticalConnector8" hidden="1"/>
          <p:cNvCxnSpPr/>
          <p:nvPr>
            <p:custDataLst>
              <p:tags r:id="rId45"/>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36" name="OTLSHAPE_T_f7d624e0534c492f86a7a5f6fd6eecb9_LeftVerticalConnector1" hidden="1"/>
          <p:cNvCxnSpPr/>
          <p:nvPr>
            <p:custDataLst>
              <p:tags r:id="rId46"/>
            </p:custDataLst>
          </p:nvPr>
        </p:nvCxnSpPr>
        <p:spPr>
          <a:xfrm>
            <a:off x="670092" y="2746324"/>
            <a:ext cx="0" cy="57150"/>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37" name="OTLSHAPE_T_f7d624e0534c492f86a7a5f6fd6eecb9_LeftVerticalConnector2" hidden="1"/>
          <p:cNvCxnSpPr/>
          <p:nvPr>
            <p:custDataLst>
              <p:tags r:id="rId47"/>
            </p:custDataLst>
          </p:nvPr>
        </p:nvCxnSpPr>
        <p:spPr>
          <a:xfrm>
            <a:off x="670092" y="3110408"/>
            <a:ext cx="0" cy="37955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38" name="OTLSHAPE_T_f7d624e0534c492f86a7a5f6fd6eecb9_LeftVerticalConnector3" hidden="1"/>
          <p:cNvCxnSpPr/>
          <p:nvPr>
            <p:custDataLst>
              <p:tags r:id="rId48"/>
            </p:custDataLst>
          </p:nvPr>
        </p:nvCxnSpPr>
        <p:spPr>
          <a:xfrm>
            <a:off x="670092"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39" name="OTLSHAPE_T_f7d624e0534c492f86a7a5f6fd6eecb9_LeftVerticalConnector4" hidden="1"/>
          <p:cNvCxnSpPr/>
          <p:nvPr>
            <p:custDataLst>
              <p:tags r:id="rId49"/>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40" name="OTLSHAPE_T_f7d624e0534c492f86a7a5f6fd6eecb9_LeftVerticalConnector5" hidden="1"/>
          <p:cNvCxnSpPr/>
          <p:nvPr>
            <p:custDataLst>
              <p:tags r:id="rId50"/>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41" name="OTLSHAPE_T_f7d624e0534c492f86a7a5f6fd6eecb9_LeftVerticalConnector7" hidden="1"/>
          <p:cNvCxnSpPr/>
          <p:nvPr>
            <p:custDataLst>
              <p:tags r:id="rId51"/>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47" name="OTLSHAPE_T_f33b42b28fb045cca4742c3a54040197_LeftVerticalConnector1" hidden="1"/>
          <p:cNvCxnSpPr/>
          <p:nvPr>
            <p:custDataLst>
              <p:tags r:id="rId52"/>
            </p:custDataLst>
          </p:nvPr>
        </p:nvCxnSpPr>
        <p:spPr>
          <a:xfrm>
            <a:off x="670092" y="3110408"/>
            <a:ext cx="0" cy="379552"/>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48" name="OTLSHAPE_T_f33b42b28fb045cca4742c3a54040197_LeftVerticalConnector2" hidden="1"/>
          <p:cNvCxnSpPr/>
          <p:nvPr>
            <p:custDataLst>
              <p:tags r:id="rId53"/>
            </p:custDataLst>
          </p:nvPr>
        </p:nvCxnSpPr>
        <p:spPr>
          <a:xfrm>
            <a:off x="670092" y="3741421"/>
            <a:ext cx="0" cy="84735"/>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49" name="OTLSHAPE_T_f33b42b28fb045cca4742c3a54040197_LeftVerticalConnector3" hidden="1"/>
          <p:cNvCxnSpPr/>
          <p:nvPr>
            <p:custDataLst>
              <p:tags r:id="rId54"/>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50" name="OTLSHAPE_T_f33b42b28fb045cca4742c3a54040197_LeftVerticalConnector4" hidden="1"/>
          <p:cNvCxnSpPr/>
          <p:nvPr>
            <p:custDataLst>
              <p:tags r:id="rId55"/>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51" name="OTLSHAPE_T_f33b42b28fb045cca4742c3a54040197_LeftVerticalConnector5" hidden="1"/>
          <p:cNvCxnSpPr/>
          <p:nvPr>
            <p:custDataLst>
              <p:tags r:id="rId56"/>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65" name="OTLSHAPE_T_cfdfb36d35384cddba5de04f305a159a_LeftVerticalConnector1" hidden="1"/>
          <p:cNvCxnSpPr/>
          <p:nvPr>
            <p:custDataLst>
              <p:tags r:id="rId57"/>
            </p:custDataLst>
          </p:nvPr>
        </p:nvCxnSpPr>
        <p:spPr>
          <a:xfrm>
            <a:off x="670092" y="3741420"/>
            <a:ext cx="0" cy="865918"/>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66" name="OTLSHAPE_T_cfdfb36d35384cddba5de04f305a159a_LeftVerticalConnector2" hidden="1"/>
          <p:cNvCxnSpPr/>
          <p:nvPr>
            <p:custDataLst>
              <p:tags r:id="rId58"/>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0" name="OTLSHAPE_T_85c6732b30704a37a63d9f676b8aea8f_LeftVerticalConnector1" hidden="1"/>
          <p:cNvCxnSpPr/>
          <p:nvPr>
            <p:custDataLst>
              <p:tags r:id="rId59"/>
            </p:custDataLst>
          </p:nvPr>
        </p:nvCxnSpPr>
        <p:spPr>
          <a:xfrm>
            <a:off x="670092"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1" name="OTLSHAPE_T_85c6732b30704a37a63d9f676b8aea8f_LeftVerticalConnector2" hidden="1"/>
          <p:cNvCxnSpPr/>
          <p:nvPr>
            <p:custDataLst>
              <p:tags r:id="rId60"/>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2" name="OTLSHAPE_T_85c6732b30704a37a63d9f676b8aea8f_LeftVerticalConnector4" hidden="1"/>
          <p:cNvCxnSpPr/>
          <p:nvPr>
            <p:custDataLst>
              <p:tags r:id="rId61"/>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3" name="OTLSHAPE_T_85c6732b30704a37a63d9f676b8aea8f_RightVerticalConnector1" hidden="1"/>
          <p:cNvCxnSpPr/>
          <p:nvPr>
            <p:custDataLst>
              <p:tags r:id="rId62"/>
            </p:custDataLst>
          </p:nvPr>
        </p:nvCxnSpPr>
        <p:spPr>
          <a:xfrm>
            <a:off x="8219106" y="4077615"/>
            <a:ext cx="0" cy="8473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4" name="OTLSHAPE_T_85c6732b30704a37a63d9f676b8aea8f_RightVerticalConnector2" hidden="1"/>
          <p:cNvCxnSpPr/>
          <p:nvPr>
            <p:custDataLst>
              <p:tags r:id="rId63"/>
            </p:custDataLst>
          </p:nvPr>
        </p:nvCxnSpPr>
        <p:spPr>
          <a:xfrm>
            <a:off x="8219106" y="4413810"/>
            <a:ext cx="0" cy="706831"/>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5" name="OTLSHAPE_T_8c1669cc957041658b3301eb624354e1_LeftVerticalConnector1" hidden="1"/>
          <p:cNvCxnSpPr/>
          <p:nvPr>
            <p:custDataLst>
              <p:tags r:id="rId64"/>
            </p:custDataLst>
          </p:nvPr>
        </p:nvCxnSpPr>
        <p:spPr>
          <a:xfrm>
            <a:off x="670092" y="4413810"/>
            <a:ext cx="0" cy="193529"/>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6" name="OTLSHAPE_T_8c1669cc957041658b3301eb624354e1_LeftVerticalConnector3" hidden="1"/>
          <p:cNvCxnSpPr/>
          <p:nvPr>
            <p:custDataLst>
              <p:tags r:id="rId65"/>
            </p:custDataLst>
          </p:nvPr>
        </p:nvCxnSpPr>
        <p:spPr>
          <a:xfrm>
            <a:off x="670092" y="4900327"/>
            <a:ext cx="0" cy="220314"/>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7" name="OTLSHAPE_T_8c1669cc957041658b3301eb624354e1_RightVerticalConnector1" hidden="1"/>
          <p:cNvCxnSpPr/>
          <p:nvPr>
            <p:custDataLst>
              <p:tags r:id="rId66"/>
            </p:custDataLst>
          </p:nvPr>
        </p:nvCxnSpPr>
        <p:spPr>
          <a:xfrm>
            <a:off x="8219106" y="4413810"/>
            <a:ext cx="0" cy="706831"/>
          </a:xfrm>
          <a:prstGeom prst="line">
            <a:avLst/>
          </a:prstGeom>
          <a:ln>
            <a:headEnd type="none"/>
            <a:tailEnd type="none"/>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384" name="OTLSHAPE_T_8c307a656d40478685d932edf5272243_Shape"/>
          <p:cNvSpPr/>
          <p:nvPr>
            <p:custDataLst>
              <p:tags r:id="rId67"/>
            </p:custDataLst>
          </p:nvPr>
        </p:nvSpPr>
        <p:spPr>
          <a:xfrm>
            <a:off x="670092" y="1747052"/>
            <a:ext cx="3467100" cy="251460"/>
          </a:xfrm>
          <a:prstGeom prst="rect">
            <a:avLst/>
          </a:prstGeom>
          <a:solidFill>
            <a:srgbClr val="0072BC"/>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385" name="OTLSHAPE_T_8c307a656d40478685d932edf5272243_ShapePercentage" hidden="1"/>
          <p:cNvSpPr/>
          <p:nvPr>
            <p:custDataLst>
              <p:tags r:id="rId68"/>
            </p:custDataLst>
          </p:nvPr>
        </p:nvSpPr>
        <p:spPr>
          <a:xfrm>
            <a:off x="670092" y="842543"/>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386" name="OTLSHAPE_T_8c307a656d40478685d932edf5272243_Duration" hidden="1"/>
          <p:cNvSpPr txBox="1"/>
          <p:nvPr>
            <p:custDataLst>
              <p:tags r:id="rId69"/>
            </p:custDataLst>
          </p:nvPr>
        </p:nvSpPr>
        <p:spPr>
          <a:xfrm>
            <a:off x="0" y="842545"/>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3099 days</a:t>
            </a:r>
          </a:p>
        </p:txBody>
      </p:sp>
      <p:sp>
        <p:nvSpPr>
          <p:cNvPr id="1387" name="OTLSHAPE_T_8c307a656d40478685d932edf5272243_TextPercentage" hidden="1"/>
          <p:cNvSpPr txBox="1"/>
          <p:nvPr>
            <p:custDataLst>
              <p:tags r:id="rId70"/>
            </p:custDataLst>
          </p:nvPr>
        </p:nvSpPr>
        <p:spPr>
          <a:xfrm>
            <a:off x="0" y="982067"/>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388" name="OTLSHAPE_T_8c307a656d40478685d932edf5272243_StartDate" hidden="1"/>
          <p:cNvSpPr txBox="1"/>
          <p:nvPr>
            <p:custDataLst>
              <p:tags r:id="rId71"/>
            </p:custDataLst>
          </p:nvPr>
        </p:nvSpPr>
        <p:spPr>
          <a:xfrm>
            <a:off x="0" y="98206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389" name="OTLSHAPE_T_8c307a656d40478685d932edf5272243_EndDate" hidden="1"/>
          <p:cNvSpPr txBox="1"/>
          <p:nvPr>
            <p:custDataLst>
              <p:tags r:id="rId72"/>
            </p:custDataLst>
          </p:nvPr>
        </p:nvSpPr>
        <p:spPr>
          <a:xfrm>
            <a:off x="0" y="98206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390" name="OTLSHAPE_T_8c307a656d40478685d932edf5272243_JoinedDate"/>
          <p:cNvSpPr txBox="1"/>
          <p:nvPr>
            <p:custDataLst>
              <p:tags r:id="rId73"/>
            </p:custDataLst>
          </p:nvPr>
        </p:nvSpPr>
        <p:spPr>
          <a:xfrm>
            <a:off x="4192494" y="1813786"/>
            <a:ext cx="473133"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12 Years</a:t>
            </a:r>
          </a:p>
        </p:txBody>
      </p:sp>
      <p:sp>
        <p:nvSpPr>
          <p:cNvPr id="1391" name="OTLSHAPE_T_8c307a656d40478685d932edf5272243_Title"/>
          <p:cNvSpPr txBox="1"/>
          <p:nvPr>
            <p:custDataLst>
              <p:tags r:id="rId74"/>
            </p:custDataLst>
          </p:nvPr>
        </p:nvSpPr>
        <p:spPr>
          <a:xfrm>
            <a:off x="1583752" y="1720434"/>
            <a:ext cx="1638300" cy="304699"/>
          </a:xfrm>
          <a:prstGeom prst="rect">
            <a:avLst/>
          </a:prstGeom>
          <a:noFill/>
        </p:spPr>
        <p:txBody>
          <a:bodyPr vert="horz" wrap="square" lIns="0" tIns="0" rIns="0" bIns="0" rtlCol="0" anchor="ctr" anchorCtr="0">
            <a:spAutoFit/>
          </a:bodyPr>
          <a:lstStyle/>
          <a:p>
            <a:pPr algn="ctr"/>
            <a:r>
              <a:rPr lang="en-US" sz="990" b="1" spc="-5" dirty="0">
                <a:solidFill>
                  <a:srgbClr val="FFFFFF"/>
                </a:solidFill>
                <a:latin typeface="Calibri" panose="020F0502020204030204" pitchFamily="34" charset="0"/>
              </a:rPr>
              <a:t>EC03 Natural Communities Protection</a:t>
            </a:r>
          </a:p>
        </p:txBody>
      </p:sp>
      <p:sp>
        <p:nvSpPr>
          <p:cNvPr id="1392" name="OTLSHAPE_T_b2c95551792e49ff9f11c6fe4c933237_Shape"/>
          <p:cNvSpPr/>
          <p:nvPr>
            <p:custDataLst>
              <p:tags r:id="rId75"/>
            </p:custDataLst>
          </p:nvPr>
        </p:nvSpPr>
        <p:spPr>
          <a:xfrm>
            <a:off x="670092" y="2091468"/>
            <a:ext cx="847725" cy="267767"/>
          </a:xfrm>
          <a:prstGeom prst="rect">
            <a:avLst/>
          </a:prstGeom>
          <a:solidFill>
            <a:schemeClr val="accent1"/>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393" name="OTLSHAPE_T_b2c95551792e49ff9f11c6fe4c933237_ShapePercentage" hidden="1"/>
          <p:cNvSpPr/>
          <p:nvPr>
            <p:custDataLst>
              <p:tags r:id="rId76"/>
            </p:custDataLst>
          </p:nvPr>
        </p:nvSpPr>
        <p:spPr>
          <a:xfrm>
            <a:off x="670092" y="1151153"/>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394" name="OTLSHAPE_T_b2c95551792e49ff9f11c6fe4c933237_Duration" hidden="1"/>
          <p:cNvSpPr txBox="1"/>
          <p:nvPr>
            <p:custDataLst>
              <p:tags r:id="rId77"/>
            </p:custDataLst>
          </p:nvPr>
        </p:nvSpPr>
        <p:spPr>
          <a:xfrm>
            <a:off x="0" y="1082416"/>
            <a:ext cx="342900"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750 days</a:t>
            </a:r>
          </a:p>
        </p:txBody>
      </p:sp>
      <p:sp>
        <p:nvSpPr>
          <p:cNvPr id="1395" name="OTLSHAPE_T_b2c95551792e49ff9f11c6fe4c933237_TextPercentage" hidden="1"/>
          <p:cNvSpPr txBox="1"/>
          <p:nvPr>
            <p:custDataLst>
              <p:tags r:id="rId78"/>
            </p:custDataLst>
          </p:nvPr>
        </p:nvSpPr>
        <p:spPr>
          <a:xfrm>
            <a:off x="0" y="1290677"/>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396" name="OTLSHAPE_T_b2c95551792e49ff9f11c6fe4c933237_StartDate" hidden="1"/>
          <p:cNvSpPr txBox="1"/>
          <p:nvPr>
            <p:custDataLst>
              <p:tags r:id="rId79"/>
            </p:custDataLst>
          </p:nvPr>
        </p:nvSpPr>
        <p:spPr>
          <a:xfrm>
            <a:off x="0" y="129067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397" name="OTLSHAPE_T_b2c95551792e49ff9f11c6fe4c933237_EndDate" hidden="1"/>
          <p:cNvSpPr txBox="1"/>
          <p:nvPr>
            <p:custDataLst>
              <p:tags r:id="rId80"/>
            </p:custDataLst>
          </p:nvPr>
        </p:nvSpPr>
        <p:spPr>
          <a:xfrm>
            <a:off x="0" y="129067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398" name="OTLSHAPE_T_b2c95551792e49ff9f11c6fe4c933237_JoinedDate"/>
          <p:cNvSpPr txBox="1"/>
          <p:nvPr>
            <p:custDataLst>
              <p:tags r:id="rId81"/>
            </p:custDataLst>
          </p:nvPr>
        </p:nvSpPr>
        <p:spPr>
          <a:xfrm>
            <a:off x="1593156" y="2157994"/>
            <a:ext cx="459599"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3 Years</a:t>
            </a:r>
          </a:p>
        </p:txBody>
      </p:sp>
      <p:sp>
        <p:nvSpPr>
          <p:cNvPr id="1399" name="OTLSHAPE_T_b2c95551792e49ff9f11c6fe4c933237_Title"/>
          <p:cNvSpPr txBox="1"/>
          <p:nvPr>
            <p:custDataLst>
              <p:tags r:id="rId82"/>
            </p:custDataLst>
          </p:nvPr>
        </p:nvSpPr>
        <p:spPr>
          <a:xfrm>
            <a:off x="680291" y="2071886"/>
            <a:ext cx="819150" cy="306933"/>
          </a:xfrm>
          <a:prstGeom prst="rect">
            <a:avLst/>
          </a:prstGeom>
          <a:noFill/>
        </p:spPr>
        <p:txBody>
          <a:bodyPr vert="horz" wrap="square" lIns="0" tIns="0" rIns="0" bIns="0" rtlCol="0" anchor="ctr" anchorCtr="0">
            <a:noAutofit/>
          </a:bodyPr>
          <a:lstStyle/>
          <a:p>
            <a:pPr algn="ctr"/>
            <a:r>
              <a:rPr lang="en-US" sz="990" b="1" dirty="0">
                <a:solidFill>
                  <a:srgbClr val="FFFFFF"/>
                </a:solidFill>
                <a:latin typeface="Calibri" panose="020F0502020204030204" pitchFamily="34" charset="0"/>
              </a:rPr>
              <a:t>EC04 Tidal Natural Communities</a:t>
            </a:r>
          </a:p>
        </p:txBody>
      </p:sp>
      <p:sp>
        <p:nvSpPr>
          <p:cNvPr id="1400" name="OTLSHAPE_T_aa1c97fed9354a1aaa2ae7c715681c3d_Shape"/>
          <p:cNvSpPr/>
          <p:nvPr>
            <p:custDataLst>
              <p:tags r:id="rId83"/>
            </p:custDataLst>
          </p:nvPr>
        </p:nvSpPr>
        <p:spPr>
          <a:xfrm>
            <a:off x="670092" y="2456310"/>
            <a:ext cx="847725" cy="269501"/>
          </a:xfrm>
          <a:prstGeom prst="rect">
            <a:avLst/>
          </a:prstGeom>
          <a:solidFill>
            <a:schemeClr val="accent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01" name="OTLSHAPE_T_aa1c97fed9354a1aaa2ae7c715681c3d_ShapePercentage" hidden="1"/>
          <p:cNvSpPr/>
          <p:nvPr>
            <p:custDataLst>
              <p:tags r:id="rId84"/>
            </p:custDataLst>
          </p:nvPr>
        </p:nvSpPr>
        <p:spPr>
          <a:xfrm>
            <a:off x="670092" y="166870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02" name="OTLSHAPE_T_aa1c97fed9354a1aaa2ae7c715681c3d_Duration" hidden="1"/>
          <p:cNvSpPr txBox="1"/>
          <p:nvPr>
            <p:custDataLst>
              <p:tags r:id="rId85"/>
            </p:custDataLst>
          </p:nvPr>
        </p:nvSpPr>
        <p:spPr>
          <a:xfrm>
            <a:off x="0" y="1599966"/>
            <a:ext cx="342900"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750 days</a:t>
            </a:r>
          </a:p>
        </p:txBody>
      </p:sp>
      <p:sp>
        <p:nvSpPr>
          <p:cNvPr id="1403" name="OTLSHAPE_T_aa1c97fed9354a1aaa2ae7c715681c3d_TextPercentage" hidden="1"/>
          <p:cNvSpPr txBox="1"/>
          <p:nvPr>
            <p:custDataLst>
              <p:tags r:id="rId86"/>
            </p:custDataLst>
          </p:nvPr>
        </p:nvSpPr>
        <p:spPr>
          <a:xfrm>
            <a:off x="0" y="1808227"/>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04" name="OTLSHAPE_T_aa1c97fed9354a1aaa2ae7c715681c3d_StartDate" hidden="1"/>
          <p:cNvSpPr txBox="1"/>
          <p:nvPr>
            <p:custDataLst>
              <p:tags r:id="rId87"/>
            </p:custDataLst>
          </p:nvPr>
        </p:nvSpPr>
        <p:spPr>
          <a:xfrm>
            <a:off x="0" y="180822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05" name="OTLSHAPE_T_aa1c97fed9354a1aaa2ae7c715681c3d_EndDate" hidden="1"/>
          <p:cNvSpPr txBox="1"/>
          <p:nvPr>
            <p:custDataLst>
              <p:tags r:id="rId88"/>
            </p:custDataLst>
          </p:nvPr>
        </p:nvSpPr>
        <p:spPr>
          <a:xfrm>
            <a:off x="0" y="1808227"/>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06" name="OTLSHAPE_T_aa1c97fed9354a1aaa2ae7c715681c3d_JoinedDate"/>
          <p:cNvSpPr txBox="1"/>
          <p:nvPr>
            <p:custDataLst>
              <p:tags r:id="rId89"/>
            </p:custDataLst>
          </p:nvPr>
        </p:nvSpPr>
        <p:spPr>
          <a:xfrm>
            <a:off x="1593156" y="2535560"/>
            <a:ext cx="422977"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3 Years</a:t>
            </a:r>
          </a:p>
        </p:txBody>
      </p:sp>
      <p:sp>
        <p:nvSpPr>
          <p:cNvPr id="1407" name="OTLSHAPE_T_aa1c97fed9354a1aaa2ae7c715681c3d_Title"/>
          <p:cNvSpPr txBox="1"/>
          <p:nvPr>
            <p:custDataLst>
              <p:tags r:id="rId90"/>
            </p:custDataLst>
          </p:nvPr>
        </p:nvSpPr>
        <p:spPr>
          <a:xfrm>
            <a:off x="701833" y="2484200"/>
            <a:ext cx="781050" cy="251155"/>
          </a:xfrm>
          <a:prstGeom prst="rect">
            <a:avLst/>
          </a:prstGeom>
          <a:noFill/>
        </p:spPr>
        <p:txBody>
          <a:bodyPr vert="horz" wrap="square" lIns="0" tIns="0" rIns="0" bIns="0" rtlCol="0" anchor="ctr" anchorCtr="0">
            <a:noAutofit/>
          </a:bodyPr>
          <a:lstStyle/>
          <a:p>
            <a:pPr algn="ctr"/>
            <a:r>
              <a:rPr lang="en-US" sz="810" b="1" dirty="0">
                <a:solidFill>
                  <a:srgbClr val="FFFFFF"/>
                </a:solidFill>
                <a:latin typeface="Calibri" panose="020F0502020204030204" pitchFamily="34" charset="0"/>
              </a:rPr>
              <a:t>EC06 Channel Margin Enhancement</a:t>
            </a:r>
          </a:p>
        </p:txBody>
      </p:sp>
      <p:sp>
        <p:nvSpPr>
          <p:cNvPr id="1408" name="OTLSHAPE_T_80da211125c845ef9c87fa170597ee6c_Shape"/>
          <p:cNvSpPr/>
          <p:nvPr>
            <p:custDataLst>
              <p:tags r:id="rId91"/>
            </p:custDataLst>
          </p:nvPr>
        </p:nvSpPr>
        <p:spPr>
          <a:xfrm>
            <a:off x="670092" y="2800308"/>
            <a:ext cx="2009775" cy="251460"/>
          </a:xfrm>
          <a:prstGeom prst="rect">
            <a:avLst/>
          </a:prstGeom>
          <a:solidFill>
            <a:schemeClr val="accent3"/>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09" name="OTLSHAPE_T_80da211125c845ef9c87fa170597ee6c_ShapePercentage" hidden="1"/>
          <p:cNvSpPr/>
          <p:nvPr>
            <p:custDataLst>
              <p:tags r:id="rId92"/>
            </p:custDataLst>
          </p:nvPr>
        </p:nvSpPr>
        <p:spPr>
          <a:xfrm>
            <a:off x="670092" y="218625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10" name="OTLSHAPE_T_80da211125c845ef9c87fa170597ee6c_Duration" hidden="1"/>
          <p:cNvSpPr txBox="1"/>
          <p:nvPr>
            <p:custDataLst>
              <p:tags r:id="rId93"/>
            </p:custDataLst>
          </p:nvPr>
        </p:nvSpPr>
        <p:spPr>
          <a:xfrm>
            <a:off x="0" y="2186256"/>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1794 days</a:t>
            </a:r>
          </a:p>
        </p:txBody>
      </p:sp>
      <p:sp>
        <p:nvSpPr>
          <p:cNvPr id="1411" name="OTLSHAPE_T_80da211125c845ef9c87fa170597ee6c_TextPercentage" hidden="1"/>
          <p:cNvSpPr txBox="1"/>
          <p:nvPr>
            <p:custDataLst>
              <p:tags r:id="rId94"/>
            </p:custDataLst>
          </p:nvPr>
        </p:nvSpPr>
        <p:spPr>
          <a:xfrm>
            <a:off x="0" y="2325778"/>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12" name="OTLSHAPE_T_80da211125c845ef9c87fa170597ee6c_StartDate" hidden="1"/>
          <p:cNvSpPr txBox="1"/>
          <p:nvPr>
            <p:custDataLst>
              <p:tags r:id="rId95"/>
            </p:custDataLst>
          </p:nvPr>
        </p:nvSpPr>
        <p:spPr>
          <a:xfrm>
            <a:off x="0" y="232577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13" name="OTLSHAPE_T_80da211125c845ef9c87fa170597ee6c_EndDate" hidden="1"/>
          <p:cNvSpPr txBox="1"/>
          <p:nvPr>
            <p:custDataLst>
              <p:tags r:id="rId96"/>
            </p:custDataLst>
          </p:nvPr>
        </p:nvSpPr>
        <p:spPr>
          <a:xfrm>
            <a:off x="0" y="232577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14" name="OTLSHAPE_T_80da211125c845ef9c87fa170597ee6c_JoinedDate"/>
          <p:cNvSpPr txBox="1"/>
          <p:nvPr>
            <p:custDataLst>
              <p:tags r:id="rId97"/>
            </p:custDataLst>
          </p:nvPr>
        </p:nvSpPr>
        <p:spPr>
          <a:xfrm>
            <a:off x="2751716" y="2840497"/>
            <a:ext cx="450230"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7 Years</a:t>
            </a:r>
          </a:p>
        </p:txBody>
      </p:sp>
      <p:sp>
        <p:nvSpPr>
          <p:cNvPr id="1415" name="OTLSHAPE_T_80da211125c845ef9c87fa170597ee6c_Title"/>
          <p:cNvSpPr txBox="1"/>
          <p:nvPr>
            <p:custDataLst>
              <p:tags r:id="rId98"/>
            </p:custDataLst>
          </p:nvPr>
        </p:nvSpPr>
        <p:spPr>
          <a:xfrm>
            <a:off x="934453" y="2773691"/>
            <a:ext cx="1485900" cy="304699"/>
          </a:xfrm>
          <a:prstGeom prst="rect">
            <a:avLst/>
          </a:prstGeom>
          <a:noFill/>
        </p:spPr>
        <p:txBody>
          <a:bodyPr vert="horz" wrap="square" lIns="0" tIns="0" rIns="0" bIns="0" rtlCol="0" anchor="ctr" anchorCtr="0">
            <a:spAutoFit/>
          </a:bodyPr>
          <a:lstStyle/>
          <a:p>
            <a:pPr algn="ctr"/>
            <a:r>
              <a:rPr lang="en-US" sz="990" b="1" spc="-5" dirty="0">
                <a:solidFill>
                  <a:srgbClr val="FFFFFF"/>
                </a:solidFill>
                <a:latin typeface="Calibri" panose="020F0502020204030204" pitchFamily="34" charset="0"/>
              </a:rPr>
              <a:t>EC07 Riparian Natural Community</a:t>
            </a:r>
          </a:p>
        </p:txBody>
      </p:sp>
      <p:sp>
        <p:nvSpPr>
          <p:cNvPr id="1416" name="OTLSHAPE_T_f7d624e0534c492f86a7a5f6fd6eecb9_Shape"/>
          <p:cNvSpPr/>
          <p:nvPr>
            <p:custDataLst>
              <p:tags r:id="rId99"/>
            </p:custDataLst>
          </p:nvPr>
        </p:nvSpPr>
        <p:spPr>
          <a:xfrm>
            <a:off x="670092" y="3108918"/>
            <a:ext cx="2590800" cy="251460"/>
          </a:xfrm>
          <a:prstGeom prst="rect">
            <a:avLst/>
          </a:prstGeom>
          <a:solidFill>
            <a:schemeClr val="accent4"/>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17" name="OTLSHAPE_T_f7d624e0534c492f86a7a5f6fd6eecb9_ShapePercentage" hidden="1"/>
          <p:cNvSpPr/>
          <p:nvPr>
            <p:custDataLst>
              <p:tags r:id="rId100"/>
            </p:custDataLst>
          </p:nvPr>
        </p:nvSpPr>
        <p:spPr>
          <a:xfrm>
            <a:off x="670092" y="249486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18" name="OTLSHAPE_T_f7d624e0534c492f86a7a5f6fd6eecb9_Duration" hidden="1"/>
          <p:cNvSpPr txBox="1"/>
          <p:nvPr>
            <p:custDataLst>
              <p:tags r:id="rId101"/>
            </p:custDataLst>
          </p:nvPr>
        </p:nvSpPr>
        <p:spPr>
          <a:xfrm>
            <a:off x="0" y="2494866"/>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2316 days</a:t>
            </a:r>
          </a:p>
        </p:txBody>
      </p:sp>
      <p:sp>
        <p:nvSpPr>
          <p:cNvPr id="1419" name="OTLSHAPE_T_f7d624e0534c492f86a7a5f6fd6eecb9_TextPercentage" hidden="1"/>
          <p:cNvSpPr txBox="1"/>
          <p:nvPr>
            <p:custDataLst>
              <p:tags r:id="rId102"/>
            </p:custDataLst>
          </p:nvPr>
        </p:nvSpPr>
        <p:spPr>
          <a:xfrm>
            <a:off x="0" y="2634388"/>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20" name="OTLSHAPE_T_f7d624e0534c492f86a7a5f6fd6eecb9_StartDate" hidden="1"/>
          <p:cNvSpPr txBox="1"/>
          <p:nvPr>
            <p:custDataLst>
              <p:tags r:id="rId103"/>
            </p:custDataLst>
          </p:nvPr>
        </p:nvSpPr>
        <p:spPr>
          <a:xfrm>
            <a:off x="0" y="263438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21" name="OTLSHAPE_T_f7d624e0534c492f86a7a5f6fd6eecb9_EndDate" hidden="1"/>
          <p:cNvSpPr txBox="1"/>
          <p:nvPr>
            <p:custDataLst>
              <p:tags r:id="rId104"/>
            </p:custDataLst>
          </p:nvPr>
        </p:nvSpPr>
        <p:spPr>
          <a:xfrm>
            <a:off x="0" y="263438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22" name="OTLSHAPE_T_f7d624e0534c492f86a7a5f6fd6eecb9_JoinedDate"/>
          <p:cNvSpPr txBox="1"/>
          <p:nvPr>
            <p:custDataLst>
              <p:tags r:id="rId105"/>
            </p:custDataLst>
          </p:nvPr>
        </p:nvSpPr>
        <p:spPr>
          <a:xfrm>
            <a:off x="3329725" y="3161053"/>
            <a:ext cx="469443"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9 Years</a:t>
            </a:r>
          </a:p>
        </p:txBody>
      </p:sp>
      <p:sp>
        <p:nvSpPr>
          <p:cNvPr id="1423" name="OTLSHAPE_T_f7d624e0534c492f86a7a5f6fd6eecb9_Title"/>
          <p:cNvSpPr txBox="1"/>
          <p:nvPr>
            <p:custDataLst>
              <p:tags r:id="rId106"/>
            </p:custDataLst>
          </p:nvPr>
        </p:nvSpPr>
        <p:spPr>
          <a:xfrm>
            <a:off x="1370179" y="3070470"/>
            <a:ext cx="1190625" cy="304699"/>
          </a:xfrm>
          <a:prstGeom prst="rect">
            <a:avLst/>
          </a:prstGeom>
          <a:noFill/>
        </p:spPr>
        <p:txBody>
          <a:bodyPr vert="horz" wrap="square" lIns="0" tIns="0" rIns="0" bIns="0" rtlCol="0" anchor="ctr" anchorCtr="0">
            <a:spAutoFit/>
          </a:bodyPr>
          <a:lstStyle/>
          <a:p>
            <a:pPr algn="ctr"/>
            <a:r>
              <a:rPr lang="en-US" sz="990" b="1" spc="-7" dirty="0">
                <a:solidFill>
                  <a:srgbClr val="FFFFFF"/>
                </a:solidFill>
                <a:latin typeface="Calibri" panose="020F0502020204030204" pitchFamily="34" charset="0"/>
              </a:rPr>
              <a:t>EC08 Grassland Restoration</a:t>
            </a:r>
          </a:p>
        </p:txBody>
      </p:sp>
      <p:sp>
        <p:nvSpPr>
          <p:cNvPr id="1424" name="OTLSHAPE_T_f33b42b28fb045cca4742c3a54040197_Shape"/>
          <p:cNvSpPr/>
          <p:nvPr>
            <p:custDataLst>
              <p:tags r:id="rId107"/>
            </p:custDataLst>
          </p:nvPr>
        </p:nvSpPr>
        <p:spPr>
          <a:xfrm>
            <a:off x="670092" y="3417529"/>
            <a:ext cx="1714500" cy="306933"/>
          </a:xfrm>
          <a:prstGeom prst="rect">
            <a:avLst/>
          </a:prstGeom>
          <a:solidFill>
            <a:schemeClr val="accent5"/>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25" name="OTLSHAPE_T_f33b42b28fb045cca4742c3a54040197_ShapePercentage" hidden="1"/>
          <p:cNvSpPr/>
          <p:nvPr>
            <p:custDataLst>
              <p:tags r:id="rId108"/>
            </p:custDataLst>
          </p:nvPr>
        </p:nvSpPr>
        <p:spPr>
          <a:xfrm>
            <a:off x="670092" y="280347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26" name="OTLSHAPE_T_f33b42b28fb045cca4742c3a54040197_Duration" hidden="1"/>
          <p:cNvSpPr txBox="1"/>
          <p:nvPr>
            <p:custDataLst>
              <p:tags r:id="rId109"/>
            </p:custDataLst>
          </p:nvPr>
        </p:nvSpPr>
        <p:spPr>
          <a:xfrm>
            <a:off x="0" y="2803476"/>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1534 days</a:t>
            </a:r>
          </a:p>
        </p:txBody>
      </p:sp>
      <p:sp>
        <p:nvSpPr>
          <p:cNvPr id="1427" name="OTLSHAPE_T_f33b42b28fb045cca4742c3a54040197_TextPercentage" hidden="1"/>
          <p:cNvSpPr txBox="1"/>
          <p:nvPr>
            <p:custDataLst>
              <p:tags r:id="rId110"/>
            </p:custDataLst>
          </p:nvPr>
        </p:nvSpPr>
        <p:spPr>
          <a:xfrm>
            <a:off x="0" y="2942998"/>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28" name="OTLSHAPE_T_f33b42b28fb045cca4742c3a54040197_StartDate" hidden="1"/>
          <p:cNvSpPr txBox="1"/>
          <p:nvPr>
            <p:custDataLst>
              <p:tags r:id="rId111"/>
            </p:custDataLst>
          </p:nvPr>
        </p:nvSpPr>
        <p:spPr>
          <a:xfrm>
            <a:off x="0" y="294299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29" name="OTLSHAPE_T_f33b42b28fb045cca4742c3a54040197_EndDate" hidden="1"/>
          <p:cNvSpPr txBox="1"/>
          <p:nvPr>
            <p:custDataLst>
              <p:tags r:id="rId112"/>
            </p:custDataLst>
          </p:nvPr>
        </p:nvSpPr>
        <p:spPr>
          <a:xfrm>
            <a:off x="0" y="2942998"/>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30" name="OTLSHAPE_T_f33b42b28fb045cca4742c3a54040197_JoinedDate"/>
          <p:cNvSpPr txBox="1"/>
          <p:nvPr>
            <p:custDataLst>
              <p:tags r:id="rId113"/>
            </p:custDataLst>
          </p:nvPr>
        </p:nvSpPr>
        <p:spPr>
          <a:xfrm>
            <a:off x="2470318" y="3519330"/>
            <a:ext cx="405949"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6 Years</a:t>
            </a:r>
          </a:p>
        </p:txBody>
      </p:sp>
      <p:sp>
        <p:nvSpPr>
          <p:cNvPr id="1431" name="OTLSHAPE_T_f33b42b28fb045cca4742c3a54040197_Title"/>
          <p:cNvSpPr txBox="1"/>
          <p:nvPr>
            <p:custDataLst>
              <p:tags r:id="rId114"/>
            </p:custDataLst>
          </p:nvPr>
        </p:nvSpPr>
        <p:spPr>
          <a:xfrm>
            <a:off x="718466" y="3417529"/>
            <a:ext cx="1619250" cy="306933"/>
          </a:xfrm>
          <a:prstGeom prst="rect">
            <a:avLst/>
          </a:prstGeom>
          <a:noFill/>
        </p:spPr>
        <p:txBody>
          <a:bodyPr vert="horz" wrap="square" lIns="0" tIns="0" rIns="0" bIns="0" rtlCol="0" anchor="ctr" anchorCtr="0">
            <a:noAutofit/>
          </a:bodyPr>
          <a:lstStyle/>
          <a:p>
            <a:pPr algn="ctr"/>
            <a:r>
              <a:rPr lang="en-US" sz="990" b="1" dirty="0">
                <a:solidFill>
                  <a:srgbClr val="FFFFFF"/>
                </a:solidFill>
                <a:latin typeface="Calibri" panose="020F0502020204030204" pitchFamily="34" charset="0"/>
              </a:rPr>
              <a:t>EC09 Vernal Pool and Alkali Seasonal Wetland</a:t>
            </a:r>
          </a:p>
        </p:txBody>
      </p:sp>
      <p:sp>
        <p:nvSpPr>
          <p:cNvPr id="1432" name="OTLSHAPE_T_3a23bedd170442808922cca4d7c39342_Shape"/>
          <p:cNvSpPr/>
          <p:nvPr>
            <p:custDataLst>
              <p:tags r:id="rId115"/>
            </p:custDataLst>
          </p:nvPr>
        </p:nvSpPr>
        <p:spPr>
          <a:xfrm>
            <a:off x="962435" y="3781612"/>
            <a:ext cx="2590800" cy="251460"/>
          </a:xfrm>
          <a:prstGeom prst="rect">
            <a:avLst/>
          </a:prstGeom>
          <a:solidFill>
            <a:schemeClr val="accent6"/>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33" name="OTLSHAPE_T_3a23bedd170442808922cca4d7c39342_ShapePercentage" hidden="1"/>
          <p:cNvSpPr/>
          <p:nvPr>
            <p:custDataLst>
              <p:tags r:id="rId116"/>
            </p:custDataLst>
          </p:nvPr>
        </p:nvSpPr>
        <p:spPr>
          <a:xfrm>
            <a:off x="962435" y="316755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34" name="OTLSHAPE_T_3a23bedd170442808922cca4d7c39342_Duration" hidden="1"/>
          <p:cNvSpPr txBox="1"/>
          <p:nvPr>
            <p:custDataLst>
              <p:tags r:id="rId117"/>
            </p:custDataLst>
          </p:nvPr>
        </p:nvSpPr>
        <p:spPr>
          <a:xfrm>
            <a:off x="0" y="3167560"/>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2315 days</a:t>
            </a:r>
          </a:p>
        </p:txBody>
      </p:sp>
      <p:sp>
        <p:nvSpPr>
          <p:cNvPr id="1435" name="OTLSHAPE_T_3a23bedd170442808922cca4d7c39342_TextPercentage" hidden="1"/>
          <p:cNvSpPr txBox="1"/>
          <p:nvPr>
            <p:custDataLst>
              <p:tags r:id="rId118"/>
            </p:custDataLst>
          </p:nvPr>
        </p:nvSpPr>
        <p:spPr>
          <a:xfrm>
            <a:off x="0" y="3307081"/>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36" name="OTLSHAPE_T_3a23bedd170442808922cca4d7c39342_StartDate" hidden="1"/>
          <p:cNvSpPr txBox="1"/>
          <p:nvPr>
            <p:custDataLst>
              <p:tags r:id="rId119"/>
            </p:custDataLst>
          </p:nvPr>
        </p:nvSpPr>
        <p:spPr>
          <a:xfrm>
            <a:off x="0" y="3307081"/>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37" name="OTLSHAPE_T_3a23bedd170442808922cca4d7c39342_EndDate" hidden="1"/>
          <p:cNvSpPr txBox="1"/>
          <p:nvPr>
            <p:custDataLst>
              <p:tags r:id="rId120"/>
            </p:custDataLst>
          </p:nvPr>
        </p:nvSpPr>
        <p:spPr>
          <a:xfrm>
            <a:off x="0" y="3307081"/>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38" name="OTLSHAPE_T_3a23bedd170442808922cca4d7c39342_JoinedDate"/>
          <p:cNvSpPr txBox="1"/>
          <p:nvPr>
            <p:custDataLst>
              <p:tags r:id="rId121"/>
            </p:custDataLst>
          </p:nvPr>
        </p:nvSpPr>
        <p:spPr>
          <a:xfrm>
            <a:off x="3638485" y="3838492"/>
            <a:ext cx="790575" cy="138499"/>
          </a:xfrm>
          <a:prstGeom prst="rect">
            <a:avLst/>
          </a:prstGeom>
          <a:noFill/>
        </p:spPr>
        <p:txBody>
          <a:bodyPr vert="horz" wrap="square" lIns="0" tIns="0" rIns="0" bIns="0" rtlCol="0" anchor="ctr" anchorCtr="0">
            <a:spAutoFit/>
          </a:bodyPr>
          <a:lstStyle/>
          <a:p>
            <a:r>
              <a:rPr lang="en-US" sz="900" spc="-5" dirty="0">
                <a:solidFill>
                  <a:schemeClr val="dk2"/>
                </a:solidFill>
                <a:latin typeface="Calibri" panose="020F0502020204030204" pitchFamily="34" charset="0"/>
              </a:rPr>
              <a:t>9 Years</a:t>
            </a:r>
          </a:p>
        </p:txBody>
      </p:sp>
      <p:sp>
        <p:nvSpPr>
          <p:cNvPr id="1439" name="OTLSHAPE_T_3a23bedd170442808922cca4d7c39342_Title"/>
          <p:cNvSpPr txBox="1"/>
          <p:nvPr>
            <p:custDataLst>
              <p:tags r:id="rId122"/>
            </p:custDataLst>
          </p:nvPr>
        </p:nvSpPr>
        <p:spPr>
          <a:xfrm>
            <a:off x="1244783" y="3819309"/>
            <a:ext cx="1968108" cy="152349"/>
          </a:xfrm>
          <a:prstGeom prst="rect">
            <a:avLst/>
          </a:prstGeom>
          <a:noFill/>
        </p:spPr>
        <p:txBody>
          <a:bodyPr vert="horz" wrap="square" lIns="0" tIns="0" rIns="0" bIns="0" rtlCol="0" anchor="ctr" anchorCtr="0">
            <a:spAutoFit/>
          </a:bodyPr>
          <a:lstStyle/>
          <a:p>
            <a:pPr algn="ctr"/>
            <a:r>
              <a:rPr lang="en-US" sz="990" b="1" spc="-5" dirty="0">
                <a:solidFill>
                  <a:srgbClr val="FFFFFF"/>
                </a:solidFill>
                <a:latin typeface="Calibri" panose="020F0502020204030204" pitchFamily="34" charset="0"/>
              </a:rPr>
              <a:t>EC10 Non tidal Marsh Restoration</a:t>
            </a:r>
          </a:p>
        </p:txBody>
      </p:sp>
      <p:sp>
        <p:nvSpPr>
          <p:cNvPr id="1440" name="OTLSHAPE_T_cfdfb36d35384cddba5de04f305a159a_Shape"/>
          <p:cNvSpPr/>
          <p:nvPr>
            <p:custDataLst>
              <p:tags r:id="rId123"/>
            </p:custDataLst>
          </p:nvPr>
        </p:nvSpPr>
        <p:spPr>
          <a:xfrm>
            <a:off x="670092" y="4104014"/>
            <a:ext cx="7553325" cy="251460"/>
          </a:xfrm>
          <a:prstGeom prst="rect">
            <a:avLst/>
          </a:prstGeom>
          <a:solidFill>
            <a:schemeClr val="dk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41" name="OTLSHAPE_T_cfdfb36d35384cddba5de04f305a159a_ShapePercentage" hidden="1"/>
          <p:cNvSpPr/>
          <p:nvPr>
            <p:custDataLst>
              <p:tags r:id="rId124"/>
            </p:custDataLst>
          </p:nvPr>
        </p:nvSpPr>
        <p:spPr>
          <a:xfrm>
            <a:off x="670092" y="348996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42" name="OTLSHAPE_T_cfdfb36d35384cddba5de04f305a159a_Duration" hidden="1"/>
          <p:cNvSpPr txBox="1"/>
          <p:nvPr>
            <p:custDataLst>
              <p:tags r:id="rId125"/>
            </p:custDataLst>
          </p:nvPr>
        </p:nvSpPr>
        <p:spPr>
          <a:xfrm>
            <a:off x="0" y="3476170"/>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6751 days</a:t>
            </a:r>
          </a:p>
        </p:txBody>
      </p:sp>
      <p:sp>
        <p:nvSpPr>
          <p:cNvPr id="1443" name="OTLSHAPE_T_cfdfb36d35384cddba5de04f305a159a_TextPercentage" hidden="1"/>
          <p:cNvSpPr txBox="1"/>
          <p:nvPr>
            <p:custDataLst>
              <p:tags r:id="rId126"/>
            </p:custDataLst>
          </p:nvPr>
        </p:nvSpPr>
        <p:spPr>
          <a:xfrm>
            <a:off x="0" y="3615691"/>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44" name="OTLSHAPE_T_cfdfb36d35384cddba5de04f305a159a_StartDate" hidden="1"/>
          <p:cNvSpPr txBox="1"/>
          <p:nvPr>
            <p:custDataLst>
              <p:tags r:id="rId127"/>
            </p:custDataLst>
          </p:nvPr>
        </p:nvSpPr>
        <p:spPr>
          <a:xfrm>
            <a:off x="0" y="3615691"/>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45" name="OTLSHAPE_T_cfdfb36d35384cddba5de04f305a159a_EndDate" hidden="1"/>
          <p:cNvSpPr txBox="1"/>
          <p:nvPr>
            <p:custDataLst>
              <p:tags r:id="rId128"/>
            </p:custDataLst>
          </p:nvPr>
        </p:nvSpPr>
        <p:spPr>
          <a:xfrm>
            <a:off x="0" y="3615691"/>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46" name="OTLSHAPE_T_cfdfb36d35384cddba5de04f305a159a_JoinedDate"/>
          <p:cNvSpPr txBox="1"/>
          <p:nvPr>
            <p:custDataLst>
              <p:tags r:id="rId129"/>
            </p:custDataLst>
          </p:nvPr>
        </p:nvSpPr>
        <p:spPr>
          <a:xfrm>
            <a:off x="8257206" y="4090223"/>
            <a:ext cx="840845" cy="265252"/>
          </a:xfrm>
          <a:prstGeom prst="rect">
            <a:avLst/>
          </a:prstGeom>
          <a:noFill/>
        </p:spPr>
        <p:txBody>
          <a:bodyPr vert="horz" wrap="square" lIns="0" tIns="0" rIns="0" bIns="0" rtlCol="0" anchor="ctr" anchorCtr="0">
            <a:noAutofit/>
          </a:bodyPr>
          <a:lstStyle/>
          <a:p>
            <a:r>
              <a:rPr lang="en-US" sz="900" dirty="0">
                <a:solidFill>
                  <a:schemeClr val="dk2"/>
                </a:solidFill>
                <a:latin typeface="Calibri" panose="020F0502020204030204" pitchFamily="34" charset="0"/>
              </a:rPr>
              <a:t>26 Years</a:t>
            </a:r>
          </a:p>
        </p:txBody>
      </p:sp>
      <p:sp>
        <p:nvSpPr>
          <p:cNvPr id="1447" name="OTLSHAPE_T_cfdfb36d35384cddba5de04f305a159a_Title"/>
          <p:cNvSpPr txBox="1"/>
          <p:nvPr>
            <p:custDataLst>
              <p:tags r:id="rId130"/>
            </p:custDataLst>
          </p:nvPr>
        </p:nvSpPr>
        <p:spPr>
          <a:xfrm>
            <a:off x="3561933" y="4077396"/>
            <a:ext cx="1771650" cy="304699"/>
          </a:xfrm>
          <a:prstGeom prst="rect">
            <a:avLst/>
          </a:prstGeom>
          <a:noFill/>
        </p:spPr>
        <p:txBody>
          <a:bodyPr vert="horz" wrap="square" lIns="0" tIns="0" rIns="0" bIns="0" rtlCol="0" anchor="ctr" anchorCtr="0">
            <a:spAutoFit/>
          </a:bodyPr>
          <a:lstStyle/>
          <a:p>
            <a:pPr algn="ctr"/>
            <a:r>
              <a:rPr lang="en-US" sz="990" b="1" spc="-5" dirty="0">
                <a:solidFill>
                  <a:srgbClr val="FFFFFF"/>
                </a:solidFill>
                <a:latin typeface="Calibri" panose="020F0502020204030204" pitchFamily="34" charset="0"/>
              </a:rPr>
              <a:t>EC11 Natural Communities Management</a:t>
            </a:r>
          </a:p>
        </p:txBody>
      </p:sp>
      <p:sp>
        <p:nvSpPr>
          <p:cNvPr id="1448" name="OTLSHAPE_T_85c6732b30704a37a63d9f676b8aea8f_Shape"/>
          <p:cNvSpPr/>
          <p:nvPr>
            <p:custDataLst>
              <p:tags r:id="rId131"/>
            </p:custDataLst>
          </p:nvPr>
        </p:nvSpPr>
        <p:spPr>
          <a:xfrm>
            <a:off x="670092" y="4440209"/>
            <a:ext cx="7553325" cy="251460"/>
          </a:xfrm>
          <a:prstGeom prst="rect">
            <a:avLst/>
          </a:prstGeom>
          <a:solidFill>
            <a:schemeClr val="accent1"/>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49" name="OTLSHAPE_T_85c6732b30704a37a63d9f676b8aea8f_ShapePercentage" hidden="1"/>
          <p:cNvSpPr/>
          <p:nvPr>
            <p:custDataLst>
              <p:tags r:id="rId132"/>
            </p:custDataLst>
          </p:nvPr>
        </p:nvSpPr>
        <p:spPr>
          <a:xfrm>
            <a:off x="670092" y="3826155"/>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50" name="OTLSHAPE_T_85c6732b30704a37a63d9f676b8aea8f_Duration" hidden="1"/>
          <p:cNvSpPr txBox="1"/>
          <p:nvPr>
            <p:custDataLst>
              <p:tags r:id="rId133"/>
            </p:custDataLst>
          </p:nvPr>
        </p:nvSpPr>
        <p:spPr>
          <a:xfrm>
            <a:off x="0" y="3812364"/>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6751 days</a:t>
            </a:r>
          </a:p>
        </p:txBody>
      </p:sp>
      <p:sp>
        <p:nvSpPr>
          <p:cNvPr id="1451" name="OTLSHAPE_T_85c6732b30704a37a63d9f676b8aea8f_TextPercentage" hidden="1"/>
          <p:cNvSpPr txBox="1"/>
          <p:nvPr>
            <p:custDataLst>
              <p:tags r:id="rId134"/>
            </p:custDataLst>
          </p:nvPr>
        </p:nvSpPr>
        <p:spPr>
          <a:xfrm>
            <a:off x="0" y="3951886"/>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52" name="OTLSHAPE_T_85c6732b30704a37a63d9f676b8aea8f_StartDate" hidden="1"/>
          <p:cNvSpPr txBox="1"/>
          <p:nvPr>
            <p:custDataLst>
              <p:tags r:id="rId135"/>
            </p:custDataLst>
          </p:nvPr>
        </p:nvSpPr>
        <p:spPr>
          <a:xfrm>
            <a:off x="0" y="3951886"/>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53" name="OTLSHAPE_T_85c6732b30704a37a63d9f676b8aea8f_EndDate" hidden="1"/>
          <p:cNvSpPr txBox="1"/>
          <p:nvPr>
            <p:custDataLst>
              <p:tags r:id="rId136"/>
            </p:custDataLst>
          </p:nvPr>
        </p:nvSpPr>
        <p:spPr>
          <a:xfrm>
            <a:off x="0" y="3951886"/>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54" name="OTLSHAPE_T_85c6732b30704a37a63d9f676b8aea8f_JoinedDate"/>
          <p:cNvSpPr txBox="1"/>
          <p:nvPr>
            <p:custDataLst>
              <p:tags r:id="rId137"/>
            </p:custDataLst>
          </p:nvPr>
        </p:nvSpPr>
        <p:spPr>
          <a:xfrm>
            <a:off x="8257206" y="4390946"/>
            <a:ext cx="840844" cy="336194"/>
          </a:xfrm>
          <a:prstGeom prst="rect">
            <a:avLst/>
          </a:prstGeom>
          <a:noFill/>
        </p:spPr>
        <p:txBody>
          <a:bodyPr vert="horz" wrap="square" lIns="0" tIns="0" rIns="0" bIns="0" rtlCol="0" anchor="ctr" anchorCtr="0">
            <a:noAutofit/>
          </a:bodyPr>
          <a:lstStyle/>
          <a:p>
            <a:r>
              <a:rPr lang="en-US" sz="900" dirty="0">
                <a:solidFill>
                  <a:schemeClr val="dk2"/>
                </a:solidFill>
                <a:latin typeface="Calibri" panose="020F0502020204030204" pitchFamily="34" charset="0"/>
              </a:rPr>
              <a:t>26 Years</a:t>
            </a:r>
          </a:p>
        </p:txBody>
      </p:sp>
      <p:sp>
        <p:nvSpPr>
          <p:cNvPr id="1455" name="OTLSHAPE_T_85c6732b30704a37a63d9f676b8aea8f_Title"/>
          <p:cNvSpPr txBox="1"/>
          <p:nvPr>
            <p:custDataLst>
              <p:tags r:id="rId138"/>
            </p:custDataLst>
          </p:nvPr>
        </p:nvSpPr>
        <p:spPr>
          <a:xfrm>
            <a:off x="3515817" y="4413591"/>
            <a:ext cx="1866900" cy="304699"/>
          </a:xfrm>
          <a:prstGeom prst="rect">
            <a:avLst/>
          </a:prstGeom>
          <a:noFill/>
        </p:spPr>
        <p:txBody>
          <a:bodyPr vert="horz" wrap="square" lIns="0" tIns="0" rIns="0" bIns="0" rtlCol="0" anchor="ctr" anchorCtr="0">
            <a:spAutoFit/>
          </a:bodyPr>
          <a:lstStyle/>
          <a:p>
            <a:pPr algn="ctr"/>
            <a:r>
              <a:rPr lang="en-US" sz="990" b="1" spc="-4" dirty="0">
                <a:solidFill>
                  <a:srgbClr val="FFFFFF"/>
                </a:solidFill>
                <a:latin typeface="Calibri" panose="020F0502020204030204" pitchFamily="34" charset="0"/>
              </a:rPr>
              <a:t>EC15 Localized Reduction of Predatory Fish</a:t>
            </a:r>
          </a:p>
        </p:txBody>
      </p:sp>
      <p:sp>
        <p:nvSpPr>
          <p:cNvPr id="1456" name="OTLSHAPE_T_8c1669cc957041658b3301eb624354e1_Shape"/>
          <p:cNvSpPr/>
          <p:nvPr>
            <p:custDataLst>
              <p:tags r:id="rId139"/>
            </p:custDataLst>
          </p:nvPr>
        </p:nvSpPr>
        <p:spPr>
          <a:xfrm>
            <a:off x="670092" y="4776403"/>
            <a:ext cx="7553325" cy="251460"/>
          </a:xfrm>
          <a:prstGeom prst="rect">
            <a:avLst/>
          </a:prstGeom>
          <a:solidFill>
            <a:schemeClr val="accent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57" name="OTLSHAPE_T_8c1669cc957041658b3301eb624354e1_ShapePercentage" hidden="1"/>
          <p:cNvSpPr/>
          <p:nvPr>
            <p:custDataLst>
              <p:tags r:id="rId140"/>
            </p:custDataLst>
          </p:nvPr>
        </p:nvSpPr>
        <p:spPr>
          <a:xfrm>
            <a:off x="670092" y="4162349"/>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458" name="OTLSHAPE_T_8c1669cc957041658b3301eb624354e1_Duration" hidden="1"/>
          <p:cNvSpPr txBox="1"/>
          <p:nvPr>
            <p:custDataLst>
              <p:tags r:id="rId141"/>
            </p:custDataLst>
          </p:nvPr>
        </p:nvSpPr>
        <p:spPr>
          <a:xfrm>
            <a:off x="0" y="4148558"/>
            <a:ext cx="390525" cy="276999"/>
          </a:xfrm>
          <a:prstGeom prst="rect">
            <a:avLst/>
          </a:prstGeom>
          <a:noFill/>
        </p:spPr>
        <p:txBody>
          <a:bodyPr vert="horz" wrap="square" lIns="0" tIns="0" rIns="0" bIns="0" rtlCol="0" anchor="ctr" anchorCtr="0">
            <a:spAutoFit/>
          </a:bodyPr>
          <a:lstStyle/>
          <a:p>
            <a:pPr algn="ctr"/>
            <a:r>
              <a:rPr lang="en-US" sz="900" dirty="0">
                <a:solidFill>
                  <a:schemeClr val="accent2"/>
                </a:solidFill>
                <a:latin typeface="Calibri" panose="020F0502020204030204" pitchFamily="34" charset="0"/>
              </a:rPr>
              <a:t>6751 days</a:t>
            </a:r>
          </a:p>
        </p:txBody>
      </p:sp>
      <p:sp>
        <p:nvSpPr>
          <p:cNvPr id="1459" name="OTLSHAPE_T_8c1669cc957041658b3301eb624354e1_TextPercentage" hidden="1"/>
          <p:cNvSpPr txBox="1"/>
          <p:nvPr>
            <p:custDataLst>
              <p:tags r:id="rId142"/>
            </p:custDataLst>
          </p:nvPr>
        </p:nvSpPr>
        <p:spPr>
          <a:xfrm>
            <a:off x="0" y="4288080"/>
            <a:ext cx="0" cy="138499"/>
          </a:xfrm>
          <a:prstGeom prst="rect">
            <a:avLst/>
          </a:prstGeom>
          <a:noFill/>
        </p:spPr>
        <p:txBody>
          <a:bodyPr vert="horz" wrap="square" lIns="0" tIns="0" rIns="0" bIns="0" rtlCol="0" anchor="ctr" anchorCtr="0">
            <a:spAutoFit/>
          </a:bodyPr>
          <a:lstStyle/>
          <a:p>
            <a:pPr algn="ctr"/>
            <a:endParaRPr lang="en-US" sz="900" dirty="0">
              <a:solidFill>
                <a:schemeClr val="accent2"/>
              </a:solidFill>
              <a:latin typeface="Calibri" panose="020F0502020204030204" pitchFamily="34" charset="0"/>
            </a:endParaRPr>
          </a:p>
        </p:txBody>
      </p:sp>
      <p:sp>
        <p:nvSpPr>
          <p:cNvPr id="1460" name="OTLSHAPE_T_8c1669cc957041658b3301eb624354e1_StartDate" hidden="1"/>
          <p:cNvSpPr txBox="1"/>
          <p:nvPr>
            <p:custDataLst>
              <p:tags r:id="rId143"/>
            </p:custDataLst>
          </p:nvPr>
        </p:nvSpPr>
        <p:spPr>
          <a:xfrm>
            <a:off x="0" y="4288080"/>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61" name="OTLSHAPE_T_8c1669cc957041658b3301eb624354e1_EndDate" hidden="1"/>
          <p:cNvSpPr txBox="1"/>
          <p:nvPr>
            <p:custDataLst>
              <p:tags r:id="rId144"/>
            </p:custDataLst>
          </p:nvPr>
        </p:nvSpPr>
        <p:spPr>
          <a:xfrm>
            <a:off x="0" y="4288080"/>
            <a:ext cx="0" cy="138499"/>
          </a:xfrm>
          <a:prstGeom prst="rect">
            <a:avLst/>
          </a:prstGeom>
          <a:noFill/>
        </p:spPr>
        <p:txBody>
          <a:bodyPr vert="horz" wrap="square" lIns="0" tIns="0" rIns="0" bIns="0" rtlCol="0" anchor="ctr" anchorCtr="0">
            <a:spAutoFit/>
          </a:bodyPr>
          <a:lstStyle/>
          <a:p>
            <a:pPr algn="ctr"/>
            <a:endParaRPr lang="en-US" sz="900" dirty="0">
              <a:solidFill>
                <a:schemeClr val="dk2"/>
              </a:solidFill>
              <a:latin typeface="Calibri" panose="020F0502020204030204" pitchFamily="34" charset="0"/>
            </a:endParaRPr>
          </a:p>
        </p:txBody>
      </p:sp>
      <p:sp>
        <p:nvSpPr>
          <p:cNvPr id="1462" name="OTLSHAPE_T_8c1669cc957041658b3301eb624354e1_JoinedDate"/>
          <p:cNvSpPr txBox="1"/>
          <p:nvPr>
            <p:custDataLst>
              <p:tags r:id="rId145"/>
            </p:custDataLst>
          </p:nvPr>
        </p:nvSpPr>
        <p:spPr>
          <a:xfrm>
            <a:off x="8257206" y="4762611"/>
            <a:ext cx="840844" cy="265253"/>
          </a:xfrm>
          <a:prstGeom prst="rect">
            <a:avLst/>
          </a:prstGeom>
          <a:noFill/>
        </p:spPr>
        <p:txBody>
          <a:bodyPr vert="horz" wrap="square" lIns="0" tIns="0" rIns="0" bIns="0" rtlCol="0" anchor="ctr" anchorCtr="0">
            <a:noAutofit/>
          </a:bodyPr>
          <a:lstStyle/>
          <a:p>
            <a:r>
              <a:rPr lang="en-US" sz="900" dirty="0">
                <a:solidFill>
                  <a:schemeClr val="dk2"/>
                </a:solidFill>
                <a:latin typeface="Calibri" panose="020F0502020204030204" pitchFamily="34" charset="0"/>
              </a:rPr>
              <a:t>26 Years</a:t>
            </a:r>
          </a:p>
        </p:txBody>
      </p:sp>
      <p:sp>
        <p:nvSpPr>
          <p:cNvPr id="1463" name="OTLSHAPE_T_8c1669cc957041658b3301eb624354e1_Title"/>
          <p:cNvSpPr txBox="1"/>
          <p:nvPr>
            <p:custDataLst>
              <p:tags r:id="rId146"/>
            </p:custDataLst>
          </p:nvPr>
        </p:nvSpPr>
        <p:spPr>
          <a:xfrm>
            <a:off x="3790723" y="4749786"/>
            <a:ext cx="1314450" cy="304699"/>
          </a:xfrm>
          <a:prstGeom prst="rect">
            <a:avLst/>
          </a:prstGeom>
          <a:noFill/>
        </p:spPr>
        <p:txBody>
          <a:bodyPr vert="horz" wrap="square" lIns="0" tIns="0" rIns="0" bIns="0" rtlCol="0" anchor="ctr" anchorCtr="0">
            <a:spAutoFit/>
          </a:bodyPr>
          <a:lstStyle/>
          <a:p>
            <a:pPr algn="ctr"/>
            <a:r>
              <a:rPr lang="en-US" sz="990" b="1" spc="-4" dirty="0">
                <a:solidFill>
                  <a:srgbClr val="FFFFFF"/>
                </a:solidFill>
                <a:latin typeface="Calibri" panose="020F0502020204030204" pitchFamily="34" charset="0"/>
              </a:rPr>
              <a:t>EC16 Non physical Fish Barrier</a:t>
            </a:r>
          </a:p>
        </p:txBody>
      </p:sp>
      <p:sp>
        <p:nvSpPr>
          <p:cNvPr id="148" name="OTLSHAPE_M_c6568b4ae18d43399dbf1c0fb446df5b_Title"/>
          <p:cNvSpPr txBox="1"/>
          <p:nvPr>
            <p:custDataLst>
              <p:tags r:id="rId147"/>
            </p:custDataLst>
          </p:nvPr>
        </p:nvSpPr>
        <p:spPr>
          <a:xfrm>
            <a:off x="4241395" y="5144709"/>
            <a:ext cx="1705567" cy="304699"/>
          </a:xfrm>
          <a:prstGeom prst="rect">
            <a:avLst/>
          </a:prstGeom>
          <a:noFill/>
        </p:spPr>
        <p:txBody>
          <a:bodyPr vert="horz" wrap="square" lIns="0" tIns="0" rIns="0" bIns="0" rtlCol="0" anchor="ctr" anchorCtr="0">
            <a:spAutoFit/>
          </a:bodyPr>
          <a:lstStyle/>
          <a:p>
            <a:pPr algn="ctr"/>
            <a:r>
              <a:rPr lang="en-US" sz="990" b="1" spc="-5" dirty="0">
                <a:solidFill>
                  <a:srgbClr val="000000"/>
                </a:solidFill>
                <a:latin typeface="Calibri" panose="020F0502020204030204" pitchFamily="34" charset="0"/>
              </a:rPr>
              <a:t>Substantial Construction Completion </a:t>
            </a:r>
          </a:p>
        </p:txBody>
      </p:sp>
      <p:sp>
        <p:nvSpPr>
          <p:cNvPr id="149" name="OTLSHAPE_M_c6568b4ae18d43399dbf1c0fb446df5b_Shape"/>
          <p:cNvSpPr/>
          <p:nvPr>
            <p:custDataLst>
              <p:tags r:id="rId148"/>
            </p:custDataLst>
          </p:nvPr>
        </p:nvSpPr>
        <p:spPr>
          <a:xfrm flipV="1">
            <a:off x="4984641" y="5407521"/>
            <a:ext cx="171450" cy="2286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50" name="TextBox 149"/>
          <p:cNvSpPr txBox="1"/>
          <p:nvPr>
            <p:custDataLst>
              <p:tags r:id="rId149"/>
            </p:custDataLst>
          </p:nvPr>
        </p:nvSpPr>
        <p:spPr>
          <a:xfrm>
            <a:off x="17758" y="5674111"/>
            <a:ext cx="702116" cy="249299"/>
          </a:xfrm>
          <a:prstGeom prst="rect">
            <a:avLst/>
          </a:prstGeom>
          <a:noFill/>
        </p:spPr>
        <p:txBody>
          <a:bodyPr vert="horz" wrap="none" lIns="114300" tIns="0" rIns="114300" bIns="0" rtlCol="0" anchor="ctr">
            <a:spAutoFit/>
          </a:bodyPr>
          <a:lstStyle/>
          <a:p>
            <a:pPr algn="ctr"/>
            <a:r>
              <a:rPr lang="en-US" sz="1620" b="1" dirty="0">
                <a:solidFill>
                  <a:schemeClr val="bg1">
                    <a:lumMod val="50000"/>
                  </a:schemeClr>
                </a:solidFill>
              </a:rPr>
              <a:t>Start</a:t>
            </a:r>
          </a:p>
        </p:txBody>
      </p:sp>
      <p:sp>
        <p:nvSpPr>
          <p:cNvPr id="151" name="TextBox 150"/>
          <p:cNvSpPr txBox="1"/>
          <p:nvPr>
            <p:custDataLst>
              <p:tags r:id="rId150"/>
            </p:custDataLst>
          </p:nvPr>
        </p:nvSpPr>
        <p:spPr>
          <a:xfrm>
            <a:off x="8103610" y="5674111"/>
            <a:ext cx="956737" cy="249299"/>
          </a:xfrm>
          <a:prstGeom prst="rect">
            <a:avLst/>
          </a:prstGeom>
          <a:noFill/>
        </p:spPr>
        <p:txBody>
          <a:bodyPr vert="horz" wrap="none" lIns="114300" tIns="0" rIns="114300" bIns="0" rtlCol="0" anchor="ctr">
            <a:spAutoFit/>
          </a:bodyPr>
          <a:lstStyle/>
          <a:p>
            <a:pPr algn="ctr"/>
            <a:r>
              <a:rPr lang="en-US" sz="1620" b="1" dirty="0">
                <a:solidFill>
                  <a:schemeClr val="bg1">
                    <a:lumMod val="50000"/>
                  </a:schemeClr>
                </a:solidFill>
              </a:rPr>
              <a:t>Year 26</a:t>
            </a:r>
          </a:p>
        </p:txBody>
      </p:sp>
      <p:sp>
        <p:nvSpPr>
          <p:cNvPr id="153" name="OTLSHAPE_TB_00000000000000000000000000000000_ScaleContainer"/>
          <p:cNvSpPr/>
          <p:nvPr>
            <p:custDataLst>
              <p:tags r:id="rId151"/>
            </p:custDataLst>
          </p:nvPr>
        </p:nvSpPr>
        <p:spPr>
          <a:xfrm>
            <a:off x="670275" y="5684460"/>
            <a:ext cx="7553143" cy="227855"/>
          </a:xfrm>
          <a:prstGeom prst="roundRect">
            <a:avLst/>
          </a:prstGeom>
          <a:solidFill>
            <a:schemeClr val="tx1">
              <a:lumMod val="50000"/>
            </a:schemeClr>
          </a:soli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20" dirty="0"/>
          </a:p>
        </p:txBody>
      </p:sp>
      <p:sp>
        <p:nvSpPr>
          <p:cNvPr id="155" name="Title 10"/>
          <p:cNvSpPr txBox="1">
            <a:spLocks/>
          </p:cNvSpPr>
          <p:nvPr/>
        </p:nvSpPr>
        <p:spPr>
          <a:xfrm>
            <a:off x="469900" y="228600"/>
            <a:ext cx="8229600" cy="609398"/>
          </a:xfrm>
          <a:prstGeom prst="rect">
            <a:avLst/>
          </a:prstGeom>
        </p:spPr>
        <p:txBody>
          <a:bodyPr>
            <a:no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lang="en-US" sz="3600" dirty="0" smtClean="0"/>
              <a:t>Design and Construction Enterprise </a:t>
            </a:r>
            <a:br>
              <a:rPr lang="en-US" sz="3600" dirty="0" smtClean="0"/>
            </a:br>
            <a:r>
              <a:rPr lang="en-US" sz="2800" dirty="0">
                <a:solidFill>
                  <a:schemeClr val="tx1"/>
                </a:solidFill>
              </a:rPr>
              <a:t>M</a:t>
            </a:r>
            <a:r>
              <a:rPr lang="en-US" sz="2800" dirty="0" smtClean="0">
                <a:solidFill>
                  <a:schemeClr val="tx1"/>
                </a:solidFill>
              </a:rPr>
              <a:t>itigation Program Schedule</a:t>
            </a:r>
            <a:endParaRPr lang="en-US" sz="2800" dirty="0">
              <a:solidFill>
                <a:schemeClr val="tx1"/>
              </a:solidFill>
            </a:endParaRPr>
          </a:p>
        </p:txBody>
      </p:sp>
    </p:spTree>
    <p:custDataLst>
      <p:tags r:id="rId1"/>
    </p:custDataLst>
    <p:extLst>
      <p:ext uri="{BB962C8B-B14F-4D97-AF65-F5344CB8AC3E}">
        <p14:creationId xmlns:p14="http://schemas.microsoft.com/office/powerpoint/2010/main" val="2873601840"/>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11"/>
          <p:cNvGraphicFramePr>
            <a:graphicFrameLocks/>
          </p:cNvGraphicFramePr>
          <p:nvPr>
            <p:extLst>
              <p:ext uri="{D42A27DB-BD31-4B8C-83A1-F6EECF244321}">
                <p14:modId xmlns:p14="http://schemas.microsoft.com/office/powerpoint/2010/main" val="2510616214"/>
              </p:ext>
            </p:extLst>
          </p:nvPr>
        </p:nvGraphicFramePr>
        <p:xfrm>
          <a:off x="1" y="2286000"/>
          <a:ext cx="9144000" cy="2645044"/>
        </p:xfrm>
        <a:graphic>
          <a:graphicData uri="http://schemas.openxmlformats.org/drawingml/2006/table">
            <a:tbl>
              <a:tblPr firstRow="1" bandRow="1">
                <a:tableStyleId>{46F890A9-2807-4EBB-B81D-B2AA78EC7F39}</a:tableStyleId>
              </a:tblPr>
              <a:tblGrid>
                <a:gridCol w="2895599"/>
                <a:gridCol w="2041189"/>
                <a:gridCol w="2107660"/>
                <a:gridCol w="2099552"/>
              </a:tblGrid>
              <a:tr h="680634">
                <a:tc>
                  <a:txBody>
                    <a:bodyPr/>
                    <a:lstStyle/>
                    <a:p>
                      <a:pPr marL="0" marR="0" algn="ctr" defTabSz="914363" rtl="0" eaLnBrk="1" latinLnBrk="0" hangingPunct="1">
                        <a:spcBef>
                          <a:spcPts val="0"/>
                        </a:spcBef>
                        <a:spcAft>
                          <a:spcPts val="0"/>
                        </a:spcAft>
                      </a:pPr>
                      <a:r>
                        <a:rPr lang="en-US" sz="2600" kern="1200" dirty="0" smtClean="0">
                          <a:effectLst>
                            <a:outerShdw blurRad="38100" dist="38100" dir="2700000" algn="tl">
                              <a:srgbClr val="000000">
                                <a:alpha val="43137"/>
                              </a:srgbClr>
                            </a:outerShdw>
                          </a:effectLst>
                        </a:rPr>
                        <a:t>IMPROVEMENTS</a:t>
                      </a:r>
                      <a:endParaRPr lang="en-US" sz="2600" b="1" kern="1200" dirty="0">
                        <a:solidFill>
                          <a:schemeClr val="tx1"/>
                        </a:solidFill>
                        <a:effectLst>
                          <a:outerShdw blurRad="38100" dist="38100" dir="2700000" algn="tl">
                            <a:srgbClr val="000000">
                              <a:alpha val="43137"/>
                            </a:srgbClr>
                          </a:outerShdw>
                        </a:effectLst>
                        <a:latin typeface="+mn-lt"/>
                        <a:ea typeface="Times New Roman"/>
                        <a:cs typeface="+mn-cs"/>
                      </a:endParaRPr>
                    </a:p>
                  </a:txBody>
                  <a:tcPr anchor="ctr">
                    <a:solidFill>
                      <a:schemeClr val="accent5">
                        <a:lumMod val="75000"/>
                      </a:schemeClr>
                    </a:solidFill>
                  </a:tcPr>
                </a:tc>
                <a:tc>
                  <a:txBody>
                    <a:bodyPr/>
                    <a:lstStyle/>
                    <a:p>
                      <a:pPr marL="0" marR="0" algn="ctr" defTabSz="914363" rtl="0" eaLnBrk="1" latinLnBrk="0" hangingPunct="1">
                        <a:spcBef>
                          <a:spcPts val="0"/>
                        </a:spcBef>
                        <a:spcAft>
                          <a:spcPts val="0"/>
                        </a:spcAft>
                      </a:pPr>
                      <a:r>
                        <a:rPr lang="en-US" sz="2600" kern="1200" dirty="0" smtClean="0">
                          <a:effectLst>
                            <a:outerShdw blurRad="38100" dist="38100" dir="2700000" algn="tl">
                              <a:srgbClr val="000000">
                                <a:alpha val="43137"/>
                              </a:srgbClr>
                            </a:outerShdw>
                          </a:effectLst>
                        </a:rPr>
                        <a:t>Capital</a:t>
                      </a:r>
                    </a:p>
                  </a:txBody>
                  <a:tcPr anchor="ctr">
                    <a:solidFill>
                      <a:schemeClr val="accent5">
                        <a:lumMod val="75000"/>
                      </a:schemeClr>
                    </a:solidFill>
                  </a:tcPr>
                </a:tc>
                <a:tc>
                  <a:txBody>
                    <a:bodyPr/>
                    <a:lstStyle/>
                    <a:p>
                      <a:pPr marL="0" marR="0" algn="ctr" defTabSz="914363" rtl="0" eaLnBrk="1" latinLnBrk="0" hangingPunct="1">
                        <a:spcBef>
                          <a:spcPts val="0"/>
                        </a:spcBef>
                        <a:spcAft>
                          <a:spcPts val="0"/>
                        </a:spcAft>
                      </a:pPr>
                      <a:r>
                        <a:rPr lang="en-US" sz="2600" kern="1200" dirty="0" smtClean="0">
                          <a:effectLst>
                            <a:outerShdw blurRad="38100" dist="38100" dir="2700000" algn="tl">
                              <a:srgbClr val="000000">
                                <a:alpha val="43137"/>
                              </a:srgbClr>
                            </a:outerShdw>
                          </a:effectLst>
                        </a:rPr>
                        <a:t>O&amp;M </a:t>
                      </a:r>
                      <a:br>
                        <a:rPr lang="en-US" sz="2600" kern="1200" dirty="0" smtClean="0">
                          <a:effectLst>
                            <a:outerShdw blurRad="38100" dist="38100" dir="2700000" algn="tl">
                              <a:srgbClr val="000000">
                                <a:alpha val="43137"/>
                              </a:srgbClr>
                            </a:outerShdw>
                          </a:effectLst>
                        </a:rPr>
                      </a:br>
                      <a:r>
                        <a:rPr lang="en-US" sz="1800" kern="1200" dirty="0" smtClean="0">
                          <a:effectLst>
                            <a:outerShdw blurRad="38100" dist="38100" dir="2700000" algn="tl">
                              <a:srgbClr val="000000">
                                <a:alpha val="43137"/>
                              </a:srgbClr>
                            </a:outerShdw>
                          </a:effectLst>
                        </a:rPr>
                        <a:t>(Total 50 Years)</a:t>
                      </a:r>
                      <a:endParaRPr lang="en-US" sz="2600" b="1" kern="1200" dirty="0">
                        <a:solidFill>
                          <a:schemeClr val="tx1"/>
                        </a:solidFill>
                        <a:effectLst>
                          <a:outerShdw blurRad="38100" dist="38100" dir="2700000" algn="tl">
                            <a:srgbClr val="000000">
                              <a:alpha val="43137"/>
                            </a:srgbClr>
                          </a:outerShdw>
                        </a:effectLst>
                        <a:latin typeface="+mn-lt"/>
                        <a:ea typeface="Times New Roman"/>
                        <a:cs typeface="+mn-cs"/>
                      </a:endParaRPr>
                    </a:p>
                  </a:txBody>
                  <a:tcPr anchor="ctr">
                    <a:solidFill>
                      <a:schemeClr val="accent5">
                        <a:lumMod val="75000"/>
                      </a:schemeClr>
                    </a:solidFill>
                  </a:tcPr>
                </a:tc>
                <a:tc>
                  <a:txBody>
                    <a:bodyPr/>
                    <a:lstStyle/>
                    <a:p>
                      <a:pPr marL="0" marR="0" algn="ctr" defTabSz="914363" rtl="0" eaLnBrk="1" latinLnBrk="0" hangingPunct="1">
                        <a:spcBef>
                          <a:spcPts val="0"/>
                        </a:spcBef>
                        <a:spcAft>
                          <a:spcPts val="0"/>
                        </a:spcAft>
                      </a:pPr>
                      <a:r>
                        <a:rPr lang="en-US" sz="2600" b="1" kern="1200" dirty="0" smtClean="0">
                          <a:solidFill>
                            <a:schemeClr val="lt1"/>
                          </a:solidFill>
                          <a:effectLst>
                            <a:outerShdw blurRad="38100" dist="38100" dir="2700000" algn="tl">
                              <a:srgbClr val="000000">
                                <a:alpha val="43137"/>
                              </a:srgbClr>
                            </a:outerShdw>
                          </a:effectLst>
                          <a:latin typeface="+mn-lt"/>
                          <a:ea typeface="+mn-ea"/>
                          <a:cs typeface="+mn-cs"/>
                        </a:rPr>
                        <a:t>TOTAL</a:t>
                      </a:r>
                      <a:endParaRPr lang="en-US" sz="2600" b="1" kern="1200" dirty="0">
                        <a:solidFill>
                          <a:schemeClr val="tx1"/>
                        </a:solidFill>
                        <a:effectLst>
                          <a:outerShdw blurRad="38100" dist="38100" dir="2700000" algn="tl">
                            <a:srgbClr val="000000">
                              <a:alpha val="43137"/>
                            </a:srgbClr>
                          </a:outerShdw>
                        </a:effectLst>
                        <a:latin typeface="+mn-lt"/>
                        <a:ea typeface="Times New Roman"/>
                        <a:cs typeface="+mn-cs"/>
                      </a:endParaRPr>
                    </a:p>
                  </a:txBody>
                  <a:tcPr anchor="ctr">
                    <a:solidFill>
                      <a:schemeClr val="accent5">
                        <a:lumMod val="75000"/>
                      </a:schemeClr>
                    </a:solidFill>
                  </a:tcPr>
                </a:tc>
              </a:tr>
              <a:tr h="560522">
                <a:tc>
                  <a:txBody>
                    <a:bodyPr/>
                    <a:lstStyle/>
                    <a:p>
                      <a:r>
                        <a:rPr lang="en-US" sz="2200" dirty="0" smtClean="0"/>
                        <a:t>Conveyance</a:t>
                      </a:r>
                      <a:endParaRPr lang="en-US" sz="2200" dirty="0"/>
                    </a:p>
                  </a:txBody>
                  <a:tcPr anchor="ctr">
                    <a:solidFill>
                      <a:schemeClr val="tx1"/>
                    </a:solidFill>
                  </a:tcPr>
                </a:tc>
                <a:tc>
                  <a:txBody>
                    <a:bodyPr/>
                    <a:lstStyle/>
                    <a:p>
                      <a:pPr algn="ctr"/>
                      <a:r>
                        <a:rPr lang="en-US" sz="2200" dirty="0" smtClean="0"/>
                        <a:t>$14.99 B</a:t>
                      </a:r>
                      <a:endParaRPr lang="en-US" sz="2200" dirty="0"/>
                    </a:p>
                  </a:txBody>
                  <a:tcPr anchor="ctr">
                    <a:solidFill>
                      <a:schemeClr val="tx1"/>
                    </a:solidFill>
                  </a:tcPr>
                </a:tc>
                <a:tc>
                  <a:txBody>
                    <a:bodyPr/>
                    <a:lstStyle/>
                    <a:p>
                      <a:pPr algn="ctr"/>
                      <a:r>
                        <a:rPr lang="en-US" sz="2200" dirty="0" smtClean="0"/>
                        <a:t>$1.46 B</a:t>
                      </a:r>
                      <a:endParaRPr lang="en-US" sz="2200" dirty="0"/>
                    </a:p>
                  </a:txBody>
                  <a:tcPr anchor="ctr">
                    <a:solidFill>
                      <a:schemeClr val="tx1"/>
                    </a:solidFill>
                  </a:tcPr>
                </a:tc>
                <a:tc>
                  <a:txBody>
                    <a:bodyPr/>
                    <a:lstStyle/>
                    <a:p>
                      <a:pPr algn="ctr"/>
                      <a:r>
                        <a:rPr lang="en-US" sz="2200" dirty="0" smtClean="0"/>
                        <a:t>$16.45 B</a:t>
                      </a:r>
                      <a:endParaRPr lang="en-US" sz="2200" dirty="0"/>
                    </a:p>
                  </a:txBody>
                  <a:tcPr anchor="ctr">
                    <a:solidFill>
                      <a:schemeClr val="tx1"/>
                    </a:solidFill>
                  </a:tcPr>
                </a:tc>
              </a:tr>
              <a:tr h="560522">
                <a:tc>
                  <a:txBody>
                    <a:bodyPr/>
                    <a:lstStyle/>
                    <a:p>
                      <a:r>
                        <a:rPr lang="en-US" sz="2200" dirty="0" smtClean="0"/>
                        <a:t>Mitigation, Monitoring</a:t>
                      </a:r>
                      <a:endParaRPr lang="en-US" sz="2200" dirty="0"/>
                    </a:p>
                  </a:txBody>
                  <a:tcPr anchor="ctr"/>
                </a:tc>
                <a:tc>
                  <a:txBody>
                    <a:bodyPr/>
                    <a:lstStyle/>
                    <a:p>
                      <a:pPr algn="ctr"/>
                      <a:r>
                        <a:rPr lang="en-US" sz="2200" dirty="0" smtClean="0"/>
                        <a:t>$0.56 to $0.82 B</a:t>
                      </a:r>
                      <a:endParaRPr lang="en-US" sz="2200" dirty="0"/>
                    </a:p>
                  </a:txBody>
                  <a:tcPr anchor="ctr"/>
                </a:tc>
                <a:tc>
                  <a:txBody>
                    <a:bodyPr/>
                    <a:lstStyle/>
                    <a:p>
                      <a:pPr algn="ctr"/>
                      <a:r>
                        <a:rPr lang="en-US" sz="2200" dirty="0" smtClean="0"/>
                        <a:t>$0.22 </a:t>
                      </a:r>
                      <a:r>
                        <a:rPr lang="en-US" sz="2200" baseline="0" dirty="0" smtClean="0"/>
                        <a:t>B</a:t>
                      </a:r>
                      <a:endParaRPr lang="en-US" sz="2200" dirty="0"/>
                    </a:p>
                  </a:txBody>
                  <a:tcPr anchor="ctr"/>
                </a:tc>
                <a:tc>
                  <a:txBody>
                    <a:bodyPr/>
                    <a:lstStyle/>
                    <a:p>
                      <a:pPr algn="ctr"/>
                      <a:r>
                        <a:rPr lang="en-US" sz="2200" dirty="0" smtClean="0"/>
                        <a:t>$0.78 to $1.04 </a:t>
                      </a:r>
                      <a:r>
                        <a:rPr lang="en-US" sz="2200" baseline="0" dirty="0" smtClean="0"/>
                        <a:t>B</a:t>
                      </a:r>
                      <a:endParaRPr lang="en-US" sz="2200" dirty="0"/>
                    </a:p>
                  </a:txBody>
                  <a:tcPr anchor="ctr"/>
                </a:tc>
              </a:tr>
              <a:tr h="560522">
                <a:tc>
                  <a:txBody>
                    <a:bodyPr/>
                    <a:lstStyle/>
                    <a:p>
                      <a:pPr algn="ctr"/>
                      <a:r>
                        <a:rPr lang="en-US" sz="2600" b="1" kern="1200" dirty="0" smtClean="0">
                          <a:solidFill>
                            <a:schemeClr val="lt1"/>
                          </a:solidFill>
                          <a:effectLst>
                            <a:outerShdw blurRad="38100" dist="38100" dir="2700000" algn="tl">
                              <a:srgbClr val="000000">
                                <a:alpha val="43137"/>
                              </a:srgbClr>
                            </a:outerShdw>
                          </a:effectLst>
                          <a:latin typeface="+mn-lt"/>
                          <a:ea typeface="+mn-ea"/>
                          <a:cs typeface="+mn-cs"/>
                        </a:rPr>
                        <a:t>TOTAL</a:t>
                      </a:r>
                      <a:endParaRPr lang="en-US" sz="2600" b="1" kern="1200" dirty="0">
                        <a:solidFill>
                          <a:schemeClr val="lt1"/>
                        </a:solidFill>
                        <a:effectLst>
                          <a:outerShdw blurRad="38100" dist="38100" dir="2700000" algn="tl">
                            <a:srgbClr val="000000">
                              <a:alpha val="43137"/>
                            </a:srgbClr>
                          </a:outerShdw>
                        </a:effectLst>
                        <a:latin typeface="+mn-lt"/>
                        <a:ea typeface="+mn-ea"/>
                        <a:cs typeface="+mn-cs"/>
                      </a:endParaRPr>
                    </a:p>
                  </a:txBody>
                  <a:tcPr anchor="ctr">
                    <a:solidFill>
                      <a:schemeClr val="accent5">
                        <a:lumMod val="75000"/>
                      </a:schemeClr>
                    </a:solidFill>
                  </a:tcPr>
                </a:tc>
                <a:tc>
                  <a:txBody>
                    <a:bodyPr/>
                    <a:lstStyle/>
                    <a:p>
                      <a:pPr algn="ctr"/>
                      <a:r>
                        <a:rPr lang="en-US" sz="2200" b="1" dirty="0" smtClean="0">
                          <a:solidFill>
                            <a:schemeClr val="tx1"/>
                          </a:solidFill>
                        </a:rPr>
                        <a:t>$15.55 to $15.81 billion</a:t>
                      </a:r>
                      <a:endParaRPr lang="en-US" sz="2200" b="1" dirty="0">
                        <a:solidFill>
                          <a:schemeClr val="tx1"/>
                        </a:solidFill>
                      </a:endParaRPr>
                    </a:p>
                  </a:txBody>
                  <a:tcPr anchor="ctr">
                    <a:solidFill>
                      <a:schemeClr val="accent5">
                        <a:lumMod val="75000"/>
                      </a:schemeClr>
                    </a:solidFill>
                  </a:tcPr>
                </a:tc>
                <a:tc>
                  <a:txBody>
                    <a:bodyPr/>
                    <a:lstStyle/>
                    <a:p>
                      <a:pPr algn="ctr"/>
                      <a:r>
                        <a:rPr lang="en-US" sz="2200" b="1" dirty="0" smtClean="0">
                          <a:solidFill>
                            <a:schemeClr val="tx1"/>
                          </a:solidFill>
                        </a:rPr>
                        <a:t>$1.68 </a:t>
                      </a:r>
                      <a:br>
                        <a:rPr lang="en-US" sz="2200" b="1" dirty="0" smtClean="0">
                          <a:solidFill>
                            <a:schemeClr val="tx1"/>
                          </a:solidFill>
                        </a:rPr>
                      </a:br>
                      <a:r>
                        <a:rPr lang="en-US" sz="2200" b="1" dirty="0" smtClean="0">
                          <a:solidFill>
                            <a:schemeClr val="tx1"/>
                          </a:solidFill>
                        </a:rPr>
                        <a:t>billion</a:t>
                      </a:r>
                      <a:endParaRPr lang="en-US" sz="2200" b="1" dirty="0">
                        <a:solidFill>
                          <a:schemeClr val="tx1"/>
                        </a:solidFill>
                      </a:endParaRPr>
                    </a:p>
                  </a:txBody>
                  <a:tcPr anchor="ctr">
                    <a:solidFill>
                      <a:schemeClr val="accent5">
                        <a:lumMod val="75000"/>
                      </a:schemeClr>
                    </a:solidFill>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200" b="1" baseline="0" dirty="0" smtClean="0">
                          <a:solidFill>
                            <a:schemeClr val="tx1"/>
                          </a:solidFill>
                        </a:rPr>
                        <a:t>$17.23 to $17.49 billion</a:t>
                      </a:r>
                      <a:endParaRPr lang="en-US" sz="2200" b="1" dirty="0" smtClean="0">
                        <a:solidFill>
                          <a:schemeClr val="tx1"/>
                        </a:solidFill>
                      </a:endParaRPr>
                    </a:p>
                  </a:txBody>
                  <a:tcPr anchor="ctr">
                    <a:solidFill>
                      <a:schemeClr val="accent5">
                        <a:lumMod val="75000"/>
                      </a:schemeClr>
                    </a:solidFill>
                  </a:tcPr>
                </a:tc>
              </a:tr>
            </a:tbl>
          </a:graphicData>
        </a:graphic>
      </p:graphicFrame>
      <p:sp>
        <p:nvSpPr>
          <p:cNvPr id="8" name="TextBox 7"/>
          <p:cNvSpPr txBox="1"/>
          <p:nvPr/>
        </p:nvSpPr>
        <p:spPr>
          <a:xfrm>
            <a:off x="152399" y="6248400"/>
            <a:ext cx="8355495" cy="491160"/>
          </a:xfrm>
          <a:prstGeom prst="rect">
            <a:avLst/>
          </a:prstGeom>
          <a:noFill/>
        </p:spPr>
        <p:txBody>
          <a:bodyPr wrap="square" rtlCol="0">
            <a:spAutoFit/>
          </a:bodyPr>
          <a:lstStyle/>
          <a:p>
            <a:pPr>
              <a:lnSpc>
                <a:spcPct val="80000"/>
              </a:lnSpc>
            </a:pPr>
            <a:r>
              <a:rPr lang="en-US" sz="1600" i="1" dirty="0" smtClean="0">
                <a:solidFill>
                  <a:srgbClr val="FFC000"/>
                </a:solidFill>
                <a:cs typeface="Arial" charset="0"/>
              </a:rPr>
              <a:t>Estimated </a:t>
            </a:r>
            <a:r>
              <a:rPr lang="en-US" sz="1600" i="1" dirty="0">
                <a:solidFill>
                  <a:srgbClr val="FFC000"/>
                </a:solidFill>
                <a:cs typeface="Arial" charset="0"/>
              </a:rPr>
              <a:t>costs from </a:t>
            </a:r>
            <a:r>
              <a:rPr lang="en-US" sz="1600" i="1" dirty="0" smtClean="0">
                <a:solidFill>
                  <a:srgbClr val="FFC000"/>
                </a:solidFill>
                <a:cs typeface="Arial" charset="0"/>
              </a:rPr>
              <a:t>DWR; in undiscounted 2014 </a:t>
            </a:r>
            <a:r>
              <a:rPr lang="en-US" sz="1600" i="1" dirty="0">
                <a:solidFill>
                  <a:srgbClr val="FFC000"/>
                </a:solidFill>
                <a:cs typeface="Arial" charset="0"/>
              </a:rPr>
              <a:t>dollars with a 36% contingency </a:t>
            </a:r>
            <a:r>
              <a:rPr lang="en-US" sz="1600" i="1" dirty="0" smtClean="0">
                <a:solidFill>
                  <a:srgbClr val="FFC000"/>
                </a:solidFill>
                <a:cs typeface="Arial" charset="0"/>
              </a:rPr>
              <a:t/>
            </a:r>
            <a:br>
              <a:rPr lang="en-US" sz="1600" i="1" dirty="0" smtClean="0">
                <a:solidFill>
                  <a:srgbClr val="FFC000"/>
                </a:solidFill>
                <a:cs typeface="Arial" charset="0"/>
              </a:rPr>
            </a:br>
            <a:r>
              <a:rPr lang="en-US" sz="1600" i="1" dirty="0" smtClean="0">
                <a:solidFill>
                  <a:srgbClr val="FFC000"/>
                </a:solidFill>
                <a:cs typeface="Arial" charset="0"/>
              </a:rPr>
              <a:t>Metropolitan’s </a:t>
            </a:r>
            <a:r>
              <a:rPr lang="en-US" sz="1600" i="1" dirty="0">
                <a:solidFill>
                  <a:srgbClr val="FFC000"/>
                </a:solidFill>
                <a:cs typeface="Arial" charset="0"/>
              </a:rPr>
              <a:t>share is approximately </a:t>
            </a:r>
            <a:r>
              <a:rPr lang="en-US" sz="1600" i="1" dirty="0" smtClean="0">
                <a:solidFill>
                  <a:srgbClr val="FFC000"/>
                </a:solidFill>
                <a:cs typeface="Arial" charset="0"/>
              </a:rPr>
              <a:t>25%</a:t>
            </a:r>
            <a:endParaRPr lang="en-US" sz="1600" i="1" dirty="0">
              <a:solidFill>
                <a:srgbClr val="FFC000"/>
              </a:solidFill>
              <a:cs typeface="Arial" charset="0"/>
            </a:endParaRPr>
          </a:p>
        </p:txBody>
      </p:sp>
      <p:sp>
        <p:nvSpPr>
          <p:cNvPr id="12" name="Slide Number Placeholder 3"/>
          <p:cNvSpPr txBox="1">
            <a:spLocks/>
          </p:cNvSpPr>
          <p:nvPr/>
        </p:nvSpPr>
        <p:spPr>
          <a:xfrm>
            <a:off x="8507895" y="6492875"/>
            <a:ext cx="685800" cy="365125"/>
          </a:xfrm>
          <a:prstGeom prst="rect">
            <a:avLst/>
          </a:prstGeom>
        </p:spPr>
        <p:txBody>
          <a:bodyPr/>
          <a:lstStyle/>
          <a:p>
            <a:pPr algn="ctr">
              <a:defRPr/>
            </a:pPr>
            <a:fld id="{A67B1D35-D7FB-40D3-83B5-CD7BD35F2E0C}" type="slidenum">
              <a:rPr lang="en-US" sz="1400" smtClean="0">
                <a:solidFill>
                  <a:prstClr val="white"/>
                </a:solidFill>
              </a:rPr>
              <a:pPr algn="ctr">
                <a:defRPr/>
              </a:pPr>
              <a:t>16</a:t>
            </a:fld>
            <a:endParaRPr lang="en-US" sz="1400" dirty="0">
              <a:solidFill>
                <a:prstClr val="white"/>
              </a:solidFill>
            </a:endParaRPr>
          </a:p>
        </p:txBody>
      </p:sp>
      <p:sp>
        <p:nvSpPr>
          <p:cNvPr id="2" name="Title 1"/>
          <p:cNvSpPr>
            <a:spLocks noGrp="1"/>
          </p:cNvSpPr>
          <p:nvPr>
            <p:ph type="title"/>
          </p:nvPr>
        </p:nvSpPr>
        <p:spPr>
          <a:xfrm>
            <a:off x="533400" y="381000"/>
            <a:ext cx="8229600" cy="1107996"/>
          </a:xfrm>
        </p:spPr>
        <p:txBody>
          <a:bodyPr/>
          <a:lstStyle/>
          <a:p>
            <a:pPr algn="r"/>
            <a:r>
              <a:rPr lang="en-US" dirty="0" smtClean="0">
                <a:latin typeface="+mn-lt"/>
              </a:rPr>
              <a:t>California Water Fix</a:t>
            </a:r>
            <a:r>
              <a:rPr lang="en-US" dirty="0">
                <a:latin typeface="+mn-lt"/>
              </a:rPr>
              <a:t/>
            </a:r>
            <a:br>
              <a:rPr lang="en-US" dirty="0">
                <a:latin typeface="+mn-lt"/>
              </a:rPr>
            </a:br>
            <a:r>
              <a:rPr lang="en-US" sz="3600" dirty="0" smtClean="0">
                <a:solidFill>
                  <a:schemeClr val="tx1"/>
                </a:solidFill>
                <a:latin typeface="+mn-lt"/>
              </a:rPr>
              <a:t>Revised Cost Analysis</a:t>
            </a:r>
            <a:endParaRPr lang="en-US" sz="3600" dirty="0">
              <a:solidFill>
                <a:schemeClr val="tx1"/>
              </a:solidFill>
              <a:latin typeface="+mn-lt"/>
            </a:endParaRPr>
          </a:p>
        </p:txBody>
      </p:sp>
      <p:sp>
        <p:nvSpPr>
          <p:cNvPr id="6" name="Rectangle 5"/>
          <p:cNvSpPr/>
          <p:nvPr/>
        </p:nvSpPr>
        <p:spPr>
          <a:xfrm>
            <a:off x="183522" y="5830045"/>
            <a:ext cx="6826877" cy="400110"/>
          </a:xfrm>
          <a:prstGeom prst="rect">
            <a:avLst/>
          </a:prstGeom>
        </p:spPr>
        <p:txBody>
          <a:bodyPr wrap="square">
            <a:spAutoFit/>
          </a:bodyPr>
          <a:lstStyle/>
          <a:p>
            <a:pPr fontAlgn="auto">
              <a:spcBef>
                <a:spcPts val="0"/>
              </a:spcBef>
              <a:spcAft>
                <a:spcPts val="0"/>
              </a:spcAft>
              <a:defRPr/>
            </a:pPr>
            <a:r>
              <a:rPr lang="en-US" sz="2000" i="1" kern="0" dirty="0" smtClean="0">
                <a:solidFill>
                  <a:srgbClr val="FFC000"/>
                </a:solidFill>
              </a:rPr>
              <a:t>Presented to Metropolitan’s Board September 29, 2015</a:t>
            </a:r>
          </a:p>
        </p:txBody>
      </p:sp>
      <p:sp>
        <p:nvSpPr>
          <p:cNvPr id="9" name="Rounded Rectangle 8"/>
          <p:cNvSpPr/>
          <p:nvPr/>
        </p:nvSpPr>
        <p:spPr>
          <a:xfrm>
            <a:off x="2895600" y="5029200"/>
            <a:ext cx="6248400" cy="762000"/>
          </a:xfrm>
          <a:prstGeom prst="roundRect">
            <a:avLst/>
          </a:prstGeom>
          <a:solidFill>
            <a:schemeClr val="accent1">
              <a:lumMod val="75000"/>
            </a:schemeClr>
          </a:solidFill>
          <a:ln w="9525" cap="flat" cmpd="sng" algn="ctr">
            <a:solidFill>
              <a:srgbClr val="16A085">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fontAlgn="auto">
              <a:spcBef>
                <a:spcPts val="0"/>
              </a:spcBef>
              <a:spcAft>
                <a:spcPts val="0"/>
              </a:spcAft>
              <a:defRPr/>
            </a:pPr>
            <a:r>
              <a:rPr lang="en-US" sz="2200" b="1" kern="0" dirty="0" smtClean="0">
                <a:solidFill>
                  <a:prstClr val="white"/>
                </a:solidFill>
                <a:latin typeface="Calibri"/>
              </a:rPr>
              <a:t>Within $5 per household per month</a:t>
            </a:r>
          </a:p>
        </p:txBody>
      </p:sp>
    </p:spTree>
    <p:extLst>
      <p:ext uri="{BB962C8B-B14F-4D97-AF65-F5344CB8AC3E}">
        <p14:creationId xmlns:p14="http://schemas.microsoft.com/office/powerpoint/2010/main" val="3762678887"/>
      </p:ext>
    </p:extLst>
  </p:cSld>
  <p:clrMapOvr>
    <a:masterClrMapping/>
  </p:clrMapOvr>
  <p:transition spd="slow">
    <p:fade/>
  </p:transition>
  <p:timing>
    <p:tnLst>
      <p:par>
        <p:cTn id="1" dur="indefinite" restart="never" nodeType="tmRoot"/>
      </p:par>
    </p:tnLst>
  </p:timing>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Rectangle 25"/>
          <p:cNvSpPr/>
          <p:nvPr/>
        </p:nvSpPr>
        <p:spPr bwMode="auto">
          <a:xfrm>
            <a:off x="474852" y="1460351"/>
            <a:ext cx="7678548" cy="5245249"/>
          </a:xfrm>
          <a:prstGeom prst="rect">
            <a:avLst/>
          </a:prstGeom>
          <a:solidFill>
            <a:schemeClr val="tx1">
              <a:lumMod val="7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cxnSp>
        <p:nvCxnSpPr>
          <p:cNvPr id="290" name="Straight Connector 289"/>
          <p:cNvCxnSpPr/>
          <p:nvPr/>
        </p:nvCxnSpPr>
        <p:spPr>
          <a:xfrm flipH="1">
            <a:off x="6930315" y="1844041"/>
            <a:ext cx="3885" cy="4114800"/>
          </a:xfrm>
          <a:prstGeom prst="line">
            <a:avLst/>
          </a:prstGeom>
          <a:ln>
            <a:solidFill>
              <a:schemeClr val="bg2">
                <a:lumMod val="75000"/>
              </a:schemeClr>
            </a:solidFill>
          </a:ln>
          <a:effectLst/>
        </p:spPr>
        <p:style>
          <a:lnRef idx="2">
            <a:schemeClr val="accent5"/>
          </a:lnRef>
          <a:fillRef idx="0">
            <a:schemeClr val="accent5"/>
          </a:fillRef>
          <a:effectRef idx="1">
            <a:schemeClr val="accent5"/>
          </a:effectRef>
          <a:fontRef idx="minor">
            <a:schemeClr val="tx1"/>
          </a:fontRef>
        </p:style>
      </p:cxnSp>
      <p:cxnSp>
        <p:nvCxnSpPr>
          <p:cNvPr id="286" name="Straight Connector 285"/>
          <p:cNvCxnSpPr/>
          <p:nvPr/>
        </p:nvCxnSpPr>
        <p:spPr>
          <a:xfrm>
            <a:off x="2963038" y="1844041"/>
            <a:ext cx="27275" cy="4114800"/>
          </a:xfrm>
          <a:prstGeom prst="line">
            <a:avLst/>
          </a:prstGeom>
          <a:ln>
            <a:solidFill>
              <a:schemeClr val="bg2">
                <a:lumMod val="75000"/>
              </a:schemeClr>
            </a:solidFill>
          </a:ln>
          <a:effectLst/>
        </p:spPr>
        <p:style>
          <a:lnRef idx="2">
            <a:schemeClr val="accent5"/>
          </a:lnRef>
          <a:fillRef idx="0">
            <a:schemeClr val="accent5"/>
          </a:fillRef>
          <a:effectRef idx="1">
            <a:schemeClr val="accent5"/>
          </a:effectRef>
          <a:fontRef idx="minor">
            <a:schemeClr val="tx1"/>
          </a:fontRef>
        </p:style>
      </p:cxnSp>
      <p:cxnSp>
        <p:nvCxnSpPr>
          <p:cNvPr id="241" name="Straight Connector 240"/>
          <p:cNvCxnSpPr/>
          <p:nvPr/>
        </p:nvCxnSpPr>
        <p:spPr>
          <a:xfrm>
            <a:off x="1025023" y="1844041"/>
            <a:ext cx="24056" cy="4114800"/>
          </a:xfrm>
          <a:prstGeom prst="line">
            <a:avLst/>
          </a:prstGeom>
          <a:ln>
            <a:solidFill>
              <a:schemeClr val="bg2">
                <a:lumMod val="75000"/>
              </a:schemeClr>
            </a:solidFill>
            <a:prstDash val="sysDash"/>
          </a:ln>
          <a:effectLst/>
        </p:spPr>
        <p:style>
          <a:lnRef idx="2">
            <a:schemeClr val="accent5"/>
          </a:lnRef>
          <a:fillRef idx="0">
            <a:schemeClr val="accent5"/>
          </a:fillRef>
          <a:effectRef idx="1">
            <a:schemeClr val="accent5"/>
          </a:effectRef>
          <a:fontRef idx="minor">
            <a:schemeClr val="tx1"/>
          </a:fontRef>
        </p:style>
      </p:cxnSp>
      <p:sp>
        <p:nvSpPr>
          <p:cNvPr id="4" name="OTLSHAPE_TB_00000000000000000000000000000000_ScaleContainer"/>
          <p:cNvSpPr/>
          <p:nvPr>
            <p:custDataLst>
              <p:tags r:id="rId2"/>
            </p:custDataLst>
          </p:nvPr>
        </p:nvSpPr>
        <p:spPr>
          <a:xfrm>
            <a:off x="938149" y="5870178"/>
            <a:ext cx="6972300" cy="224653"/>
          </a:xfrm>
          <a:prstGeom prst="roundRect">
            <a:avLst/>
          </a:prstGeom>
          <a:solidFill>
            <a:schemeClr val="bg2">
              <a:lumMod val="25000"/>
            </a:schemeClr>
          </a:solidFill>
          <a:ln w="9525" cap="flat" cmpd="sng" algn="ctr">
            <a:noFill/>
            <a:prstDash val="solid"/>
          </a:ln>
          <a:effectLst>
            <a:outerShdw blurRad="40000" dist="23000" dir="5400000" rotWithShape="0">
              <a:srgbClr val="000000">
                <a:alpha val="35000"/>
              </a:srgbClr>
            </a:outerShdw>
          </a:effectLs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u="sng" dirty="0">
              <a:solidFill>
                <a:srgbClr val="1D516C"/>
              </a:solidFill>
            </a:endParaRPr>
          </a:p>
        </p:txBody>
      </p:sp>
      <p:sp>
        <p:nvSpPr>
          <p:cNvPr id="2" name="OTLSHAPE_TB_00000000000000000000000000000000_LeftEndCaps"/>
          <p:cNvSpPr txBox="1"/>
          <p:nvPr>
            <p:custDataLst>
              <p:tags r:id="rId3"/>
            </p:custDataLst>
          </p:nvPr>
        </p:nvSpPr>
        <p:spPr>
          <a:xfrm>
            <a:off x="945865" y="6076263"/>
            <a:ext cx="462276" cy="276999"/>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5</a:t>
            </a:r>
          </a:p>
        </p:txBody>
      </p:sp>
      <p:sp>
        <p:nvSpPr>
          <p:cNvPr id="3" name="OTLSHAPE_TB_00000000000000000000000000000000_RightEndCaps"/>
          <p:cNvSpPr txBox="1"/>
          <p:nvPr>
            <p:custDataLst>
              <p:tags r:id="rId4"/>
            </p:custDataLst>
          </p:nvPr>
        </p:nvSpPr>
        <p:spPr>
          <a:xfrm>
            <a:off x="6885295" y="6104713"/>
            <a:ext cx="458124" cy="276999"/>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7</a:t>
            </a:r>
          </a:p>
        </p:txBody>
      </p:sp>
      <p:sp>
        <p:nvSpPr>
          <p:cNvPr id="5" name="OTLSHAPE_TB_00000000000000000000000000000000_ElapsedTime"/>
          <p:cNvSpPr/>
          <p:nvPr>
            <p:custDataLst>
              <p:tags r:id="rId5"/>
            </p:custDataLst>
          </p:nvPr>
        </p:nvSpPr>
        <p:spPr>
          <a:xfrm>
            <a:off x="938149" y="5870178"/>
            <a:ext cx="1412670" cy="44914"/>
          </a:xfrm>
          <a:prstGeom prst="roundRect">
            <a:avLst/>
          </a:prstGeom>
          <a:solidFill>
            <a:srgbClr val="EA161E">
              <a:alpha val="74902"/>
            </a:srgbClr>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u="sng" dirty="0">
              <a:solidFill>
                <a:srgbClr val="1D516C"/>
              </a:solidFill>
            </a:endParaRPr>
          </a:p>
        </p:txBody>
      </p:sp>
      <p:sp>
        <p:nvSpPr>
          <p:cNvPr id="7" name="OTLSHAPE_TB_00000000000000000000000000000000_TodayMarkerText"/>
          <p:cNvSpPr txBox="1"/>
          <p:nvPr>
            <p:custDataLst>
              <p:tags r:id="rId6"/>
            </p:custDataLst>
          </p:nvPr>
        </p:nvSpPr>
        <p:spPr>
          <a:xfrm>
            <a:off x="1920409" y="5740957"/>
            <a:ext cx="498818" cy="169277"/>
          </a:xfrm>
          <a:prstGeom prst="rect">
            <a:avLst/>
          </a:prstGeom>
          <a:noFill/>
        </p:spPr>
        <p:txBody>
          <a:bodyPr vert="horz" wrap="square" lIns="0" tIns="0" rIns="0" bIns="0" rtlCol="0" anchor="ctr" anchorCtr="0">
            <a:spAutoFit/>
          </a:bodyPr>
          <a:lstStyle/>
          <a:p>
            <a:pPr algn="ctr" defTabSz="342900"/>
            <a:r>
              <a:rPr lang="en-US" sz="1100" b="1" spc="-14" dirty="0" smtClean="0">
                <a:solidFill>
                  <a:srgbClr val="B02222"/>
                </a:solidFill>
                <a:latin typeface="Calibri" panose="020F0502020204030204" pitchFamily="34" charset="0"/>
              </a:rPr>
              <a:t>TODAY</a:t>
            </a:r>
            <a:endParaRPr lang="en-US" sz="1100" b="1" spc="-14" dirty="0">
              <a:solidFill>
                <a:srgbClr val="B02222"/>
              </a:solidFill>
              <a:latin typeface="Calibri" panose="020F0502020204030204" pitchFamily="34" charset="0"/>
            </a:endParaRPr>
          </a:p>
        </p:txBody>
      </p:sp>
      <p:sp>
        <p:nvSpPr>
          <p:cNvPr id="8" name="OTLSHAPE_TB_00000000000000000000000000000000_TimescaleInterval1"/>
          <p:cNvSpPr txBox="1"/>
          <p:nvPr>
            <p:custDataLst>
              <p:tags r:id="rId7"/>
            </p:custDataLst>
          </p:nvPr>
        </p:nvSpPr>
        <p:spPr>
          <a:xfrm>
            <a:off x="990600" y="5913105"/>
            <a:ext cx="199971" cy="147573"/>
          </a:xfrm>
          <a:prstGeom prst="rect">
            <a:avLst/>
          </a:prstGeom>
          <a:noFill/>
        </p:spPr>
        <p:txBody>
          <a:bodyPr vert="horz" wrap="square" lIns="0" tIns="0" rIns="0" bIns="0" rtlCol="0" anchor="ctr" anchorCtr="0">
            <a:noAutofit/>
          </a:bodyPr>
          <a:lstStyle/>
          <a:p>
            <a:pPr defTabSz="342900"/>
            <a:r>
              <a:rPr lang="en-US" sz="1100" spc="-3" dirty="0">
                <a:solidFill>
                  <a:srgbClr val="FFFFFF"/>
                </a:solidFill>
                <a:latin typeface="Calibri" panose="020F0502020204030204" pitchFamily="34" charset="0"/>
              </a:rPr>
              <a:t>Jul</a:t>
            </a:r>
          </a:p>
        </p:txBody>
      </p:sp>
      <p:sp>
        <p:nvSpPr>
          <p:cNvPr id="9" name="OTLSHAPE_TB_00000000000000000000000000000000_TimescaleInterval2"/>
          <p:cNvSpPr txBox="1"/>
          <p:nvPr>
            <p:custDataLst>
              <p:tags r:id="rId8"/>
            </p:custDataLst>
          </p:nvPr>
        </p:nvSpPr>
        <p:spPr>
          <a:xfrm>
            <a:off x="1986692" y="5923034"/>
            <a:ext cx="201152" cy="127714"/>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Oct</a:t>
            </a:r>
          </a:p>
        </p:txBody>
      </p:sp>
      <p:sp>
        <p:nvSpPr>
          <p:cNvPr id="10" name="OTLSHAPE_TB_00000000000000000000000000000000_TimescaleInterval3"/>
          <p:cNvSpPr txBox="1"/>
          <p:nvPr>
            <p:custDataLst>
              <p:tags r:id="rId9"/>
            </p:custDataLst>
          </p:nvPr>
        </p:nvSpPr>
        <p:spPr>
          <a:xfrm>
            <a:off x="3019360" y="5925403"/>
            <a:ext cx="208552" cy="122977"/>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Jan</a:t>
            </a:r>
          </a:p>
        </p:txBody>
      </p:sp>
      <p:sp>
        <p:nvSpPr>
          <p:cNvPr id="11" name="OTLSHAPE_TB_00000000000000000000000000000000_TimescaleInterval4"/>
          <p:cNvSpPr txBox="1"/>
          <p:nvPr>
            <p:custDataLst>
              <p:tags r:id="rId10"/>
            </p:custDataLst>
          </p:nvPr>
        </p:nvSpPr>
        <p:spPr>
          <a:xfrm>
            <a:off x="3977646" y="5932218"/>
            <a:ext cx="231528" cy="109346"/>
          </a:xfrm>
          <a:prstGeom prst="rect">
            <a:avLst/>
          </a:prstGeom>
          <a:noFill/>
        </p:spPr>
        <p:txBody>
          <a:bodyPr vert="horz" wrap="square" lIns="0" tIns="0" rIns="0" bIns="0" rtlCol="0" anchor="ctr" anchorCtr="0">
            <a:noAutofit/>
          </a:bodyPr>
          <a:lstStyle/>
          <a:p>
            <a:pPr defTabSz="342900"/>
            <a:r>
              <a:rPr lang="en-US" sz="1100" spc="-2" dirty="0">
                <a:solidFill>
                  <a:srgbClr val="FFFFFF"/>
                </a:solidFill>
                <a:latin typeface="Calibri" panose="020F0502020204030204" pitchFamily="34" charset="0"/>
              </a:rPr>
              <a:t>Apr</a:t>
            </a:r>
          </a:p>
        </p:txBody>
      </p:sp>
      <p:sp>
        <p:nvSpPr>
          <p:cNvPr id="12" name="OTLSHAPE_TB_00000000000000000000000000000000_TimescaleInterval5"/>
          <p:cNvSpPr txBox="1"/>
          <p:nvPr>
            <p:custDataLst>
              <p:tags r:id="rId11"/>
            </p:custDataLst>
          </p:nvPr>
        </p:nvSpPr>
        <p:spPr>
          <a:xfrm>
            <a:off x="4967684" y="5936918"/>
            <a:ext cx="211454" cy="99947"/>
          </a:xfrm>
          <a:prstGeom prst="rect">
            <a:avLst/>
          </a:prstGeom>
          <a:noFill/>
        </p:spPr>
        <p:txBody>
          <a:bodyPr vert="horz" wrap="square" lIns="0" tIns="0" rIns="0" bIns="0" rtlCol="0" anchor="ctr" anchorCtr="0">
            <a:noAutofit/>
          </a:bodyPr>
          <a:lstStyle/>
          <a:p>
            <a:pPr defTabSz="342900"/>
            <a:r>
              <a:rPr lang="en-US" sz="1100" spc="-3" dirty="0">
                <a:solidFill>
                  <a:srgbClr val="FFFFFF"/>
                </a:solidFill>
                <a:latin typeface="Calibri" panose="020F0502020204030204" pitchFamily="34" charset="0"/>
              </a:rPr>
              <a:t>Jul</a:t>
            </a:r>
          </a:p>
        </p:txBody>
      </p:sp>
      <p:sp>
        <p:nvSpPr>
          <p:cNvPr id="13" name="OTLSHAPE_TB_00000000000000000000000000000000_TimescaleInterval6"/>
          <p:cNvSpPr txBox="1"/>
          <p:nvPr>
            <p:custDataLst>
              <p:tags r:id="rId12"/>
            </p:custDataLst>
          </p:nvPr>
        </p:nvSpPr>
        <p:spPr>
          <a:xfrm>
            <a:off x="5968601" y="5925403"/>
            <a:ext cx="234822" cy="122976"/>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Oct</a:t>
            </a:r>
          </a:p>
        </p:txBody>
      </p:sp>
      <p:sp>
        <p:nvSpPr>
          <p:cNvPr id="14" name="OTLSHAPE_TB_00000000000000000000000000000000_TimescaleInterval7"/>
          <p:cNvSpPr txBox="1"/>
          <p:nvPr>
            <p:custDataLst>
              <p:tags r:id="rId13"/>
            </p:custDataLst>
          </p:nvPr>
        </p:nvSpPr>
        <p:spPr>
          <a:xfrm>
            <a:off x="6969518" y="5925403"/>
            <a:ext cx="228319" cy="122976"/>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Jan</a:t>
            </a:r>
          </a:p>
        </p:txBody>
      </p:sp>
      <p:sp>
        <p:nvSpPr>
          <p:cNvPr id="293" name="OTLSHAPE_TB_00000000000000000000000000000000_RightEndCaps"/>
          <p:cNvSpPr txBox="1"/>
          <p:nvPr>
            <p:custDataLst>
              <p:tags r:id="rId14"/>
            </p:custDataLst>
          </p:nvPr>
        </p:nvSpPr>
        <p:spPr>
          <a:xfrm>
            <a:off x="2928528" y="6092729"/>
            <a:ext cx="546874" cy="276999"/>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6</a:t>
            </a:r>
          </a:p>
        </p:txBody>
      </p:sp>
      <p:sp>
        <p:nvSpPr>
          <p:cNvPr id="3269" name="OTLSHAPE_T_f8208d21baa84ec2bca5ae8cbab06041_ShapePercentage" hidden="1"/>
          <p:cNvSpPr/>
          <p:nvPr>
            <p:custDataLst>
              <p:tags r:id="rId15"/>
            </p:custDataLst>
          </p:nvPr>
        </p:nvSpPr>
        <p:spPr>
          <a:xfrm>
            <a:off x="1188465" y="1774497"/>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0" name="OTLSHAPE_T_f8208d21baa84ec2bca5ae8cbab06041_Duration" hidden="1"/>
          <p:cNvSpPr txBox="1"/>
          <p:nvPr>
            <p:custDataLst>
              <p:tags r:id="rId16"/>
            </p:custDataLst>
          </p:nvPr>
        </p:nvSpPr>
        <p:spPr>
          <a:xfrm>
            <a:off x="457200" y="1774924"/>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9 days</a:t>
            </a:r>
          </a:p>
        </p:txBody>
      </p:sp>
      <p:sp>
        <p:nvSpPr>
          <p:cNvPr id="3271" name="OTLSHAPE_T_f8208d21baa84ec2bca5ae8cbab06041_TextPercentage" hidden="1"/>
          <p:cNvSpPr txBox="1"/>
          <p:nvPr>
            <p:custDataLst>
              <p:tags r:id="rId17"/>
            </p:custDataLst>
          </p:nvPr>
        </p:nvSpPr>
        <p:spPr>
          <a:xfrm>
            <a:off x="457200" y="189076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72" name="OTLSHAPE_T_f8208d21baa84ec2bca5ae8cbab06041_StartDate" hidden="1"/>
          <p:cNvSpPr txBox="1"/>
          <p:nvPr>
            <p:custDataLst>
              <p:tags r:id="rId18"/>
            </p:custDataLst>
          </p:nvPr>
        </p:nvSpPr>
        <p:spPr>
          <a:xfrm>
            <a:off x="457200" y="189076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73" name="OTLSHAPE_T_f8208d21baa84ec2bca5ae8cbab06041_EndDate" hidden="1"/>
          <p:cNvSpPr txBox="1"/>
          <p:nvPr>
            <p:custDataLst>
              <p:tags r:id="rId19"/>
            </p:custDataLst>
          </p:nvPr>
        </p:nvSpPr>
        <p:spPr>
          <a:xfrm>
            <a:off x="457200" y="189076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77" name="OTLSHAPE_T_7f0581380de84589a72c0a100a27b9a3_ShapePercentage" hidden="1"/>
          <p:cNvSpPr/>
          <p:nvPr>
            <p:custDataLst>
              <p:tags r:id="rId20"/>
            </p:custDataLst>
          </p:nvPr>
        </p:nvSpPr>
        <p:spPr>
          <a:xfrm>
            <a:off x="2080587" y="1880842"/>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8" name="OTLSHAPE_T_7f0581380de84589a72c0a100a27b9a3_Duration" hidden="1"/>
          <p:cNvSpPr txBox="1"/>
          <p:nvPr>
            <p:custDataLst>
              <p:tags r:id="rId21"/>
            </p:custDataLst>
          </p:nvPr>
        </p:nvSpPr>
        <p:spPr>
          <a:xfrm>
            <a:off x="457200" y="1881269"/>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3 days</a:t>
            </a:r>
          </a:p>
        </p:txBody>
      </p:sp>
      <p:sp>
        <p:nvSpPr>
          <p:cNvPr id="3279" name="OTLSHAPE_T_7f0581380de84589a72c0a100a27b9a3_TextPercentage" hidden="1"/>
          <p:cNvSpPr txBox="1"/>
          <p:nvPr>
            <p:custDataLst>
              <p:tags r:id="rId22"/>
            </p:custDataLst>
          </p:nvPr>
        </p:nvSpPr>
        <p:spPr>
          <a:xfrm>
            <a:off x="457200" y="1997110"/>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80" name="OTLSHAPE_T_7f0581380de84589a72c0a100a27b9a3_StartDate" hidden="1"/>
          <p:cNvSpPr txBox="1"/>
          <p:nvPr>
            <p:custDataLst>
              <p:tags r:id="rId23"/>
            </p:custDataLst>
          </p:nvPr>
        </p:nvSpPr>
        <p:spPr>
          <a:xfrm>
            <a:off x="457200" y="199711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82" name="OTLSHAPE_T_7f0581380de84589a72c0a100a27b9a3_EndDate" hidden="1"/>
          <p:cNvSpPr txBox="1"/>
          <p:nvPr>
            <p:custDataLst>
              <p:tags r:id="rId24"/>
            </p:custDataLst>
          </p:nvPr>
        </p:nvSpPr>
        <p:spPr>
          <a:xfrm>
            <a:off x="457200" y="199711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86" name="OTLSHAPE_T_f8c207a25c6540c8a69187f0375fa012_ShapePercentage" hidden="1"/>
          <p:cNvSpPr/>
          <p:nvPr>
            <p:custDataLst>
              <p:tags r:id="rId25"/>
            </p:custDataLst>
          </p:nvPr>
        </p:nvSpPr>
        <p:spPr>
          <a:xfrm>
            <a:off x="1449574" y="1987187"/>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87" name="OTLSHAPE_T_f8c207a25c6540c8a69187f0375fa012_Duration" hidden="1"/>
          <p:cNvSpPr txBox="1"/>
          <p:nvPr>
            <p:custDataLst>
              <p:tags r:id="rId26"/>
            </p:custDataLst>
          </p:nvPr>
        </p:nvSpPr>
        <p:spPr>
          <a:xfrm>
            <a:off x="457200" y="1987613"/>
            <a:ext cx="342900"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90 days</a:t>
            </a:r>
          </a:p>
        </p:txBody>
      </p:sp>
      <p:sp>
        <p:nvSpPr>
          <p:cNvPr id="3288" name="OTLSHAPE_T_f8c207a25c6540c8a69187f0375fa012_TextPercentage" hidden="1"/>
          <p:cNvSpPr txBox="1"/>
          <p:nvPr>
            <p:custDataLst>
              <p:tags r:id="rId27"/>
            </p:custDataLst>
          </p:nvPr>
        </p:nvSpPr>
        <p:spPr>
          <a:xfrm>
            <a:off x="457200" y="210345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89" name="OTLSHAPE_T_f8c207a25c6540c8a69187f0375fa012_StartDate" hidden="1"/>
          <p:cNvSpPr txBox="1"/>
          <p:nvPr>
            <p:custDataLst>
              <p:tags r:id="rId28"/>
            </p:custDataLst>
          </p:nvPr>
        </p:nvSpPr>
        <p:spPr>
          <a:xfrm>
            <a:off x="457200" y="210345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90" name="OTLSHAPE_T_f8c207a25c6540c8a69187f0375fa012_EndDate" hidden="1"/>
          <p:cNvSpPr txBox="1"/>
          <p:nvPr>
            <p:custDataLst>
              <p:tags r:id="rId29"/>
            </p:custDataLst>
          </p:nvPr>
        </p:nvSpPr>
        <p:spPr>
          <a:xfrm>
            <a:off x="457200" y="210345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94" name="OTLSHAPE_T_f2e6f9ee021a4302a9e63631d74f9e74_ShapePercentage" hidden="1"/>
          <p:cNvSpPr/>
          <p:nvPr>
            <p:custDataLst>
              <p:tags r:id="rId30"/>
            </p:custDataLst>
          </p:nvPr>
        </p:nvSpPr>
        <p:spPr>
          <a:xfrm>
            <a:off x="2591925" y="209353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95" name="OTLSHAPE_T_f2e6f9ee021a4302a9e63631d74f9e74_Duration" hidden="1"/>
          <p:cNvSpPr txBox="1"/>
          <p:nvPr>
            <p:custDataLst>
              <p:tags r:id="rId31"/>
            </p:custDataLst>
          </p:nvPr>
        </p:nvSpPr>
        <p:spPr>
          <a:xfrm>
            <a:off x="457200" y="2093958"/>
            <a:ext cx="342900"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15 days</a:t>
            </a:r>
          </a:p>
        </p:txBody>
      </p:sp>
      <p:sp>
        <p:nvSpPr>
          <p:cNvPr id="18528" name="OTLSHAPE_T_f2e6f9ee021a4302a9e63631d74f9e74_TextPercentage" hidden="1"/>
          <p:cNvSpPr txBox="1"/>
          <p:nvPr>
            <p:custDataLst>
              <p:tags r:id="rId32"/>
            </p:custDataLst>
          </p:nvPr>
        </p:nvSpPr>
        <p:spPr>
          <a:xfrm>
            <a:off x="457200" y="220979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29" name="OTLSHAPE_T_f2e6f9ee021a4302a9e63631d74f9e74_StartDate" hidden="1"/>
          <p:cNvSpPr txBox="1"/>
          <p:nvPr>
            <p:custDataLst>
              <p:tags r:id="rId33"/>
            </p:custDataLst>
          </p:nvPr>
        </p:nvSpPr>
        <p:spPr>
          <a:xfrm>
            <a:off x="457200" y="220980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0" name="OTLSHAPE_T_f2e6f9ee021a4302a9e63631d74f9e74_EndDate" hidden="1"/>
          <p:cNvSpPr txBox="1"/>
          <p:nvPr>
            <p:custDataLst>
              <p:tags r:id="rId34"/>
            </p:custDataLst>
          </p:nvPr>
        </p:nvSpPr>
        <p:spPr>
          <a:xfrm>
            <a:off x="457200" y="220980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4" name="OTLSHAPE_T_39271f0494d54405a9f62a33529af787_ShapePercentage" hidden="1"/>
          <p:cNvSpPr/>
          <p:nvPr>
            <p:custDataLst>
              <p:tags r:id="rId35"/>
            </p:custDataLst>
          </p:nvPr>
        </p:nvSpPr>
        <p:spPr>
          <a:xfrm>
            <a:off x="1188465" y="219987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35" name="OTLSHAPE_T_39271f0494d54405a9f62a33529af787_Duration" hidden="1"/>
          <p:cNvSpPr txBox="1"/>
          <p:nvPr>
            <p:custDataLst>
              <p:tags r:id="rId36"/>
            </p:custDataLst>
          </p:nvPr>
        </p:nvSpPr>
        <p:spPr>
          <a:xfrm>
            <a:off x="457200" y="2200303"/>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81 days</a:t>
            </a:r>
          </a:p>
        </p:txBody>
      </p:sp>
      <p:sp>
        <p:nvSpPr>
          <p:cNvPr id="18536" name="OTLSHAPE_T_39271f0494d54405a9f62a33529af787_TextPercentage" hidden="1"/>
          <p:cNvSpPr txBox="1"/>
          <p:nvPr>
            <p:custDataLst>
              <p:tags r:id="rId37"/>
            </p:custDataLst>
          </p:nvPr>
        </p:nvSpPr>
        <p:spPr>
          <a:xfrm>
            <a:off x="457200" y="231614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37" name="OTLSHAPE_T_39271f0494d54405a9f62a33529af787_StartDate" hidden="1"/>
          <p:cNvSpPr txBox="1"/>
          <p:nvPr>
            <p:custDataLst>
              <p:tags r:id="rId38"/>
            </p:custDataLst>
          </p:nvPr>
        </p:nvSpPr>
        <p:spPr>
          <a:xfrm>
            <a:off x="457200" y="231614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8" name="OTLSHAPE_T_39271f0494d54405a9f62a33529af787_EndDate" hidden="1"/>
          <p:cNvSpPr txBox="1"/>
          <p:nvPr>
            <p:custDataLst>
              <p:tags r:id="rId39"/>
            </p:custDataLst>
          </p:nvPr>
        </p:nvSpPr>
        <p:spPr>
          <a:xfrm>
            <a:off x="457200" y="231614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42" name="OTLSHAPE_T_dc6de2d5eeb341cd964078c47d8d99f1_ShapePercentage" hidden="1"/>
          <p:cNvSpPr/>
          <p:nvPr>
            <p:custDataLst>
              <p:tags r:id="rId40"/>
            </p:custDataLst>
          </p:nvPr>
        </p:nvSpPr>
        <p:spPr>
          <a:xfrm>
            <a:off x="1525730" y="23062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43" name="OTLSHAPE_T_dc6de2d5eeb341cd964078c47d8d99f1_Duration" hidden="1"/>
          <p:cNvSpPr txBox="1"/>
          <p:nvPr>
            <p:custDataLst>
              <p:tags r:id="rId41"/>
            </p:custDataLst>
          </p:nvPr>
        </p:nvSpPr>
        <p:spPr>
          <a:xfrm>
            <a:off x="457200" y="2306648"/>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95 days</a:t>
            </a:r>
          </a:p>
        </p:txBody>
      </p:sp>
      <p:sp>
        <p:nvSpPr>
          <p:cNvPr id="18544" name="OTLSHAPE_T_dc6de2d5eeb341cd964078c47d8d99f1_TextPercentage" hidden="1"/>
          <p:cNvSpPr txBox="1"/>
          <p:nvPr>
            <p:custDataLst>
              <p:tags r:id="rId42"/>
            </p:custDataLst>
          </p:nvPr>
        </p:nvSpPr>
        <p:spPr>
          <a:xfrm>
            <a:off x="457200" y="24224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45" name="OTLSHAPE_T_dc6de2d5eeb341cd964078c47d8d99f1_StartDate" hidden="1"/>
          <p:cNvSpPr txBox="1"/>
          <p:nvPr>
            <p:custDataLst>
              <p:tags r:id="rId43"/>
            </p:custDataLst>
          </p:nvPr>
        </p:nvSpPr>
        <p:spPr>
          <a:xfrm>
            <a:off x="457200" y="24224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46" name="OTLSHAPE_T_dc6de2d5eeb341cd964078c47d8d99f1_EndDate" hidden="1"/>
          <p:cNvSpPr txBox="1"/>
          <p:nvPr>
            <p:custDataLst>
              <p:tags r:id="rId44"/>
            </p:custDataLst>
          </p:nvPr>
        </p:nvSpPr>
        <p:spPr>
          <a:xfrm>
            <a:off x="457200" y="24224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0" name="OTLSHAPE_T_ec3dccbd4e744ea5ab7257848e208c98_ShapePercentage" hidden="1"/>
          <p:cNvSpPr/>
          <p:nvPr>
            <p:custDataLst>
              <p:tags r:id="rId45"/>
            </p:custDataLst>
          </p:nvPr>
        </p:nvSpPr>
        <p:spPr>
          <a:xfrm>
            <a:off x="2287298" y="24205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52" name="OTLSHAPE_T_ec3dccbd4e744ea5ab7257848e208c98_Duration" hidden="1"/>
          <p:cNvSpPr txBox="1"/>
          <p:nvPr>
            <p:custDataLst>
              <p:tags r:id="rId46"/>
            </p:custDataLst>
          </p:nvPr>
        </p:nvSpPr>
        <p:spPr>
          <a:xfrm>
            <a:off x="457200" y="2420948"/>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70 days</a:t>
            </a:r>
          </a:p>
        </p:txBody>
      </p:sp>
      <p:sp>
        <p:nvSpPr>
          <p:cNvPr id="18553" name="OTLSHAPE_T_ec3dccbd4e744ea5ab7257848e208c98_TextPercentage" hidden="1"/>
          <p:cNvSpPr txBox="1"/>
          <p:nvPr>
            <p:custDataLst>
              <p:tags r:id="rId47"/>
            </p:custDataLst>
          </p:nvPr>
        </p:nvSpPr>
        <p:spPr>
          <a:xfrm>
            <a:off x="457200" y="25367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54" name="OTLSHAPE_T_ec3dccbd4e744ea5ab7257848e208c98_StartDate" hidden="1"/>
          <p:cNvSpPr txBox="1"/>
          <p:nvPr>
            <p:custDataLst>
              <p:tags r:id="rId48"/>
            </p:custDataLst>
          </p:nvPr>
        </p:nvSpPr>
        <p:spPr>
          <a:xfrm>
            <a:off x="457200" y="25367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5" name="OTLSHAPE_T_ec3dccbd4e744ea5ab7257848e208c98_EndDate" hidden="1"/>
          <p:cNvSpPr txBox="1"/>
          <p:nvPr>
            <p:custDataLst>
              <p:tags r:id="rId49"/>
            </p:custDataLst>
          </p:nvPr>
        </p:nvSpPr>
        <p:spPr>
          <a:xfrm>
            <a:off x="457200" y="25367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9" name="OTLSHAPE_T_bfeafc091c25426cb706c5ca34a687ec_ShapePercentage" hidden="1"/>
          <p:cNvSpPr/>
          <p:nvPr>
            <p:custDataLst>
              <p:tags r:id="rId50"/>
            </p:custDataLst>
          </p:nvPr>
        </p:nvSpPr>
        <p:spPr>
          <a:xfrm>
            <a:off x="2940070" y="25348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1" name="OTLSHAPE_T_bfeafc091c25426cb706c5ca34a687ec_Duration" hidden="1"/>
          <p:cNvSpPr txBox="1"/>
          <p:nvPr>
            <p:custDataLst>
              <p:tags r:id="rId51"/>
            </p:custDataLst>
          </p:nvPr>
        </p:nvSpPr>
        <p:spPr>
          <a:xfrm>
            <a:off x="457200" y="2535248"/>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32 days</a:t>
            </a:r>
          </a:p>
        </p:txBody>
      </p:sp>
      <p:sp>
        <p:nvSpPr>
          <p:cNvPr id="37592" name="OTLSHAPE_T_bfeafc091c25426cb706c5ca34a687ec_TextPercentage" hidden="1"/>
          <p:cNvSpPr txBox="1"/>
          <p:nvPr>
            <p:custDataLst>
              <p:tags r:id="rId52"/>
            </p:custDataLst>
          </p:nvPr>
        </p:nvSpPr>
        <p:spPr>
          <a:xfrm>
            <a:off x="457200" y="26510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593" name="OTLSHAPE_T_bfeafc091c25426cb706c5ca34a687ec_StartDate" hidden="1"/>
          <p:cNvSpPr txBox="1"/>
          <p:nvPr>
            <p:custDataLst>
              <p:tags r:id="rId53"/>
            </p:custDataLst>
          </p:nvPr>
        </p:nvSpPr>
        <p:spPr>
          <a:xfrm>
            <a:off x="457200" y="26510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594" name="OTLSHAPE_T_bfeafc091c25426cb706c5ca34a687ec_EndDate" hidden="1"/>
          <p:cNvSpPr txBox="1"/>
          <p:nvPr>
            <p:custDataLst>
              <p:tags r:id="rId54"/>
            </p:custDataLst>
          </p:nvPr>
        </p:nvSpPr>
        <p:spPr>
          <a:xfrm>
            <a:off x="457200" y="26510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598" name="OTLSHAPE_T_8a43ad8d23844d68a1c66d84e7f8657f_ShapePercentage" hidden="1"/>
          <p:cNvSpPr/>
          <p:nvPr>
            <p:custDataLst>
              <p:tags r:id="rId55"/>
            </p:custDataLst>
          </p:nvPr>
        </p:nvSpPr>
        <p:spPr>
          <a:xfrm>
            <a:off x="3429649" y="26411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9" name="OTLSHAPE_T_8a43ad8d23844d68a1c66d84e7f8657f_Duration" hidden="1"/>
          <p:cNvSpPr txBox="1"/>
          <p:nvPr>
            <p:custDataLst>
              <p:tags r:id="rId56"/>
            </p:custDataLst>
          </p:nvPr>
        </p:nvSpPr>
        <p:spPr>
          <a:xfrm>
            <a:off x="457200" y="264159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0 days</a:t>
            </a:r>
          </a:p>
        </p:txBody>
      </p:sp>
      <p:sp>
        <p:nvSpPr>
          <p:cNvPr id="37344" name="OTLSHAPE_T_8a43ad8d23844d68a1c66d84e7f8657f_TextPercentage" hidden="1"/>
          <p:cNvSpPr txBox="1"/>
          <p:nvPr>
            <p:custDataLst>
              <p:tags r:id="rId57"/>
            </p:custDataLst>
          </p:nvPr>
        </p:nvSpPr>
        <p:spPr>
          <a:xfrm>
            <a:off x="457200" y="27574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45" name="OTLSHAPE_T_8a43ad8d23844d68a1c66d84e7f8657f_StartDate" hidden="1"/>
          <p:cNvSpPr txBox="1"/>
          <p:nvPr>
            <p:custDataLst>
              <p:tags r:id="rId58"/>
            </p:custDataLst>
          </p:nvPr>
        </p:nvSpPr>
        <p:spPr>
          <a:xfrm>
            <a:off x="457200" y="27574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46" name="OTLSHAPE_T_8a43ad8d23844d68a1c66d84e7f8657f_EndDate" hidden="1"/>
          <p:cNvSpPr txBox="1"/>
          <p:nvPr>
            <p:custDataLst>
              <p:tags r:id="rId59"/>
            </p:custDataLst>
          </p:nvPr>
        </p:nvSpPr>
        <p:spPr>
          <a:xfrm>
            <a:off x="457200" y="27574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0" name="OTLSHAPE_T_0576fe5566344771b555fd0e7ea2f1f0_ShapePercentage" hidden="1"/>
          <p:cNvSpPr/>
          <p:nvPr>
            <p:custDataLst>
              <p:tags r:id="rId60"/>
            </p:custDataLst>
          </p:nvPr>
        </p:nvSpPr>
        <p:spPr>
          <a:xfrm>
            <a:off x="3701638" y="27554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1" name="OTLSHAPE_T_0576fe5566344771b555fd0e7ea2f1f0_Duration" hidden="1"/>
          <p:cNvSpPr txBox="1"/>
          <p:nvPr>
            <p:custDataLst>
              <p:tags r:id="rId61"/>
            </p:custDataLst>
          </p:nvPr>
        </p:nvSpPr>
        <p:spPr>
          <a:xfrm>
            <a:off x="457200" y="275589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6 days</a:t>
            </a:r>
          </a:p>
        </p:txBody>
      </p:sp>
      <p:sp>
        <p:nvSpPr>
          <p:cNvPr id="37352" name="OTLSHAPE_T_0576fe5566344771b555fd0e7ea2f1f0_TextPercentage" hidden="1"/>
          <p:cNvSpPr txBox="1"/>
          <p:nvPr>
            <p:custDataLst>
              <p:tags r:id="rId62"/>
            </p:custDataLst>
          </p:nvPr>
        </p:nvSpPr>
        <p:spPr>
          <a:xfrm>
            <a:off x="457200" y="28717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53" name="OTLSHAPE_T_0576fe5566344771b555fd0e7ea2f1f0_StartDate" hidden="1"/>
          <p:cNvSpPr txBox="1"/>
          <p:nvPr>
            <p:custDataLst>
              <p:tags r:id="rId63"/>
            </p:custDataLst>
          </p:nvPr>
        </p:nvSpPr>
        <p:spPr>
          <a:xfrm>
            <a:off x="457200" y="28717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4" name="OTLSHAPE_T_0576fe5566344771b555fd0e7ea2f1f0_EndDate" hidden="1"/>
          <p:cNvSpPr txBox="1"/>
          <p:nvPr>
            <p:custDataLst>
              <p:tags r:id="rId64"/>
            </p:custDataLst>
          </p:nvPr>
        </p:nvSpPr>
        <p:spPr>
          <a:xfrm>
            <a:off x="457200" y="28717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8" name="OTLSHAPE_T_59dd4a5e38554db8808b957030aa7f19_ShapePercentage" hidden="1"/>
          <p:cNvSpPr/>
          <p:nvPr>
            <p:custDataLst>
              <p:tags r:id="rId65"/>
            </p:custDataLst>
          </p:nvPr>
        </p:nvSpPr>
        <p:spPr>
          <a:xfrm>
            <a:off x="4495844" y="28697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9" name="OTLSHAPE_T_59dd4a5e38554db8808b957030aa7f19_Duration" hidden="1"/>
          <p:cNvSpPr txBox="1"/>
          <p:nvPr>
            <p:custDataLst>
              <p:tags r:id="rId66"/>
            </p:custDataLst>
          </p:nvPr>
        </p:nvSpPr>
        <p:spPr>
          <a:xfrm>
            <a:off x="457200" y="287019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1 days</a:t>
            </a:r>
          </a:p>
        </p:txBody>
      </p:sp>
      <p:sp>
        <p:nvSpPr>
          <p:cNvPr id="37360" name="OTLSHAPE_T_59dd4a5e38554db8808b957030aa7f19_TextPercentage" hidden="1"/>
          <p:cNvSpPr txBox="1"/>
          <p:nvPr>
            <p:custDataLst>
              <p:tags r:id="rId67"/>
            </p:custDataLst>
          </p:nvPr>
        </p:nvSpPr>
        <p:spPr>
          <a:xfrm>
            <a:off x="457200" y="29860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74" name="OTLSHAPE_T_59dd4a5e38554db8808b957030aa7f19_StartDate" hidden="1"/>
          <p:cNvSpPr txBox="1"/>
          <p:nvPr>
            <p:custDataLst>
              <p:tags r:id="rId68"/>
            </p:custDataLst>
          </p:nvPr>
        </p:nvSpPr>
        <p:spPr>
          <a:xfrm>
            <a:off x="457200" y="29860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83" name="OTLSHAPE_T_59dd4a5e38554db8808b957030aa7f19_EndDate" hidden="1"/>
          <p:cNvSpPr txBox="1"/>
          <p:nvPr>
            <p:custDataLst>
              <p:tags r:id="rId69"/>
            </p:custDataLst>
          </p:nvPr>
        </p:nvSpPr>
        <p:spPr>
          <a:xfrm>
            <a:off x="457200" y="29860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02" name="OTLSHAPE_T_d80f6654442b47e9ac34d7d00f6c9d74_ShapePercentage" hidden="1"/>
          <p:cNvSpPr/>
          <p:nvPr>
            <p:custDataLst>
              <p:tags r:id="rId70"/>
            </p:custDataLst>
          </p:nvPr>
        </p:nvSpPr>
        <p:spPr>
          <a:xfrm>
            <a:off x="4648157" y="29840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03" name="OTLSHAPE_T_d80f6654442b47e9ac34d7d00f6c9d74_Duration" hidden="1"/>
          <p:cNvSpPr txBox="1"/>
          <p:nvPr>
            <p:custDataLst>
              <p:tags r:id="rId71"/>
            </p:custDataLst>
          </p:nvPr>
        </p:nvSpPr>
        <p:spPr>
          <a:xfrm>
            <a:off x="457200" y="298449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1 days</a:t>
            </a:r>
          </a:p>
        </p:txBody>
      </p:sp>
      <p:sp>
        <p:nvSpPr>
          <p:cNvPr id="37604" name="OTLSHAPE_T_d80f6654442b47e9ac34d7d00f6c9d74_TextPercentage" hidden="1"/>
          <p:cNvSpPr txBox="1"/>
          <p:nvPr>
            <p:custDataLst>
              <p:tags r:id="rId72"/>
            </p:custDataLst>
          </p:nvPr>
        </p:nvSpPr>
        <p:spPr>
          <a:xfrm>
            <a:off x="457200" y="31003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05" name="OTLSHAPE_T_d80f6654442b47e9ac34d7d00f6c9d74_StartDate" hidden="1"/>
          <p:cNvSpPr txBox="1"/>
          <p:nvPr>
            <p:custDataLst>
              <p:tags r:id="rId73"/>
            </p:custDataLst>
          </p:nvPr>
        </p:nvSpPr>
        <p:spPr>
          <a:xfrm>
            <a:off x="457200" y="31003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06" name="OTLSHAPE_T_d80f6654442b47e9ac34d7d00f6c9d74_EndDate" hidden="1"/>
          <p:cNvSpPr txBox="1"/>
          <p:nvPr>
            <p:custDataLst>
              <p:tags r:id="rId74"/>
            </p:custDataLst>
          </p:nvPr>
        </p:nvSpPr>
        <p:spPr>
          <a:xfrm>
            <a:off x="457200" y="31003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0" name="OTLSHAPE_T_927f48668ff042a9b27a3f77718981a7_ShapePercentage" hidden="1"/>
          <p:cNvSpPr/>
          <p:nvPr>
            <p:custDataLst>
              <p:tags r:id="rId75"/>
            </p:custDataLst>
          </p:nvPr>
        </p:nvSpPr>
        <p:spPr>
          <a:xfrm>
            <a:off x="4800470" y="30983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11" name="OTLSHAPE_T_927f48668ff042a9b27a3f77718981a7_Duration" hidden="1"/>
          <p:cNvSpPr txBox="1"/>
          <p:nvPr>
            <p:custDataLst>
              <p:tags r:id="rId76"/>
            </p:custDataLst>
          </p:nvPr>
        </p:nvSpPr>
        <p:spPr>
          <a:xfrm>
            <a:off x="457200" y="3098792"/>
            <a:ext cx="247650"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 days</a:t>
            </a:r>
          </a:p>
        </p:txBody>
      </p:sp>
      <p:sp>
        <p:nvSpPr>
          <p:cNvPr id="37612" name="OTLSHAPE_T_927f48668ff042a9b27a3f77718981a7_TextPercentage" hidden="1"/>
          <p:cNvSpPr txBox="1"/>
          <p:nvPr>
            <p:custDataLst>
              <p:tags r:id="rId77"/>
            </p:custDataLst>
          </p:nvPr>
        </p:nvSpPr>
        <p:spPr>
          <a:xfrm>
            <a:off x="457200" y="32146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13" name="OTLSHAPE_T_927f48668ff042a9b27a3f77718981a7_StartDate" hidden="1"/>
          <p:cNvSpPr txBox="1"/>
          <p:nvPr>
            <p:custDataLst>
              <p:tags r:id="rId78"/>
            </p:custDataLst>
          </p:nvPr>
        </p:nvSpPr>
        <p:spPr>
          <a:xfrm>
            <a:off x="457200" y="32146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4" name="OTLSHAPE_T_927f48668ff042a9b27a3f77718981a7_EndDate" hidden="1"/>
          <p:cNvSpPr txBox="1"/>
          <p:nvPr>
            <p:custDataLst>
              <p:tags r:id="rId79"/>
            </p:custDataLst>
          </p:nvPr>
        </p:nvSpPr>
        <p:spPr>
          <a:xfrm>
            <a:off x="457200" y="32146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8" name="OTLSHAPE_T_f97f3b760d6f49f6b8de06cc72b126d4_ShapePercentage" hidden="1"/>
          <p:cNvSpPr/>
          <p:nvPr>
            <p:custDataLst>
              <p:tags r:id="rId80"/>
            </p:custDataLst>
          </p:nvPr>
        </p:nvSpPr>
        <p:spPr>
          <a:xfrm>
            <a:off x="1188465" y="32126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19" name="OTLSHAPE_T_f97f3b760d6f49f6b8de06cc72b126d4_Duration" hidden="1"/>
          <p:cNvSpPr txBox="1"/>
          <p:nvPr>
            <p:custDataLst>
              <p:tags r:id="rId81"/>
            </p:custDataLst>
          </p:nvPr>
        </p:nvSpPr>
        <p:spPr>
          <a:xfrm>
            <a:off x="457200" y="321309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34 days</a:t>
            </a:r>
          </a:p>
        </p:txBody>
      </p:sp>
      <p:sp>
        <p:nvSpPr>
          <p:cNvPr id="37620" name="OTLSHAPE_T_f97f3b760d6f49f6b8de06cc72b126d4_TextPercentage" hidden="1"/>
          <p:cNvSpPr txBox="1"/>
          <p:nvPr>
            <p:custDataLst>
              <p:tags r:id="rId82"/>
            </p:custDataLst>
          </p:nvPr>
        </p:nvSpPr>
        <p:spPr>
          <a:xfrm>
            <a:off x="457200" y="33289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21" name="OTLSHAPE_T_f97f3b760d6f49f6b8de06cc72b126d4_StartDate" hidden="1"/>
          <p:cNvSpPr txBox="1"/>
          <p:nvPr>
            <p:custDataLst>
              <p:tags r:id="rId83"/>
            </p:custDataLst>
          </p:nvPr>
        </p:nvSpPr>
        <p:spPr>
          <a:xfrm>
            <a:off x="457200" y="33289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22" name="OTLSHAPE_T_f97f3b760d6f49f6b8de06cc72b126d4_EndDate" hidden="1"/>
          <p:cNvSpPr txBox="1"/>
          <p:nvPr>
            <p:custDataLst>
              <p:tags r:id="rId84"/>
            </p:custDataLst>
          </p:nvPr>
        </p:nvSpPr>
        <p:spPr>
          <a:xfrm>
            <a:off x="457200" y="33289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26" name="OTLSHAPE_T_20c44ef5e00542f191bde5c51f892681_ShapePercentage" hidden="1"/>
          <p:cNvSpPr/>
          <p:nvPr>
            <p:custDataLst>
              <p:tags r:id="rId85"/>
            </p:custDataLst>
          </p:nvPr>
        </p:nvSpPr>
        <p:spPr>
          <a:xfrm>
            <a:off x="1699803" y="3319010"/>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27" name="OTLSHAPE_T_20c44ef5e00542f191bde5c51f892681_Duration" hidden="1"/>
          <p:cNvSpPr txBox="1"/>
          <p:nvPr>
            <p:custDataLst>
              <p:tags r:id="rId86"/>
            </p:custDataLst>
          </p:nvPr>
        </p:nvSpPr>
        <p:spPr>
          <a:xfrm>
            <a:off x="457200" y="3319437"/>
            <a:ext cx="342900"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96 days</a:t>
            </a:r>
          </a:p>
        </p:txBody>
      </p:sp>
      <p:sp>
        <p:nvSpPr>
          <p:cNvPr id="37628" name="OTLSHAPE_T_20c44ef5e00542f191bde5c51f892681_TextPercentage" hidden="1"/>
          <p:cNvSpPr txBox="1"/>
          <p:nvPr>
            <p:custDataLst>
              <p:tags r:id="rId87"/>
            </p:custDataLst>
          </p:nvPr>
        </p:nvSpPr>
        <p:spPr>
          <a:xfrm>
            <a:off x="457200" y="343527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29" name="OTLSHAPE_T_20c44ef5e00542f191bde5c51f892681_StartDate" hidden="1"/>
          <p:cNvSpPr txBox="1"/>
          <p:nvPr>
            <p:custDataLst>
              <p:tags r:id="rId88"/>
            </p:custDataLst>
          </p:nvPr>
        </p:nvSpPr>
        <p:spPr>
          <a:xfrm>
            <a:off x="457200" y="343527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0" name="OTLSHAPE_T_20c44ef5e00542f191bde5c51f892681_EndDate" hidden="1"/>
          <p:cNvSpPr txBox="1"/>
          <p:nvPr>
            <p:custDataLst>
              <p:tags r:id="rId89"/>
            </p:custDataLst>
          </p:nvPr>
        </p:nvSpPr>
        <p:spPr>
          <a:xfrm>
            <a:off x="457200" y="343527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4" name="OTLSHAPE_T_43fc0093b8054173b0af866b6eb2e2dc_ShapePercentage" hidden="1"/>
          <p:cNvSpPr/>
          <p:nvPr>
            <p:custDataLst>
              <p:tags r:id="rId90"/>
            </p:custDataLst>
          </p:nvPr>
        </p:nvSpPr>
        <p:spPr>
          <a:xfrm>
            <a:off x="4669916" y="3425355"/>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35" name="OTLSHAPE_T_43fc0093b8054173b0af866b6eb2e2dc_Duration" hidden="1"/>
          <p:cNvSpPr txBox="1"/>
          <p:nvPr>
            <p:custDataLst>
              <p:tags r:id="rId91"/>
            </p:custDataLst>
          </p:nvPr>
        </p:nvSpPr>
        <p:spPr>
          <a:xfrm>
            <a:off x="457200" y="3425782"/>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3 days</a:t>
            </a:r>
          </a:p>
        </p:txBody>
      </p:sp>
      <p:sp>
        <p:nvSpPr>
          <p:cNvPr id="37636" name="OTLSHAPE_T_43fc0093b8054173b0af866b6eb2e2dc_TextPercentage" hidden="1"/>
          <p:cNvSpPr txBox="1"/>
          <p:nvPr>
            <p:custDataLst>
              <p:tags r:id="rId92"/>
            </p:custDataLst>
          </p:nvPr>
        </p:nvSpPr>
        <p:spPr>
          <a:xfrm>
            <a:off x="457200" y="3541623"/>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37" name="OTLSHAPE_T_43fc0093b8054173b0af866b6eb2e2dc_StartDate" hidden="1"/>
          <p:cNvSpPr txBox="1"/>
          <p:nvPr>
            <p:custDataLst>
              <p:tags r:id="rId93"/>
            </p:custDataLst>
          </p:nvPr>
        </p:nvSpPr>
        <p:spPr>
          <a:xfrm>
            <a:off x="457200" y="354162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8" name="OTLSHAPE_T_43fc0093b8054173b0af866b6eb2e2dc_EndDate" hidden="1"/>
          <p:cNvSpPr txBox="1"/>
          <p:nvPr>
            <p:custDataLst>
              <p:tags r:id="rId94"/>
            </p:custDataLst>
          </p:nvPr>
        </p:nvSpPr>
        <p:spPr>
          <a:xfrm>
            <a:off x="457200" y="354162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42" name="OTLSHAPE_T_86b350eb9d5049b68fa8355e8275f8de_ShapePercentage" hidden="1"/>
          <p:cNvSpPr/>
          <p:nvPr>
            <p:custDataLst>
              <p:tags r:id="rId95"/>
            </p:custDataLst>
          </p:nvPr>
        </p:nvSpPr>
        <p:spPr>
          <a:xfrm>
            <a:off x="4996302" y="3531700"/>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43" name="OTLSHAPE_T_86b350eb9d5049b68fa8355e8275f8de_Duration" hidden="1"/>
          <p:cNvSpPr txBox="1"/>
          <p:nvPr>
            <p:custDataLst>
              <p:tags r:id="rId96"/>
            </p:custDataLst>
          </p:nvPr>
        </p:nvSpPr>
        <p:spPr>
          <a:xfrm>
            <a:off x="457200" y="3532127"/>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67 days</a:t>
            </a:r>
          </a:p>
        </p:txBody>
      </p:sp>
      <p:sp>
        <p:nvSpPr>
          <p:cNvPr id="37644" name="OTLSHAPE_T_86b350eb9d5049b68fa8355e8275f8de_TextPercentage" hidden="1"/>
          <p:cNvSpPr txBox="1"/>
          <p:nvPr>
            <p:custDataLst>
              <p:tags r:id="rId97"/>
            </p:custDataLst>
          </p:nvPr>
        </p:nvSpPr>
        <p:spPr>
          <a:xfrm>
            <a:off x="457200" y="3647968"/>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45" name="OTLSHAPE_T_86b350eb9d5049b68fa8355e8275f8de_StartDate" hidden="1"/>
          <p:cNvSpPr txBox="1"/>
          <p:nvPr>
            <p:custDataLst>
              <p:tags r:id="rId98"/>
            </p:custDataLst>
          </p:nvPr>
        </p:nvSpPr>
        <p:spPr>
          <a:xfrm>
            <a:off x="457200" y="364796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46" name="OTLSHAPE_T_86b350eb9d5049b68fa8355e8275f8de_EndDate" hidden="1"/>
          <p:cNvSpPr txBox="1"/>
          <p:nvPr>
            <p:custDataLst>
              <p:tags r:id="rId99"/>
            </p:custDataLst>
          </p:nvPr>
        </p:nvSpPr>
        <p:spPr>
          <a:xfrm>
            <a:off x="457200" y="364796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0" name="OTLSHAPE_T_df8e42953d3242a9b41e0c972a0df60f_ShapePercentage" hidden="1"/>
          <p:cNvSpPr/>
          <p:nvPr>
            <p:custDataLst>
              <p:tags r:id="rId100"/>
            </p:custDataLst>
          </p:nvPr>
        </p:nvSpPr>
        <p:spPr>
          <a:xfrm>
            <a:off x="6018978" y="3638045"/>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51" name="OTLSHAPE_T_df8e42953d3242a9b41e0c972a0df60f_Duration" hidden="1"/>
          <p:cNvSpPr txBox="1"/>
          <p:nvPr>
            <p:custDataLst>
              <p:tags r:id="rId101"/>
            </p:custDataLst>
          </p:nvPr>
        </p:nvSpPr>
        <p:spPr>
          <a:xfrm>
            <a:off x="457200" y="3638471"/>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44 days</a:t>
            </a:r>
          </a:p>
        </p:txBody>
      </p:sp>
      <p:sp>
        <p:nvSpPr>
          <p:cNvPr id="37652" name="OTLSHAPE_T_df8e42953d3242a9b41e0c972a0df60f_TextPercentage" hidden="1"/>
          <p:cNvSpPr txBox="1"/>
          <p:nvPr>
            <p:custDataLst>
              <p:tags r:id="rId102"/>
            </p:custDataLst>
          </p:nvPr>
        </p:nvSpPr>
        <p:spPr>
          <a:xfrm>
            <a:off x="457200" y="3754313"/>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53" name="OTLSHAPE_T_df8e42953d3242a9b41e0c972a0df60f_StartDate" hidden="1"/>
          <p:cNvSpPr txBox="1"/>
          <p:nvPr>
            <p:custDataLst>
              <p:tags r:id="rId103"/>
            </p:custDataLst>
          </p:nvPr>
        </p:nvSpPr>
        <p:spPr>
          <a:xfrm>
            <a:off x="457200" y="375431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4" name="OTLSHAPE_T_df8e42953d3242a9b41e0c972a0df60f_EndDate" hidden="1"/>
          <p:cNvSpPr txBox="1"/>
          <p:nvPr>
            <p:custDataLst>
              <p:tags r:id="rId104"/>
            </p:custDataLst>
          </p:nvPr>
        </p:nvSpPr>
        <p:spPr>
          <a:xfrm>
            <a:off x="457200" y="375431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8" name="OTLSHAPE_T_3f234ea9b2aa44708282b8931f9ecca2_ShapePercentage" hidden="1"/>
          <p:cNvSpPr/>
          <p:nvPr>
            <p:custDataLst>
              <p:tags r:id="rId105"/>
            </p:custDataLst>
          </p:nvPr>
        </p:nvSpPr>
        <p:spPr>
          <a:xfrm>
            <a:off x="6660871" y="3744389"/>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59" name="OTLSHAPE_T_3f234ea9b2aa44708282b8931f9ecca2_Duration" hidden="1"/>
          <p:cNvSpPr txBox="1"/>
          <p:nvPr>
            <p:custDataLst>
              <p:tags r:id="rId106"/>
            </p:custDataLst>
          </p:nvPr>
        </p:nvSpPr>
        <p:spPr>
          <a:xfrm>
            <a:off x="457200" y="3744816"/>
            <a:ext cx="295275"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45 days</a:t>
            </a:r>
          </a:p>
        </p:txBody>
      </p:sp>
      <p:sp>
        <p:nvSpPr>
          <p:cNvPr id="37660" name="OTLSHAPE_T_3f234ea9b2aa44708282b8931f9ecca2_TextPercentage" hidden="1"/>
          <p:cNvSpPr txBox="1"/>
          <p:nvPr>
            <p:custDataLst>
              <p:tags r:id="rId107"/>
            </p:custDataLst>
          </p:nvPr>
        </p:nvSpPr>
        <p:spPr>
          <a:xfrm>
            <a:off x="457200" y="3860658"/>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61" name="OTLSHAPE_T_3f234ea9b2aa44708282b8931f9ecca2_StartDate" hidden="1"/>
          <p:cNvSpPr txBox="1"/>
          <p:nvPr>
            <p:custDataLst>
              <p:tags r:id="rId108"/>
            </p:custDataLst>
          </p:nvPr>
        </p:nvSpPr>
        <p:spPr>
          <a:xfrm>
            <a:off x="457200" y="386065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62" name="OTLSHAPE_T_3f234ea9b2aa44708282b8931f9ecca2_EndDate" hidden="1"/>
          <p:cNvSpPr txBox="1"/>
          <p:nvPr>
            <p:custDataLst>
              <p:tags r:id="rId109"/>
            </p:custDataLst>
          </p:nvPr>
        </p:nvSpPr>
        <p:spPr>
          <a:xfrm>
            <a:off x="457200" y="386065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66" name="OTLSHAPE_T_6ad78e1b5eda420db5a1ce4e6694182f_ShapePercentage" hidden="1"/>
          <p:cNvSpPr/>
          <p:nvPr>
            <p:custDataLst>
              <p:tags r:id="rId110"/>
            </p:custDataLst>
          </p:nvPr>
        </p:nvSpPr>
        <p:spPr>
          <a:xfrm>
            <a:off x="1482212" y="3850734"/>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67" name="OTLSHAPE_T_6ad78e1b5eda420db5a1ce4e6694182f_Duration" hidden="1"/>
          <p:cNvSpPr txBox="1"/>
          <p:nvPr>
            <p:custDataLst>
              <p:tags r:id="rId111"/>
            </p:custDataLst>
          </p:nvPr>
        </p:nvSpPr>
        <p:spPr>
          <a:xfrm>
            <a:off x="457200" y="3851161"/>
            <a:ext cx="342900" cy="115416"/>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29 days</a:t>
            </a:r>
          </a:p>
        </p:txBody>
      </p:sp>
      <p:sp>
        <p:nvSpPr>
          <p:cNvPr id="37668" name="OTLSHAPE_T_6ad78e1b5eda420db5a1ce4e6694182f_TextPercentage" hidden="1"/>
          <p:cNvSpPr txBox="1"/>
          <p:nvPr>
            <p:custDataLst>
              <p:tags r:id="rId112"/>
            </p:custDataLst>
          </p:nvPr>
        </p:nvSpPr>
        <p:spPr>
          <a:xfrm>
            <a:off x="457200" y="3967002"/>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69" name="OTLSHAPE_T_6ad78e1b5eda420db5a1ce4e6694182f_StartDate" hidden="1"/>
          <p:cNvSpPr txBox="1"/>
          <p:nvPr>
            <p:custDataLst>
              <p:tags r:id="rId113"/>
            </p:custDataLst>
          </p:nvPr>
        </p:nvSpPr>
        <p:spPr>
          <a:xfrm>
            <a:off x="457200" y="3967002"/>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70" name="OTLSHAPE_T_6ad78e1b5eda420db5a1ce4e6694182f_EndDate" hidden="1"/>
          <p:cNvSpPr txBox="1"/>
          <p:nvPr>
            <p:custDataLst>
              <p:tags r:id="rId114"/>
            </p:custDataLst>
          </p:nvPr>
        </p:nvSpPr>
        <p:spPr>
          <a:xfrm>
            <a:off x="457200" y="3967002"/>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283" name="TextBox 282"/>
          <p:cNvSpPr txBox="1"/>
          <p:nvPr/>
        </p:nvSpPr>
        <p:spPr>
          <a:xfrm>
            <a:off x="991871" y="2533992"/>
            <a:ext cx="2565258" cy="369332"/>
          </a:xfrm>
          <a:prstGeom prst="rect">
            <a:avLst/>
          </a:prstGeom>
          <a:noFill/>
        </p:spPr>
        <p:txBody>
          <a:bodyPr wrap="square" rtlCol="0">
            <a:spAutoFit/>
          </a:bodyPr>
          <a:lstStyle/>
          <a:p>
            <a:r>
              <a:rPr lang="en-US" b="1" dirty="0" smtClean="0">
                <a:solidFill>
                  <a:prstClr val="white">
                    <a:lumMod val="75000"/>
                    <a:lumOff val="25000"/>
                  </a:prstClr>
                </a:solidFill>
              </a:rPr>
              <a:t>EIR/S and ROD/NOD</a:t>
            </a:r>
            <a:endParaRPr lang="en-US" b="1" dirty="0">
              <a:solidFill>
                <a:prstClr val="white">
                  <a:lumMod val="75000"/>
                  <a:lumOff val="25000"/>
                </a:prstClr>
              </a:solidFill>
            </a:endParaRPr>
          </a:p>
        </p:txBody>
      </p:sp>
      <p:cxnSp>
        <p:nvCxnSpPr>
          <p:cNvPr id="27" name="OTLSHAPE_M_e77a666a86b84ea289b9e306c5e5c748_Connector2"/>
          <p:cNvCxnSpPr/>
          <p:nvPr>
            <p:custDataLst>
              <p:tags r:id="rId115"/>
            </p:custDataLst>
          </p:nvPr>
        </p:nvCxnSpPr>
        <p:spPr>
          <a:xfrm>
            <a:off x="2770673" y="5399387"/>
            <a:ext cx="0" cy="19050"/>
          </a:xfrm>
          <a:prstGeom prst="line">
            <a:avLst/>
          </a:prstGeom>
          <a:ln w="9525" cap="flat" cmpd="sng" algn="ctr">
            <a:solidFill>
              <a:schemeClr val="l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2" name="TextBox 281"/>
          <p:cNvSpPr txBox="1"/>
          <p:nvPr/>
        </p:nvSpPr>
        <p:spPr>
          <a:xfrm>
            <a:off x="991871" y="3408369"/>
            <a:ext cx="2219974" cy="369332"/>
          </a:xfrm>
          <a:prstGeom prst="rect">
            <a:avLst/>
          </a:prstGeom>
          <a:noFill/>
        </p:spPr>
        <p:txBody>
          <a:bodyPr wrap="square" rtlCol="0">
            <a:spAutoFit/>
          </a:bodyPr>
          <a:lstStyle/>
          <a:p>
            <a:r>
              <a:rPr lang="en-US" b="1" dirty="0" smtClean="0">
                <a:solidFill>
                  <a:prstClr val="white">
                    <a:lumMod val="75000"/>
                    <a:lumOff val="25000"/>
                  </a:prstClr>
                </a:solidFill>
              </a:rPr>
              <a:t>SWRCB Permit</a:t>
            </a:r>
          </a:p>
        </p:txBody>
      </p:sp>
      <p:sp>
        <p:nvSpPr>
          <p:cNvPr id="281" name="TextBox 280"/>
          <p:cNvSpPr txBox="1"/>
          <p:nvPr/>
        </p:nvSpPr>
        <p:spPr>
          <a:xfrm>
            <a:off x="991871" y="4383201"/>
            <a:ext cx="2496925" cy="369332"/>
          </a:xfrm>
          <a:prstGeom prst="rect">
            <a:avLst/>
          </a:prstGeom>
          <a:noFill/>
        </p:spPr>
        <p:txBody>
          <a:bodyPr wrap="square" rtlCol="0">
            <a:spAutoFit/>
          </a:bodyPr>
          <a:lstStyle/>
          <a:p>
            <a:r>
              <a:rPr lang="en-US" b="1" dirty="0" smtClean="0">
                <a:solidFill>
                  <a:prstClr val="white">
                    <a:lumMod val="75000"/>
                    <a:lumOff val="25000"/>
                  </a:prstClr>
                </a:solidFill>
              </a:rPr>
              <a:t>USACE  404 Permit</a:t>
            </a:r>
          </a:p>
        </p:txBody>
      </p:sp>
      <p:sp>
        <p:nvSpPr>
          <p:cNvPr id="239" name="TextBox 238"/>
          <p:cNvSpPr txBox="1"/>
          <p:nvPr/>
        </p:nvSpPr>
        <p:spPr>
          <a:xfrm>
            <a:off x="991871" y="1460352"/>
            <a:ext cx="4646929" cy="369332"/>
          </a:xfrm>
          <a:prstGeom prst="rect">
            <a:avLst/>
          </a:prstGeom>
          <a:noFill/>
        </p:spPr>
        <p:txBody>
          <a:bodyPr wrap="square" rtlCol="0">
            <a:spAutoFit/>
          </a:bodyPr>
          <a:lstStyle/>
          <a:p>
            <a:r>
              <a:rPr lang="en-US" b="1" dirty="0" smtClean="0">
                <a:solidFill>
                  <a:prstClr val="white">
                    <a:lumMod val="75000"/>
                    <a:lumOff val="25000"/>
                  </a:prstClr>
                </a:solidFill>
              </a:rPr>
              <a:t>Biological Assessment and Opinion</a:t>
            </a:r>
            <a:endParaRPr lang="en-US" b="1" dirty="0">
              <a:solidFill>
                <a:prstClr val="white">
                  <a:lumMod val="75000"/>
                  <a:lumOff val="25000"/>
                </a:prstClr>
              </a:solidFill>
            </a:endParaRPr>
          </a:p>
        </p:txBody>
      </p:sp>
      <p:grpSp>
        <p:nvGrpSpPr>
          <p:cNvPr id="6" name="Group 5"/>
          <p:cNvGrpSpPr/>
          <p:nvPr/>
        </p:nvGrpSpPr>
        <p:grpSpPr>
          <a:xfrm>
            <a:off x="476101" y="1828801"/>
            <a:ext cx="4283770" cy="4038372"/>
            <a:chOff x="476101" y="1219200"/>
            <a:chExt cx="4283770" cy="4038372"/>
          </a:xfrm>
        </p:grpSpPr>
        <p:grpSp>
          <p:nvGrpSpPr>
            <p:cNvPr id="359" name="Group 358"/>
            <p:cNvGrpSpPr/>
            <p:nvPr/>
          </p:nvGrpSpPr>
          <p:grpSpPr>
            <a:xfrm>
              <a:off x="476101" y="1219200"/>
              <a:ext cx="4283770" cy="509603"/>
              <a:chOff x="476101" y="1532263"/>
              <a:chExt cx="4283770" cy="509603"/>
            </a:xfrm>
          </p:grpSpPr>
          <p:sp>
            <p:nvSpPr>
              <p:cNvPr id="3268" name="OTLSHAPE_T_f8208d21baa84ec2bca5ae8cbab06041_Shape"/>
              <p:cNvSpPr/>
              <p:nvPr>
                <p:custDataLst>
                  <p:tags r:id="rId157"/>
                </p:custDataLst>
              </p:nvPr>
            </p:nvSpPr>
            <p:spPr>
              <a:xfrm>
                <a:off x="1057274" y="1721826"/>
                <a:ext cx="904875"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6" name="OTLSHAPE_T_7f0581380de84589a72c0a100a27b9a3_Shape"/>
              <p:cNvSpPr/>
              <p:nvPr>
                <p:custDataLst>
                  <p:tags r:id="rId158"/>
                </p:custDataLst>
              </p:nvPr>
            </p:nvSpPr>
            <p:spPr>
              <a:xfrm>
                <a:off x="1978817" y="1721826"/>
                <a:ext cx="342900"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84" name="OTLSHAPE_T_7f0581380de84589a72c0a100a27b9a3_Title"/>
              <p:cNvSpPr txBox="1"/>
              <p:nvPr>
                <p:custDataLst>
                  <p:tags r:id="rId159"/>
                </p:custDataLst>
              </p:nvPr>
            </p:nvSpPr>
            <p:spPr>
              <a:xfrm>
                <a:off x="2030846" y="1745627"/>
                <a:ext cx="282432" cy="271180"/>
              </a:xfrm>
              <a:prstGeom prst="rect">
                <a:avLst/>
              </a:prstGeom>
              <a:noFill/>
            </p:spPr>
            <p:txBody>
              <a:bodyPr vert="horz" wrap="square" lIns="0" tIns="0" rIns="0" bIns="0" rtlCol="0" anchor="ctr" anchorCtr="0">
                <a:noAutofit/>
              </a:bodyPr>
              <a:lstStyle/>
              <a:p>
                <a:pPr defTabSz="342900"/>
                <a:r>
                  <a:rPr lang="en-US" sz="1000" dirty="0">
                    <a:solidFill>
                      <a:prstClr val="black"/>
                    </a:solidFill>
                    <a:latin typeface="Calibri" panose="020F0502020204030204" pitchFamily="34" charset="0"/>
                  </a:rPr>
                  <a:t>Final BA</a:t>
                </a:r>
              </a:p>
            </p:txBody>
          </p:sp>
          <p:sp>
            <p:nvSpPr>
              <p:cNvPr id="3285" name="OTLSHAPE_T_f8c207a25c6540c8a69187f0375fa012_Shape"/>
              <p:cNvSpPr/>
              <p:nvPr>
                <p:custDataLst>
                  <p:tags r:id="rId160"/>
                </p:custDataLst>
              </p:nvPr>
            </p:nvSpPr>
            <p:spPr>
              <a:xfrm>
                <a:off x="2337590" y="1721826"/>
                <a:ext cx="1884776"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prstClr val="black"/>
                  </a:solidFill>
                </a:endParaRPr>
              </a:p>
            </p:txBody>
          </p:sp>
          <p:sp>
            <p:nvSpPr>
              <p:cNvPr id="3291" name="OTLSHAPE_T_f8c207a25c6540c8a69187f0375fa012_JoinedDate"/>
              <p:cNvSpPr txBox="1"/>
              <p:nvPr>
                <p:custDataLst>
                  <p:tags r:id="rId161"/>
                </p:custDataLst>
              </p:nvPr>
            </p:nvSpPr>
            <p:spPr>
              <a:xfrm>
                <a:off x="4254572" y="1735672"/>
                <a:ext cx="505299" cy="298008"/>
              </a:xfrm>
              <a:prstGeom prst="rect">
                <a:avLst/>
              </a:prstGeom>
              <a:noFill/>
            </p:spPr>
            <p:txBody>
              <a:bodyPr vert="horz" wrap="square" lIns="0" tIns="0" rIns="0" bIns="0" rtlCol="0" anchor="ctr" anchorCtr="0">
                <a:noAutofit/>
              </a:bodyPr>
              <a:lstStyle/>
              <a:p>
                <a:pPr defTabSz="342900"/>
                <a:r>
                  <a:rPr lang="en-US" sz="1100" b="1" dirty="0" smtClean="0">
                    <a:solidFill>
                      <a:srgbClr val="363B94"/>
                    </a:solidFill>
                    <a:latin typeface="Calibri" panose="020F0502020204030204" pitchFamily="34" charset="0"/>
                  </a:rPr>
                  <a:t>Apr 22 </a:t>
                </a:r>
              </a:p>
              <a:p>
                <a:pPr defTabSz="342900"/>
                <a:r>
                  <a:rPr lang="en-US" sz="1100" dirty="0" smtClean="0">
                    <a:solidFill>
                      <a:srgbClr val="363B94"/>
                    </a:solidFill>
                    <a:latin typeface="Calibri" panose="020F0502020204030204" pitchFamily="34" charset="0"/>
                  </a:rPr>
                  <a:t>2016</a:t>
                </a:r>
                <a:endParaRPr lang="en-US" sz="1100" dirty="0">
                  <a:solidFill>
                    <a:srgbClr val="363B94"/>
                  </a:solidFill>
                  <a:latin typeface="Calibri" panose="020F0502020204030204" pitchFamily="34" charset="0"/>
                </a:endParaRPr>
              </a:p>
            </p:txBody>
          </p:sp>
          <p:sp>
            <p:nvSpPr>
              <p:cNvPr id="3292" name="OTLSHAPE_T_f8c207a25c6540c8a69187f0375fa012_Title"/>
              <p:cNvSpPr txBox="1"/>
              <p:nvPr>
                <p:custDataLst>
                  <p:tags r:id="rId162"/>
                </p:custDataLst>
              </p:nvPr>
            </p:nvSpPr>
            <p:spPr>
              <a:xfrm>
                <a:off x="2400389" y="1753209"/>
                <a:ext cx="1777593" cy="249347"/>
              </a:xfrm>
              <a:prstGeom prst="rect">
                <a:avLst/>
              </a:prstGeom>
              <a:noFill/>
            </p:spPr>
            <p:txBody>
              <a:bodyPr vert="horz" wrap="square" lIns="0" tIns="0" rIns="0" bIns="0" rtlCol="0" anchor="ctr" anchorCtr="0">
                <a:noAutofit/>
              </a:bodyPr>
              <a:lstStyle/>
              <a:p>
                <a:pPr defTabSz="342900"/>
                <a:r>
                  <a:rPr lang="en-US" sz="1000" spc="-3" dirty="0">
                    <a:solidFill>
                      <a:prstClr val="black"/>
                    </a:solidFill>
                    <a:latin typeface="Calibri" panose="020F0502020204030204" pitchFamily="34" charset="0"/>
                  </a:rPr>
                  <a:t>BA Consultation and </a:t>
                </a:r>
                <a:r>
                  <a:rPr lang="en-US" sz="1000" spc="-3" dirty="0" smtClean="0">
                    <a:solidFill>
                      <a:prstClr val="black"/>
                    </a:solidFill>
                    <a:latin typeface="Calibri" panose="020F0502020204030204" pitchFamily="34" charset="0"/>
                  </a:rPr>
                  <a:t>Response </a:t>
                </a:r>
                <a:r>
                  <a:rPr lang="en-US" sz="1000" spc="-3" dirty="0">
                    <a:solidFill>
                      <a:prstClr val="black"/>
                    </a:solidFill>
                    <a:latin typeface="Calibri" panose="020F0502020204030204" pitchFamily="34" charset="0"/>
                  </a:rPr>
                  <a:t>to </a:t>
                </a:r>
                <a:r>
                  <a:rPr lang="en-US" sz="1000" spc="-3" dirty="0" smtClean="0">
                    <a:solidFill>
                      <a:prstClr val="black"/>
                    </a:solidFill>
                    <a:latin typeface="Calibri" panose="020F0502020204030204" pitchFamily="34" charset="0"/>
                  </a:rPr>
                  <a:t>Cmnts., </a:t>
                </a:r>
                <a:r>
                  <a:rPr lang="en-US" sz="1000" spc="-3" dirty="0">
                    <a:solidFill>
                      <a:prstClr val="black"/>
                    </a:solidFill>
                    <a:latin typeface="Calibri" panose="020F0502020204030204" pitchFamily="34" charset="0"/>
                  </a:rPr>
                  <a:t>ESA </a:t>
                </a:r>
                <a:r>
                  <a:rPr lang="en-US" sz="1000" spc="-3" dirty="0" smtClean="0">
                    <a:solidFill>
                      <a:prstClr val="black"/>
                    </a:solidFill>
                    <a:latin typeface="Calibri" panose="020F0502020204030204" pitchFamily="34" charset="0"/>
                  </a:rPr>
                  <a:t>&amp; </a:t>
                </a:r>
                <a:r>
                  <a:rPr lang="en-US" sz="1000" spc="-3" dirty="0">
                    <a:solidFill>
                      <a:prstClr val="black"/>
                    </a:solidFill>
                    <a:latin typeface="Calibri" panose="020F0502020204030204" pitchFamily="34" charset="0"/>
                  </a:rPr>
                  <a:t>CESA Negotiations</a:t>
                </a:r>
              </a:p>
            </p:txBody>
          </p:sp>
          <p:sp>
            <p:nvSpPr>
              <p:cNvPr id="3283" name="OTLSHAPE_T_7f0581380de84589a72c0a100a27b9a3_JoinedDate"/>
              <p:cNvSpPr txBox="1"/>
              <p:nvPr>
                <p:custDataLst>
                  <p:tags r:id="rId163"/>
                </p:custDataLst>
              </p:nvPr>
            </p:nvSpPr>
            <p:spPr>
              <a:xfrm>
                <a:off x="2134835" y="1532263"/>
                <a:ext cx="441771" cy="134344"/>
              </a:xfrm>
              <a:prstGeom prst="rect">
                <a:avLst/>
              </a:prstGeom>
              <a:noFill/>
            </p:spPr>
            <p:txBody>
              <a:bodyPr vert="horz" wrap="square" lIns="0" tIns="0" rIns="0" bIns="0" rtlCol="0" anchor="ctr" anchorCtr="0">
                <a:noAutofit/>
              </a:bodyPr>
              <a:lstStyle/>
              <a:p>
                <a:pPr algn="ctr" defTabSz="342900"/>
                <a:r>
                  <a:rPr lang="en-US" sz="800" dirty="0">
                    <a:solidFill>
                      <a:srgbClr val="5C61C4"/>
                    </a:solidFill>
                    <a:latin typeface="Calibri" panose="020F0502020204030204" pitchFamily="34" charset="0"/>
                  </a:rPr>
                  <a:t>10/30/15</a:t>
                </a:r>
              </a:p>
            </p:txBody>
          </p:sp>
          <p:sp>
            <p:nvSpPr>
              <p:cNvPr id="250" name="OTLSHAPE_T_7f0581380de84589a72c0a100a27b9a3_JoinedDate"/>
              <p:cNvSpPr txBox="1"/>
              <p:nvPr>
                <p:custDataLst>
                  <p:tags r:id="rId164"/>
                </p:custDataLst>
              </p:nvPr>
            </p:nvSpPr>
            <p:spPr>
              <a:xfrm>
                <a:off x="1694801" y="1550487"/>
                <a:ext cx="435406" cy="96030"/>
              </a:xfrm>
              <a:prstGeom prst="rect">
                <a:avLst/>
              </a:prstGeom>
              <a:noFill/>
            </p:spPr>
            <p:txBody>
              <a:bodyPr vert="horz" wrap="square" lIns="0" tIns="0" rIns="0" bIns="0" rtlCol="0" anchor="ctr" anchorCtr="0">
                <a:noAutofit/>
              </a:bodyPr>
              <a:lstStyle/>
              <a:p>
                <a:pPr algn="ctr" defTabSz="342900"/>
                <a:r>
                  <a:rPr lang="en-US" sz="800" dirty="0">
                    <a:solidFill>
                      <a:srgbClr val="5C61C4"/>
                    </a:solidFill>
                    <a:latin typeface="Calibri" panose="020F0502020204030204" pitchFamily="34" charset="0"/>
                  </a:rPr>
                  <a:t>09/30/15</a:t>
                </a:r>
              </a:p>
            </p:txBody>
          </p:sp>
          <p:sp>
            <p:nvSpPr>
              <p:cNvPr id="332" name="OTLSHAPE_T_f8208d21baa84ec2bca5ae8cbab06041_Title"/>
              <p:cNvSpPr txBox="1"/>
              <p:nvPr>
                <p:custDataLst>
                  <p:tags r:id="rId165"/>
                </p:custDataLst>
              </p:nvPr>
            </p:nvSpPr>
            <p:spPr>
              <a:xfrm>
                <a:off x="1114904" y="1776000"/>
                <a:ext cx="762709" cy="203501"/>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Draft </a:t>
                </a:r>
                <a:r>
                  <a:rPr lang="en-US" sz="1000" spc="-2" dirty="0" smtClean="0">
                    <a:solidFill>
                      <a:prstClr val="black"/>
                    </a:solidFill>
                    <a:latin typeface="Calibri" panose="020F0502020204030204" pitchFamily="34" charset="0"/>
                  </a:rPr>
                  <a:t>BA/</a:t>
                </a:r>
              </a:p>
              <a:p>
                <a:pPr defTabSz="342900"/>
                <a:r>
                  <a:rPr lang="en-US" sz="1000" spc="-2" dirty="0" smtClean="0">
                    <a:solidFill>
                      <a:prstClr val="black"/>
                    </a:solidFill>
                    <a:latin typeface="Calibri" panose="020F0502020204030204" pitchFamily="34" charset="0"/>
                  </a:rPr>
                  <a:t>2081(b</a:t>
                </a:r>
                <a:r>
                  <a:rPr lang="en-US" sz="1000" spc="-2" dirty="0">
                    <a:solidFill>
                      <a:prstClr val="black"/>
                    </a:solidFill>
                    <a:latin typeface="Calibri" panose="020F0502020204030204" pitchFamily="34" charset="0"/>
                  </a:rPr>
                  <a:t>) </a:t>
                </a:r>
              </a:p>
            </p:txBody>
          </p:sp>
          <p:sp>
            <p:nvSpPr>
              <p:cNvPr id="324" name="Isosceles Triangle 323"/>
              <p:cNvSpPr/>
              <p:nvPr/>
            </p:nvSpPr>
            <p:spPr bwMode="auto">
              <a:xfrm rot="10800000">
                <a:off x="2264258" y="1660169"/>
                <a:ext cx="130546" cy="63973"/>
              </a:xfrm>
              <a:prstGeom prst="triangle">
                <a:avLst/>
              </a:prstGeom>
              <a:solidFill>
                <a:srgbClr val="5C61C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sp>
            <p:nvSpPr>
              <p:cNvPr id="325" name="Isosceles Triangle 324"/>
              <p:cNvSpPr/>
              <p:nvPr/>
            </p:nvSpPr>
            <p:spPr bwMode="auto">
              <a:xfrm rot="10800000">
                <a:off x="1911720" y="1657897"/>
                <a:ext cx="130546" cy="63973"/>
              </a:xfrm>
              <a:prstGeom prst="triangle">
                <a:avLst/>
              </a:prstGeom>
              <a:solidFill>
                <a:srgbClr val="5C61C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sp>
            <p:nvSpPr>
              <p:cNvPr id="336" name="OTLSHAPE_T_f8c207a25c6540c8a69187f0375fa012_JoinedDate"/>
              <p:cNvSpPr txBox="1"/>
              <p:nvPr>
                <p:custDataLst>
                  <p:tags r:id="rId166"/>
                </p:custDataLst>
              </p:nvPr>
            </p:nvSpPr>
            <p:spPr>
              <a:xfrm>
                <a:off x="476101" y="1735672"/>
                <a:ext cx="505299" cy="298008"/>
              </a:xfrm>
              <a:prstGeom prst="rect">
                <a:avLst/>
              </a:prstGeom>
              <a:noFill/>
            </p:spPr>
            <p:txBody>
              <a:bodyPr vert="horz" wrap="square" lIns="0" tIns="0" rIns="0" bIns="0" rtlCol="0" anchor="ctr" anchorCtr="0">
                <a:noAutofit/>
              </a:bodyPr>
              <a:lstStyle/>
              <a:p>
                <a:pPr algn="r" defTabSz="342900"/>
                <a:r>
                  <a:rPr lang="en-US" sz="1100" b="1" dirty="0" smtClean="0">
                    <a:solidFill>
                      <a:srgbClr val="363B94"/>
                    </a:solidFill>
                    <a:latin typeface="Calibri" panose="020F0502020204030204" pitchFamily="34" charset="0"/>
                  </a:rPr>
                  <a:t>Jul 10 </a:t>
                </a:r>
              </a:p>
              <a:p>
                <a:pPr algn="r" defTabSz="342900"/>
                <a:r>
                  <a:rPr lang="en-US" sz="1100" dirty="0" smtClean="0">
                    <a:solidFill>
                      <a:srgbClr val="363B94"/>
                    </a:solidFill>
                    <a:latin typeface="Calibri" panose="020F0502020204030204" pitchFamily="34" charset="0"/>
                  </a:rPr>
                  <a:t>2015</a:t>
                </a:r>
                <a:endParaRPr lang="en-US" sz="1100" dirty="0">
                  <a:solidFill>
                    <a:srgbClr val="363B94"/>
                  </a:solidFill>
                  <a:latin typeface="Calibri" panose="020F0502020204030204" pitchFamily="34" charset="0"/>
                </a:endParaRPr>
              </a:p>
            </p:txBody>
          </p:sp>
        </p:grpSp>
        <p:grpSp>
          <p:nvGrpSpPr>
            <p:cNvPr id="37401" name="Group 37400"/>
            <p:cNvGrpSpPr/>
            <p:nvPr/>
          </p:nvGrpSpPr>
          <p:grpSpPr>
            <a:xfrm>
              <a:off x="4022006" y="4921029"/>
              <a:ext cx="420495" cy="336543"/>
              <a:chOff x="4022006" y="4921029"/>
              <a:chExt cx="420495" cy="336543"/>
            </a:xfrm>
          </p:grpSpPr>
          <p:sp>
            <p:nvSpPr>
              <p:cNvPr id="1841" name="OTLSHAPE_M_e494f825f2f04094a3953801cbca7c67_Title"/>
              <p:cNvSpPr txBox="1"/>
              <p:nvPr>
                <p:custDataLst>
                  <p:tags r:id="rId156"/>
                </p:custDataLst>
              </p:nvPr>
            </p:nvSpPr>
            <p:spPr>
              <a:xfrm>
                <a:off x="4022006" y="4921029"/>
                <a:ext cx="420495" cy="285450"/>
              </a:xfrm>
              <a:prstGeom prst="rect">
                <a:avLst/>
              </a:prstGeom>
              <a:noFill/>
            </p:spPr>
            <p:txBody>
              <a:bodyPr vert="horz" wrap="square" lIns="0" tIns="0" rIns="0" bIns="0" rtlCol="0" anchor="ctr" anchorCtr="0">
                <a:noAutofit/>
              </a:bodyPr>
              <a:lstStyle/>
              <a:p>
                <a:pPr algn="ctr" defTabSz="342900"/>
                <a:r>
                  <a:rPr lang="en-US" sz="800" b="1" dirty="0" smtClean="0">
                    <a:solidFill>
                      <a:srgbClr val="363B94"/>
                    </a:solidFill>
                    <a:latin typeface="Calibri" panose="020F0502020204030204" pitchFamily="34" charset="0"/>
                  </a:rPr>
                  <a:t>BiOp</a:t>
                </a:r>
              </a:p>
              <a:p>
                <a:pPr algn="ctr" defTabSz="342900"/>
                <a:r>
                  <a:rPr lang="en-US" sz="800" dirty="0" smtClean="0">
                    <a:solidFill>
                      <a:srgbClr val="363B94"/>
                    </a:solidFill>
                    <a:latin typeface="Calibri" panose="020F0502020204030204" pitchFamily="34" charset="0"/>
                  </a:rPr>
                  <a:t>4/29/16</a:t>
                </a:r>
                <a:endParaRPr lang="en-US" sz="800" dirty="0">
                  <a:solidFill>
                    <a:srgbClr val="363B94"/>
                  </a:solidFill>
                  <a:latin typeface="Calibri" panose="020F0502020204030204" pitchFamily="34" charset="0"/>
                </a:endParaRPr>
              </a:p>
            </p:txBody>
          </p:sp>
          <p:sp>
            <p:nvSpPr>
              <p:cNvPr id="364" name="Isosceles Triangle 363"/>
              <p:cNvSpPr/>
              <p:nvPr/>
            </p:nvSpPr>
            <p:spPr bwMode="auto">
              <a:xfrm rot="10800000">
                <a:off x="4185160" y="5193599"/>
                <a:ext cx="130546" cy="63973"/>
              </a:xfrm>
              <a:prstGeom prst="triangle">
                <a:avLst/>
              </a:prstGeom>
              <a:solidFill>
                <a:srgbClr val="363B9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grpSp>
        <p:nvGrpSpPr>
          <p:cNvPr id="18" name="Group 17"/>
          <p:cNvGrpSpPr/>
          <p:nvPr/>
        </p:nvGrpSpPr>
        <p:grpSpPr>
          <a:xfrm>
            <a:off x="481026" y="2769493"/>
            <a:ext cx="4955946" cy="3698737"/>
            <a:chOff x="481026" y="2159892"/>
            <a:chExt cx="4955946" cy="3698737"/>
          </a:xfrm>
        </p:grpSpPr>
        <p:grpSp>
          <p:nvGrpSpPr>
            <p:cNvPr id="347" name="Group 346"/>
            <p:cNvGrpSpPr/>
            <p:nvPr/>
          </p:nvGrpSpPr>
          <p:grpSpPr>
            <a:xfrm>
              <a:off x="481026" y="2159892"/>
              <a:ext cx="4955946" cy="507108"/>
              <a:chOff x="481026" y="2111004"/>
              <a:chExt cx="4955946" cy="507108"/>
            </a:xfrm>
          </p:grpSpPr>
          <p:sp>
            <p:nvSpPr>
              <p:cNvPr id="18533" name="OTLSHAPE_T_39271f0494d54405a9f62a33529af787_Shape"/>
              <p:cNvSpPr/>
              <p:nvPr>
                <p:custDataLst>
                  <p:tags r:id="rId143"/>
                </p:custDataLst>
              </p:nvPr>
            </p:nvSpPr>
            <p:spPr>
              <a:xfrm>
                <a:off x="1057274" y="2298072"/>
                <a:ext cx="2237643"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7" name="OTLSHAPE_T_8a43ad8d23844d68a1c66d84e7f8657f_Shape"/>
              <p:cNvSpPr/>
              <p:nvPr>
                <p:custDataLst>
                  <p:tags r:id="rId144"/>
                </p:custDataLst>
              </p:nvPr>
            </p:nvSpPr>
            <p:spPr>
              <a:xfrm>
                <a:off x="3312320" y="2298072"/>
                <a:ext cx="285750"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49" name="OTLSHAPE_T_0576fe5566344771b555fd0e7ea2f1f0_Shape"/>
              <p:cNvSpPr/>
              <p:nvPr>
                <p:custDataLst>
                  <p:tags r:id="rId145"/>
                </p:custDataLst>
              </p:nvPr>
            </p:nvSpPr>
            <p:spPr>
              <a:xfrm>
                <a:off x="3616597" y="2298072"/>
                <a:ext cx="843489"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6" name="OTLSHAPE_T_0576fe5566344771b555fd0e7ea2f1f0_Title"/>
              <p:cNvSpPr txBox="1"/>
              <p:nvPr>
                <p:custDataLst>
                  <p:tags r:id="rId146"/>
                </p:custDataLst>
              </p:nvPr>
            </p:nvSpPr>
            <p:spPr>
              <a:xfrm>
                <a:off x="3658196" y="2307519"/>
                <a:ext cx="668108" cy="284843"/>
              </a:xfrm>
              <a:prstGeom prst="rect">
                <a:avLst/>
              </a:prstGeom>
              <a:noFill/>
            </p:spPr>
            <p:txBody>
              <a:bodyPr vert="horz" wrap="square" lIns="0" tIns="0" rIns="0" bIns="0" rtlCol="0" anchor="ctr" anchorCtr="0">
                <a:noAutofit/>
              </a:bodyPr>
              <a:lstStyle/>
              <a:p>
                <a:pPr defTabSz="342900"/>
                <a:r>
                  <a:rPr lang="en-US" sz="1000" spc="-2" dirty="0">
                    <a:solidFill>
                      <a:srgbClr val="33351C"/>
                    </a:solidFill>
                    <a:latin typeface="Calibri" panose="020F0502020204030204" pitchFamily="34" charset="0"/>
                  </a:rPr>
                  <a:t>Prepare Final EIR/EIS</a:t>
                </a:r>
              </a:p>
            </p:txBody>
          </p:sp>
          <p:sp>
            <p:nvSpPr>
              <p:cNvPr id="37601" name="OTLSHAPE_T_d80f6654442b47e9ac34d7d00f6c9d74_Shape"/>
              <p:cNvSpPr/>
              <p:nvPr>
                <p:custDataLst>
                  <p:tags r:id="rId147"/>
                </p:custDataLst>
              </p:nvPr>
            </p:nvSpPr>
            <p:spPr>
              <a:xfrm>
                <a:off x="4482731" y="2298072"/>
                <a:ext cx="413119" cy="320040"/>
              </a:xfrm>
              <a:prstGeom prst="roundRect">
                <a:avLst/>
              </a:prstGeom>
              <a:solidFill>
                <a:srgbClr val="FFC000"/>
              </a:solidFill>
              <a:ln w="12700" cap="flat" cmpd="sng" algn="ctr">
                <a:noFill/>
                <a:prstDash val="solid"/>
              </a:ln>
              <a:effectLst/>
              <a:extLs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08" name="OTLSHAPE_T_d80f6654442b47e9ac34d7d00f6c9d74_Title"/>
              <p:cNvSpPr txBox="1"/>
              <p:nvPr>
                <p:custDataLst>
                  <p:tags r:id="rId148"/>
                </p:custDataLst>
              </p:nvPr>
            </p:nvSpPr>
            <p:spPr>
              <a:xfrm>
                <a:off x="4503962" y="2347083"/>
                <a:ext cx="351519" cy="204680"/>
              </a:xfrm>
              <a:prstGeom prst="rect">
                <a:avLst/>
              </a:prstGeom>
              <a:noFill/>
            </p:spPr>
            <p:txBody>
              <a:bodyPr vert="horz" wrap="square" lIns="0" tIns="0" rIns="0" bIns="0" rtlCol="0" anchor="ctr" anchorCtr="0">
                <a:noAutofit/>
              </a:bodyPr>
              <a:lstStyle/>
              <a:p>
                <a:pPr defTabSz="342900"/>
                <a:r>
                  <a:rPr lang="en-US" sz="1000" dirty="0" smtClean="0">
                    <a:solidFill>
                      <a:srgbClr val="33351C"/>
                    </a:solidFill>
                    <a:latin typeface="Calibri" panose="020F0502020204030204" pitchFamily="34" charset="0"/>
                  </a:rPr>
                  <a:t>ROD/</a:t>
                </a:r>
              </a:p>
              <a:p>
                <a:pPr defTabSz="342900"/>
                <a:r>
                  <a:rPr lang="en-US" sz="1000" dirty="0" smtClean="0">
                    <a:solidFill>
                      <a:srgbClr val="33351C"/>
                    </a:solidFill>
                    <a:latin typeface="Calibri" panose="020F0502020204030204" pitchFamily="34" charset="0"/>
                  </a:rPr>
                  <a:t>NOD</a:t>
                </a:r>
                <a:endParaRPr lang="en-US" sz="1000" dirty="0">
                  <a:solidFill>
                    <a:srgbClr val="33351C"/>
                  </a:solidFill>
                  <a:latin typeface="Calibri" panose="020F0502020204030204" pitchFamily="34" charset="0"/>
                </a:endParaRPr>
              </a:p>
            </p:txBody>
          </p:sp>
          <p:sp>
            <p:nvSpPr>
              <p:cNvPr id="251" name="OTLSHAPE_T_7f0581380de84589a72c0a100a27b9a3_JoinedDate"/>
              <p:cNvSpPr txBox="1"/>
              <p:nvPr>
                <p:custDataLst>
                  <p:tags r:id="rId149"/>
                </p:custDataLst>
              </p:nvPr>
            </p:nvSpPr>
            <p:spPr>
              <a:xfrm>
                <a:off x="2840986" y="2356486"/>
                <a:ext cx="395603" cy="204690"/>
              </a:xfrm>
              <a:prstGeom prst="rect">
                <a:avLst/>
              </a:prstGeom>
              <a:noFill/>
            </p:spPr>
            <p:txBody>
              <a:bodyPr vert="horz" wrap="square" lIns="0" tIns="0" rIns="0" bIns="0" rtlCol="0" anchor="ctr" anchorCtr="0">
                <a:noAutofit/>
              </a:bodyPr>
              <a:lstStyle/>
              <a:p>
                <a:pPr algn="r" defTabSz="342900"/>
                <a:r>
                  <a:rPr lang="en-US" sz="800" b="1" dirty="0" smtClean="0">
                    <a:solidFill>
                      <a:srgbClr val="33351C"/>
                    </a:solidFill>
                    <a:latin typeface="Calibri" panose="020F0502020204030204" pitchFamily="34" charset="0"/>
                  </a:rPr>
                  <a:t>02/01/16</a:t>
                </a:r>
                <a:endParaRPr lang="en-US" sz="600" b="1" dirty="0">
                  <a:solidFill>
                    <a:srgbClr val="33351C"/>
                  </a:solidFill>
                  <a:latin typeface="Calibri" panose="020F0502020204030204" pitchFamily="34" charset="0"/>
                </a:endParaRPr>
              </a:p>
            </p:txBody>
          </p:sp>
          <p:sp>
            <p:nvSpPr>
              <p:cNvPr id="258" name="OTLSHAPE_T_7f0581380de84589a72c0a100a27b9a3_JoinedDate"/>
              <p:cNvSpPr txBox="1"/>
              <p:nvPr>
                <p:custDataLst>
                  <p:tags r:id="rId150"/>
                </p:custDataLst>
              </p:nvPr>
            </p:nvSpPr>
            <p:spPr>
              <a:xfrm>
                <a:off x="3384574" y="2111004"/>
                <a:ext cx="434438" cy="129003"/>
              </a:xfrm>
              <a:prstGeom prst="rect">
                <a:avLst/>
              </a:prstGeom>
              <a:noFill/>
            </p:spPr>
            <p:txBody>
              <a:bodyPr vert="horz" wrap="square" lIns="0" tIns="0" rIns="0" bIns="0" rtlCol="0" anchor="ctr" anchorCtr="0">
                <a:noAutofit/>
              </a:bodyPr>
              <a:lstStyle/>
              <a:p>
                <a:pPr algn="ctr" defTabSz="342900"/>
                <a:r>
                  <a:rPr lang="en-US" sz="800" dirty="0">
                    <a:solidFill>
                      <a:srgbClr val="AC8300"/>
                    </a:solidFill>
                    <a:latin typeface="Calibri" panose="020F0502020204030204" pitchFamily="34" charset="0"/>
                  </a:rPr>
                  <a:t>02/26/16</a:t>
                </a:r>
              </a:p>
            </p:txBody>
          </p:sp>
          <p:sp>
            <p:nvSpPr>
              <p:cNvPr id="262" name="OTLSHAPE_T_7f0581380de84589a72c0a100a27b9a3_JoinedDate"/>
              <p:cNvSpPr txBox="1"/>
              <p:nvPr>
                <p:custDataLst>
                  <p:tags r:id="rId151"/>
                </p:custDataLst>
              </p:nvPr>
            </p:nvSpPr>
            <p:spPr>
              <a:xfrm>
                <a:off x="4245838" y="2112409"/>
                <a:ext cx="434925" cy="127948"/>
              </a:xfrm>
              <a:prstGeom prst="rect">
                <a:avLst/>
              </a:prstGeom>
              <a:noFill/>
            </p:spPr>
            <p:txBody>
              <a:bodyPr vert="horz" wrap="square" lIns="0" tIns="0" rIns="0" bIns="0" rtlCol="0" anchor="ctr" anchorCtr="0">
                <a:noAutofit/>
              </a:bodyPr>
              <a:lstStyle/>
              <a:p>
                <a:pPr algn="ctr" defTabSz="342900"/>
                <a:r>
                  <a:rPr lang="en-US" sz="800" dirty="0">
                    <a:solidFill>
                      <a:srgbClr val="AC8300"/>
                    </a:solidFill>
                    <a:latin typeface="Calibri" panose="020F0502020204030204" pitchFamily="34" charset="0"/>
                  </a:rPr>
                  <a:t>05/13/16</a:t>
                </a:r>
                <a:endParaRPr lang="en-US" sz="600" dirty="0">
                  <a:solidFill>
                    <a:srgbClr val="AC8300"/>
                  </a:solidFill>
                  <a:latin typeface="Calibri" panose="020F0502020204030204" pitchFamily="34" charset="0"/>
                </a:endParaRPr>
              </a:p>
            </p:txBody>
          </p:sp>
          <p:sp>
            <p:nvSpPr>
              <p:cNvPr id="37348" name="OTLSHAPE_T_8a43ad8d23844d68a1c66d84e7f8657f_Title"/>
              <p:cNvSpPr txBox="1"/>
              <p:nvPr>
                <p:custDataLst>
                  <p:tags r:id="rId152"/>
                </p:custDataLst>
              </p:nvPr>
            </p:nvSpPr>
            <p:spPr>
              <a:xfrm>
                <a:off x="3229254" y="2328996"/>
                <a:ext cx="438854" cy="249761"/>
              </a:xfrm>
              <a:prstGeom prst="rect">
                <a:avLst/>
              </a:prstGeom>
              <a:noFill/>
            </p:spPr>
            <p:txBody>
              <a:bodyPr vert="horz" wrap="square" lIns="0" tIns="0" rIns="0" bIns="0" rtlCol="0" anchor="ctr" anchorCtr="0">
                <a:noAutofit/>
              </a:bodyPr>
              <a:lstStyle/>
              <a:p>
                <a:pPr algn="ctr" defTabSz="342900"/>
                <a:r>
                  <a:rPr lang="en-US" sz="500" b="1" dirty="0">
                    <a:solidFill>
                      <a:srgbClr val="33351C"/>
                    </a:solidFill>
                    <a:latin typeface="Calibri" panose="020F0502020204030204" pitchFamily="34" charset="0"/>
                  </a:rPr>
                  <a:t>Lead </a:t>
                </a:r>
                <a:endParaRPr lang="en-US" sz="500" b="1" dirty="0" smtClean="0">
                  <a:solidFill>
                    <a:srgbClr val="33351C"/>
                  </a:solidFill>
                  <a:latin typeface="Calibri" panose="020F0502020204030204" pitchFamily="34" charset="0"/>
                </a:endParaRPr>
              </a:p>
              <a:p>
                <a:pPr algn="ctr" defTabSz="342900"/>
                <a:r>
                  <a:rPr lang="en-US" sz="500" b="1" dirty="0" smtClean="0">
                    <a:solidFill>
                      <a:srgbClr val="33351C"/>
                    </a:solidFill>
                    <a:latin typeface="Calibri" panose="020F0502020204030204" pitchFamily="34" charset="0"/>
                  </a:rPr>
                  <a:t>Agency</a:t>
                </a:r>
                <a:endParaRPr lang="en-US" sz="500" b="1" dirty="0">
                  <a:solidFill>
                    <a:srgbClr val="33351C"/>
                  </a:solidFill>
                  <a:latin typeface="Calibri" panose="020F0502020204030204" pitchFamily="34" charset="0"/>
                </a:endParaRPr>
              </a:p>
              <a:p>
                <a:pPr algn="ctr" defTabSz="342900"/>
                <a:r>
                  <a:rPr lang="en-US" sz="500" b="1" dirty="0">
                    <a:solidFill>
                      <a:srgbClr val="33351C"/>
                    </a:solidFill>
                    <a:latin typeface="Calibri" panose="020F0502020204030204" pitchFamily="34" charset="0"/>
                  </a:rPr>
                  <a:t> Review</a:t>
                </a:r>
              </a:p>
            </p:txBody>
          </p:sp>
          <p:sp>
            <p:nvSpPr>
              <p:cNvPr id="334" name="OTLSHAPE_T_39271f0494d54405a9f62a33529af787_Title"/>
              <p:cNvSpPr txBox="1"/>
              <p:nvPr>
                <p:custDataLst>
                  <p:tags r:id="rId153"/>
                </p:custDataLst>
              </p:nvPr>
            </p:nvSpPr>
            <p:spPr>
              <a:xfrm>
                <a:off x="1099295" y="2305967"/>
                <a:ext cx="1734651" cy="295828"/>
              </a:xfrm>
              <a:prstGeom prst="rect">
                <a:avLst/>
              </a:prstGeom>
              <a:noFill/>
            </p:spPr>
            <p:txBody>
              <a:bodyPr vert="horz" wrap="square" lIns="0" tIns="0" rIns="0" bIns="0" rtlCol="0" anchor="ctr" anchorCtr="0">
                <a:noAutofit/>
              </a:bodyPr>
              <a:lstStyle/>
              <a:p>
                <a:pPr defTabSz="342900"/>
                <a:r>
                  <a:rPr lang="en-US" sz="1000" dirty="0">
                    <a:solidFill>
                      <a:srgbClr val="33351C"/>
                    </a:solidFill>
                    <a:latin typeface="Calibri" panose="020F0502020204030204" pitchFamily="34" charset="0"/>
                  </a:rPr>
                  <a:t>Public Comments, Comment Response, Prepare Admin. Draft</a:t>
                </a:r>
              </a:p>
            </p:txBody>
          </p:sp>
          <p:sp>
            <p:nvSpPr>
              <p:cNvPr id="327" name="OTLSHAPE_T_f8c207a25c6540c8a69187f0375fa012_JoinedDate"/>
              <p:cNvSpPr txBox="1"/>
              <p:nvPr>
                <p:custDataLst>
                  <p:tags r:id="rId154"/>
                </p:custDataLst>
              </p:nvPr>
            </p:nvSpPr>
            <p:spPr>
              <a:xfrm>
                <a:off x="4931673" y="2315639"/>
                <a:ext cx="505299" cy="298008"/>
              </a:xfrm>
              <a:prstGeom prst="rect">
                <a:avLst/>
              </a:prstGeom>
              <a:noFill/>
            </p:spPr>
            <p:txBody>
              <a:bodyPr vert="horz" wrap="square" lIns="0" tIns="0" rIns="0" bIns="0" rtlCol="0" anchor="ctr" anchorCtr="0">
                <a:noAutofit/>
              </a:bodyPr>
              <a:lstStyle/>
              <a:p>
                <a:pPr defTabSz="342900"/>
                <a:r>
                  <a:rPr lang="en-US" sz="1100" b="1" dirty="0" smtClean="0">
                    <a:solidFill>
                      <a:srgbClr val="AC8300"/>
                    </a:solidFill>
                    <a:latin typeface="Calibri" panose="020F0502020204030204" pitchFamily="34" charset="0"/>
                  </a:rPr>
                  <a:t>Jun 20 </a:t>
                </a:r>
              </a:p>
              <a:p>
                <a:pPr defTabSz="342900"/>
                <a:r>
                  <a:rPr lang="en-US" sz="1100" dirty="0" smtClean="0">
                    <a:solidFill>
                      <a:srgbClr val="AC8300"/>
                    </a:solidFill>
                    <a:latin typeface="Calibri" panose="020F0502020204030204" pitchFamily="34" charset="0"/>
                  </a:rPr>
                  <a:t>2016</a:t>
                </a:r>
                <a:endParaRPr lang="en-US" sz="1100" dirty="0">
                  <a:solidFill>
                    <a:srgbClr val="AC8300"/>
                  </a:solidFill>
                  <a:latin typeface="Calibri" panose="020F0502020204030204" pitchFamily="34" charset="0"/>
                </a:endParaRPr>
              </a:p>
            </p:txBody>
          </p:sp>
          <p:sp>
            <p:nvSpPr>
              <p:cNvPr id="337" name="OTLSHAPE_T_f8c207a25c6540c8a69187f0375fa012_JoinedDate"/>
              <p:cNvSpPr txBox="1"/>
              <p:nvPr>
                <p:custDataLst>
                  <p:tags r:id="rId155"/>
                </p:custDataLst>
              </p:nvPr>
            </p:nvSpPr>
            <p:spPr>
              <a:xfrm>
                <a:off x="481026" y="2315639"/>
                <a:ext cx="505299" cy="298008"/>
              </a:xfrm>
              <a:prstGeom prst="rect">
                <a:avLst/>
              </a:prstGeom>
              <a:noFill/>
            </p:spPr>
            <p:txBody>
              <a:bodyPr vert="horz" wrap="square" lIns="0" tIns="0" rIns="0" bIns="0" rtlCol="0" anchor="ctr" anchorCtr="0">
                <a:noAutofit/>
              </a:bodyPr>
              <a:lstStyle/>
              <a:p>
                <a:pPr algn="r" defTabSz="342900"/>
                <a:r>
                  <a:rPr lang="en-US" sz="1100" b="1" dirty="0" smtClean="0">
                    <a:solidFill>
                      <a:srgbClr val="AC8300"/>
                    </a:solidFill>
                    <a:latin typeface="Calibri" panose="020F0502020204030204" pitchFamily="34" charset="0"/>
                  </a:rPr>
                  <a:t>Jul 10 </a:t>
                </a:r>
              </a:p>
              <a:p>
                <a:pPr algn="r" defTabSz="342900"/>
                <a:r>
                  <a:rPr lang="en-US" sz="1100" dirty="0" smtClean="0">
                    <a:solidFill>
                      <a:srgbClr val="AC8300"/>
                    </a:solidFill>
                    <a:latin typeface="Calibri" panose="020F0502020204030204" pitchFamily="34" charset="0"/>
                  </a:rPr>
                  <a:t>2015</a:t>
                </a:r>
                <a:endParaRPr lang="en-US" sz="1100" dirty="0">
                  <a:solidFill>
                    <a:srgbClr val="AC8300"/>
                  </a:solidFill>
                  <a:latin typeface="Calibri" panose="020F0502020204030204" pitchFamily="34" charset="0"/>
                </a:endParaRPr>
              </a:p>
            </p:txBody>
          </p:sp>
          <p:sp>
            <p:nvSpPr>
              <p:cNvPr id="37380" name="Isosceles Triangle 37379"/>
              <p:cNvSpPr/>
              <p:nvPr/>
            </p:nvSpPr>
            <p:spPr bwMode="auto">
              <a:xfrm rot="10800000">
                <a:off x="3539556" y="2231199"/>
                <a:ext cx="130546" cy="63973"/>
              </a:xfrm>
              <a:prstGeom prst="triangle">
                <a:avLst/>
              </a:prstGeom>
              <a:solidFill>
                <a:srgbClr val="AC83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sp>
            <p:nvSpPr>
              <p:cNvPr id="323" name="Isosceles Triangle 322"/>
              <p:cNvSpPr/>
              <p:nvPr/>
            </p:nvSpPr>
            <p:spPr bwMode="auto">
              <a:xfrm rot="10800000">
                <a:off x="4410074" y="2229097"/>
                <a:ext cx="130546" cy="63973"/>
              </a:xfrm>
              <a:prstGeom prst="triangle">
                <a:avLst/>
              </a:prstGeom>
              <a:solidFill>
                <a:srgbClr val="AC83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37403" name="Group 37402"/>
            <p:cNvGrpSpPr/>
            <p:nvPr/>
          </p:nvGrpSpPr>
          <p:grpSpPr>
            <a:xfrm>
              <a:off x="936213" y="4822982"/>
              <a:ext cx="557854" cy="437766"/>
              <a:chOff x="936213" y="4822982"/>
              <a:chExt cx="557854" cy="437766"/>
            </a:xfrm>
          </p:grpSpPr>
          <p:sp>
            <p:nvSpPr>
              <p:cNvPr id="31" name="OTLSHAPE_M_be26852e1b3e48f89e225fa71ec067b2_Title"/>
              <p:cNvSpPr txBox="1"/>
              <p:nvPr>
                <p:custDataLst>
                  <p:tags r:id="rId142"/>
                </p:custDataLst>
              </p:nvPr>
            </p:nvSpPr>
            <p:spPr>
              <a:xfrm>
                <a:off x="936213" y="4822982"/>
                <a:ext cx="557854" cy="379036"/>
              </a:xfrm>
              <a:prstGeom prst="rect">
                <a:avLst/>
              </a:prstGeom>
              <a:noFill/>
            </p:spPr>
            <p:txBody>
              <a:bodyPr vert="horz" wrap="square" lIns="0" tIns="0" rIns="0" bIns="0" rtlCol="0" anchor="ctr" anchorCtr="0">
                <a:noAutofit/>
              </a:bodyPr>
              <a:lstStyle/>
              <a:p>
                <a:pPr defTabSz="342900"/>
                <a:r>
                  <a:rPr lang="en-US" sz="800" b="1" dirty="0">
                    <a:solidFill>
                      <a:srgbClr val="AC8300"/>
                    </a:solidFill>
                    <a:latin typeface="Calibri" panose="020F0502020204030204" pitchFamily="34" charset="0"/>
                  </a:rPr>
                  <a:t>Recirc. </a:t>
                </a:r>
                <a:r>
                  <a:rPr lang="en-US" sz="800" b="1" dirty="0" smtClean="0">
                    <a:solidFill>
                      <a:srgbClr val="AC8300"/>
                    </a:solidFill>
                    <a:latin typeface="Calibri" panose="020F0502020204030204" pitchFamily="34" charset="0"/>
                  </a:rPr>
                  <a:t>EIR/</a:t>
                </a:r>
              </a:p>
              <a:p>
                <a:pPr defTabSz="342900"/>
                <a:r>
                  <a:rPr lang="en-US" sz="800" b="1" dirty="0" smtClean="0">
                    <a:solidFill>
                      <a:srgbClr val="AC8300"/>
                    </a:solidFill>
                    <a:latin typeface="Calibri" panose="020F0502020204030204" pitchFamily="34" charset="0"/>
                  </a:rPr>
                  <a:t>EIS (NOA)</a:t>
                </a:r>
              </a:p>
              <a:p>
                <a:pPr defTabSz="342900"/>
                <a:r>
                  <a:rPr lang="en-US" sz="800" dirty="0" smtClean="0">
                    <a:solidFill>
                      <a:srgbClr val="AC8300"/>
                    </a:solidFill>
                    <a:latin typeface="Calibri" panose="020F0502020204030204" pitchFamily="34" charset="0"/>
                  </a:rPr>
                  <a:t>7/10/15</a:t>
                </a:r>
                <a:endParaRPr lang="en-US" sz="800" dirty="0">
                  <a:solidFill>
                    <a:srgbClr val="AC8300"/>
                  </a:solidFill>
                  <a:latin typeface="Calibri" panose="020F0502020204030204" pitchFamily="34" charset="0"/>
                </a:endParaRPr>
              </a:p>
            </p:txBody>
          </p:sp>
          <p:sp>
            <p:nvSpPr>
              <p:cNvPr id="358" name="Isosceles Triangle 357"/>
              <p:cNvSpPr/>
              <p:nvPr/>
            </p:nvSpPr>
            <p:spPr bwMode="auto">
              <a:xfrm rot="10800000">
                <a:off x="1059092" y="5196775"/>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369" name="Group 368"/>
            <p:cNvGrpSpPr/>
            <p:nvPr/>
          </p:nvGrpSpPr>
          <p:grpSpPr>
            <a:xfrm>
              <a:off x="2386561" y="4806255"/>
              <a:ext cx="786403" cy="449485"/>
              <a:chOff x="1072547" y="4806660"/>
              <a:chExt cx="786403" cy="449485"/>
            </a:xfrm>
          </p:grpSpPr>
          <p:sp>
            <p:nvSpPr>
              <p:cNvPr id="370" name="OTLSHAPE_M_be26852e1b3e48f89e225fa71ec067b2_Title"/>
              <p:cNvSpPr txBox="1"/>
              <p:nvPr>
                <p:custDataLst>
                  <p:tags r:id="rId141"/>
                </p:custDataLst>
              </p:nvPr>
            </p:nvSpPr>
            <p:spPr>
              <a:xfrm>
                <a:off x="1072547" y="4806660"/>
                <a:ext cx="786403" cy="379036"/>
              </a:xfrm>
              <a:prstGeom prst="rect">
                <a:avLst/>
              </a:prstGeom>
              <a:noFill/>
            </p:spPr>
            <p:txBody>
              <a:bodyPr vert="horz" wrap="square" lIns="0" tIns="0" rIns="0" bIns="0" rtlCol="0" anchor="ctr" anchorCtr="0">
                <a:noAutofit/>
              </a:bodyPr>
              <a:lstStyle/>
              <a:p>
                <a:pPr defTabSz="342900"/>
                <a:r>
                  <a:rPr lang="en-US" sz="800" b="1" dirty="0" smtClean="0">
                    <a:solidFill>
                      <a:srgbClr val="AC8300"/>
                    </a:solidFill>
                    <a:latin typeface="Calibri" panose="020F0502020204030204" pitchFamily="34" charset="0"/>
                  </a:rPr>
                  <a:t>2081(b) </a:t>
                </a:r>
              </a:p>
              <a:p>
                <a:pPr defTabSz="342900"/>
                <a:r>
                  <a:rPr lang="en-US" sz="800" b="1" dirty="0" smtClean="0">
                    <a:solidFill>
                      <a:srgbClr val="AC8300"/>
                    </a:solidFill>
                    <a:latin typeface="Calibri" panose="020F0502020204030204" pitchFamily="34" charset="0"/>
                  </a:rPr>
                  <a:t>Permit App</a:t>
                </a:r>
              </a:p>
              <a:p>
                <a:pPr defTabSz="342900"/>
                <a:r>
                  <a:rPr lang="en-US" sz="800" dirty="0" smtClean="0">
                    <a:solidFill>
                      <a:srgbClr val="AC8300"/>
                    </a:solidFill>
                    <a:latin typeface="Calibri" panose="020F0502020204030204" pitchFamily="34" charset="0"/>
                  </a:rPr>
                  <a:t>11/13/15</a:t>
                </a:r>
                <a:endParaRPr lang="en-US" sz="800" dirty="0">
                  <a:solidFill>
                    <a:srgbClr val="AC8300"/>
                  </a:solidFill>
                  <a:latin typeface="Calibri" panose="020F0502020204030204" pitchFamily="34" charset="0"/>
                </a:endParaRPr>
              </a:p>
            </p:txBody>
          </p:sp>
          <p:sp>
            <p:nvSpPr>
              <p:cNvPr id="371" name="Isosceles Triangle 370"/>
              <p:cNvSpPr/>
              <p:nvPr/>
            </p:nvSpPr>
            <p:spPr bwMode="auto">
              <a:xfrm rot="10800000">
                <a:off x="1087221" y="5192172"/>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15" name="Group 14"/>
            <p:cNvGrpSpPr/>
            <p:nvPr/>
          </p:nvGrpSpPr>
          <p:grpSpPr>
            <a:xfrm>
              <a:off x="3642050" y="5486632"/>
              <a:ext cx="721223" cy="371997"/>
              <a:chOff x="3642050" y="5486632"/>
              <a:chExt cx="721223" cy="371997"/>
            </a:xfrm>
          </p:grpSpPr>
          <p:sp>
            <p:nvSpPr>
              <p:cNvPr id="1854" name="OTLSHAPE_M_3fc7b54638f242b687d8b401132f406c_Title"/>
              <p:cNvSpPr txBox="1"/>
              <p:nvPr>
                <p:custDataLst>
                  <p:tags r:id="rId140"/>
                </p:custDataLst>
              </p:nvPr>
            </p:nvSpPr>
            <p:spPr>
              <a:xfrm>
                <a:off x="3642050" y="5492611"/>
                <a:ext cx="721223" cy="366018"/>
              </a:xfrm>
              <a:prstGeom prst="rect">
                <a:avLst/>
              </a:prstGeom>
              <a:noFill/>
            </p:spPr>
            <p:txBody>
              <a:bodyPr vert="horz" wrap="square" lIns="0" tIns="0" rIns="0" bIns="0" rtlCol="0" anchor="ctr" anchorCtr="0">
                <a:noAutofit/>
              </a:bodyPr>
              <a:lstStyle/>
              <a:p>
                <a:pPr algn="r" defTabSz="342900"/>
                <a:r>
                  <a:rPr lang="en-US" sz="800" b="1" dirty="0">
                    <a:solidFill>
                      <a:srgbClr val="AC8300"/>
                    </a:solidFill>
                    <a:latin typeface="Calibri" panose="020F0502020204030204" pitchFamily="34" charset="0"/>
                  </a:rPr>
                  <a:t>2081(b) </a:t>
                </a:r>
                <a:r>
                  <a:rPr lang="en-US" sz="800" b="1" dirty="0" smtClean="0">
                    <a:solidFill>
                      <a:srgbClr val="AC8300"/>
                    </a:solidFill>
                    <a:latin typeface="Calibri" panose="020F0502020204030204" pitchFamily="34" charset="0"/>
                  </a:rPr>
                  <a:t>Permit</a:t>
                </a:r>
              </a:p>
              <a:p>
                <a:pPr algn="r" defTabSz="342900"/>
                <a:r>
                  <a:rPr lang="en-US" sz="800" dirty="0" smtClean="0">
                    <a:solidFill>
                      <a:srgbClr val="AC8300"/>
                    </a:solidFill>
                    <a:latin typeface="Calibri" panose="020F0502020204030204" pitchFamily="34" charset="0"/>
                  </a:rPr>
                  <a:t>5/2/16</a:t>
                </a:r>
                <a:endParaRPr lang="en-US" sz="800" dirty="0">
                  <a:solidFill>
                    <a:srgbClr val="AC8300"/>
                  </a:solidFill>
                  <a:latin typeface="Calibri" panose="020F0502020204030204" pitchFamily="34" charset="0"/>
                </a:endParaRPr>
              </a:p>
            </p:txBody>
          </p:sp>
          <p:sp>
            <p:nvSpPr>
              <p:cNvPr id="374" name="Isosceles Triangle 373"/>
              <p:cNvSpPr/>
              <p:nvPr/>
            </p:nvSpPr>
            <p:spPr bwMode="auto">
              <a:xfrm>
                <a:off x="4232727" y="5486632"/>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u="sng" dirty="0" smtClean="0">
                  <a:solidFill>
                    <a:prstClr val="white"/>
                  </a:solidFill>
                  <a:latin typeface="Arial" charset="0"/>
                </a:endParaRPr>
              </a:p>
            </p:txBody>
          </p:sp>
        </p:grpSp>
        <p:grpSp>
          <p:nvGrpSpPr>
            <p:cNvPr id="17" name="Group 16"/>
            <p:cNvGrpSpPr/>
            <p:nvPr/>
          </p:nvGrpSpPr>
          <p:grpSpPr>
            <a:xfrm>
              <a:off x="4467187" y="4838522"/>
              <a:ext cx="693570" cy="422225"/>
              <a:chOff x="4467187" y="4838522"/>
              <a:chExt cx="693570" cy="422225"/>
            </a:xfrm>
          </p:grpSpPr>
          <p:grpSp>
            <p:nvGrpSpPr>
              <p:cNvPr id="37395" name="Group 37394"/>
              <p:cNvGrpSpPr/>
              <p:nvPr/>
            </p:nvGrpSpPr>
            <p:grpSpPr>
              <a:xfrm>
                <a:off x="4467187" y="4838522"/>
                <a:ext cx="693570" cy="320454"/>
                <a:chOff x="4799830" y="4601778"/>
                <a:chExt cx="693570" cy="320454"/>
              </a:xfrm>
            </p:grpSpPr>
            <p:sp>
              <p:nvSpPr>
                <p:cNvPr id="1848" name="OTLSHAPE_M_a2828712012642f5b056f9c0a3271f78_Title"/>
                <p:cNvSpPr txBox="1"/>
                <p:nvPr>
                  <p:custDataLst>
                    <p:tags r:id="rId139"/>
                  </p:custDataLst>
                </p:nvPr>
              </p:nvSpPr>
              <p:spPr>
                <a:xfrm>
                  <a:off x="4876189" y="4636587"/>
                  <a:ext cx="540853" cy="250836"/>
                </a:xfrm>
                <a:prstGeom prst="rect">
                  <a:avLst/>
                </a:prstGeom>
                <a:noFill/>
              </p:spPr>
              <p:txBody>
                <a:bodyPr vert="horz" wrap="square" lIns="0" tIns="0" rIns="0" bIns="0" rtlCol="0" anchor="ctr" anchorCtr="0">
                  <a:noAutofit/>
                </a:bodyPr>
                <a:lstStyle/>
                <a:p>
                  <a:pPr algn="ctr" defTabSz="342900"/>
                  <a:r>
                    <a:rPr lang="en-US" sz="800" b="1" dirty="0">
                      <a:solidFill>
                        <a:srgbClr val="AC8300"/>
                      </a:solidFill>
                      <a:latin typeface="Calibri" panose="020F0502020204030204" pitchFamily="34" charset="0"/>
                    </a:rPr>
                    <a:t>ROD/NOD</a:t>
                  </a:r>
                  <a:r>
                    <a:rPr lang="en-US" sz="800" b="1" dirty="0" smtClean="0">
                      <a:solidFill>
                        <a:srgbClr val="AC8300"/>
                      </a:solidFill>
                      <a:latin typeface="Calibri" panose="020F0502020204030204" pitchFamily="34" charset="0"/>
                    </a:rPr>
                    <a:t>*</a:t>
                  </a:r>
                </a:p>
                <a:p>
                  <a:pPr algn="ctr" defTabSz="342900"/>
                  <a:r>
                    <a:rPr lang="en-US" sz="800" dirty="0" smtClean="0">
                      <a:solidFill>
                        <a:srgbClr val="AC8300"/>
                      </a:solidFill>
                      <a:latin typeface="Calibri" panose="020F0502020204030204" pitchFamily="34" charset="0"/>
                    </a:rPr>
                    <a:t>6/20/16</a:t>
                  </a:r>
                  <a:endParaRPr lang="en-US" sz="800" dirty="0">
                    <a:solidFill>
                      <a:srgbClr val="AC8300"/>
                    </a:solidFill>
                    <a:latin typeface="Calibri" panose="020F0502020204030204" pitchFamily="34" charset="0"/>
                  </a:endParaRPr>
                </a:p>
              </p:txBody>
            </p:sp>
            <p:sp>
              <p:nvSpPr>
                <p:cNvPr id="229" name="Oval 228"/>
                <p:cNvSpPr/>
                <p:nvPr/>
              </p:nvSpPr>
              <p:spPr>
                <a:xfrm>
                  <a:off x="4799830" y="4601778"/>
                  <a:ext cx="693570" cy="320454"/>
                </a:xfrm>
                <a:prstGeom prst="ellipse">
                  <a:avLst/>
                </a:prstGeom>
                <a:noFill/>
                <a:ln w="19050" cap="rnd" cmpd="sng" algn="ctr">
                  <a:solidFill>
                    <a:srgbClr val="544000"/>
                  </a:solidFill>
                  <a:prstDash val="solid"/>
                </a:ln>
                <a:effectLst/>
              </p:spPr>
              <p:txBody>
                <a:bodyPr rtlCol="0" anchor="ctr"/>
                <a:lstStyle/>
                <a:p>
                  <a:pPr algn="ctr" defTabSz="617220">
                    <a:defRPr/>
                  </a:pPr>
                  <a:endParaRPr lang="en-US" sz="1620" kern="0" dirty="0">
                    <a:solidFill>
                      <a:prstClr val="black"/>
                    </a:solidFill>
                    <a:latin typeface="Century Gothic" panose="020B0502020202020204"/>
                  </a:endParaRPr>
                </a:p>
              </p:txBody>
            </p:sp>
          </p:grpSp>
          <p:sp>
            <p:nvSpPr>
              <p:cNvPr id="376" name="Isosceles Triangle 375"/>
              <p:cNvSpPr/>
              <p:nvPr/>
            </p:nvSpPr>
            <p:spPr bwMode="auto">
              <a:xfrm rot="10800000">
                <a:off x="4749277" y="5196774"/>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u="sng" dirty="0" smtClean="0">
                  <a:solidFill>
                    <a:prstClr val="white"/>
                  </a:solidFill>
                  <a:latin typeface="Arial" charset="0"/>
                </a:endParaRPr>
              </a:p>
            </p:txBody>
          </p:sp>
        </p:grpSp>
        <p:grpSp>
          <p:nvGrpSpPr>
            <p:cNvPr id="16" name="Group 15"/>
            <p:cNvGrpSpPr/>
            <p:nvPr/>
          </p:nvGrpSpPr>
          <p:grpSpPr>
            <a:xfrm>
              <a:off x="4123491" y="4624106"/>
              <a:ext cx="636380" cy="635628"/>
              <a:chOff x="4123491" y="4624106"/>
              <a:chExt cx="636380" cy="635628"/>
            </a:xfrm>
          </p:grpSpPr>
          <p:cxnSp>
            <p:nvCxnSpPr>
              <p:cNvPr id="37400" name="Straight Connector 37399"/>
              <p:cNvCxnSpPr/>
              <p:nvPr/>
            </p:nvCxnSpPr>
            <p:spPr bwMode="auto">
              <a:xfrm>
                <a:off x="4418197" y="4873331"/>
                <a:ext cx="0" cy="355430"/>
              </a:xfrm>
              <a:prstGeom prst="line">
                <a:avLst/>
              </a:prstGeom>
              <a:solidFill>
                <a:schemeClr val="accent1"/>
              </a:solidFill>
              <a:ln w="6350" cap="flat" cmpd="sng" algn="ctr">
                <a:solidFill>
                  <a:srgbClr val="AC8300"/>
                </a:solidFill>
                <a:prstDash val="solid"/>
                <a:round/>
                <a:headEnd type="none" w="med" len="med"/>
                <a:tailEnd type="none" w="med" len="med"/>
              </a:ln>
              <a:effectLst/>
            </p:spPr>
          </p:cxnSp>
          <p:sp>
            <p:nvSpPr>
              <p:cNvPr id="1844" name="OTLSHAPE_M_76892758d7e64796a62bbacc9dceefcd_Title"/>
              <p:cNvSpPr txBox="1"/>
              <p:nvPr>
                <p:custDataLst>
                  <p:tags r:id="rId138"/>
                </p:custDataLst>
              </p:nvPr>
            </p:nvSpPr>
            <p:spPr>
              <a:xfrm>
                <a:off x="4123491" y="4624106"/>
                <a:ext cx="636380" cy="246221"/>
              </a:xfrm>
              <a:prstGeom prst="rect">
                <a:avLst/>
              </a:prstGeom>
              <a:noFill/>
            </p:spPr>
            <p:txBody>
              <a:bodyPr vert="horz" wrap="square" lIns="0" tIns="0" rIns="0" bIns="0" rtlCol="0" anchor="ctr" anchorCtr="0">
                <a:spAutoFit/>
              </a:bodyPr>
              <a:lstStyle/>
              <a:p>
                <a:pPr defTabSz="342900"/>
                <a:r>
                  <a:rPr lang="en-US" sz="800" b="1" dirty="0">
                    <a:solidFill>
                      <a:srgbClr val="AC8300"/>
                    </a:solidFill>
                    <a:latin typeface="Calibri" panose="020F0502020204030204" pitchFamily="34" charset="0"/>
                  </a:rPr>
                  <a:t>Final </a:t>
                </a:r>
                <a:r>
                  <a:rPr lang="en-US" sz="800" b="1" dirty="0" smtClean="0">
                    <a:solidFill>
                      <a:srgbClr val="AC8300"/>
                    </a:solidFill>
                    <a:latin typeface="Calibri" panose="020F0502020204030204" pitchFamily="34" charset="0"/>
                  </a:rPr>
                  <a:t>EIR/EIS</a:t>
                </a:r>
              </a:p>
              <a:p>
                <a:pPr defTabSz="342900"/>
                <a:r>
                  <a:rPr lang="en-US" sz="800" dirty="0" smtClean="0">
                    <a:solidFill>
                      <a:srgbClr val="AC8300"/>
                    </a:solidFill>
                    <a:latin typeface="Calibri" panose="020F0502020204030204" pitchFamily="34" charset="0"/>
                  </a:rPr>
                  <a:t>5/13/16</a:t>
                </a:r>
                <a:endParaRPr lang="en-US" sz="800" dirty="0">
                  <a:solidFill>
                    <a:srgbClr val="AC8300"/>
                  </a:solidFill>
                  <a:latin typeface="Calibri" panose="020F0502020204030204" pitchFamily="34" charset="0"/>
                </a:endParaRPr>
              </a:p>
            </p:txBody>
          </p:sp>
          <p:sp>
            <p:nvSpPr>
              <p:cNvPr id="380" name="Isosceles Triangle 379"/>
              <p:cNvSpPr/>
              <p:nvPr/>
            </p:nvSpPr>
            <p:spPr bwMode="auto">
              <a:xfrm rot="10800000">
                <a:off x="4352925" y="5195761"/>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u="sng" dirty="0" smtClean="0">
                  <a:solidFill>
                    <a:prstClr val="white"/>
                  </a:solidFill>
                  <a:latin typeface="Arial" charset="0"/>
                </a:endParaRPr>
              </a:p>
            </p:txBody>
          </p:sp>
        </p:grpSp>
      </p:grpSp>
      <p:grpSp>
        <p:nvGrpSpPr>
          <p:cNvPr id="20" name="Group 19"/>
          <p:cNvGrpSpPr/>
          <p:nvPr/>
        </p:nvGrpSpPr>
        <p:grpSpPr>
          <a:xfrm>
            <a:off x="474852" y="3729697"/>
            <a:ext cx="7632216" cy="2770134"/>
            <a:chOff x="474852" y="3120096"/>
            <a:chExt cx="7632216" cy="2770134"/>
          </a:xfrm>
        </p:grpSpPr>
        <p:grpSp>
          <p:nvGrpSpPr>
            <p:cNvPr id="357" name="Group 356"/>
            <p:cNvGrpSpPr/>
            <p:nvPr/>
          </p:nvGrpSpPr>
          <p:grpSpPr>
            <a:xfrm>
              <a:off x="474852" y="3120096"/>
              <a:ext cx="7280085" cy="537504"/>
              <a:chOff x="474852" y="2746120"/>
              <a:chExt cx="7280085" cy="537504"/>
            </a:xfrm>
          </p:grpSpPr>
          <p:sp>
            <p:nvSpPr>
              <p:cNvPr id="37625" name="OTLSHAPE_T_20c44ef5e00542f191bde5c51f892681_Shape"/>
              <p:cNvSpPr/>
              <p:nvPr>
                <p:custDataLst>
                  <p:tags r:id="rId125"/>
                </p:custDataLst>
              </p:nvPr>
            </p:nvSpPr>
            <p:spPr>
              <a:xfrm>
                <a:off x="1604391" y="2954608"/>
                <a:ext cx="3213467"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17" name="OTLSHAPE_T_f97f3b760d6f49f6b8de06cc72b126d4_Shape"/>
              <p:cNvSpPr/>
              <p:nvPr>
                <p:custDataLst>
                  <p:tags r:id="rId126"/>
                </p:custDataLst>
              </p:nvPr>
            </p:nvSpPr>
            <p:spPr>
              <a:xfrm>
                <a:off x="1063625" y="2954758"/>
                <a:ext cx="523875"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24" name="OTLSHAPE_T_f97f3b760d6f49f6b8de06cc72b126d4_Title"/>
              <p:cNvSpPr txBox="1"/>
              <p:nvPr>
                <p:custDataLst>
                  <p:tags r:id="rId127"/>
                </p:custDataLst>
              </p:nvPr>
            </p:nvSpPr>
            <p:spPr>
              <a:xfrm>
                <a:off x="1100334" y="3008513"/>
                <a:ext cx="412220" cy="201688"/>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SWRCB Petition</a:t>
                </a:r>
              </a:p>
            </p:txBody>
          </p:sp>
          <p:sp>
            <p:nvSpPr>
              <p:cNvPr id="37632" name="OTLSHAPE_T_20c44ef5e00542f191bde5c51f892681_Title"/>
              <p:cNvSpPr txBox="1"/>
              <p:nvPr>
                <p:custDataLst>
                  <p:tags r:id="rId128"/>
                </p:custDataLst>
              </p:nvPr>
            </p:nvSpPr>
            <p:spPr>
              <a:xfrm>
                <a:off x="1655025" y="3006668"/>
                <a:ext cx="2784335" cy="211441"/>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Public Notice of Petition, Hearing and Closing Briefs</a:t>
                </a:r>
              </a:p>
            </p:txBody>
          </p:sp>
          <p:sp>
            <p:nvSpPr>
              <p:cNvPr id="37641" name="OTLSHAPE_T_86b350eb9d5049b68fa8355e8275f8de_Shape"/>
              <p:cNvSpPr/>
              <p:nvPr>
                <p:custDataLst>
                  <p:tags r:id="rId129"/>
                </p:custDataLst>
              </p:nvPr>
            </p:nvSpPr>
            <p:spPr>
              <a:xfrm>
                <a:off x="4844722" y="2962885"/>
                <a:ext cx="1679901"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48" name="OTLSHAPE_T_86b350eb9d5049b68fa8355e8275f8de_Title"/>
              <p:cNvSpPr txBox="1"/>
              <p:nvPr>
                <p:custDataLst>
                  <p:tags r:id="rId130"/>
                </p:custDataLst>
              </p:nvPr>
            </p:nvSpPr>
            <p:spPr>
              <a:xfrm>
                <a:off x="4888567" y="2976732"/>
                <a:ext cx="1385790" cy="291057"/>
              </a:xfrm>
              <a:prstGeom prst="rect">
                <a:avLst/>
              </a:prstGeom>
              <a:noFill/>
            </p:spPr>
            <p:txBody>
              <a:bodyPr vert="horz" wrap="square" lIns="0" tIns="0" rIns="0" bIns="0" rtlCol="0" anchor="ctr" anchorCtr="0">
                <a:noAutofit/>
              </a:bodyPr>
              <a:lstStyle/>
              <a:p>
                <a:pPr defTabSz="342900"/>
                <a:r>
                  <a:rPr lang="en-US" sz="1000" spc="-3" dirty="0">
                    <a:solidFill>
                      <a:prstClr val="black"/>
                    </a:solidFill>
                    <a:latin typeface="Calibri" panose="020F0502020204030204" pitchFamily="34" charset="0"/>
                  </a:rPr>
                  <a:t>Draft Order, and Comments on Draft Order</a:t>
                </a:r>
              </a:p>
            </p:txBody>
          </p:sp>
          <p:sp>
            <p:nvSpPr>
              <p:cNvPr id="37657" name="OTLSHAPE_T_3f234ea9b2aa44708282b8931f9ecca2_Shape"/>
              <p:cNvSpPr/>
              <p:nvPr>
                <p:custDataLst>
                  <p:tags r:id="rId131"/>
                </p:custDataLst>
              </p:nvPr>
            </p:nvSpPr>
            <p:spPr>
              <a:xfrm>
                <a:off x="6553200" y="2963584"/>
                <a:ext cx="656176"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64" name="OTLSHAPE_T_3f234ea9b2aa44708282b8931f9ecca2_Title"/>
              <p:cNvSpPr txBox="1"/>
              <p:nvPr>
                <p:custDataLst>
                  <p:tags r:id="rId132"/>
                </p:custDataLst>
              </p:nvPr>
            </p:nvSpPr>
            <p:spPr>
              <a:xfrm>
                <a:off x="6603513" y="2970346"/>
                <a:ext cx="562370" cy="284460"/>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Consider Adoption</a:t>
                </a:r>
              </a:p>
            </p:txBody>
          </p:sp>
          <p:sp>
            <p:nvSpPr>
              <p:cNvPr id="266" name="OTLSHAPE_T_7f0581380de84589a72c0a100a27b9a3_JoinedDate"/>
              <p:cNvSpPr txBox="1"/>
              <p:nvPr>
                <p:custDataLst>
                  <p:tags r:id="rId133"/>
                </p:custDataLst>
              </p:nvPr>
            </p:nvSpPr>
            <p:spPr>
              <a:xfrm>
                <a:off x="1393315" y="2746120"/>
                <a:ext cx="412100" cy="164919"/>
              </a:xfrm>
              <a:prstGeom prst="rect">
                <a:avLst/>
              </a:prstGeom>
              <a:noFill/>
            </p:spPr>
            <p:txBody>
              <a:bodyPr vert="horz" wrap="square" lIns="0" tIns="0" rIns="0" bIns="0" rtlCol="0" anchor="ctr" anchorCtr="0">
                <a:noAutofit/>
              </a:bodyPr>
              <a:lstStyle/>
              <a:p>
                <a:pPr algn="r" defTabSz="342900"/>
                <a:r>
                  <a:rPr lang="en-US" sz="800" dirty="0">
                    <a:solidFill>
                      <a:srgbClr val="9966FF"/>
                    </a:solidFill>
                    <a:latin typeface="Calibri" panose="020F0502020204030204" pitchFamily="34" charset="0"/>
                  </a:rPr>
                  <a:t>08/26/15</a:t>
                </a:r>
              </a:p>
            </p:txBody>
          </p:sp>
          <p:sp>
            <p:nvSpPr>
              <p:cNvPr id="267" name="OTLSHAPE_T_7f0581380de84589a72c0a100a27b9a3_JoinedDate"/>
              <p:cNvSpPr txBox="1"/>
              <p:nvPr>
                <p:custDataLst>
                  <p:tags r:id="rId134"/>
                </p:custDataLst>
              </p:nvPr>
            </p:nvSpPr>
            <p:spPr>
              <a:xfrm>
                <a:off x="4369380" y="3019222"/>
                <a:ext cx="400520" cy="200736"/>
              </a:xfrm>
              <a:prstGeom prst="rect">
                <a:avLst/>
              </a:prstGeom>
              <a:noFill/>
            </p:spPr>
            <p:txBody>
              <a:bodyPr vert="horz" wrap="square" lIns="0" tIns="0" rIns="0" bIns="0" rtlCol="0" anchor="ctr" anchorCtr="0">
                <a:noAutofit/>
              </a:bodyPr>
              <a:lstStyle/>
              <a:p>
                <a:pPr algn="r" defTabSz="342900"/>
                <a:r>
                  <a:rPr lang="en-US" sz="800" b="1" dirty="0">
                    <a:solidFill>
                      <a:prstClr val="black"/>
                    </a:solidFill>
                    <a:latin typeface="Calibri" panose="020F0502020204030204" pitchFamily="34" charset="0"/>
                  </a:rPr>
                  <a:t>05/25/16</a:t>
                </a:r>
              </a:p>
            </p:txBody>
          </p:sp>
          <p:sp>
            <p:nvSpPr>
              <p:cNvPr id="268" name="OTLSHAPE_T_3f234ea9b2aa44708282b8931f9ecca2_JoinedDate"/>
              <p:cNvSpPr txBox="1"/>
              <p:nvPr>
                <p:custDataLst>
                  <p:tags r:id="rId135"/>
                </p:custDataLst>
              </p:nvPr>
            </p:nvSpPr>
            <p:spPr>
              <a:xfrm>
                <a:off x="6062783" y="3006668"/>
                <a:ext cx="406065" cy="147429"/>
              </a:xfrm>
              <a:prstGeom prst="rect">
                <a:avLst/>
              </a:prstGeom>
              <a:noFill/>
            </p:spPr>
            <p:txBody>
              <a:bodyPr vert="horz" wrap="square" lIns="0" tIns="0" rIns="0" bIns="0" rtlCol="0" anchor="ctr" anchorCtr="0">
                <a:noAutofit/>
              </a:bodyPr>
              <a:lstStyle/>
              <a:p>
                <a:pPr algn="r" defTabSz="342900"/>
                <a:r>
                  <a:rPr lang="en-US" sz="700" b="1" dirty="0">
                    <a:solidFill>
                      <a:prstClr val="black"/>
                    </a:solidFill>
                    <a:latin typeface="Calibri" panose="020F0502020204030204" pitchFamily="34" charset="0"/>
                  </a:rPr>
                  <a:t>11/24/16</a:t>
                </a:r>
              </a:p>
            </p:txBody>
          </p:sp>
          <p:sp>
            <p:nvSpPr>
              <p:cNvPr id="329" name="OTLSHAPE_T_f8c207a25c6540c8a69187f0375fa012_JoinedDate"/>
              <p:cNvSpPr txBox="1"/>
              <p:nvPr>
                <p:custDataLst>
                  <p:tags r:id="rId136"/>
                </p:custDataLst>
              </p:nvPr>
            </p:nvSpPr>
            <p:spPr>
              <a:xfrm>
                <a:off x="7249638" y="2973901"/>
                <a:ext cx="505299" cy="298008"/>
              </a:xfrm>
              <a:prstGeom prst="rect">
                <a:avLst/>
              </a:prstGeom>
              <a:noFill/>
            </p:spPr>
            <p:txBody>
              <a:bodyPr vert="horz" wrap="square" lIns="0" tIns="0" rIns="0" bIns="0" rtlCol="0" anchor="ctr" anchorCtr="0">
                <a:noAutofit/>
              </a:bodyPr>
              <a:lstStyle/>
              <a:p>
                <a:pPr defTabSz="342900"/>
                <a:r>
                  <a:rPr lang="en-US" sz="1100" b="1" dirty="0" smtClean="0">
                    <a:solidFill>
                      <a:srgbClr val="7030A0"/>
                    </a:solidFill>
                    <a:latin typeface="Calibri" panose="020F0502020204030204" pitchFamily="34" charset="0"/>
                  </a:rPr>
                  <a:t>Jan 25 </a:t>
                </a:r>
              </a:p>
              <a:p>
                <a:pPr defTabSz="342900"/>
                <a:r>
                  <a:rPr lang="en-US" sz="1100" dirty="0" smtClean="0">
                    <a:solidFill>
                      <a:srgbClr val="7030A0"/>
                    </a:solidFill>
                    <a:latin typeface="Calibri" panose="020F0502020204030204" pitchFamily="34" charset="0"/>
                  </a:rPr>
                  <a:t>2017</a:t>
                </a:r>
                <a:endParaRPr lang="en-US" sz="1100" dirty="0">
                  <a:solidFill>
                    <a:srgbClr val="7030A0"/>
                  </a:solidFill>
                  <a:latin typeface="Calibri" panose="020F0502020204030204" pitchFamily="34" charset="0"/>
                </a:endParaRPr>
              </a:p>
            </p:txBody>
          </p:sp>
          <p:sp>
            <p:nvSpPr>
              <p:cNvPr id="338" name="OTLSHAPE_T_f8c207a25c6540c8a69187f0375fa012_JoinedDate"/>
              <p:cNvSpPr txBox="1"/>
              <p:nvPr>
                <p:custDataLst>
                  <p:tags r:id="rId137"/>
                </p:custDataLst>
              </p:nvPr>
            </p:nvSpPr>
            <p:spPr>
              <a:xfrm>
                <a:off x="474852" y="2954511"/>
                <a:ext cx="505299" cy="298008"/>
              </a:xfrm>
              <a:prstGeom prst="rect">
                <a:avLst/>
              </a:prstGeom>
              <a:noFill/>
            </p:spPr>
            <p:txBody>
              <a:bodyPr vert="horz" wrap="square" lIns="0" tIns="0" rIns="0" bIns="0" rtlCol="0" anchor="ctr" anchorCtr="0">
                <a:noAutofit/>
              </a:bodyPr>
              <a:lstStyle/>
              <a:p>
                <a:pPr algn="r" defTabSz="342900"/>
                <a:r>
                  <a:rPr lang="en-US" sz="1100" b="1" dirty="0" smtClean="0">
                    <a:solidFill>
                      <a:srgbClr val="7030A0"/>
                    </a:solidFill>
                    <a:latin typeface="Calibri" panose="020F0502020204030204" pitchFamily="34" charset="0"/>
                  </a:rPr>
                  <a:t>Jul 10 </a:t>
                </a:r>
              </a:p>
              <a:p>
                <a:pPr algn="r" defTabSz="342900"/>
                <a:r>
                  <a:rPr lang="en-US" sz="1100" dirty="0" smtClean="0">
                    <a:solidFill>
                      <a:srgbClr val="7030A0"/>
                    </a:solidFill>
                    <a:latin typeface="Calibri" panose="020F0502020204030204" pitchFamily="34" charset="0"/>
                  </a:rPr>
                  <a:t>2015</a:t>
                </a:r>
                <a:endParaRPr lang="en-US" sz="1100" dirty="0">
                  <a:solidFill>
                    <a:srgbClr val="7030A0"/>
                  </a:solidFill>
                  <a:latin typeface="Calibri" panose="020F0502020204030204" pitchFamily="34" charset="0"/>
                </a:endParaRPr>
              </a:p>
            </p:txBody>
          </p:sp>
          <p:sp>
            <p:nvSpPr>
              <p:cNvPr id="333" name="Isosceles Triangle 332"/>
              <p:cNvSpPr/>
              <p:nvPr/>
            </p:nvSpPr>
            <p:spPr bwMode="auto">
              <a:xfrm rot="10800000">
                <a:off x="1530673" y="2888835"/>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37402" name="Group 37401"/>
            <p:cNvGrpSpPr/>
            <p:nvPr/>
          </p:nvGrpSpPr>
          <p:grpSpPr>
            <a:xfrm>
              <a:off x="7157504" y="4786451"/>
              <a:ext cx="949564" cy="466744"/>
              <a:chOff x="7157504" y="4786451"/>
              <a:chExt cx="949564" cy="466744"/>
            </a:xfrm>
          </p:grpSpPr>
          <p:sp>
            <p:nvSpPr>
              <p:cNvPr id="1851" name="OTLSHAPE_M_a7a85e86209644be979d4afc8895e5d8_Title"/>
              <p:cNvSpPr txBox="1"/>
              <p:nvPr>
                <p:custDataLst>
                  <p:tags r:id="rId124"/>
                </p:custDataLst>
              </p:nvPr>
            </p:nvSpPr>
            <p:spPr>
              <a:xfrm>
                <a:off x="7157504" y="4786451"/>
                <a:ext cx="949564" cy="439841"/>
              </a:xfrm>
              <a:prstGeom prst="rect">
                <a:avLst/>
              </a:prstGeom>
              <a:noFill/>
            </p:spPr>
            <p:txBody>
              <a:bodyPr vert="horz" wrap="square" lIns="0" tIns="0" rIns="0" bIns="0" rtlCol="0" anchor="ctr" anchorCtr="0">
                <a:noAutofit/>
              </a:bodyPr>
              <a:lstStyle/>
              <a:p>
                <a:pPr defTabSz="342900"/>
                <a:r>
                  <a:rPr lang="en-US" sz="800" b="1" spc="-2" dirty="0">
                    <a:solidFill>
                      <a:srgbClr val="7030A0"/>
                    </a:solidFill>
                    <a:latin typeface="Calibri" panose="020F0502020204030204" pitchFamily="34" charset="0"/>
                  </a:rPr>
                  <a:t>CPOD </a:t>
                </a:r>
                <a:r>
                  <a:rPr lang="en-US" sz="800" b="1" spc="-2" dirty="0" smtClean="0">
                    <a:solidFill>
                      <a:srgbClr val="7030A0"/>
                    </a:solidFill>
                    <a:latin typeface="Calibri" panose="020F0502020204030204" pitchFamily="34" charset="0"/>
                  </a:rPr>
                  <a:t>Approval—</a:t>
                </a:r>
              </a:p>
              <a:p>
                <a:pPr defTabSz="342900"/>
                <a:r>
                  <a:rPr lang="en-US" sz="800" b="1" i="1" spc="-2" dirty="0" smtClean="0">
                    <a:solidFill>
                      <a:srgbClr val="7030A0"/>
                    </a:solidFill>
                    <a:latin typeface="Calibri" panose="020F0502020204030204" pitchFamily="34" charset="0"/>
                  </a:rPr>
                  <a:t>Best Case</a:t>
                </a:r>
              </a:p>
              <a:p>
                <a:pPr defTabSz="342900"/>
                <a:r>
                  <a:rPr lang="en-US" sz="800" spc="-2" dirty="0" smtClean="0">
                    <a:solidFill>
                      <a:srgbClr val="7030A0"/>
                    </a:solidFill>
                    <a:latin typeface="Calibri" panose="020F0502020204030204" pitchFamily="34" charset="0"/>
                  </a:rPr>
                  <a:t>1/25/17</a:t>
                </a:r>
                <a:endParaRPr lang="en-US" sz="800" spc="-2" dirty="0">
                  <a:solidFill>
                    <a:srgbClr val="7030A0"/>
                  </a:solidFill>
                  <a:latin typeface="Calibri" panose="020F0502020204030204" pitchFamily="34" charset="0"/>
                </a:endParaRPr>
              </a:p>
            </p:txBody>
          </p:sp>
          <p:sp>
            <p:nvSpPr>
              <p:cNvPr id="356" name="Isosceles Triangle 355"/>
              <p:cNvSpPr/>
              <p:nvPr/>
            </p:nvSpPr>
            <p:spPr bwMode="auto">
              <a:xfrm rot="10800000">
                <a:off x="7175697" y="5189222"/>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19" name="Group 18"/>
            <p:cNvGrpSpPr/>
            <p:nvPr/>
          </p:nvGrpSpPr>
          <p:grpSpPr>
            <a:xfrm>
              <a:off x="1490621" y="5490897"/>
              <a:ext cx="874947" cy="399333"/>
              <a:chOff x="1490621" y="5490897"/>
              <a:chExt cx="874947" cy="399333"/>
            </a:xfrm>
          </p:grpSpPr>
          <p:sp>
            <p:nvSpPr>
              <p:cNvPr id="1826" name="OTLSHAPE_M_4a67e48b216f4ec5b27ecdc82ebbedb6_Title"/>
              <p:cNvSpPr txBox="1"/>
              <p:nvPr>
                <p:custDataLst>
                  <p:tags r:id="rId123"/>
                </p:custDataLst>
              </p:nvPr>
            </p:nvSpPr>
            <p:spPr>
              <a:xfrm>
                <a:off x="1492859" y="5593487"/>
                <a:ext cx="872709" cy="296743"/>
              </a:xfrm>
              <a:prstGeom prst="rect">
                <a:avLst/>
              </a:prstGeom>
              <a:noFill/>
            </p:spPr>
            <p:txBody>
              <a:bodyPr vert="horz" wrap="square" lIns="0" tIns="0" rIns="0" bIns="0" rtlCol="0" anchor="ctr" anchorCtr="0">
                <a:noAutofit/>
              </a:bodyPr>
              <a:lstStyle/>
              <a:p>
                <a:pPr defTabSz="342900"/>
                <a:r>
                  <a:rPr lang="en-US" sz="800" b="1" spc="-2" dirty="0">
                    <a:solidFill>
                      <a:srgbClr val="7030A0"/>
                    </a:solidFill>
                    <a:latin typeface="Calibri" panose="020F0502020204030204" pitchFamily="34" charset="0"/>
                  </a:rPr>
                  <a:t>SWRCB </a:t>
                </a:r>
                <a:r>
                  <a:rPr lang="en-US" sz="800" b="1" spc="-2" dirty="0" smtClean="0">
                    <a:solidFill>
                      <a:srgbClr val="7030A0"/>
                    </a:solidFill>
                    <a:latin typeface="Calibri" panose="020F0502020204030204" pitchFamily="34" charset="0"/>
                  </a:rPr>
                  <a:t>Permit </a:t>
                </a:r>
              </a:p>
              <a:p>
                <a:pPr defTabSz="342900"/>
                <a:r>
                  <a:rPr lang="en-US" sz="800" b="1" spc="-2" dirty="0" smtClean="0">
                    <a:solidFill>
                      <a:srgbClr val="7030A0"/>
                    </a:solidFill>
                    <a:latin typeface="Calibri" panose="020F0502020204030204" pitchFamily="34" charset="0"/>
                  </a:rPr>
                  <a:t>Petition</a:t>
                </a:r>
              </a:p>
              <a:p>
                <a:pPr defTabSz="342900"/>
                <a:r>
                  <a:rPr lang="en-US" sz="800" spc="-2" dirty="0" smtClean="0">
                    <a:solidFill>
                      <a:srgbClr val="7030A0"/>
                    </a:solidFill>
                    <a:latin typeface="Calibri" panose="020F0502020204030204" pitchFamily="34" charset="0"/>
                  </a:rPr>
                  <a:t>8/26/15</a:t>
                </a:r>
                <a:endParaRPr lang="en-US" sz="800" spc="-2" dirty="0">
                  <a:solidFill>
                    <a:srgbClr val="7030A0"/>
                  </a:solidFill>
                  <a:latin typeface="Calibri" panose="020F0502020204030204" pitchFamily="34" charset="0"/>
                </a:endParaRPr>
              </a:p>
            </p:txBody>
          </p:sp>
          <p:sp>
            <p:nvSpPr>
              <p:cNvPr id="385" name="Isosceles Triangle 384"/>
              <p:cNvSpPr/>
              <p:nvPr/>
            </p:nvSpPr>
            <p:spPr bwMode="auto">
              <a:xfrm>
                <a:off x="1490621" y="5490897"/>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grpSp>
        <p:nvGrpSpPr>
          <p:cNvPr id="25" name="Group 24"/>
          <p:cNvGrpSpPr/>
          <p:nvPr/>
        </p:nvGrpSpPr>
        <p:grpSpPr>
          <a:xfrm>
            <a:off x="881595" y="4785361"/>
            <a:ext cx="4635996" cy="1746135"/>
            <a:chOff x="881595" y="4175760"/>
            <a:chExt cx="4635996" cy="1746135"/>
          </a:xfrm>
        </p:grpSpPr>
        <p:grpSp>
          <p:nvGrpSpPr>
            <p:cNvPr id="346" name="Group 345"/>
            <p:cNvGrpSpPr/>
            <p:nvPr/>
          </p:nvGrpSpPr>
          <p:grpSpPr>
            <a:xfrm>
              <a:off x="881595" y="4175760"/>
              <a:ext cx="4635996" cy="320040"/>
              <a:chOff x="881595" y="3545718"/>
              <a:chExt cx="4635996" cy="320040"/>
            </a:xfrm>
          </p:grpSpPr>
          <p:sp>
            <p:nvSpPr>
              <p:cNvPr id="37665" name="OTLSHAPE_T_6ad78e1b5eda420db5a1ce4e6694182f_Shape"/>
              <p:cNvSpPr/>
              <p:nvPr>
                <p:custDataLst>
                  <p:tags r:id="rId120"/>
                </p:custDataLst>
              </p:nvPr>
            </p:nvSpPr>
            <p:spPr>
              <a:xfrm>
                <a:off x="1400037" y="3545718"/>
                <a:ext cx="3578962" cy="320040"/>
              </a:xfrm>
              <a:prstGeom prst="roundRect">
                <a:avLst/>
              </a:prstGeom>
              <a:solidFill>
                <a:srgbClr val="00B0F0"/>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28" name="OTLSHAPE_T_f8c207a25c6540c8a69187f0375fa012_JoinedDate"/>
              <p:cNvSpPr txBox="1"/>
              <p:nvPr>
                <p:custDataLst>
                  <p:tags r:id="rId121"/>
                </p:custDataLst>
              </p:nvPr>
            </p:nvSpPr>
            <p:spPr>
              <a:xfrm>
                <a:off x="5012292" y="3556663"/>
                <a:ext cx="505299" cy="298008"/>
              </a:xfrm>
              <a:prstGeom prst="rect">
                <a:avLst/>
              </a:prstGeom>
              <a:noFill/>
            </p:spPr>
            <p:txBody>
              <a:bodyPr vert="horz" wrap="square" lIns="0" tIns="0" rIns="0" bIns="0" rtlCol="0" anchor="ctr" anchorCtr="0">
                <a:noAutofit/>
              </a:bodyPr>
              <a:lstStyle/>
              <a:p>
                <a:pPr defTabSz="342900"/>
                <a:r>
                  <a:rPr lang="en-US" sz="1100" b="1" dirty="0" smtClean="0">
                    <a:solidFill>
                      <a:srgbClr val="0070C0"/>
                    </a:solidFill>
                    <a:latin typeface="Calibri" panose="020F0502020204030204" pitchFamily="34" charset="0"/>
                  </a:rPr>
                  <a:t>Jun 21 </a:t>
                </a:r>
              </a:p>
              <a:p>
                <a:pPr defTabSz="342900"/>
                <a:r>
                  <a:rPr lang="en-US" sz="1100" dirty="0" smtClean="0">
                    <a:solidFill>
                      <a:srgbClr val="0070C0"/>
                    </a:solidFill>
                    <a:latin typeface="Calibri" panose="020F0502020204030204" pitchFamily="34" charset="0"/>
                  </a:rPr>
                  <a:t>2016</a:t>
                </a:r>
                <a:endParaRPr lang="en-US" sz="1100" dirty="0">
                  <a:solidFill>
                    <a:srgbClr val="0070C0"/>
                  </a:solidFill>
                  <a:latin typeface="Calibri" panose="020F0502020204030204" pitchFamily="34" charset="0"/>
                </a:endParaRPr>
              </a:p>
            </p:txBody>
          </p:sp>
          <p:sp>
            <p:nvSpPr>
              <p:cNvPr id="339" name="OTLSHAPE_T_f8c207a25c6540c8a69187f0375fa012_JoinedDate"/>
              <p:cNvSpPr txBox="1"/>
              <p:nvPr>
                <p:custDataLst>
                  <p:tags r:id="rId122"/>
                </p:custDataLst>
              </p:nvPr>
            </p:nvSpPr>
            <p:spPr>
              <a:xfrm>
                <a:off x="881595" y="3561238"/>
                <a:ext cx="505299" cy="298008"/>
              </a:xfrm>
              <a:prstGeom prst="rect">
                <a:avLst/>
              </a:prstGeom>
              <a:noFill/>
            </p:spPr>
            <p:txBody>
              <a:bodyPr vert="horz" wrap="square" lIns="0" tIns="0" rIns="0" bIns="0" rtlCol="0" anchor="ctr" anchorCtr="0">
                <a:noAutofit/>
              </a:bodyPr>
              <a:lstStyle/>
              <a:p>
                <a:pPr algn="r" defTabSz="342900"/>
                <a:r>
                  <a:rPr lang="en-US" sz="1100" b="1" dirty="0" smtClean="0">
                    <a:solidFill>
                      <a:srgbClr val="0070C0"/>
                    </a:solidFill>
                    <a:latin typeface="Calibri" panose="020F0502020204030204" pitchFamily="34" charset="0"/>
                  </a:rPr>
                  <a:t>Aug 6 </a:t>
                </a:r>
              </a:p>
              <a:p>
                <a:pPr algn="r" defTabSz="342900"/>
                <a:r>
                  <a:rPr lang="en-US" sz="1100" dirty="0" smtClean="0">
                    <a:solidFill>
                      <a:srgbClr val="0070C0"/>
                    </a:solidFill>
                    <a:latin typeface="Calibri" panose="020F0502020204030204" pitchFamily="34" charset="0"/>
                  </a:rPr>
                  <a:t>2015</a:t>
                </a:r>
                <a:endParaRPr lang="en-US" sz="1100" dirty="0">
                  <a:solidFill>
                    <a:srgbClr val="0070C0"/>
                  </a:solidFill>
                  <a:latin typeface="Calibri" panose="020F0502020204030204" pitchFamily="34" charset="0"/>
                </a:endParaRPr>
              </a:p>
            </p:txBody>
          </p:sp>
        </p:grpSp>
        <p:grpSp>
          <p:nvGrpSpPr>
            <p:cNvPr id="21" name="Group 20"/>
            <p:cNvGrpSpPr/>
            <p:nvPr/>
          </p:nvGrpSpPr>
          <p:grpSpPr>
            <a:xfrm>
              <a:off x="1486361" y="4680775"/>
              <a:ext cx="390846" cy="578761"/>
              <a:chOff x="1486361" y="4680775"/>
              <a:chExt cx="390846" cy="578761"/>
            </a:xfrm>
          </p:grpSpPr>
          <p:sp>
            <p:nvSpPr>
              <p:cNvPr id="1832" name="OTLSHAPE_M_80d54634ce3b43a69fdb9d1f38aacf66_Title"/>
              <p:cNvSpPr txBox="1"/>
              <p:nvPr>
                <p:custDataLst>
                  <p:tags r:id="rId119"/>
                </p:custDataLst>
              </p:nvPr>
            </p:nvSpPr>
            <p:spPr>
              <a:xfrm>
                <a:off x="1486361" y="4680775"/>
                <a:ext cx="390846" cy="521375"/>
              </a:xfrm>
              <a:prstGeom prst="rect">
                <a:avLst/>
              </a:prstGeom>
              <a:noFill/>
            </p:spPr>
            <p:txBody>
              <a:bodyPr vert="horz" wrap="square" lIns="0" tIns="0" rIns="0" bIns="0" rtlCol="0" anchor="ctr" anchorCtr="0">
                <a:noAutofit/>
              </a:bodyPr>
              <a:lstStyle/>
              <a:p>
                <a:pPr defTabSz="342900"/>
                <a:r>
                  <a:rPr lang="en-US" sz="800" b="1" dirty="0" smtClean="0">
                    <a:solidFill>
                      <a:srgbClr val="0070C0"/>
                    </a:solidFill>
                    <a:latin typeface="Calibri" panose="020F0502020204030204" pitchFamily="34" charset="0"/>
                  </a:rPr>
                  <a:t>404 </a:t>
                </a:r>
              </a:p>
              <a:p>
                <a:pPr defTabSz="342900"/>
                <a:r>
                  <a:rPr lang="en-US" sz="800" b="1" dirty="0" smtClean="0">
                    <a:solidFill>
                      <a:srgbClr val="0070C0"/>
                    </a:solidFill>
                    <a:latin typeface="Calibri" panose="020F0502020204030204" pitchFamily="34" charset="0"/>
                  </a:rPr>
                  <a:t>Permit </a:t>
                </a:r>
              </a:p>
              <a:p>
                <a:pPr defTabSz="342900"/>
                <a:r>
                  <a:rPr lang="en-US" sz="800" b="1" dirty="0" smtClean="0">
                    <a:solidFill>
                      <a:srgbClr val="0070C0"/>
                    </a:solidFill>
                    <a:latin typeface="Calibri" panose="020F0502020204030204" pitchFamily="34" charset="0"/>
                  </a:rPr>
                  <a:t>App</a:t>
                </a:r>
              </a:p>
              <a:p>
                <a:pPr defTabSz="342900"/>
                <a:r>
                  <a:rPr lang="en-US" sz="800" dirty="0" smtClean="0">
                    <a:solidFill>
                      <a:srgbClr val="0070C0"/>
                    </a:solidFill>
                    <a:latin typeface="Calibri" panose="020F0502020204030204" pitchFamily="34" charset="0"/>
                  </a:rPr>
                  <a:t>9/24/15</a:t>
                </a:r>
                <a:endParaRPr lang="en-US" sz="800" dirty="0">
                  <a:solidFill>
                    <a:srgbClr val="0070C0"/>
                  </a:solidFill>
                  <a:latin typeface="Calibri" panose="020F0502020204030204" pitchFamily="34" charset="0"/>
                </a:endParaRPr>
              </a:p>
            </p:txBody>
          </p:sp>
          <p:sp>
            <p:nvSpPr>
              <p:cNvPr id="386" name="Isosceles Triangle 385"/>
              <p:cNvSpPr/>
              <p:nvPr/>
            </p:nvSpPr>
            <p:spPr bwMode="auto">
              <a:xfrm rot="10800000">
                <a:off x="1495597" y="5195563"/>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22" name="Group 21"/>
            <p:cNvGrpSpPr/>
            <p:nvPr/>
          </p:nvGrpSpPr>
          <p:grpSpPr>
            <a:xfrm>
              <a:off x="1820680" y="4689981"/>
              <a:ext cx="884008" cy="569436"/>
              <a:chOff x="1820680" y="4689981"/>
              <a:chExt cx="884008" cy="569436"/>
            </a:xfrm>
          </p:grpSpPr>
          <p:cxnSp>
            <p:nvCxnSpPr>
              <p:cNvPr id="388" name="Straight Connector 387"/>
              <p:cNvCxnSpPr/>
              <p:nvPr/>
            </p:nvCxnSpPr>
            <p:spPr bwMode="auto">
              <a:xfrm>
                <a:off x="1885953" y="5051046"/>
                <a:ext cx="0" cy="170811"/>
              </a:xfrm>
              <a:prstGeom prst="line">
                <a:avLst/>
              </a:prstGeom>
              <a:solidFill>
                <a:schemeClr val="accent1"/>
              </a:solidFill>
              <a:ln w="6350" cap="flat" cmpd="sng" algn="ctr">
                <a:solidFill>
                  <a:srgbClr val="00B0F0"/>
                </a:solidFill>
                <a:prstDash val="solid"/>
                <a:round/>
                <a:headEnd type="none" w="med" len="med"/>
                <a:tailEnd type="none" w="med" len="med"/>
              </a:ln>
              <a:effectLst/>
            </p:spPr>
          </p:cxnSp>
          <p:sp>
            <p:nvSpPr>
              <p:cNvPr id="1829" name="OTLSHAPE_M_2f708f3d3f6442beb1ee8bd9195d9925_Title"/>
              <p:cNvSpPr txBox="1"/>
              <p:nvPr>
                <p:custDataLst>
                  <p:tags r:id="rId118"/>
                </p:custDataLst>
              </p:nvPr>
            </p:nvSpPr>
            <p:spPr>
              <a:xfrm>
                <a:off x="1856448" y="4689981"/>
                <a:ext cx="848240" cy="352890"/>
              </a:xfrm>
              <a:prstGeom prst="rect">
                <a:avLst/>
              </a:prstGeom>
              <a:noFill/>
            </p:spPr>
            <p:txBody>
              <a:bodyPr vert="horz" wrap="square" lIns="0" tIns="0" rIns="0" bIns="0" rtlCol="0" anchor="ctr" anchorCtr="0">
                <a:noAutofit/>
              </a:bodyPr>
              <a:lstStyle/>
              <a:p>
                <a:pPr defTabSz="342900"/>
                <a:r>
                  <a:rPr lang="en-US" sz="800" b="1" dirty="0" smtClean="0">
                    <a:solidFill>
                      <a:srgbClr val="0070C0"/>
                    </a:solidFill>
                    <a:latin typeface="Calibri" panose="020F0502020204030204" pitchFamily="34" charset="0"/>
                  </a:rPr>
                  <a:t>401 Permit </a:t>
                </a:r>
              </a:p>
              <a:p>
                <a:pPr defTabSz="342900"/>
                <a:r>
                  <a:rPr lang="en-US" sz="800" b="1" dirty="0" smtClean="0">
                    <a:solidFill>
                      <a:srgbClr val="0070C0"/>
                    </a:solidFill>
                    <a:latin typeface="Calibri" panose="020F0502020204030204" pitchFamily="34" charset="0"/>
                  </a:rPr>
                  <a:t>Application</a:t>
                </a:r>
              </a:p>
              <a:p>
                <a:pPr defTabSz="342900"/>
                <a:r>
                  <a:rPr lang="en-US" sz="800" dirty="0" smtClean="0">
                    <a:solidFill>
                      <a:srgbClr val="0070C0"/>
                    </a:solidFill>
                    <a:latin typeface="Calibri" panose="020F0502020204030204" pitchFamily="34" charset="0"/>
                  </a:rPr>
                  <a:t>8/26/15</a:t>
                </a:r>
                <a:endParaRPr lang="en-US" sz="800" dirty="0">
                  <a:solidFill>
                    <a:srgbClr val="0070C0"/>
                  </a:solidFill>
                  <a:latin typeface="Calibri" panose="020F0502020204030204" pitchFamily="34" charset="0"/>
                </a:endParaRPr>
              </a:p>
            </p:txBody>
          </p:sp>
          <p:sp>
            <p:nvSpPr>
              <p:cNvPr id="387" name="Isosceles Triangle 386"/>
              <p:cNvSpPr/>
              <p:nvPr/>
            </p:nvSpPr>
            <p:spPr bwMode="auto">
              <a:xfrm rot="10800000">
                <a:off x="1820680" y="5195444"/>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23" name="Group 22"/>
            <p:cNvGrpSpPr/>
            <p:nvPr/>
          </p:nvGrpSpPr>
          <p:grpSpPr>
            <a:xfrm>
              <a:off x="2382921" y="5491394"/>
              <a:ext cx="737302" cy="430501"/>
              <a:chOff x="2382921" y="5491394"/>
              <a:chExt cx="737302" cy="430501"/>
            </a:xfrm>
          </p:grpSpPr>
          <p:sp>
            <p:nvSpPr>
              <p:cNvPr id="1838" name="OTLSHAPE_M_e77a666a86b84ea289b9e306c5e5c748_Title"/>
              <p:cNvSpPr txBox="1"/>
              <p:nvPr>
                <p:custDataLst>
                  <p:tags r:id="rId117"/>
                </p:custDataLst>
              </p:nvPr>
            </p:nvSpPr>
            <p:spPr>
              <a:xfrm>
                <a:off x="2382921" y="5527098"/>
                <a:ext cx="737302" cy="394797"/>
              </a:xfrm>
              <a:prstGeom prst="rect">
                <a:avLst/>
              </a:prstGeom>
              <a:noFill/>
            </p:spPr>
            <p:txBody>
              <a:bodyPr vert="horz" wrap="square" lIns="0" tIns="0" rIns="0" bIns="0" rtlCol="0" anchor="ctr" anchorCtr="0">
                <a:noAutofit/>
              </a:bodyPr>
              <a:lstStyle/>
              <a:p>
                <a:pPr defTabSz="342900"/>
                <a:r>
                  <a:rPr lang="en-US" sz="800" b="1" dirty="0">
                    <a:solidFill>
                      <a:srgbClr val="0070C0"/>
                    </a:solidFill>
                    <a:latin typeface="Calibri" panose="020F0502020204030204" pitchFamily="34" charset="0"/>
                  </a:rPr>
                  <a:t>Section 106 </a:t>
                </a:r>
                <a:r>
                  <a:rPr lang="en-US" sz="800" b="1" dirty="0" smtClean="0">
                    <a:solidFill>
                      <a:srgbClr val="0070C0"/>
                    </a:solidFill>
                    <a:latin typeface="Calibri" panose="020F0502020204030204" pitchFamily="34" charset="0"/>
                  </a:rPr>
                  <a:t>Compliance</a:t>
                </a:r>
              </a:p>
              <a:p>
                <a:pPr defTabSz="342900"/>
                <a:r>
                  <a:rPr lang="en-US" sz="800" dirty="0" smtClean="0">
                    <a:solidFill>
                      <a:srgbClr val="0070C0"/>
                    </a:solidFill>
                    <a:latin typeface="Calibri" panose="020F0502020204030204" pitchFamily="34" charset="0"/>
                  </a:rPr>
                  <a:t>12/15/15</a:t>
                </a:r>
                <a:endParaRPr lang="en-US" sz="800" dirty="0">
                  <a:solidFill>
                    <a:srgbClr val="0070C0"/>
                  </a:solidFill>
                  <a:latin typeface="Calibri" panose="020F0502020204030204" pitchFamily="34" charset="0"/>
                </a:endParaRPr>
              </a:p>
            </p:txBody>
          </p:sp>
          <p:sp>
            <p:nvSpPr>
              <p:cNvPr id="390" name="Isosceles Triangle 389"/>
              <p:cNvSpPr/>
              <p:nvPr/>
            </p:nvSpPr>
            <p:spPr bwMode="auto">
              <a:xfrm>
                <a:off x="2712513" y="5491394"/>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nvGrpSpPr>
            <p:cNvPr id="24" name="Group 23"/>
            <p:cNvGrpSpPr/>
            <p:nvPr/>
          </p:nvGrpSpPr>
          <p:grpSpPr>
            <a:xfrm>
              <a:off x="4749276" y="5486632"/>
              <a:ext cx="561965" cy="334471"/>
              <a:chOff x="4749276" y="5486632"/>
              <a:chExt cx="561965" cy="334471"/>
            </a:xfrm>
          </p:grpSpPr>
          <p:sp>
            <p:nvSpPr>
              <p:cNvPr id="3265" name="OTLSHAPE_M_ee055f041a2940b4b33d6ea955105c67_Title"/>
              <p:cNvSpPr txBox="1"/>
              <p:nvPr>
                <p:custDataLst>
                  <p:tags r:id="rId116"/>
                </p:custDataLst>
              </p:nvPr>
            </p:nvSpPr>
            <p:spPr>
              <a:xfrm>
                <a:off x="4749276" y="5506327"/>
                <a:ext cx="561965" cy="314776"/>
              </a:xfrm>
              <a:prstGeom prst="rect">
                <a:avLst/>
              </a:prstGeom>
              <a:noFill/>
            </p:spPr>
            <p:txBody>
              <a:bodyPr vert="horz" wrap="square" lIns="0" tIns="0" rIns="0" bIns="0" rtlCol="0" anchor="ctr" anchorCtr="0">
                <a:noAutofit/>
              </a:bodyPr>
              <a:lstStyle/>
              <a:p>
                <a:pPr defTabSz="342900"/>
                <a:r>
                  <a:rPr lang="en-US" sz="800" b="1" dirty="0">
                    <a:solidFill>
                      <a:srgbClr val="0070C0"/>
                    </a:solidFill>
                    <a:latin typeface="Calibri" panose="020F0502020204030204" pitchFamily="34" charset="0"/>
                  </a:rPr>
                  <a:t>404 </a:t>
                </a:r>
                <a:r>
                  <a:rPr lang="en-US" sz="800" b="1" dirty="0" smtClean="0">
                    <a:solidFill>
                      <a:srgbClr val="0070C0"/>
                    </a:solidFill>
                    <a:latin typeface="Calibri" panose="020F0502020204030204" pitchFamily="34" charset="0"/>
                  </a:rPr>
                  <a:t>Permit</a:t>
                </a:r>
              </a:p>
              <a:p>
                <a:pPr defTabSz="342900"/>
                <a:r>
                  <a:rPr lang="en-US" sz="800" dirty="0" smtClean="0">
                    <a:solidFill>
                      <a:srgbClr val="0070C0"/>
                    </a:solidFill>
                    <a:latin typeface="Calibri" panose="020F0502020204030204" pitchFamily="34" charset="0"/>
                  </a:rPr>
                  <a:t>6/21/16</a:t>
                </a:r>
                <a:endParaRPr lang="en-US" sz="800" dirty="0">
                  <a:solidFill>
                    <a:srgbClr val="0070C0"/>
                  </a:solidFill>
                  <a:latin typeface="Calibri" panose="020F0502020204030204" pitchFamily="34" charset="0"/>
                </a:endParaRPr>
              </a:p>
            </p:txBody>
          </p:sp>
          <p:sp>
            <p:nvSpPr>
              <p:cNvPr id="395" name="Isosceles Triangle 394"/>
              <p:cNvSpPr/>
              <p:nvPr/>
            </p:nvSpPr>
            <p:spPr bwMode="auto">
              <a:xfrm>
                <a:off x="4749277" y="5486632"/>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eaLnBrk="0" hangingPunct="0"/>
                <a:endParaRPr lang="en-US" dirty="0" smtClean="0">
                  <a:solidFill>
                    <a:prstClr val="white"/>
                  </a:solidFill>
                  <a:latin typeface="Arial" charset="0"/>
                </a:endParaRPr>
              </a:p>
            </p:txBody>
          </p:sp>
        </p:grpSp>
      </p:grpSp>
      <p:sp>
        <p:nvSpPr>
          <p:cNvPr id="28" name="Title 27"/>
          <p:cNvSpPr>
            <a:spLocks noGrp="1"/>
          </p:cNvSpPr>
          <p:nvPr>
            <p:ph type="title"/>
          </p:nvPr>
        </p:nvSpPr>
        <p:spPr>
          <a:xfrm>
            <a:off x="533400" y="381000"/>
            <a:ext cx="8229600" cy="997196"/>
          </a:xfrm>
        </p:spPr>
        <p:txBody>
          <a:bodyPr/>
          <a:lstStyle/>
          <a:p>
            <a:r>
              <a:rPr lang="en-US" sz="4000" dirty="0"/>
              <a:t>California WaterFix Draft </a:t>
            </a:r>
            <a:r>
              <a:rPr lang="en-US" sz="4000" dirty="0" smtClean="0"/>
              <a:t>Schedule </a:t>
            </a:r>
            <a:br>
              <a:rPr lang="en-US" sz="4000" dirty="0" smtClean="0"/>
            </a:br>
            <a:r>
              <a:rPr lang="en-US" sz="3200" dirty="0" smtClean="0">
                <a:solidFill>
                  <a:schemeClr val="tx1"/>
                </a:solidFill>
              </a:rPr>
              <a:t>Updated Dec 2015</a:t>
            </a:r>
            <a:endParaRPr lang="en-US" sz="4000" dirty="0">
              <a:solidFill>
                <a:schemeClr val="tx1"/>
              </a:solidFill>
            </a:endParaRPr>
          </a:p>
        </p:txBody>
      </p:sp>
    </p:spTree>
    <p:custDataLst>
      <p:tags r:id="rId1"/>
    </p:custDataLst>
    <p:extLst>
      <p:ext uri="{BB962C8B-B14F-4D97-AF65-F5344CB8AC3E}">
        <p14:creationId xmlns:p14="http://schemas.microsoft.com/office/powerpoint/2010/main" val="2730683014"/>
      </p:ext>
    </p:extLst>
  </p:cSld>
  <p:clrMapOvr>
    <a:masterClrMapping/>
  </p:clrMapOvr>
  <p:transition spd="slow">
    <p:fade/>
  </p:transition>
  <p:timing>
    <p:tnLst>
      <p:par>
        <p:cTn id="1" dur="indefinite" restart="never" nodeType="tmRoot"/>
      </p:par>
    </p:tnLst>
  </p:timing>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bwMode="auto">
          <a:xfrm>
            <a:off x="0" y="0"/>
            <a:ext cx="9144000" cy="6822898"/>
          </a:xfrm>
          <a:prstGeom prst="rect">
            <a:avLst/>
          </a:prstGeom>
          <a:solidFill>
            <a:schemeClr val="tx1">
              <a:lumMod val="6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cxnSp>
        <p:nvCxnSpPr>
          <p:cNvPr id="244" name="Straight Connector 243"/>
          <p:cNvCxnSpPr/>
          <p:nvPr/>
        </p:nvCxnSpPr>
        <p:spPr bwMode="auto">
          <a:xfrm>
            <a:off x="1871663" y="1257300"/>
            <a:ext cx="0" cy="4114800"/>
          </a:xfrm>
          <a:prstGeom prst="line">
            <a:avLst/>
          </a:prstGeom>
          <a:solidFill>
            <a:schemeClr val="accent1"/>
          </a:solidFill>
          <a:ln w="25400" cap="flat" cmpd="sng" algn="ctr">
            <a:solidFill>
              <a:schemeClr val="bg2">
                <a:lumMod val="75000"/>
              </a:schemeClr>
            </a:solidFill>
            <a:prstDash val="solid"/>
            <a:round/>
            <a:headEnd type="none" w="med" len="med"/>
            <a:tailEnd type="none" w="med" len="med"/>
          </a:ln>
          <a:effectLst/>
        </p:spPr>
      </p:cxnSp>
      <p:cxnSp>
        <p:nvCxnSpPr>
          <p:cNvPr id="243" name="Straight Connector 242"/>
          <p:cNvCxnSpPr/>
          <p:nvPr/>
        </p:nvCxnSpPr>
        <p:spPr bwMode="auto">
          <a:xfrm>
            <a:off x="4857750" y="1257300"/>
            <a:ext cx="0" cy="4114800"/>
          </a:xfrm>
          <a:prstGeom prst="line">
            <a:avLst/>
          </a:prstGeom>
          <a:solidFill>
            <a:schemeClr val="accent1"/>
          </a:solidFill>
          <a:ln w="25400" cap="flat" cmpd="sng" algn="ctr">
            <a:solidFill>
              <a:schemeClr val="bg2">
                <a:lumMod val="75000"/>
              </a:schemeClr>
            </a:solidFill>
            <a:prstDash val="solid"/>
            <a:round/>
            <a:headEnd type="none" w="med" len="med"/>
            <a:tailEnd type="none" w="med" len="med"/>
          </a:ln>
          <a:effectLst/>
        </p:spPr>
      </p:cxnSp>
      <p:cxnSp>
        <p:nvCxnSpPr>
          <p:cNvPr id="193" name="Straight Connector 192"/>
          <p:cNvCxnSpPr/>
          <p:nvPr/>
        </p:nvCxnSpPr>
        <p:spPr bwMode="auto">
          <a:xfrm>
            <a:off x="7793831" y="1257300"/>
            <a:ext cx="0" cy="4114800"/>
          </a:xfrm>
          <a:prstGeom prst="line">
            <a:avLst/>
          </a:prstGeom>
          <a:solidFill>
            <a:schemeClr val="accent1"/>
          </a:solidFill>
          <a:ln w="25400" cap="flat" cmpd="sng" algn="ctr">
            <a:solidFill>
              <a:schemeClr val="bg2">
                <a:lumMod val="75000"/>
              </a:schemeClr>
            </a:solidFill>
            <a:prstDash val="solid"/>
            <a:round/>
            <a:headEnd type="none" w="med" len="med"/>
            <a:tailEnd type="none" w="med" len="med"/>
          </a:ln>
          <a:effectLst/>
        </p:spPr>
      </p:cxnSp>
      <p:cxnSp>
        <p:nvCxnSpPr>
          <p:cNvPr id="30" name="Straight Connector 29"/>
          <p:cNvCxnSpPr/>
          <p:nvPr/>
        </p:nvCxnSpPr>
        <p:spPr bwMode="auto">
          <a:xfrm>
            <a:off x="407194" y="1257300"/>
            <a:ext cx="0" cy="4206240"/>
          </a:xfrm>
          <a:prstGeom prst="line">
            <a:avLst/>
          </a:prstGeom>
          <a:solidFill>
            <a:schemeClr val="accent1"/>
          </a:solidFill>
          <a:ln w="25400" cap="flat" cmpd="sng" algn="ctr">
            <a:solidFill>
              <a:schemeClr val="bg2">
                <a:lumMod val="75000"/>
              </a:schemeClr>
            </a:solidFill>
            <a:prstDash val="sysDash"/>
            <a:round/>
            <a:headEnd type="none" w="med" len="med"/>
            <a:tailEnd type="none" w="med" len="med"/>
          </a:ln>
          <a:effectLst/>
        </p:spPr>
      </p:cxnSp>
      <p:sp>
        <p:nvSpPr>
          <p:cNvPr id="4" name="OTLSHAPE_TB_00000000000000000000000000000000_ScaleContainer"/>
          <p:cNvSpPr/>
          <p:nvPr>
            <p:custDataLst>
              <p:tags r:id="rId2"/>
            </p:custDataLst>
          </p:nvPr>
        </p:nvSpPr>
        <p:spPr>
          <a:xfrm>
            <a:off x="338311" y="5260579"/>
            <a:ext cx="8691389" cy="224653"/>
          </a:xfrm>
          <a:prstGeom prst="roundRect">
            <a:avLst/>
          </a:prstGeom>
          <a:solidFill>
            <a:schemeClr val="bg2">
              <a:lumMod val="25000"/>
            </a:schemeClr>
          </a:solidFill>
          <a:ln w="9525" cap="flat" cmpd="sng" algn="ctr">
            <a:noFill/>
            <a:prstDash val="solid"/>
          </a:ln>
          <a:effectLst>
            <a:outerShdw blurRad="40000" dist="23000" dir="5400000" rotWithShape="0">
              <a:srgbClr val="000000">
                <a:alpha val="35000"/>
              </a:srgbClr>
            </a:outerShdw>
          </a:effectLs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u="sng" dirty="0">
              <a:solidFill>
                <a:srgbClr val="1D516C"/>
              </a:solidFill>
            </a:endParaRPr>
          </a:p>
        </p:txBody>
      </p:sp>
      <p:sp>
        <p:nvSpPr>
          <p:cNvPr id="2" name="OTLSHAPE_TB_00000000000000000000000000000000_LeftEndCaps"/>
          <p:cNvSpPr txBox="1"/>
          <p:nvPr>
            <p:custDataLst>
              <p:tags r:id="rId3"/>
            </p:custDataLst>
          </p:nvPr>
        </p:nvSpPr>
        <p:spPr>
          <a:xfrm>
            <a:off x="344098" y="5328165"/>
            <a:ext cx="346707" cy="553998"/>
          </a:xfrm>
          <a:prstGeom prst="rect">
            <a:avLst/>
          </a:prstGeom>
          <a:noFill/>
        </p:spPr>
        <p:txBody>
          <a:bodyPr vert="horz" wrap="square" lIns="0" tIns="0" rIns="0" bIns="0" rtlCol="0" anchor="ctr" anchorCtr="0">
            <a:spAutoFit/>
          </a:bodyPr>
          <a:lstStyle/>
          <a:p>
            <a:pPr algn="ctr" defTabSz="342900"/>
            <a:r>
              <a:rPr lang="en-US" b="1" spc="-28" dirty="0">
                <a:solidFill>
                  <a:prstClr val="white">
                    <a:lumMod val="50000"/>
                    <a:lumOff val="50000"/>
                  </a:prstClr>
                </a:solidFill>
                <a:latin typeface="Calibri" panose="020F0502020204030204" pitchFamily="34" charset="0"/>
              </a:rPr>
              <a:t>2015</a:t>
            </a:r>
          </a:p>
        </p:txBody>
      </p:sp>
      <p:sp>
        <p:nvSpPr>
          <p:cNvPr id="3" name="OTLSHAPE_TB_00000000000000000000000000000000_RightEndCaps"/>
          <p:cNvSpPr txBox="1"/>
          <p:nvPr>
            <p:custDataLst>
              <p:tags r:id="rId4"/>
            </p:custDataLst>
          </p:nvPr>
        </p:nvSpPr>
        <p:spPr>
          <a:xfrm>
            <a:off x="4798670" y="5356615"/>
            <a:ext cx="343593" cy="553998"/>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7</a:t>
            </a:r>
          </a:p>
        </p:txBody>
      </p:sp>
      <p:sp>
        <p:nvSpPr>
          <p:cNvPr id="7" name="OTLSHAPE_TB_00000000000000000000000000000000_TodayMarkerText"/>
          <p:cNvSpPr txBox="1"/>
          <p:nvPr>
            <p:custDataLst>
              <p:tags r:id="rId5"/>
            </p:custDataLst>
          </p:nvPr>
        </p:nvSpPr>
        <p:spPr>
          <a:xfrm rot="16200000">
            <a:off x="1966335" y="4965218"/>
            <a:ext cx="498818" cy="184666"/>
          </a:xfrm>
          <a:prstGeom prst="rect">
            <a:avLst/>
          </a:prstGeom>
          <a:noFill/>
        </p:spPr>
        <p:txBody>
          <a:bodyPr vert="horz" wrap="square" lIns="0" tIns="0" rIns="0" bIns="0" rtlCol="0" anchor="ctr" anchorCtr="0">
            <a:spAutoFit/>
          </a:bodyPr>
          <a:lstStyle/>
          <a:p>
            <a:pPr algn="ctr" defTabSz="342900"/>
            <a:r>
              <a:rPr lang="en-US" sz="1200" b="1" i="1" spc="-14" dirty="0">
                <a:solidFill>
                  <a:srgbClr val="7A0000"/>
                </a:solidFill>
                <a:latin typeface="Calibri" panose="020F0502020204030204" pitchFamily="34" charset="0"/>
                <a:cs typeface="Times New Roman" panose="02020603050405020304" pitchFamily="18" charset="0"/>
              </a:rPr>
              <a:t>Today</a:t>
            </a:r>
            <a:endParaRPr lang="en-US" sz="1400" b="1" i="1" spc="-14" dirty="0">
              <a:solidFill>
                <a:srgbClr val="7A0000"/>
              </a:solidFill>
              <a:latin typeface="Calibri" panose="020F0502020204030204" pitchFamily="34" charset="0"/>
              <a:cs typeface="Times New Roman" panose="02020603050405020304" pitchFamily="18" charset="0"/>
            </a:endParaRPr>
          </a:p>
        </p:txBody>
      </p:sp>
      <p:sp>
        <p:nvSpPr>
          <p:cNvPr id="293" name="OTLSHAPE_TB_00000000000000000000000000000000_RightEndCaps"/>
          <p:cNvSpPr txBox="1"/>
          <p:nvPr>
            <p:custDataLst>
              <p:tags r:id="rId6"/>
            </p:custDataLst>
          </p:nvPr>
        </p:nvSpPr>
        <p:spPr>
          <a:xfrm>
            <a:off x="1831095" y="5344631"/>
            <a:ext cx="410156" cy="553998"/>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6</a:t>
            </a:r>
          </a:p>
        </p:txBody>
      </p:sp>
      <p:sp>
        <p:nvSpPr>
          <p:cNvPr id="3269" name="OTLSHAPE_T_f8208d21baa84ec2bca5ae8cbab06041_ShapePercentage" hidden="1"/>
          <p:cNvSpPr/>
          <p:nvPr>
            <p:custDataLst>
              <p:tags r:id="rId7"/>
            </p:custDataLst>
          </p:nvPr>
        </p:nvSpPr>
        <p:spPr>
          <a:xfrm>
            <a:off x="2034349" y="1774497"/>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0" name="OTLSHAPE_T_f8208d21baa84ec2bca5ae8cbab06041_Duration" hidden="1"/>
          <p:cNvSpPr txBox="1"/>
          <p:nvPr>
            <p:custDataLst>
              <p:tags r:id="rId8"/>
            </p:custDataLst>
          </p:nvPr>
        </p:nvSpPr>
        <p:spPr>
          <a:xfrm>
            <a:off x="1485901" y="1717216"/>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9 days</a:t>
            </a:r>
          </a:p>
        </p:txBody>
      </p:sp>
      <p:sp>
        <p:nvSpPr>
          <p:cNvPr id="3271" name="OTLSHAPE_T_f8208d21baa84ec2bca5ae8cbab06041_TextPercentage" hidden="1"/>
          <p:cNvSpPr txBox="1"/>
          <p:nvPr>
            <p:custDataLst>
              <p:tags r:id="rId9"/>
            </p:custDataLst>
          </p:nvPr>
        </p:nvSpPr>
        <p:spPr>
          <a:xfrm>
            <a:off x="1485900" y="189076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72" name="OTLSHAPE_T_f8208d21baa84ec2bca5ae8cbab06041_StartDate" hidden="1"/>
          <p:cNvSpPr txBox="1"/>
          <p:nvPr>
            <p:custDataLst>
              <p:tags r:id="rId10"/>
            </p:custDataLst>
          </p:nvPr>
        </p:nvSpPr>
        <p:spPr>
          <a:xfrm>
            <a:off x="1485900" y="189076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73" name="OTLSHAPE_T_f8208d21baa84ec2bca5ae8cbab06041_EndDate" hidden="1"/>
          <p:cNvSpPr txBox="1"/>
          <p:nvPr>
            <p:custDataLst>
              <p:tags r:id="rId11"/>
            </p:custDataLst>
          </p:nvPr>
        </p:nvSpPr>
        <p:spPr>
          <a:xfrm>
            <a:off x="1485900" y="189076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77" name="OTLSHAPE_T_7f0581380de84589a72c0a100a27b9a3_ShapePercentage" hidden="1"/>
          <p:cNvSpPr/>
          <p:nvPr>
            <p:custDataLst>
              <p:tags r:id="rId12"/>
            </p:custDataLst>
          </p:nvPr>
        </p:nvSpPr>
        <p:spPr>
          <a:xfrm>
            <a:off x="2703440" y="1880842"/>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8" name="OTLSHAPE_T_7f0581380de84589a72c0a100a27b9a3_Duration" hidden="1"/>
          <p:cNvSpPr txBox="1"/>
          <p:nvPr>
            <p:custDataLst>
              <p:tags r:id="rId13"/>
            </p:custDataLst>
          </p:nvPr>
        </p:nvSpPr>
        <p:spPr>
          <a:xfrm>
            <a:off x="1485901" y="1823561"/>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3 days</a:t>
            </a:r>
          </a:p>
        </p:txBody>
      </p:sp>
      <p:sp>
        <p:nvSpPr>
          <p:cNvPr id="3279" name="OTLSHAPE_T_7f0581380de84589a72c0a100a27b9a3_TextPercentage" hidden="1"/>
          <p:cNvSpPr txBox="1"/>
          <p:nvPr>
            <p:custDataLst>
              <p:tags r:id="rId14"/>
            </p:custDataLst>
          </p:nvPr>
        </p:nvSpPr>
        <p:spPr>
          <a:xfrm>
            <a:off x="1485900" y="1997110"/>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80" name="OTLSHAPE_T_7f0581380de84589a72c0a100a27b9a3_StartDate" hidden="1"/>
          <p:cNvSpPr txBox="1"/>
          <p:nvPr>
            <p:custDataLst>
              <p:tags r:id="rId15"/>
            </p:custDataLst>
          </p:nvPr>
        </p:nvSpPr>
        <p:spPr>
          <a:xfrm>
            <a:off x="1485900" y="199711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82" name="OTLSHAPE_T_7f0581380de84589a72c0a100a27b9a3_EndDate" hidden="1"/>
          <p:cNvSpPr txBox="1"/>
          <p:nvPr>
            <p:custDataLst>
              <p:tags r:id="rId16"/>
            </p:custDataLst>
          </p:nvPr>
        </p:nvSpPr>
        <p:spPr>
          <a:xfrm>
            <a:off x="1485900" y="199711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86" name="OTLSHAPE_T_f8c207a25c6540c8a69187f0375fa012_ShapePercentage" hidden="1"/>
          <p:cNvSpPr/>
          <p:nvPr>
            <p:custDataLst>
              <p:tags r:id="rId17"/>
            </p:custDataLst>
          </p:nvPr>
        </p:nvSpPr>
        <p:spPr>
          <a:xfrm>
            <a:off x="2230181" y="1987187"/>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87" name="OTLSHAPE_T_f8c207a25c6540c8a69187f0375fa012_Duration" hidden="1"/>
          <p:cNvSpPr txBox="1"/>
          <p:nvPr>
            <p:custDataLst>
              <p:tags r:id="rId18"/>
            </p:custDataLst>
          </p:nvPr>
        </p:nvSpPr>
        <p:spPr>
          <a:xfrm>
            <a:off x="1485900" y="1929905"/>
            <a:ext cx="257175"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90 days</a:t>
            </a:r>
          </a:p>
        </p:txBody>
      </p:sp>
      <p:sp>
        <p:nvSpPr>
          <p:cNvPr id="3288" name="OTLSHAPE_T_f8c207a25c6540c8a69187f0375fa012_TextPercentage" hidden="1"/>
          <p:cNvSpPr txBox="1"/>
          <p:nvPr>
            <p:custDataLst>
              <p:tags r:id="rId19"/>
            </p:custDataLst>
          </p:nvPr>
        </p:nvSpPr>
        <p:spPr>
          <a:xfrm>
            <a:off x="1485900" y="210345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289" name="OTLSHAPE_T_f8c207a25c6540c8a69187f0375fa012_StartDate" hidden="1"/>
          <p:cNvSpPr txBox="1"/>
          <p:nvPr>
            <p:custDataLst>
              <p:tags r:id="rId20"/>
            </p:custDataLst>
          </p:nvPr>
        </p:nvSpPr>
        <p:spPr>
          <a:xfrm>
            <a:off x="1485900" y="210345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90" name="OTLSHAPE_T_f8c207a25c6540c8a69187f0375fa012_EndDate" hidden="1"/>
          <p:cNvSpPr txBox="1"/>
          <p:nvPr>
            <p:custDataLst>
              <p:tags r:id="rId21"/>
            </p:custDataLst>
          </p:nvPr>
        </p:nvSpPr>
        <p:spPr>
          <a:xfrm>
            <a:off x="1485900" y="210345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294" name="OTLSHAPE_T_f2e6f9ee021a4302a9e63631d74f9e74_ShapePercentage" hidden="1"/>
          <p:cNvSpPr/>
          <p:nvPr>
            <p:custDataLst>
              <p:tags r:id="rId22"/>
            </p:custDataLst>
          </p:nvPr>
        </p:nvSpPr>
        <p:spPr>
          <a:xfrm>
            <a:off x="3086944" y="209353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95" name="OTLSHAPE_T_f2e6f9ee021a4302a9e63631d74f9e74_Duration" hidden="1"/>
          <p:cNvSpPr txBox="1"/>
          <p:nvPr>
            <p:custDataLst>
              <p:tags r:id="rId23"/>
            </p:custDataLst>
          </p:nvPr>
        </p:nvSpPr>
        <p:spPr>
          <a:xfrm>
            <a:off x="1485900" y="2036250"/>
            <a:ext cx="257175"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15 days</a:t>
            </a:r>
          </a:p>
        </p:txBody>
      </p:sp>
      <p:sp>
        <p:nvSpPr>
          <p:cNvPr id="18528" name="OTLSHAPE_T_f2e6f9ee021a4302a9e63631d74f9e74_TextPercentage" hidden="1"/>
          <p:cNvSpPr txBox="1"/>
          <p:nvPr>
            <p:custDataLst>
              <p:tags r:id="rId24"/>
            </p:custDataLst>
          </p:nvPr>
        </p:nvSpPr>
        <p:spPr>
          <a:xfrm>
            <a:off x="1485900" y="220979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29" name="OTLSHAPE_T_f2e6f9ee021a4302a9e63631d74f9e74_StartDate" hidden="1"/>
          <p:cNvSpPr txBox="1"/>
          <p:nvPr>
            <p:custDataLst>
              <p:tags r:id="rId25"/>
            </p:custDataLst>
          </p:nvPr>
        </p:nvSpPr>
        <p:spPr>
          <a:xfrm>
            <a:off x="1485900" y="220980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0" name="OTLSHAPE_T_f2e6f9ee021a4302a9e63631d74f9e74_EndDate" hidden="1"/>
          <p:cNvSpPr txBox="1"/>
          <p:nvPr>
            <p:custDataLst>
              <p:tags r:id="rId26"/>
            </p:custDataLst>
          </p:nvPr>
        </p:nvSpPr>
        <p:spPr>
          <a:xfrm>
            <a:off x="1485900" y="2209800"/>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4" name="OTLSHAPE_T_39271f0494d54405a9f62a33529af787_ShapePercentage" hidden="1"/>
          <p:cNvSpPr/>
          <p:nvPr>
            <p:custDataLst>
              <p:tags r:id="rId27"/>
            </p:custDataLst>
          </p:nvPr>
        </p:nvSpPr>
        <p:spPr>
          <a:xfrm>
            <a:off x="2034349" y="219987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35" name="OTLSHAPE_T_39271f0494d54405a9f62a33529af787_Duration" hidden="1"/>
          <p:cNvSpPr txBox="1"/>
          <p:nvPr>
            <p:custDataLst>
              <p:tags r:id="rId28"/>
            </p:custDataLst>
          </p:nvPr>
        </p:nvSpPr>
        <p:spPr>
          <a:xfrm>
            <a:off x="1485901" y="2142595"/>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81 days</a:t>
            </a:r>
          </a:p>
        </p:txBody>
      </p:sp>
      <p:sp>
        <p:nvSpPr>
          <p:cNvPr id="18536" name="OTLSHAPE_T_39271f0494d54405a9f62a33529af787_TextPercentage" hidden="1"/>
          <p:cNvSpPr txBox="1"/>
          <p:nvPr>
            <p:custDataLst>
              <p:tags r:id="rId29"/>
            </p:custDataLst>
          </p:nvPr>
        </p:nvSpPr>
        <p:spPr>
          <a:xfrm>
            <a:off x="1485900" y="2316145"/>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37" name="OTLSHAPE_T_39271f0494d54405a9f62a33529af787_StartDate" hidden="1"/>
          <p:cNvSpPr txBox="1"/>
          <p:nvPr>
            <p:custDataLst>
              <p:tags r:id="rId30"/>
            </p:custDataLst>
          </p:nvPr>
        </p:nvSpPr>
        <p:spPr>
          <a:xfrm>
            <a:off x="1485900" y="231614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38" name="OTLSHAPE_T_39271f0494d54405a9f62a33529af787_EndDate" hidden="1"/>
          <p:cNvSpPr txBox="1"/>
          <p:nvPr>
            <p:custDataLst>
              <p:tags r:id="rId31"/>
            </p:custDataLst>
          </p:nvPr>
        </p:nvSpPr>
        <p:spPr>
          <a:xfrm>
            <a:off x="1485900" y="2316145"/>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42" name="OTLSHAPE_T_dc6de2d5eeb341cd964078c47d8d99f1_ShapePercentage" hidden="1"/>
          <p:cNvSpPr/>
          <p:nvPr>
            <p:custDataLst>
              <p:tags r:id="rId32"/>
            </p:custDataLst>
          </p:nvPr>
        </p:nvSpPr>
        <p:spPr>
          <a:xfrm>
            <a:off x="2287298" y="23062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43" name="OTLSHAPE_T_dc6de2d5eeb341cd964078c47d8d99f1_Duration" hidden="1"/>
          <p:cNvSpPr txBox="1"/>
          <p:nvPr>
            <p:custDataLst>
              <p:tags r:id="rId33"/>
            </p:custDataLst>
          </p:nvPr>
        </p:nvSpPr>
        <p:spPr>
          <a:xfrm>
            <a:off x="1485901" y="2248940"/>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95 days</a:t>
            </a:r>
          </a:p>
        </p:txBody>
      </p:sp>
      <p:sp>
        <p:nvSpPr>
          <p:cNvPr id="18544" name="OTLSHAPE_T_dc6de2d5eeb341cd964078c47d8d99f1_TextPercentage" hidden="1"/>
          <p:cNvSpPr txBox="1"/>
          <p:nvPr>
            <p:custDataLst>
              <p:tags r:id="rId34"/>
            </p:custDataLst>
          </p:nvPr>
        </p:nvSpPr>
        <p:spPr>
          <a:xfrm>
            <a:off x="1485900" y="24224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45" name="OTLSHAPE_T_dc6de2d5eeb341cd964078c47d8d99f1_StartDate" hidden="1"/>
          <p:cNvSpPr txBox="1"/>
          <p:nvPr>
            <p:custDataLst>
              <p:tags r:id="rId35"/>
            </p:custDataLst>
          </p:nvPr>
        </p:nvSpPr>
        <p:spPr>
          <a:xfrm>
            <a:off x="1485900" y="24224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46" name="OTLSHAPE_T_dc6de2d5eeb341cd964078c47d8d99f1_EndDate" hidden="1"/>
          <p:cNvSpPr txBox="1"/>
          <p:nvPr>
            <p:custDataLst>
              <p:tags r:id="rId36"/>
            </p:custDataLst>
          </p:nvPr>
        </p:nvSpPr>
        <p:spPr>
          <a:xfrm>
            <a:off x="1485900" y="24224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0" name="OTLSHAPE_T_ec3dccbd4e744ea5ab7257848e208c98_ShapePercentage" hidden="1"/>
          <p:cNvSpPr/>
          <p:nvPr>
            <p:custDataLst>
              <p:tags r:id="rId37"/>
            </p:custDataLst>
          </p:nvPr>
        </p:nvSpPr>
        <p:spPr>
          <a:xfrm>
            <a:off x="2858474" y="24205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18552" name="OTLSHAPE_T_ec3dccbd4e744ea5ab7257848e208c98_Duration" hidden="1"/>
          <p:cNvSpPr txBox="1"/>
          <p:nvPr>
            <p:custDataLst>
              <p:tags r:id="rId38"/>
            </p:custDataLst>
          </p:nvPr>
        </p:nvSpPr>
        <p:spPr>
          <a:xfrm>
            <a:off x="1485901" y="2363240"/>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70 days</a:t>
            </a:r>
          </a:p>
        </p:txBody>
      </p:sp>
      <p:sp>
        <p:nvSpPr>
          <p:cNvPr id="18553" name="OTLSHAPE_T_ec3dccbd4e744ea5ab7257848e208c98_TextPercentage" hidden="1"/>
          <p:cNvSpPr txBox="1"/>
          <p:nvPr>
            <p:custDataLst>
              <p:tags r:id="rId39"/>
            </p:custDataLst>
          </p:nvPr>
        </p:nvSpPr>
        <p:spPr>
          <a:xfrm>
            <a:off x="1485900" y="25367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18554" name="OTLSHAPE_T_ec3dccbd4e744ea5ab7257848e208c98_StartDate" hidden="1"/>
          <p:cNvSpPr txBox="1"/>
          <p:nvPr>
            <p:custDataLst>
              <p:tags r:id="rId40"/>
            </p:custDataLst>
          </p:nvPr>
        </p:nvSpPr>
        <p:spPr>
          <a:xfrm>
            <a:off x="1485900" y="25367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5" name="OTLSHAPE_T_ec3dccbd4e744ea5ab7257848e208c98_EndDate" hidden="1"/>
          <p:cNvSpPr txBox="1"/>
          <p:nvPr>
            <p:custDataLst>
              <p:tags r:id="rId41"/>
            </p:custDataLst>
          </p:nvPr>
        </p:nvSpPr>
        <p:spPr>
          <a:xfrm>
            <a:off x="1485900" y="25367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18559" name="OTLSHAPE_T_bfeafc091c25426cb706c5ca34a687ec_ShapePercentage" hidden="1"/>
          <p:cNvSpPr/>
          <p:nvPr>
            <p:custDataLst>
              <p:tags r:id="rId42"/>
            </p:custDataLst>
          </p:nvPr>
        </p:nvSpPr>
        <p:spPr>
          <a:xfrm>
            <a:off x="3348053" y="2534821"/>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1" name="OTLSHAPE_T_bfeafc091c25426cb706c5ca34a687ec_Duration" hidden="1"/>
          <p:cNvSpPr txBox="1"/>
          <p:nvPr>
            <p:custDataLst>
              <p:tags r:id="rId43"/>
            </p:custDataLst>
          </p:nvPr>
        </p:nvSpPr>
        <p:spPr>
          <a:xfrm>
            <a:off x="1485901" y="2477540"/>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32 days</a:t>
            </a:r>
          </a:p>
        </p:txBody>
      </p:sp>
      <p:sp>
        <p:nvSpPr>
          <p:cNvPr id="37592" name="OTLSHAPE_T_bfeafc091c25426cb706c5ca34a687ec_TextPercentage" hidden="1"/>
          <p:cNvSpPr txBox="1"/>
          <p:nvPr>
            <p:custDataLst>
              <p:tags r:id="rId44"/>
            </p:custDataLst>
          </p:nvPr>
        </p:nvSpPr>
        <p:spPr>
          <a:xfrm>
            <a:off x="1485900" y="265108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593" name="OTLSHAPE_T_bfeafc091c25426cb706c5ca34a687ec_StartDate" hidden="1"/>
          <p:cNvSpPr txBox="1"/>
          <p:nvPr>
            <p:custDataLst>
              <p:tags r:id="rId45"/>
            </p:custDataLst>
          </p:nvPr>
        </p:nvSpPr>
        <p:spPr>
          <a:xfrm>
            <a:off x="1485900" y="26510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594" name="OTLSHAPE_T_bfeafc091c25426cb706c5ca34a687ec_EndDate" hidden="1"/>
          <p:cNvSpPr txBox="1"/>
          <p:nvPr>
            <p:custDataLst>
              <p:tags r:id="rId46"/>
            </p:custDataLst>
          </p:nvPr>
        </p:nvSpPr>
        <p:spPr>
          <a:xfrm>
            <a:off x="1485900" y="265108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598" name="OTLSHAPE_T_8a43ad8d23844d68a1c66d84e7f8657f_ShapePercentage" hidden="1"/>
          <p:cNvSpPr/>
          <p:nvPr>
            <p:custDataLst>
              <p:tags r:id="rId47"/>
            </p:custDataLst>
          </p:nvPr>
        </p:nvSpPr>
        <p:spPr>
          <a:xfrm>
            <a:off x="3715237" y="26411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9" name="OTLSHAPE_T_8a43ad8d23844d68a1c66d84e7f8657f_Duration" hidden="1"/>
          <p:cNvSpPr txBox="1"/>
          <p:nvPr>
            <p:custDataLst>
              <p:tags r:id="rId48"/>
            </p:custDataLst>
          </p:nvPr>
        </p:nvSpPr>
        <p:spPr>
          <a:xfrm>
            <a:off x="1485901" y="258388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0 days</a:t>
            </a:r>
          </a:p>
        </p:txBody>
      </p:sp>
      <p:sp>
        <p:nvSpPr>
          <p:cNvPr id="37344" name="OTLSHAPE_T_8a43ad8d23844d68a1c66d84e7f8657f_TextPercentage" hidden="1"/>
          <p:cNvSpPr txBox="1"/>
          <p:nvPr>
            <p:custDataLst>
              <p:tags r:id="rId49"/>
            </p:custDataLst>
          </p:nvPr>
        </p:nvSpPr>
        <p:spPr>
          <a:xfrm>
            <a:off x="1485900" y="27574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45" name="OTLSHAPE_T_8a43ad8d23844d68a1c66d84e7f8657f_StartDate" hidden="1"/>
          <p:cNvSpPr txBox="1"/>
          <p:nvPr>
            <p:custDataLst>
              <p:tags r:id="rId50"/>
            </p:custDataLst>
          </p:nvPr>
        </p:nvSpPr>
        <p:spPr>
          <a:xfrm>
            <a:off x="1485900" y="27574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46" name="OTLSHAPE_T_8a43ad8d23844d68a1c66d84e7f8657f_EndDate" hidden="1"/>
          <p:cNvSpPr txBox="1"/>
          <p:nvPr>
            <p:custDataLst>
              <p:tags r:id="rId51"/>
            </p:custDataLst>
          </p:nvPr>
        </p:nvSpPr>
        <p:spPr>
          <a:xfrm>
            <a:off x="1485900" y="27574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0" name="OTLSHAPE_T_0576fe5566344771b555fd0e7ea2f1f0_ShapePercentage" hidden="1"/>
          <p:cNvSpPr/>
          <p:nvPr>
            <p:custDataLst>
              <p:tags r:id="rId52"/>
            </p:custDataLst>
          </p:nvPr>
        </p:nvSpPr>
        <p:spPr>
          <a:xfrm>
            <a:off x="3919229" y="27554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1" name="OTLSHAPE_T_0576fe5566344771b555fd0e7ea2f1f0_Duration" hidden="1"/>
          <p:cNvSpPr txBox="1"/>
          <p:nvPr>
            <p:custDataLst>
              <p:tags r:id="rId53"/>
            </p:custDataLst>
          </p:nvPr>
        </p:nvSpPr>
        <p:spPr>
          <a:xfrm>
            <a:off x="1485901" y="269818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6 days</a:t>
            </a:r>
          </a:p>
        </p:txBody>
      </p:sp>
      <p:sp>
        <p:nvSpPr>
          <p:cNvPr id="37352" name="OTLSHAPE_T_0576fe5566344771b555fd0e7ea2f1f0_TextPercentage" hidden="1"/>
          <p:cNvSpPr txBox="1"/>
          <p:nvPr>
            <p:custDataLst>
              <p:tags r:id="rId54"/>
            </p:custDataLst>
          </p:nvPr>
        </p:nvSpPr>
        <p:spPr>
          <a:xfrm>
            <a:off x="1485900" y="28717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53" name="OTLSHAPE_T_0576fe5566344771b555fd0e7ea2f1f0_StartDate" hidden="1"/>
          <p:cNvSpPr txBox="1"/>
          <p:nvPr>
            <p:custDataLst>
              <p:tags r:id="rId55"/>
            </p:custDataLst>
          </p:nvPr>
        </p:nvSpPr>
        <p:spPr>
          <a:xfrm>
            <a:off x="1485900" y="28717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4" name="OTLSHAPE_T_0576fe5566344771b555fd0e7ea2f1f0_EndDate" hidden="1"/>
          <p:cNvSpPr txBox="1"/>
          <p:nvPr>
            <p:custDataLst>
              <p:tags r:id="rId56"/>
            </p:custDataLst>
          </p:nvPr>
        </p:nvSpPr>
        <p:spPr>
          <a:xfrm>
            <a:off x="1485900" y="28717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58" name="OTLSHAPE_T_59dd4a5e38554db8808b957030aa7f19_ShapePercentage" hidden="1"/>
          <p:cNvSpPr/>
          <p:nvPr>
            <p:custDataLst>
              <p:tags r:id="rId57"/>
            </p:custDataLst>
          </p:nvPr>
        </p:nvSpPr>
        <p:spPr>
          <a:xfrm>
            <a:off x="4514883" y="28697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9" name="OTLSHAPE_T_59dd4a5e38554db8808b957030aa7f19_Duration" hidden="1"/>
          <p:cNvSpPr txBox="1"/>
          <p:nvPr>
            <p:custDataLst>
              <p:tags r:id="rId58"/>
            </p:custDataLst>
          </p:nvPr>
        </p:nvSpPr>
        <p:spPr>
          <a:xfrm>
            <a:off x="1485901" y="281248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1 days</a:t>
            </a:r>
          </a:p>
        </p:txBody>
      </p:sp>
      <p:sp>
        <p:nvSpPr>
          <p:cNvPr id="37360" name="OTLSHAPE_T_59dd4a5e38554db8808b957030aa7f19_TextPercentage" hidden="1"/>
          <p:cNvSpPr txBox="1"/>
          <p:nvPr>
            <p:custDataLst>
              <p:tags r:id="rId59"/>
            </p:custDataLst>
          </p:nvPr>
        </p:nvSpPr>
        <p:spPr>
          <a:xfrm>
            <a:off x="1485900" y="29860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374" name="OTLSHAPE_T_59dd4a5e38554db8808b957030aa7f19_StartDate" hidden="1"/>
          <p:cNvSpPr txBox="1"/>
          <p:nvPr>
            <p:custDataLst>
              <p:tags r:id="rId60"/>
            </p:custDataLst>
          </p:nvPr>
        </p:nvSpPr>
        <p:spPr>
          <a:xfrm>
            <a:off x="1485900" y="29860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383" name="OTLSHAPE_T_59dd4a5e38554db8808b957030aa7f19_EndDate" hidden="1"/>
          <p:cNvSpPr txBox="1"/>
          <p:nvPr>
            <p:custDataLst>
              <p:tags r:id="rId61"/>
            </p:custDataLst>
          </p:nvPr>
        </p:nvSpPr>
        <p:spPr>
          <a:xfrm>
            <a:off x="1485900" y="29860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02" name="OTLSHAPE_T_d80f6654442b47e9ac34d7d00f6c9d74_ShapePercentage" hidden="1"/>
          <p:cNvSpPr/>
          <p:nvPr>
            <p:custDataLst>
              <p:tags r:id="rId62"/>
            </p:custDataLst>
          </p:nvPr>
        </p:nvSpPr>
        <p:spPr>
          <a:xfrm>
            <a:off x="4629118" y="29840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03" name="OTLSHAPE_T_d80f6654442b47e9ac34d7d00f6c9d74_Duration" hidden="1"/>
          <p:cNvSpPr txBox="1"/>
          <p:nvPr>
            <p:custDataLst>
              <p:tags r:id="rId63"/>
            </p:custDataLst>
          </p:nvPr>
        </p:nvSpPr>
        <p:spPr>
          <a:xfrm>
            <a:off x="1485901" y="292678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1 days</a:t>
            </a:r>
          </a:p>
        </p:txBody>
      </p:sp>
      <p:sp>
        <p:nvSpPr>
          <p:cNvPr id="37604" name="OTLSHAPE_T_d80f6654442b47e9ac34d7d00f6c9d74_TextPercentage" hidden="1"/>
          <p:cNvSpPr txBox="1"/>
          <p:nvPr>
            <p:custDataLst>
              <p:tags r:id="rId64"/>
            </p:custDataLst>
          </p:nvPr>
        </p:nvSpPr>
        <p:spPr>
          <a:xfrm>
            <a:off x="1485900" y="31003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05" name="OTLSHAPE_T_d80f6654442b47e9ac34d7d00f6c9d74_StartDate" hidden="1"/>
          <p:cNvSpPr txBox="1"/>
          <p:nvPr>
            <p:custDataLst>
              <p:tags r:id="rId65"/>
            </p:custDataLst>
          </p:nvPr>
        </p:nvSpPr>
        <p:spPr>
          <a:xfrm>
            <a:off x="1485900" y="31003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06" name="OTLSHAPE_T_d80f6654442b47e9ac34d7d00f6c9d74_EndDate" hidden="1"/>
          <p:cNvSpPr txBox="1"/>
          <p:nvPr>
            <p:custDataLst>
              <p:tags r:id="rId66"/>
            </p:custDataLst>
          </p:nvPr>
        </p:nvSpPr>
        <p:spPr>
          <a:xfrm>
            <a:off x="1485900" y="31003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0" name="OTLSHAPE_T_927f48668ff042a9b27a3f77718981a7_ShapePercentage" hidden="1"/>
          <p:cNvSpPr/>
          <p:nvPr>
            <p:custDataLst>
              <p:tags r:id="rId67"/>
            </p:custDataLst>
          </p:nvPr>
        </p:nvSpPr>
        <p:spPr>
          <a:xfrm>
            <a:off x="4743353" y="30983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11" name="OTLSHAPE_T_927f48668ff042a9b27a3f77718981a7_Duration" hidden="1"/>
          <p:cNvSpPr txBox="1"/>
          <p:nvPr>
            <p:custDataLst>
              <p:tags r:id="rId68"/>
            </p:custDataLst>
          </p:nvPr>
        </p:nvSpPr>
        <p:spPr>
          <a:xfrm>
            <a:off x="1485900" y="3041084"/>
            <a:ext cx="185738"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5 days</a:t>
            </a:r>
          </a:p>
        </p:txBody>
      </p:sp>
      <p:sp>
        <p:nvSpPr>
          <p:cNvPr id="37612" name="OTLSHAPE_T_927f48668ff042a9b27a3f77718981a7_TextPercentage" hidden="1"/>
          <p:cNvSpPr txBox="1"/>
          <p:nvPr>
            <p:custDataLst>
              <p:tags r:id="rId69"/>
            </p:custDataLst>
          </p:nvPr>
        </p:nvSpPr>
        <p:spPr>
          <a:xfrm>
            <a:off x="1485900" y="32146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13" name="OTLSHAPE_T_927f48668ff042a9b27a3f77718981a7_StartDate" hidden="1"/>
          <p:cNvSpPr txBox="1"/>
          <p:nvPr>
            <p:custDataLst>
              <p:tags r:id="rId70"/>
            </p:custDataLst>
          </p:nvPr>
        </p:nvSpPr>
        <p:spPr>
          <a:xfrm>
            <a:off x="1485900" y="32146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4" name="OTLSHAPE_T_927f48668ff042a9b27a3f77718981a7_EndDate" hidden="1"/>
          <p:cNvSpPr txBox="1"/>
          <p:nvPr>
            <p:custDataLst>
              <p:tags r:id="rId71"/>
            </p:custDataLst>
          </p:nvPr>
        </p:nvSpPr>
        <p:spPr>
          <a:xfrm>
            <a:off x="1485900" y="32146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18" name="OTLSHAPE_T_f97f3b760d6f49f6b8de06cc72b126d4_ShapePercentage" hidden="1"/>
          <p:cNvSpPr/>
          <p:nvPr>
            <p:custDataLst>
              <p:tags r:id="rId72"/>
            </p:custDataLst>
          </p:nvPr>
        </p:nvSpPr>
        <p:spPr>
          <a:xfrm>
            <a:off x="2034349" y="3212666"/>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19" name="OTLSHAPE_T_f97f3b760d6f49f6b8de06cc72b126d4_Duration" hidden="1"/>
          <p:cNvSpPr txBox="1"/>
          <p:nvPr>
            <p:custDataLst>
              <p:tags r:id="rId73"/>
            </p:custDataLst>
          </p:nvPr>
        </p:nvSpPr>
        <p:spPr>
          <a:xfrm>
            <a:off x="1485901" y="315538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34 days</a:t>
            </a:r>
          </a:p>
        </p:txBody>
      </p:sp>
      <p:sp>
        <p:nvSpPr>
          <p:cNvPr id="37620" name="OTLSHAPE_T_f97f3b760d6f49f6b8de06cc72b126d4_TextPercentage" hidden="1"/>
          <p:cNvSpPr txBox="1"/>
          <p:nvPr>
            <p:custDataLst>
              <p:tags r:id="rId74"/>
            </p:custDataLst>
          </p:nvPr>
        </p:nvSpPr>
        <p:spPr>
          <a:xfrm>
            <a:off x="1485900" y="3328934"/>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21" name="OTLSHAPE_T_f97f3b760d6f49f6b8de06cc72b126d4_StartDate" hidden="1"/>
          <p:cNvSpPr txBox="1"/>
          <p:nvPr>
            <p:custDataLst>
              <p:tags r:id="rId75"/>
            </p:custDataLst>
          </p:nvPr>
        </p:nvSpPr>
        <p:spPr>
          <a:xfrm>
            <a:off x="1485900" y="33289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22" name="OTLSHAPE_T_f97f3b760d6f49f6b8de06cc72b126d4_EndDate" hidden="1"/>
          <p:cNvSpPr txBox="1"/>
          <p:nvPr>
            <p:custDataLst>
              <p:tags r:id="rId76"/>
            </p:custDataLst>
          </p:nvPr>
        </p:nvSpPr>
        <p:spPr>
          <a:xfrm>
            <a:off x="1485900" y="3328934"/>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26" name="OTLSHAPE_T_20c44ef5e00542f191bde5c51f892681_ShapePercentage" hidden="1"/>
          <p:cNvSpPr/>
          <p:nvPr>
            <p:custDataLst>
              <p:tags r:id="rId77"/>
            </p:custDataLst>
          </p:nvPr>
        </p:nvSpPr>
        <p:spPr>
          <a:xfrm>
            <a:off x="2417852" y="3319010"/>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27" name="OTLSHAPE_T_20c44ef5e00542f191bde5c51f892681_Duration" hidden="1"/>
          <p:cNvSpPr txBox="1"/>
          <p:nvPr>
            <p:custDataLst>
              <p:tags r:id="rId78"/>
            </p:custDataLst>
          </p:nvPr>
        </p:nvSpPr>
        <p:spPr>
          <a:xfrm>
            <a:off x="1485900" y="3261729"/>
            <a:ext cx="257175"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196 days</a:t>
            </a:r>
          </a:p>
        </p:txBody>
      </p:sp>
      <p:sp>
        <p:nvSpPr>
          <p:cNvPr id="37628" name="OTLSHAPE_T_20c44ef5e00542f191bde5c51f892681_TextPercentage" hidden="1"/>
          <p:cNvSpPr txBox="1"/>
          <p:nvPr>
            <p:custDataLst>
              <p:tags r:id="rId79"/>
            </p:custDataLst>
          </p:nvPr>
        </p:nvSpPr>
        <p:spPr>
          <a:xfrm>
            <a:off x="1485900" y="3435279"/>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29" name="OTLSHAPE_T_20c44ef5e00542f191bde5c51f892681_StartDate" hidden="1"/>
          <p:cNvSpPr txBox="1"/>
          <p:nvPr>
            <p:custDataLst>
              <p:tags r:id="rId80"/>
            </p:custDataLst>
          </p:nvPr>
        </p:nvSpPr>
        <p:spPr>
          <a:xfrm>
            <a:off x="1485900" y="343527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0" name="OTLSHAPE_T_20c44ef5e00542f191bde5c51f892681_EndDate" hidden="1"/>
          <p:cNvSpPr txBox="1"/>
          <p:nvPr>
            <p:custDataLst>
              <p:tags r:id="rId81"/>
            </p:custDataLst>
          </p:nvPr>
        </p:nvSpPr>
        <p:spPr>
          <a:xfrm>
            <a:off x="1485900" y="3435279"/>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4" name="OTLSHAPE_T_43fc0093b8054173b0af866b6eb2e2dc_ShapePercentage" hidden="1"/>
          <p:cNvSpPr/>
          <p:nvPr>
            <p:custDataLst>
              <p:tags r:id="rId82"/>
            </p:custDataLst>
          </p:nvPr>
        </p:nvSpPr>
        <p:spPr>
          <a:xfrm>
            <a:off x="4645437" y="3425355"/>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35" name="OTLSHAPE_T_43fc0093b8054173b0af866b6eb2e2dc_Duration" hidden="1"/>
          <p:cNvSpPr txBox="1"/>
          <p:nvPr>
            <p:custDataLst>
              <p:tags r:id="rId83"/>
            </p:custDataLst>
          </p:nvPr>
        </p:nvSpPr>
        <p:spPr>
          <a:xfrm>
            <a:off x="1485901" y="3368074"/>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3 days</a:t>
            </a:r>
          </a:p>
        </p:txBody>
      </p:sp>
      <p:sp>
        <p:nvSpPr>
          <p:cNvPr id="37636" name="OTLSHAPE_T_43fc0093b8054173b0af866b6eb2e2dc_TextPercentage" hidden="1"/>
          <p:cNvSpPr txBox="1"/>
          <p:nvPr>
            <p:custDataLst>
              <p:tags r:id="rId84"/>
            </p:custDataLst>
          </p:nvPr>
        </p:nvSpPr>
        <p:spPr>
          <a:xfrm>
            <a:off x="1485900" y="3541623"/>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37" name="OTLSHAPE_T_43fc0093b8054173b0af866b6eb2e2dc_StartDate" hidden="1"/>
          <p:cNvSpPr txBox="1"/>
          <p:nvPr>
            <p:custDataLst>
              <p:tags r:id="rId85"/>
            </p:custDataLst>
          </p:nvPr>
        </p:nvSpPr>
        <p:spPr>
          <a:xfrm>
            <a:off x="1485900" y="354162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38" name="OTLSHAPE_T_43fc0093b8054173b0af866b6eb2e2dc_EndDate" hidden="1"/>
          <p:cNvSpPr txBox="1"/>
          <p:nvPr>
            <p:custDataLst>
              <p:tags r:id="rId86"/>
            </p:custDataLst>
          </p:nvPr>
        </p:nvSpPr>
        <p:spPr>
          <a:xfrm>
            <a:off x="1485900" y="354162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42" name="OTLSHAPE_T_86b350eb9d5049b68fa8355e8275f8de_ShapePercentage" hidden="1"/>
          <p:cNvSpPr/>
          <p:nvPr>
            <p:custDataLst>
              <p:tags r:id="rId87"/>
            </p:custDataLst>
          </p:nvPr>
        </p:nvSpPr>
        <p:spPr>
          <a:xfrm>
            <a:off x="4890227" y="3531700"/>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43" name="OTLSHAPE_T_86b350eb9d5049b68fa8355e8275f8de_Duration" hidden="1"/>
          <p:cNvSpPr txBox="1"/>
          <p:nvPr>
            <p:custDataLst>
              <p:tags r:id="rId88"/>
            </p:custDataLst>
          </p:nvPr>
        </p:nvSpPr>
        <p:spPr>
          <a:xfrm>
            <a:off x="1485901" y="3474419"/>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67 days</a:t>
            </a:r>
          </a:p>
        </p:txBody>
      </p:sp>
      <p:sp>
        <p:nvSpPr>
          <p:cNvPr id="37644" name="OTLSHAPE_T_86b350eb9d5049b68fa8355e8275f8de_TextPercentage" hidden="1"/>
          <p:cNvSpPr txBox="1"/>
          <p:nvPr>
            <p:custDataLst>
              <p:tags r:id="rId89"/>
            </p:custDataLst>
          </p:nvPr>
        </p:nvSpPr>
        <p:spPr>
          <a:xfrm>
            <a:off x="1485900" y="3647968"/>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45" name="OTLSHAPE_T_86b350eb9d5049b68fa8355e8275f8de_StartDate" hidden="1"/>
          <p:cNvSpPr txBox="1"/>
          <p:nvPr>
            <p:custDataLst>
              <p:tags r:id="rId90"/>
            </p:custDataLst>
          </p:nvPr>
        </p:nvSpPr>
        <p:spPr>
          <a:xfrm>
            <a:off x="1485900" y="364796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46" name="OTLSHAPE_T_86b350eb9d5049b68fa8355e8275f8de_EndDate" hidden="1"/>
          <p:cNvSpPr txBox="1"/>
          <p:nvPr>
            <p:custDataLst>
              <p:tags r:id="rId91"/>
            </p:custDataLst>
          </p:nvPr>
        </p:nvSpPr>
        <p:spPr>
          <a:xfrm>
            <a:off x="1485900" y="364796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0" name="OTLSHAPE_T_df8e42953d3242a9b41e0c972a0df60f_ShapePercentage" hidden="1"/>
          <p:cNvSpPr/>
          <p:nvPr>
            <p:custDataLst>
              <p:tags r:id="rId92"/>
            </p:custDataLst>
          </p:nvPr>
        </p:nvSpPr>
        <p:spPr>
          <a:xfrm>
            <a:off x="5657234" y="3638045"/>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51" name="OTLSHAPE_T_df8e42953d3242a9b41e0c972a0df60f_Duration" hidden="1"/>
          <p:cNvSpPr txBox="1"/>
          <p:nvPr>
            <p:custDataLst>
              <p:tags r:id="rId93"/>
            </p:custDataLst>
          </p:nvPr>
        </p:nvSpPr>
        <p:spPr>
          <a:xfrm>
            <a:off x="1485901" y="3580763"/>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44 days</a:t>
            </a:r>
          </a:p>
        </p:txBody>
      </p:sp>
      <p:sp>
        <p:nvSpPr>
          <p:cNvPr id="37652" name="OTLSHAPE_T_df8e42953d3242a9b41e0c972a0df60f_TextPercentage" hidden="1"/>
          <p:cNvSpPr txBox="1"/>
          <p:nvPr>
            <p:custDataLst>
              <p:tags r:id="rId94"/>
            </p:custDataLst>
          </p:nvPr>
        </p:nvSpPr>
        <p:spPr>
          <a:xfrm>
            <a:off x="1485900" y="3754313"/>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53" name="OTLSHAPE_T_df8e42953d3242a9b41e0c972a0df60f_StartDate" hidden="1"/>
          <p:cNvSpPr txBox="1"/>
          <p:nvPr>
            <p:custDataLst>
              <p:tags r:id="rId95"/>
            </p:custDataLst>
          </p:nvPr>
        </p:nvSpPr>
        <p:spPr>
          <a:xfrm>
            <a:off x="1485900" y="375431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4" name="OTLSHAPE_T_df8e42953d3242a9b41e0c972a0df60f_EndDate" hidden="1"/>
          <p:cNvSpPr txBox="1"/>
          <p:nvPr>
            <p:custDataLst>
              <p:tags r:id="rId96"/>
            </p:custDataLst>
          </p:nvPr>
        </p:nvSpPr>
        <p:spPr>
          <a:xfrm>
            <a:off x="1485900" y="3754313"/>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58" name="OTLSHAPE_T_3f234ea9b2aa44708282b8931f9ecca2_ShapePercentage" hidden="1"/>
          <p:cNvSpPr/>
          <p:nvPr>
            <p:custDataLst>
              <p:tags r:id="rId97"/>
            </p:custDataLst>
          </p:nvPr>
        </p:nvSpPr>
        <p:spPr>
          <a:xfrm>
            <a:off x="6138653" y="3744389"/>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59" name="OTLSHAPE_T_3f234ea9b2aa44708282b8931f9ecca2_Duration" hidden="1"/>
          <p:cNvSpPr txBox="1"/>
          <p:nvPr>
            <p:custDataLst>
              <p:tags r:id="rId98"/>
            </p:custDataLst>
          </p:nvPr>
        </p:nvSpPr>
        <p:spPr>
          <a:xfrm>
            <a:off x="1485901" y="3687108"/>
            <a:ext cx="221456"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45 days</a:t>
            </a:r>
          </a:p>
        </p:txBody>
      </p:sp>
      <p:sp>
        <p:nvSpPr>
          <p:cNvPr id="245" name="OTLSHAPE_TB_00000000000000000000000000000000_ScaleContainer"/>
          <p:cNvSpPr/>
          <p:nvPr>
            <p:custDataLst>
              <p:tags r:id="rId99"/>
            </p:custDataLst>
          </p:nvPr>
        </p:nvSpPr>
        <p:spPr>
          <a:xfrm>
            <a:off x="336859" y="5260737"/>
            <a:ext cx="1935523" cy="224495"/>
          </a:xfrm>
          <a:prstGeom prst="roundRect">
            <a:avLst/>
          </a:prstGeom>
          <a:solidFill>
            <a:srgbClr val="7A0000"/>
          </a:solidFill>
          <a:ln w="9525" cap="flat" cmpd="sng" algn="ctr">
            <a:noFill/>
            <a:prstDash val="solid"/>
          </a:ln>
          <a:effectLst>
            <a:outerShdw blurRad="40000" dist="23000" dir="5400000" rotWithShape="0">
              <a:srgbClr val="000000">
                <a:alpha val="35000"/>
              </a:srgbClr>
            </a:outerShdw>
          </a:effectLs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u="sng" dirty="0">
              <a:solidFill>
                <a:srgbClr val="1D516C"/>
              </a:solidFill>
            </a:endParaRPr>
          </a:p>
        </p:txBody>
      </p:sp>
      <p:sp>
        <p:nvSpPr>
          <p:cNvPr id="37660" name="OTLSHAPE_T_3f234ea9b2aa44708282b8931f9ecca2_TextPercentage" hidden="1"/>
          <p:cNvSpPr txBox="1"/>
          <p:nvPr>
            <p:custDataLst>
              <p:tags r:id="rId100"/>
            </p:custDataLst>
          </p:nvPr>
        </p:nvSpPr>
        <p:spPr>
          <a:xfrm>
            <a:off x="1485900" y="3860658"/>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61" name="OTLSHAPE_T_3f234ea9b2aa44708282b8931f9ecca2_StartDate" hidden="1"/>
          <p:cNvSpPr txBox="1"/>
          <p:nvPr>
            <p:custDataLst>
              <p:tags r:id="rId101"/>
            </p:custDataLst>
          </p:nvPr>
        </p:nvSpPr>
        <p:spPr>
          <a:xfrm>
            <a:off x="1485900" y="386065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62" name="OTLSHAPE_T_3f234ea9b2aa44708282b8931f9ecca2_EndDate" hidden="1"/>
          <p:cNvSpPr txBox="1"/>
          <p:nvPr>
            <p:custDataLst>
              <p:tags r:id="rId102"/>
            </p:custDataLst>
          </p:nvPr>
        </p:nvSpPr>
        <p:spPr>
          <a:xfrm>
            <a:off x="1485900" y="3860658"/>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66" name="OTLSHAPE_T_6ad78e1b5eda420db5a1ce4e6694182f_ShapePercentage" hidden="1"/>
          <p:cNvSpPr/>
          <p:nvPr>
            <p:custDataLst>
              <p:tags r:id="rId103"/>
            </p:custDataLst>
          </p:nvPr>
        </p:nvSpPr>
        <p:spPr>
          <a:xfrm>
            <a:off x="2254659" y="3850734"/>
            <a:ext cx="0" cy="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667" name="OTLSHAPE_T_6ad78e1b5eda420db5a1ce4e6694182f_Duration" hidden="1"/>
          <p:cNvSpPr txBox="1"/>
          <p:nvPr>
            <p:custDataLst>
              <p:tags r:id="rId104"/>
            </p:custDataLst>
          </p:nvPr>
        </p:nvSpPr>
        <p:spPr>
          <a:xfrm>
            <a:off x="1485900" y="3793453"/>
            <a:ext cx="257175" cy="230832"/>
          </a:xfrm>
          <a:prstGeom prst="rect">
            <a:avLst/>
          </a:prstGeom>
          <a:noFill/>
        </p:spPr>
        <p:txBody>
          <a:bodyPr vert="horz" wrap="square" lIns="0" tIns="0" rIns="0" bIns="0" rtlCol="0" anchor="ctr" anchorCtr="0">
            <a:spAutoFit/>
          </a:bodyPr>
          <a:lstStyle/>
          <a:p>
            <a:pPr algn="ctr" defTabSz="342900"/>
            <a:r>
              <a:rPr lang="en-US" sz="750" dirty="0">
                <a:solidFill>
                  <a:srgbClr val="ED7D31"/>
                </a:solidFill>
                <a:latin typeface="Calibri" panose="020F0502020204030204" pitchFamily="34" charset="0"/>
              </a:rPr>
              <a:t>229 days</a:t>
            </a:r>
          </a:p>
        </p:txBody>
      </p:sp>
      <p:sp>
        <p:nvSpPr>
          <p:cNvPr id="37668" name="OTLSHAPE_T_6ad78e1b5eda420db5a1ce4e6694182f_TextPercentage" hidden="1"/>
          <p:cNvSpPr txBox="1"/>
          <p:nvPr>
            <p:custDataLst>
              <p:tags r:id="rId105"/>
            </p:custDataLst>
          </p:nvPr>
        </p:nvSpPr>
        <p:spPr>
          <a:xfrm>
            <a:off x="1485900" y="3967002"/>
            <a:ext cx="0" cy="115416"/>
          </a:xfrm>
          <a:prstGeom prst="rect">
            <a:avLst/>
          </a:prstGeom>
          <a:noFill/>
        </p:spPr>
        <p:txBody>
          <a:bodyPr vert="horz" wrap="square" lIns="0" tIns="0" rIns="0" bIns="0" rtlCol="0" anchor="ctr" anchorCtr="0">
            <a:spAutoFit/>
          </a:bodyPr>
          <a:lstStyle/>
          <a:p>
            <a:pPr algn="ctr" defTabSz="342900"/>
            <a:endParaRPr lang="en-US" sz="750" dirty="0">
              <a:solidFill>
                <a:srgbClr val="ED7D31"/>
              </a:solidFill>
              <a:latin typeface="Calibri" panose="020F0502020204030204" pitchFamily="34" charset="0"/>
            </a:endParaRPr>
          </a:p>
        </p:txBody>
      </p:sp>
      <p:sp>
        <p:nvSpPr>
          <p:cNvPr id="37669" name="OTLSHAPE_T_6ad78e1b5eda420db5a1ce4e6694182f_StartDate" hidden="1"/>
          <p:cNvSpPr txBox="1"/>
          <p:nvPr>
            <p:custDataLst>
              <p:tags r:id="rId106"/>
            </p:custDataLst>
          </p:nvPr>
        </p:nvSpPr>
        <p:spPr>
          <a:xfrm>
            <a:off x="1485900" y="3967002"/>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37670" name="OTLSHAPE_T_6ad78e1b5eda420db5a1ce4e6694182f_EndDate" hidden="1"/>
          <p:cNvSpPr txBox="1"/>
          <p:nvPr>
            <p:custDataLst>
              <p:tags r:id="rId107"/>
            </p:custDataLst>
          </p:nvPr>
        </p:nvSpPr>
        <p:spPr>
          <a:xfrm>
            <a:off x="1485900" y="3967002"/>
            <a:ext cx="0" cy="69250"/>
          </a:xfrm>
          <a:prstGeom prst="rect">
            <a:avLst/>
          </a:prstGeom>
          <a:noFill/>
        </p:spPr>
        <p:txBody>
          <a:bodyPr vert="horz" wrap="square" lIns="0" tIns="0" rIns="0" bIns="0" rtlCol="0" anchor="ctr" anchorCtr="0">
            <a:spAutoFit/>
          </a:bodyPr>
          <a:lstStyle/>
          <a:p>
            <a:pPr algn="ctr" defTabSz="342900"/>
            <a:endParaRPr lang="en-US" sz="450" dirty="0">
              <a:solidFill>
                <a:srgbClr val="33351C"/>
              </a:solidFill>
              <a:latin typeface="Calibri" panose="020F0502020204030204" pitchFamily="34" charset="0"/>
            </a:endParaRPr>
          </a:p>
        </p:txBody>
      </p:sp>
      <p:sp>
        <p:nvSpPr>
          <p:cNvPr id="283" name="TextBox 282"/>
          <p:cNvSpPr txBox="1"/>
          <p:nvPr/>
        </p:nvSpPr>
        <p:spPr>
          <a:xfrm>
            <a:off x="378602" y="1924391"/>
            <a:ext cx="1923944" cy="369332"/>
          </a:xfrm>
          <a:prstGeom prst="rect">
            <a:avLst/>
          </a:prstGeom>
          <a:noFill/>
        </p:spPr>
        <p:txBody>
          <a:bodyPr wrap="square" rtlCol="0">
            <a:spAutoFit/>
          </a:bodyPr>
          <a:lstStyle/>
          <a:p>
            <a:r>
              <a:rPr lang="en-US" b="1" dirty="0">
                <a:solidFill>
                  <a:prstClr val="white">
                    <a:lumMod val="75000"/>
                    <a:lumOff val="25000"/>
                  </a:prstClr>
                </a:solidFill>
              </a:rPr>
              <a:t>EIR/S </a:t>
            </a:r>
          </a:p>
        </p:txBody>
      </p:sp>
      <p:cxnSp>
        <p:nvCxnSpPr>
          <p:cNvPr id="27" name="OTLSHAPE_M_e77a666a86b84ea289b9e306c5e5c748_Connector2"/>
          <p:cNvCxnSpPr/>
          <p:nvPr>
            <p:custDataLst>
              <p:tags r:id="rId108"/>
            </p:custDataLst>
          </p:nvPr>
        </p:nvCxnSpPr>
        <p:spPr>
          <a:xfrm>
            <a:off x="1712704" y="4789786"/>
            <a:ext cx="0" cy="19050"/>
          </a:xfrm>
          <a:prstGeom prst="line">
            <a:avLst/>
          </a:prstGeom>
          <a:ln w="9525" cap="flat" cmpd="sng" algn="ctr">
            <a:solidFill>
              <a:schemeClr val="l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2" name="TextBox 281"/>
          <p:cNvSpPr txBox="1"/>
          <p:nvPr/>
        </p:nvSpPr>
        <p:spPr>
          <a:xfrm>
            <a:off x="378602" y="2798768"/>
            <a:ext cx="1664981" cy="646331"/>
          </a:xfrm>
          <a:prstGeom prst="rect">
            <a:avLst/>
          </a:prstGeom>
          <a:noFill/>
        </p:spPr>
        <p:txBody>
          <a:bodyPr wrap="square" rtlCol="0">
            <a:spAutoFit/>
          </a:bodyPr>
          <a:lstStyle/>
          <a:p>
            <a:r>
              <a:rPr lang="en-US" b="1" dirty="0">
                <a:solidFill>
                  <a:prstClr val="white">
                    <a:lumMod val="75000"/>
                    <a:lumOff val="25000"/>
                  </a:prstClr>
                </a:solidFill>
              </a:rPr>
              <a:t>SWRCB Permit</a:t>
            </a:r>
          </a:p>
        </p:txBody>
      </p:sp>
      <p:sp>
        <p:nvSpPr>
          <p:cNvPr id="281" name="TextBox 280"/>
          <p:cNvSpPr txBox="1"/>
          <p:nvPr/>
        </p:nvSpPr>
        <p:spPr>
          <a:xfrm>
            <a:off x="378603" y="3773600"/>
            <a:ext cx="1872694" cy="646331"/>
          </a:xfrm>
          <a:prstGeom prst="rect">
            <a:avLst/>
          </a:prstGeom>
          <a:noFill/>
        </p:spPr>
        <p:txBody>
          <a:bodyPr wrap="square" rtlCol="0">
            <a:spAutoFit/>
          </a:bodyPr>
          <a:lstStyle/>
          <a:p>
            <a:r>
              <a:rPr lang="en-US" b="1" dirty="0">
                <a:solidFill>
                  <a:prstClr val="white">
                    <a:lumMod val="75000"/>
                    <a:lumOff val="25000"/>
                  </a:prstClr>
                </a:solidFill>
              </a:rPr>
              <a:t>USACE  404 Permit</a:t>
            </a:r>
          </a:p>
        </p:txBody>
      </p:sp>
      <p:sp>
        <p:nvSpPr>
          <p:cNvPr id="18551" name="TextBox 18550"/>
          <p:cNvSpPr txBox="1"/>
          <p:nvPr/>
        </p:nvSpPr>
        <p:spPr>
          <a:xfrm>
            <a:off x="6376988" y="6622843"/>
            <a:ext cx="2686989" cy="400110"/>
          </a:xfrm>
          <a:prstGeom prst="rect">
            <a:avLst/>
          </a:prstGeom>
          <a:noFill/>
        </p:spPr>
        <p:txBody>
          <a:bodyPr wrap="square" rtlCol="0">
            <a:spAutoFit/>
          </a:bodyPr>
          <a:lstStyle/>
          <a:p>
            <a:pPr defTabSz="308610">
              <a:tabLst>
                <a:tab pos="141767" algn="l"/>
              </a:tabLst>
            </a:pPr>
            <a:r>
              <a:rPr lang="en-US" sz="1000" i="1" dirty="0">
                <a:solidFill>
                  <a:srgbClr val="3B3B3B">
                    <a:lumMod val="25000"/>
                  </a:srgbClr>
                </a:solidFill>
                <a:latin typeface="Calibri"/>
              </a:rPr>
              <a:t>*BiOp is linked to the ROD/NOD | **Assumes no additional CEQA </a:t>
            </a:r>
          </a:p>
        </p:txBody>
      </p:sp>
      <p:sp>
        <p:nvSpPr>
          <p:cNvPr id="239" name="TextBox 238"/>
          <p:cNvSpPr txBox="1"/>
          <p:nvPr/>
        </p:nvSpPr>
        <p:spPr>
          <a:xfrm>
            <a:off x="378603" y="850751"/>
            <a:ext cx="3485197" cy="646331"/>
          </a:xfrm>
          <a:prstGeom prst="rect">
            <a:avLst/>
          </a:prstGeom>
          <a:noFill/>
        </p:spPr>
        <p:txBody>
          <a:bodyPr wrap="square" rtlCol="0">
            <a:spAutoFit/>
          </a:bodyPr>
          <a:lstStyle/>
          <a:p>
            <a:r>
              <a:rPr lang="en-US" b="1" dirty="0">
                <a:solidFill>
                  <a:prstClr val="white">
                    <a:lumMod val="75000"/>
                    <a:lumOff val="25000"/>
                  </a:prstClr>
                </a:solidFill>
              </a:rPr>
              <a:t>Biological Assessment and Opinion</a:t>
            </a:r>
          </a:p>
        </p:txBody>
      </p:sp>
      <p:pic>
        <p:nvPicPr>
          <p:cNvPr id="303" name="Picture 302" descr="HeaderLine.png"/>
          <p:cNvPicPr>
            <a:picLocks noChangeAspect="1"/>
          </p:cNvPicPr>
          <p:nvPr/>
        </p:nvPicPr>
        <p:blipFill>
          <a:blip r:embed="rId174" cstate="print">
            <a:extLst>
              <a:ext uri="{28A0092B-C50C-407E-A947-70E740481C1C}">
                <a14:useLocalDpi xmlns:a14="http://schemas.microsoft.com/office/drawing/2010/main"/>
              </a:ext>
            </a:extLst>
          </a:blip>
          <a:stretch>
            <a:fillRect/>
          </a:stretch>
        </p:blipFill>
        <p:spPr>
          <a:xfrm>
            <a:off x="148577" y="573005"/>
            <a:ext cx="8915400" cy="52148"/>
          </a:xfrm>
          <a:prstGeom prst="rect">
            <a:avLst/>
          </a:prstGeom>
        </p:spPr>
      </p:pic>
      <p:sp>
        <p:nvSpPr>
          <p:cNvPr id="315" name="Rectangle 2"/>
          <p:cNvSpPr txBox="1">
            <a:spLocks noChangeArrowheads="1"/>
          </p:cNvSpPr>
          <p:nvPr/>
        </p:nvSpPr>
        <p:spPr>
          <a:xfrm>
            <a:off x="131438" y="139700"/>
            <a:ext cx="6115050" cy="533400"/>
          </a:xfrm>
          <a:prstGeom prst="rect">
            <a:avLst/>
          </a:prstGeom>
        </p:spPr>
        <p:txBody>
          <a:bodyPr/>
          <a:lstStyle/>
          <a:p>
            <a:pPr>
              <a:defRPr/>
            </a:pPr>
            <a:r>
              <a:rPr lang="en-US" sz="2200" b="1" kern="0" dirty="0">
                <a:solidFill>
                  <a:prstClr val="white">
                    <a:lumMod val="75000"/>
                    <a:lumOff val="25000"/>
                  </a:prstClr>
                </a:solidFill>
                <a:latin typeface="Calibri"/>
              </a:rPr>
              <a:t>California WaterFix Draft Schedule: 2015-2017</a:t>
            </a:r>
          </a:p>
        </p:txBody>
      </p:sp>
      <p:sp>
        <p:nvSpPr>
          <p:cNvPr id="343" name="TextBox 342"/>
          <p:cNvSpPr txBox="1"/>
          <p:nvPr/>
        </p:nvSpPr>
        <p:spPr>
          <a:xfrm>
            <a:off x="0" y="6200777"/>
            <a:ext cx="9144000" cy="830997"/>
          </a:xfrm>
          <a:prstGeom prst="rect">
            <a:avLst/>
          </a:prstGeom>
          <a:noFill/>
        </p:spPr>
        <p:txBody>
          <a:bodyPr wrap="square" rtlCol="0">
            <a:spAutoFit/>
          </a:bodyPr>
          <a:lstStyle/>
          <a:p>
            <a:r>
              <a:rPr lang="en-US" sz="1200" b="1" i="1" dirty="0">
                <a:solidFill>
                  <a:prstClr val="black">
                    <a:lumMod val="65000"/>
                  </a:prstClr>
                </a:solidFill>
                <a:latin typeface="Corbel" pitchFamily="34" charset="0"/>
              </a:rPr>
              <a:t>Kern County Water Agency	             									                 March 10, 2016</a:t>
            </a:r>
          </a:p>
          <a:p>
            <a:r>
              <a:rPr lang="en-US" sz="1200" b="1" i="1" dirty="0">
                <a:solidFill>
                  <a:prstClr val="white">
                    <a:lumMod val="65000"/>
                    <a:lumOff val="35000"/>
                  </a:prstClr>
                </a:solidFill>
                <a:latin typeface="Corbel" pitchFamily="34" charset="0"/>
              </a:rPr>
              <a:t> </a:t>
            </a:r>
          </a:p>
          <a:p>
            <a:endParaRPr lang="en-US" sz="1200" b="1" i="1" dirty="0">
              <a:solidFill>
                <a:prstClr val="white">
                  <a:lumMod val="65000"/>
                  <a:lumOff val="35000"/>
                </a:prstClr>
              </a:solidFill>
              <a:latin typeface="Corbel" pitchFamily="34" charset="0"/>
            </a:endParaRPr>
          </a:p>
        </p:txBody>
      </p:sp>
      <p:grpSp>
        <p:nvGrpSpPr>
          <p:cNvPr id="6" name="Group 5"/>
          <p:cNvGrpSpPr/>
          <p:nvPr/>
        </p:nvGrpSpPr>
        <p:grpSpPr>
          <a:xfrm>
            <a:off x="-8225" y="1219200"/>
            <a:ext cx="4414085" cy="4038372"/>
            <a:chOff x="476101" y="1219200"/>
            <a:chExt cx="5885447" cy="4038372"/>
          </a:xfrm>
        </p:grpSpPr>
        <p:grpSp>
          <p:nvGrpSpPr>
            <p:cNvPr id="359" name="Group 358"/>
            <p:cNvGrpSpPr/>
            <p:nvPr/>
          </p:nvGrpSpPr>
          <p:grpSpPr>
            <a:xfrm>
              <a:off x="476101" y="1219200"/>
              <a:ext cx="5885447" cy="509603"/>
              <a:chOff x="476101" y="1532263"/>
              <a:chExt cx="5885447" cy="509603"/>
            </a:xfrm>
          </p:grpSpPr>
          <p:sp>
            <p:nvSpPr>
              <p:cNvPr id="3268" name="OTLSHAPE_T_f8208d21baa84ec2bca5ae8cbab06041_Shape"/>
              <p:cNvSpPr/>
              <p:nvPr>
                <p:custDataLst>
                  <p:tags r:id="rId162"/>
                </p:custDataLst>
              </p:nvPr>
            </p:nvSpPr>
            <p:spPr>
              <a:xfrm>
                <a:off x="1057274" y="1721826"/>
                <a:ext cx="904875"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76" name="OTLSHAPE_T_7f0581380de84589a72c0a100a27b9a3_Shape"/>
              <p:cNvSpPr/>
              <p:nvPr>
                <p:custDataLst>
                  <p:tags r:id="rId163"/>
                </p:custDataLst>
              </p:nvPr>
            </p:nvSpPr>
            <p:spPr>
              <a:xfrm>
                <a:off x="1978815" y="1721826"/>
                <a:ext cx="2345145"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284" name="OTLSHAPE_T_7f0581380de84589a72c0a100a27b9a3_Title"/>
              <p:cNvSpPr txBox="1"/>
              <p:nvPr>
                <p:custDataLst>
                  <p:tags r:id="rId164"/>
                </p:custDataLst>
              </p:nvPr>
            </p:nvSpPr>
            <p:spPr>
              <a:xfrm>
                <a:off x="2030846" y="1745627"/>
                <a:ext cx="1003302" cy="271180"/>
              </a:xfrm>
              <a:prstGeom prst="rect">
                <a:avLst/>
              </a:prstGeom>
              <a:noFill/>
            </p:spPr>
            <p:txBody>
              <a:bodyPr vert="horz" wrap="square" lIns="0" tIns="0" rIns="0" bIns="0" rtlCol="0" anchor="ctr" anchorCtr="0">
                <a:noAutofit/>
              </a:bodyPr>
              <a:lstStyle/>
              <a:p>
                <a:pPr defTabSz="342900"/>
                <a:r>
                  <a:rPr lang="en-US" sz="1000" dirty="0">
                    <a:solidFill>
                      <a:prstClr val="black"/>
                    </a:solidFill>
                    <a:latin typeface="Calibri" panose="020F0502020204030204" pitchFamily="34" charset="0"/>
                  </a:rPr>
                  <a:t>Final BA</a:t>
                </a:r>
              </a:p>
            </p:txBody>
          </p:sp>
          <p:sp>
            <p:nvSpPr>
              <p:cNvPr id="3285" name="OTLSHAPE_T_f8c207a25c6540c8a69187f0375fa012_Shape"/>
              <p:cNvSpPr/>
              <p:nvPr>
                <p:custDataLst>
                  <p:tags r:id="rId165"/>
                </p:custDataLst>
              </p:nvPr>
            </p:nvSpPr>
            <p:spPr>
              <a:xfrm>
                <a:off x="4347868" y="1721826"/>
                <a:ext cx="1442720" cy="320040"/>
              </a:xfrm>
              <a:prstGeom prst="roundRect">
                <a:avLst/>
              </a:prstGeom>
              <a:solidFill>
                <a:srgbClr val="363B94"/>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prstClr val="black"/>
                  </a:solidFill>
                </a:endParaRPr>
              </a:p>
            </p:txBody>
          </p:sp>
          <p:sp>
            <p:nvSpPr>
              <p:cNvPr id="3291" name="OTLSHAPE_T_f8c207a25c6540c8a69187f0375fa012_JoinedDate"/>
              <p:cNvSpPr txBox="1"/>
              <p:nvPr>
                <p:custDataLst>
                  <p:tags r:id="rId166"/>
                </p:custDataLst>
              </p:nvPr>
            </p:nvSpPr>
            <p:spPr>
              <a:xfrm>
                <a:off x="5821068" y="1735672"/>
                <a:ext cx="505299" cy="298008"/>
              </a:xfrm>
              <a:prstGeom prst="rect">
                <a:avLst/>
              </a:prstGeom>
              <a:noFill/>
            </p:spPr>
            <p:txBody>
              <a:bodyPr vert="horz" wrap="square" lIns="0" tIns="0" rIns="0" bIns="0" rtlCol="0" anchor="ctr" anchorCtr="0">
                <a:noAutofit/>
              </a:bodyPr>
              <a:lstStyle/>
              <a:p>
                <a:pPr defTabSz="342900"/>
                <a:r>
                  <a:rPr lang="en-US" sz="1100" b="1" dirty="0">
                    <a:solidFill>
                      <a:srgbClr val="363B94"/>
                    </a:solidFill>
                    <a:latin typeface="Calibri" panose="020F0502020204030204" pitchFamily="34" charset="0"/>
                  </a:rPr>
                  <a:t>Sep 6 </a:t>
                </a:r>
              </a:p>
              <a:p>
                <a:pPr defTabSz="342900"/>
                <a:r>
                  <a:rPr lang="en-US" sz="1100" dirty="0">
                    <a:solidFill>
                      <a:srgbClr val="363B94"/>
                    </a:solidFill>
                    <a:latin typeface="Calibri" panose="020F0502020204030204" pitchFamily="34" charset="0"/>
                  </a:rPr>
                  <a:t>2016</a:t>
                </a:r>
              </a:p>
            </p:txBody>
          </p:sp>
          <p:sp>
            <p:nvSpPr>
              <p:cNvPr id="3292" name="OTLSHAPE_T_f8c207a25c6540c8a69187f0375fa012_Title"/>
              <p:cNvSpPr txBox="1"/>
              <p:nvPr>
                <p:custDataLst>
                  <p:tags r:id="rId167"/>
                </p:custDataLst>
              </p:nvPr>
            </p:nvSpPr>
            <p:spPr>
              <a:xfrm>
                <a:off x="4410667" y="1753209"/>
                <a:ext cx="1950881" cy="249347"/>
              </a:xfrm>
              <a:prstGeom prst="rect">
                <a:avLst/>
              </a:prstGeom>
              <a:noFill/>
            </p:spPr>
            <p:txBody>
              <a:bodyPr vert="horz" wrap="square" lIns="0" tIns="0" rIns="0" bIns="0" rtlCol="0" anchor="ctr" anchorCtr="0">
                <a:noAutofit/>
              </a:bodyPr>
              <a:lstStyle/>
              <a:p>
                <a:pPr defTabSz="342900"/>
                <a:r>
                  <a:rPr lang="en-US" sz="1000" spc="-3" dirty="0">
                    <a:solidFill>
                      <a:prstClr val="black"/>
                    </a:solidFill>
                    <a:latin typeface="Calibri" panose="020F0502020204030204" pitchFamily="34" charset="0"/>
                  </a:rPr>
                  <a:t>Section 7 Consultation</a:t>
                </a:r>
              </a:p>
            </p:txBody>
          </p:sp>
          <p:sp>
            <p:nvSpPr>
              <p:cNvPr id="3283" name="OTLSHAPE_T_7f0581380de84589a72c0a100a27b9a3_JoinedDate"/>
              <p:cNvSpPr txBox="1"/>
              <p:nvPr>
                <p:custDataLst>
                  <p:tags r:id="rId168"/>
                </p:custDataLst>
              </p:nvPr>
            </p:nvSpPr>
            <p:spPr>
              <a:xfrm>
                <a:off x="4144668" y="1532263"/>
                <a:ext cx="441771" cy="134344"/>
              </a:xfrm>
              <a:prstGeom prst="rect">
                <a:avLst/>
              </a:prstGeom>
              <a:noFill/>
            </p:spPr>
            <p:txBody>
              <a:bodyPr vert="horz" wrap="square" lIns="0" tIns="0" rIns="0" bIns="0" rtlCol="0" anchor="ctr" anchorCtr="0">
                <a:noAutofit/>
              </a:bodyPr>
              <a:lstStyle/>
              <a:p>
                <a:pPr algn="ctr" defTabSz="342900"/>
                <a:r>
                  <a:rPr lang="en-US" sz="800" dirty="0">
                    <a:solidFill>
                      <a:srgbClr val="5C61C4"/>
                    </a:solidFill>
                    <a:latin typeface="Calibri" panose="020F0502020204030204" pitchFamily="34" charset="0"/>
                  </a:rPr>
                  <a:t>5/2/16</a:t>
                </a:r>
              </a:p>
            </p:txBody>
          </p:sp>
          <p:sp>
            <p:nvSpPr>
              <p:cNvPr id="250" name="OTLSHAPE_T_7f0581380de84589a72c0a100a27b9a3_JoinedDate"/>
              <p:cNvSpPr txBox="1"/>
              <p:nvPr>
                <p:custDataLst>
                  <p:tags r:id="rId169"/>
                </p:custDataLst>
              </p:nvPr>
            </p:nvSpPr>
            <p:spPr>
              <a:xfrm>
                <a:off x="1750922" y="1550487"/>
                <a:ext cx="435406" cy="96030"/>
              </a:xfrm>
              <a:prstGeom prst="rect">
                <a:avLst/>
              </a:prstGeom>
              <a:noFill/>
            </p:spPr>
            <p:txBody>
              <a:bodyPr vert="horz" wrap="square" lIns="0" tIns="0" rIns="0" bIns="0" rtlCol="0" anchor="ctr" anchorCtr="0">
                <a:noAutofit/>
              </a:bodyPr>
              <a:lstStyle/>
              <a:p>
                <a:pPr algn="ctr" defTabSz="342900"/>
                <a:r>
                  <a:rPr lang="en-US" sz="800" dirty="0">
                    <a:solidFill>
                      <a:srgbClr val="5C61C4"/>
                    </a:solidFill>
                    <a:latin typeface="Calibri" panose="020F0502020204030204" pitchFamily="34" charset="0"/>
                  </a:rPr>
                  <a:t>9/30/15</a:t>
                </a:r>
              </a:p>
            </p:txBody>
          </p:sp>
          <p:sp>
            <p:nvSpPr>
              <p:cNvPr id="332" name="OTLSHAPE_T_f8208d21baa84ec2bca5ae8cbab06041_Title"/>
              <p:cNvSpPr txBox="1"/>
              <p:nvPr>
                <p:custDataLst>
                  <p:tags r:id="rId170"/>
                </p:custDataLst>
              </p:nvPr>
            </p:nvSpPr>
            <p:spPr>
              <a:xfrm>
                <a:off x="1114904" y="1776000"/>
                <a:ext cx="762709" cy="203501"/>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Draft BA/</a:t>
                </a:r>
              </a:p>
              <a:p>
                <a:pPr defTabSz="342900"/>
                <a:r>
                  <a:rPr lang="en-US" sz="1000" spc="-2" dirty="0">
                    <a:solidFill>
                      <a:prstClr val="black"/>
                    </a:solidFill>
                    <a:latin typeface="Calibri" panose="020F0502020204030204" pitchFamily="34" charset="0"/>
                  </a:rPr>
                  <a:t>2081(b) </a:t>
                </a:r>
              </a:p>
            </p:txBody>
          </p:sp>
          <p:sp>
            <p:nvSpPr>
              <p:cNvPr id="324" name="Isosceles Triangle 323"/>
              <p:cNvSpPr/>
              <p:nvPr/>
            </p:nvSpPr>
            <p:spPr bwMode="auto">
              <a:xfrm rot="10800000">
                <a:off x="4274091" y="1660169"/>
                <a:ext cx="130546" cy="63973"/>
              </a:xfrm>
              <a:prstGeom prst="triangle">
                <a:avLst/>
              </a:prstGeom>
              <a:solidFill>
                <a:srgbClr val="5C61C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sp>
            <p:nvSpPr>
              <p:cNvPr id="325" name="Isosceles Triangle 324"/>
              <p:cNvSpPr/>
              <p:nvPr/>
            </p:nvSpPr>
            <p:spPr bwMode="auto">
              <a:xfrm rot="10800000">
                <a:off x="1911720" y="1657897"/>
                <a:ext cx="130546" cy="63973"/>
              </a:xfrm>
              <a:prstGeom prst="triangle">
                <a:avLst/>
              </a:prstGeom>
              <a:solidFill>
                <a:srgbClr val="5C61C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sp>
            <p:nvSpPr>
              <p:cNvPr id="336" name="OTLSHAPE_T_f8c207a25c6540c8a69187f0375fa012_JoinedDate"/>
              <p:cNvSpPr txBox="1"/>
              <p:nvPr>
                <p:custDataLst>
                  <p:tags r:id="rId171"/>
                </p:custDataLst>
              </p:nvPr>
            </p:nvSpPr>
            <p:spPr>
              <a:xfrm>
                <a:off x="476101" y="1735672"/>
                <a:ext cx="505299" cy="298008"/>
              </a:xfrm>
              <a:prstGeom prst="rect">
                <a:avLst/>
              </a:prstGeom>
              <a:noFill/>
            </p:spPr>
            <p:txBody>
              <a:bodyPr vert="horz" wrap="square" lIns="0" tIns="0" rIns="0" bIns="0" rtlCol="0" anchor="ctr" anchorCtr="0">
                <a:noAutofit/>
              </a:bodyPr>
              <a:lstStyle/>
              <a:p>
                <a:pPr algn="r" defTabSz="342900"/>
                <a:r>
                  <a:rPr lang="en-US" sz="1100" b="1" dirty="0">
                    <a:solidFill>
                      <a:srgbClr val="363B94"/>
                    </a:solidFill>
                    <a:latin typeface="Calibri" panose="020F0502020204030204" pitchFamily="34" charset="0"/>
                  </a:rPr>
                  <a:t>Jul 10 </a:t>
                </a:r>
              </a:p>
              <a:p>
                <a:pPr algn="r" defTabSz="342900"/>
                <a:r>
                  <a:rPr lang="en-US" sz="1100" dirty="0">
                    <a:solidFill>
                      <a:srgbClr val="363B94"/>
                    </a:solidFill>
                    <a:latin typeface="Calibri" panose="020F0502020204030204" pitchFamily="34" charset="0"/>
                  </a:rPr>
                  <a:t>2015</a:t>
                </a:r>
              </a:p>
            </p:txBody>
          </p:sp>
        </p:grpSp>
        <p:grpSp>
          <p:nvGrpSpPr>
            <p:cNvPr id="37401" name="Group 37400"/>
            <p:cNvGrpSpPr/>
            <p:nvPr/>
          </p:nvGrpSpPr>
          <p:grpSpPr>
            <a:xfrm>
              <a:off x="5552973" y="4921029"/>
              <a:ext cx="420495" cy="336543"/>
              <a:chOff x="5552973" y="4921029"/>
              <a:chExt cx="420495" cy="336543"/>
            </a:xfrm>
          </p:grpSpPr>
          <p:sp>
            <p:nvSpPr>
              <p:cNvPr id="1841" name="OTLSHAPE_M_e494f825f2f04094a3953801cbca7c67_Title"/>
              <p:cNvSpPr txBox="1"/>
              <p:nvPr>
                <p:custDataLst>
                  <p:tags r:id="rId161"/>
                </p:custDataLst>
              </p:nvPr>
            </p:nvSpPr>
            <p:spPr>
              <a:xfrm>
                <a:off x="5552973" y="4921029"/>
                <a:ext cx="420495" cy="285450"/>
              </a:xfrm>
              <a:prstGeom prst="rect">
                <a:avLst/>
              </a:prstGeom>
              <a:noFill/>
            </p:spPr>
            <p:txBody>
              <a:bodyPr vert="horz" wrap="square" lIns="0" tIns="0" rIns="0" bIns="0" rtlCol="0" anchor="ctr" anchorCtr="0">
                <a:noAutofit/>
              </a:bodyPr>
              <a:lstStyle/>
              <a:p>
                <a:pPr algn="ctr" defTabSz="342900"/>
                <a:r>
                  <a:rPr lang="en-US" sz="800" b="1" dirty="0">
                    <a:solidFill>
                      <a:srgbClr val="363B94"/>
                    </a:solidFill>
                    <a:latin typeface="Calibri" panose="020F0502020204030204" pitchFamily="34" charset="0"/>
                  </a:rPr>
                  <a:t>BiOp</a:t>
                </a:r>
              </a:p>
              <a:p>
                <a:pPr algn="ctr" defTabSz="342900"/>
                <a:r>
                  <a:rPr lang="en-US" sz="800" dirty="0">
                    <a:solidFill>
                      <a:srgbClr val="363B94"/>
                    </a:solidFill>
                    <a:latin typeface="Calibri" panose="020F0502020204030204" pitchFamily="34" charset="0"/>
                  </a:rPr>
                  <a:t>9/6/16</a:t>
                </a:r>
              </a:p>
            </p:txBody>
          </p:sp>
          <p:sp>
            <p:nvSpPr>
              <p:cNvPr id="364" name="Isosceles Triangle 363"/>
              <p:cNvSpPr/>
              <p:nvPr/>
            </p:nvSpPr>
            <p:spPr bwMode="auto">
              <a:xfrm rot="10800000">
                <a:off x="5716127" y="5193599"/>
                <a:ext cx="130546" cy="63973"/>
              </a:xfrm>
              <a:prstGeom prst="triangle">
                <a:avLst/>
              </a:prstGeom>
              <a:solidFill>
                <a:srgbClr val="363B94"/>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grpSp>
        <p:nvGrpSpPr>
          <p:cNvPr id="18" name="Group 17"/>
          <p:cNvGrpSpPr/>
          <p:nvPr/>
        </p:nvGrpSpPr>
        <p:grpSpPr>
          <a:xfrm>
            <a:off x="-4531" y="2159893"/>
            <a:ext cx="4717399" cy="3727924"/>
            <a:chOff x="481026" y="2159892"/>
            <a:chExt cx="6289865" cy="3727924"/>
          </a:xfrm>
        </p:grpSpPr>
        <p:grpSp>
          <p:nvGrpSpPr>
            <p:cNvPr id="347" name="Group 346"/>
            <p:cNvGrpSpPr/>
            <p:nvPr/>
          </p:nvGrpSpPr>
          <p:grpSpPr>
            <a:xfrm>
              <a:off x="481026" y="2159892"/>
              <a:ext cx="4473741" cy="507108"/>
              <a:chOff x="481026" y="2111004"/>
              <a:chExt cx="4473741" cy="507108"/>
            </a:xfrm>
          </p:grpSpPr>
          <p:sp>
            <p:nvSpPr>
              <p:cNvPr id="18533" name="OTLSHAPE_T_39271f0494d54405a9f62a33529af787_Shape"/>
              <p:cNvSpPr/>
              <p:nvPr>
                <p:custDataLst>
                  <p:tags r:id="rId151"/>
                </p:custDataLst>
              </p:nvPr>
            </p:nvSpPr>
            <p:spPr>
              <a:xfrm>
                <a:off x="1057274" y="2298072"/>
                <a:ext cx="2382072"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597" name="OTLSHAPE_T_8a43ad8d23844d68a1c66d84e7f8657f_Shape"/>
              <p:cNvSpPr/>
              <p:nvPr>
                <p:custDataLst>
                  <p:tags r:id="rId152"/>
                </p:custDataLst>
              </p:nvPr>
            </p:nvSpPr>
            <p:spPr>
              <a:xfrm>
                <a:off x="3458114" y="2298072"/>
                <a:ext cx="285750"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49" name="OTLSHAPE_T_0576fe5566344771b555fd0e7ea2f1f0_Shape"/>
              <p:cNvSpPr/>
              <p:nvPr>
                <p:custDataLst>
                  <p:tags r:id="rId153"/>
                </p:custDataLst>
              </p:nvPr>
            </p:nvSpPr>
            <p:spPr>
              <a:xfrm>
                <a:off x="3763669" y="2298072"/>
                <a:ext cx="652754" cy="320040"/>
              </a:xfrm>
              <a:prstGeom prst="roundRect">
                <a:avLst/>
              </a:prstGeom>
              <a:solidFill>
                <a:srgbClr val="FFC000"/>
              </a:solidFill>
              <a:ln w="12700"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dirty="0">
                  <a:solidFill>
                    <a:srgbClr val="1D516C"/>
                  </a:solidFill>
                </a:endParaRPr>
              </a:p>
            </p:txBody>
          </p:sp>
          <p:sp>
            <p:nvSpPr>
              <p:cNvPr id="37356" name="OTLSHAPE_T_0576fe5566344771b555fd0e7ea2f1f0_Title"/>
              <p:cNvSpPr txBox="1"/>
              <p:nvPr>
                <p:custDataLst>
                  <p:tags r:id="rId154"/>
                </p:custDataLst>
              </p:nvPr>
            </p:nvSpPr>
            <p:spPr>
              <a:xfrm>
                <a:off x="3805267" y="2307519"/>
                <a:ext cx="668108" cy="284843"/>
              </a:xfrm>
              <a:prstGeom prst="rect">
                <a:avLst/>
              </a:prstGeom>
              <a:noFill/>
            </p:spPr>
            <p:txBody>
              <a:bodyPr vert="horz" wrap="square" lIns="0" tIns="0" rIns="0" bIns="0" rtlCol="0" anchor="ctr" anchorCtr="0">
                <a:noAutofit/>
              </a:bodyPr>
              <a:lstStyle/>
              <a:p>
                <a:pPr defTabSz="342900"/>
                <a:r>
                  <a:rPr lang="en-US" sz="950" spc="-2" dirty="0">
                    <a:solidFill>
                      <a:srgbClr val="33351C"/>
                    </a:solidFill>
                    <a:latin typeface="Calibri" panose="020F0502020204030204" pitchFamily="34" charset="0"/>
                  </a:rPr>
                  <a:t>Prepare </a:t>
                </a:r>
              </a:p>
              <a:p>
                <a:pPr defTabSz="342900"/>
                <a:r>
                  <a:rPr lang="en-US" sz="950" spc="-2" dirty="0">
                    <a:solidFill>
                      <a:srgbClr val="33351C"/>
                    </a:solidFill>
                    <a:latin typeface="Calibri" panose="020F0502020204030204" pitchFamily="34" charset="0"/>
                  </a:rPr>
                  <a:t>Final EIR/EIS</a:t>
                </a:r>
              </a:p>
            </p:txBody>
          </p:sp>
          <p:sp>
            <p:nvSpPr>
              <p:cNvPr id="251" name="OTLSHAPE_T_7f0581380de84589a72c0a100a27b9a3_JoinedDate"/>
              <p:cNvSpPr txBox="1"/>
              <p:nvPr>
                <p:custDataLst>
                  <p:tags r:id="rId155"/>
                </p:custDataLst>
              </p:nvPr>
            </p:nvSpPr>
            <p:spPr>
              <a:xfrm>
                <a:off x="3001668" y="2356486"/>
                <a:ext cx="395603" cy="204690"/>
              </a:xfrm>
              <a:prstGeom prst="rect">
                <a:avLst/>
              </a:prstGeom>
              <a:noFill/>
            </p:spPr>
            <p:txBody>
              <a:bodyPr vert="horz" wrap="square" lIns="0" tIns="0" rIns="0" bIns="0" rtlCol="0" anchor="ctr" anchorCtr="0">
                <a:noAutofit/>
              </a:bodyPr>
              <a:lstStyle/>
              <a:p>
                <a:pPr algn="r" defTabSz="342900"/>
                <a:r>
                  <a:rPr lang="en-US" sz="800" b="1" dirty="0">
                    <a:solidFill>
                      <a:srgbClr val="33351C"/>
                    </a:solidFill>
                    <a:latin typeface="Calibri" panose="020F0502020204030204" pitchFamily="34" charset="0"/>
                  </a:rPr>
                  <a:t>2/26/16</a:t>
                </a:r>
                <a:endParaRPr lang="en-US" sz="600" b="1" dirty="0">
                  <a:solidFill>
                    <a:srgbClr val="33351C"/>
                  </a:solidFill>
                  <a:latin typeface="Calibri" panose="020F0502020204030204" pitchFamily="34" charset="0"/>
                </a:endParaRPr>
              </a:p>
            </p:txBody>
          </p:sp>
          <p:sp>
            <p:nvSpPr>
              <p:cNvPr id="258" name="OTLSHAPE_T_7f0581380de84589a72c0a100a27b9a3_JoinedDate"/>
              <p:cNvSpPr txBox="1"/>
              <p:nvPr>
                <p:custDataLst>
                  <p:tags r:id="rId156"/>
                </p:custDataLst>
              </p:nvPr>
            </p:nvSpPr>
            <p:spPr>
              <a:xfrm>
                <a:off x="3537988" y="2111004"/>
                <a:ext cx="434438" cy="129003"/>
              </a:xfrm>
              <a:prstGeom prst="rect">
                <a:avLst/>
              </a:prstGeom>
              <a:noFill/>
            </p:spPr>
            <p:txBody>
              <a:bodyPr vert="horz" wrap="square" lIns="0" tIns="0" rIns="0" bIns="0" rtlCol="0" anchor="ctr" anchorCtr="0">
                <a:noAutofit/>
              </a:bodyPr>
              <a:lstStyle/>
              <a:p>
                <a:pPr algn="ctr" defTabSz="342900"/>
                <a:r>
                  <a:rPr lang="en-US" sz="800" dirty="0">
                    <a:solidFill>
                      <a:srgbClr val="AC8300"/>
                    </a:solidFill>
                    <a:latin typeface="Calibri" panose="020F0502020204030204" pitchFamily="34" charset="0"/>
                  </a:rPr>
                  <a:t>3/11/16</a:t>
                </a:r>
              </a:p>
            </p:txBody>
          </p:sp>
          <p:sp>
            <p:nvSpPr>
              <p:cNvPr id="37348" name="OTLSHAPE_T_8a43ad8d23844d68a1c66d84e7f8657f_Title"/>
              <p:cNvSpPr txBox="1"/>
              <p:nvPr>
                <p:custDataLst>
                  <p:tags r:id="rId157"/>
                </p:custDataLst>
              </p:nvPr>
            </p:nvSpPr>
            <p:spPr>
              <a:xfrm>
                <a:off x="3375048" y="2328996"/>
                <a:ext cx="438854" cy="249761"/>
              </a:xfrm>
              <a:prstGeom prst="rect">
                <a:avLst/>
              </a:prstGeom>
              <a:noFill/>
            </p:spPr>
            <p:txBody>
              <a:bodyPr vert="horz" wrap="square" lIns="0" tIns="0" rIns="0" bIns="0" rtlCol="0" anchor="ctr" anchorCtr="0">
                <a:noAutofit/>
              </a:bodyPr>
              <a:lstStyle/>
              <a:p>
                <a:pPr algn="ctr" defTabSz="342900"/>
                <a:r>
                  <a:rPr lang="en-US" sz="500" b="1" dirty="0">
                    <a:solidFill>
                      <a:srgbClr val="33351C"/>
                    </a:solidFill>
                    <a:latin typeface="Calibri" panose="020F0502020204030204" pitchFamily="34" charset="0"/>
                  </a:rPr>
                  <a:t>Lead </a:t>
                </a:r>
              </a:p>
              <a:p>
                <a:pPr algn="ctr" defTabSz="342900"/>
                <a:r>
                  <a:rPr lang="en-US" sz="500" b="1" dirty="0">
                    <a:solidFill>
                      <a:srgbClr val="33351C"/>
                    </a:solidFill>
                    <a:latin typeface="Calibri" panose="020F0502020204030204" pitchFamily="34" charset="0"/>
                  </a:rPr>
                  <a:t>Agency</a:t>
                </a:r>
              </a:p>
              <a:p>
                <a:pPr algn="ctr" defTabSz="342900"/>
                <a:r>
                  <a:rPr lang="en-US" sz="500" b="1" dirty="0">
                    <a:solidFill>
                      <a:srgbClr val="33351C"/>
                    </a:solidFill>
                    <a:latin typeface="Calibri" panose="020F0502020204030204" pitchFamily="34" charset="0"/>
                  </a:rPr>
                  <a:t> Review</a:t>
                </a:r>
              </a:p>
            </p:txBody>
          </p:sp>
          <p:sp>
            <p:nvSpPr>
              <p:cNvPr id="334" name="OTLSHAPE_T_39271f0494d54405a9f62a33529af787_Title"/>
              <p:cNvSpPr txBox="1"/>
              <p:nvPr>
                <p:custDataLst>
                  <p:tags r:id="rId158"/>
                </p:custDataLst>
              </p:nvPr>
            </p:nvSpPr>
            <p:spPr>
              <a:xfrm>
                <a:off x="1099295" y="2305967"/>
                <a:ext cx="1734651" cy="295828"/>
              </a:xfrm>
              <a:prstGeom prst="rect">
                <a:avLst/>
              </a:prstGeom>
              <a:noFill/>
            </p:spPr>
            <p:txBody>
              <a:bodyPr vert="horz" wrap="square" lIns="0" tIns="0" rIns="0" bIns="0" rtlCol="0" anchor="ctr" anchorCtr="0">
                <a:noAutofit/>
              </a:bodyPr>
              <a:lstStyle/>
              <a:p>
                <a:pPr defTabSz="342900"/>
                <a:r>
                  <a:rPr lang="en-US" sz="1000" dirty="0">
                    <a:solidFill>
                      <a:srgbClr val="33351C"/>
                    </a:solidFill>
                    <a:latin typeface="Calibri" panose="020F0502020204030204" pitchFamily="34" charset="0"/>
                  </a:rPr>
                  <a:t>Public Comments, Comment Response, Prepare Admin. Draft</a:t>
                </a:r>
              </a:p>
            </p:txBody>
          </p:sp>
          <p:sp>
            <p:nvSpPr>
              <p:cNvPr id="327" name="OTLSHAPE_T_f8c207a25c6540c8a69187f0375fa012_JoinedDate"/>
              <p:cNvSpPr txBox="1"/>
              <p:nvPr>
                <p:custDataLst>
                  <p:tags r:id="rId159"/>
                </p:custDataLst>
              </p:nvPr>
            </p:nvSpPr>
            <p:spPr>
              <a:xfrm>
                <a:off x="4449468" y="2315639"/>
                <a:ext cx="505299" cy="298008"/>
              </a:xfrm>
              <a:prstGeom prst="rect">
                <a:avLst/>
              </a:prstGeom>
              <a:noFill/>
            </p:spPr>
            <p:txBody>
              <a:bodyPr vert="horz" wrap="square" lIns="0" tIns="0" rIns="0" bIns="0" rtlCol="0" anchor="ctr" anchorCtr="0">
                <a:noAutofit/>
              </a:bodyPr>
              <a:lstStyle/>
              <a:p>
                <a:pPr defTabSz="342900"/>
                <a:r>
                  <a:rPr lang="en-US" sz="1100" b="1" dirty="0">
                    <a:solidFill>
                      <a:srgbClr val="AC8300"/>
                    </a:solidFill>
                    <a:latin typeface="Calibri" panose="020F0502020204030204" pitchFamily="34" charset="0"/>
                  </a:rPr>
                  <a:t>May 13 </a:t>
                </a:r>
              </a:p>
              <a:p>
                <a:pPr defTabSz="342900"/>
                <a:r>
                  <a:rPr lang="en-US" sz="1100" dirty="0">
                    <a:solidFill>
                      <a:srgbClr val="AC8300"/>
                    </a:solidFill>
                    <a:latin typeface="Calibri" panose="020F0502020204030204" pitchFamily="34" charset="0"/>
                  </a:rPr>
                  <a:t>2016</a:t>
                </a:r>
              </a:p>
            </p:txBody>
          </p:sp>
          <p:sp>
            <p:nvSpPr>
              <p:cNvPr id="337" name="OTLSHAPE_T_f8c207a25c6540c8a69187f0375fa012_JoinedDate"/>
              <p:cNvSpPr txBox="1"/>
              <p:nvPr>
                <p:custDataLst>
                  <p:tags r:id="rId160"/>
                </p:custDataLst>
              </p:nvPr>
            </p:nvSpPr>
            <p:spPr>
              <a:xfrm>
                <a:off x="481026" y="2315639"/>
                <a:ext cx="505299" cy="298008"/>
              </a:xfrm>
              <a:prstGeom prst="rect">
                <a:avLst/>
              </a:prstGeom>
              <a:noFill/>
            </p:spPr>
            <p:txBody>
              <a:bodyPr vert="horz" wrap="square" lIns="0" tIns="0" rIns="0" bIns="0" rtlCol="0" anchor="ctr" anchorCtr="0">
                <a:noAutofit/>
              </a:bodyPr>
              <a:lstStyle/>
              <a:p>
                <a:pPr algn="r" defTabSz="342900"/>
                <a:r>
                  <a:rPr lang="en-US" sz="1100" b="1" dirty="0">
                    <a:solidFill>
                      <a:srgbClr val="AC8300"/>
                    </a:solidFill>
                    <a:latin typeface="Calibri" panose="020F0502020204030204" pitchFamily="34" charset="0"/>
                  </a:rPr>
                  <a:t>Jul 10 </a:t>
                </a:r>
              </a:p>
              <a:p>
                <a:pPr algn="r" defTabSz="342900"/>
                <a:r>
                  <a:rPr lang="en-US" sz="1100" dirty="0">
                    <a:solidFill>
                      <a:srgbClr val="AC8300"/>
                    </a:solidFill>
                    <a:latin typeface="Calibri" panose="020F0502020204030204" pitchFamily="34" charset="0"/>
                  </a:rPr>
                  <a:t>2015</a:t>
                </a:r>
              </a:p>
            </p:txBody>
          </p:sp>
          <p:sp>
            <p:nvSpPr>
              <p:cNvPr id="37380" name="Isosceles Triangle 37379"/>
              <p:cNvSpPr/>
              <p:nvPr/>
            </p:nvSpPr>
            <p:spPr bwMode="auto">
              <a:xfrm rot="10800000">
                <a:off x="3692970" y="2231199"/>
                <a:ext cx="130546" cy="63973"/>
              </a:xfrm>
              <a:prstGeom prst="triangle">
                <a:avLst/>
              </a:prstGeom>
              <a:solidFill>
                <a:srgbClr val="AC83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37403" name="Group 37402"/>
            <p:cNvGrpSpPr/>
            <p:nvPr/>
          </p:nvGrpSpPr>
          <p:grpSpPr>
            <a:xfrm>
              <a:off x="936213" y="4822982"/>
              <a:ext cx="557854" cy="437766"/>
              <a:chOff x="936213" y="4822982"/>
              <a:chExt cx="557854" cy="437766"/>
            </a:xfrm>
          </p:grpSpPr>
          <p:sp>
            <p:nvSpPr>
              <p:cNvPr id="31" name="OTLSHAPE_M_be26852e1b3e48f89e225fa71ec067b2_Title"/>
              <p:cNvSpPr txBox="1"/>
              <p:nvPr>
                <p:custDataLst>
                  <p:tags r:id="rId150"/>
                </p:custDataLst>
              </p:nvPr>
            </p:nvSpPr>
            <p:spPr>
              <a:xfrm>
                <a:off x="936213" y="4822982"/>
                <a:ext cx="557854" cy="379036"/>
              </a:xfrm>
              <a:prstGeom prst="rect">
                <a:avLst/>
              </a:prstGeom>
              <a:noFill/>
            </p:spPr>
            <p:txBody>
              <a:bodyPr vert="horz" wrap="square" lIns="0" tIns="0" rIns="0" bIns="0" rtlCol="0" anchor="ctr" anchorCtr="0">
                <a:noAutofit/>
              </a:bodyPr>
              <a:lstStyle/>
              <a:p>
                <a:pPr defTabSz="342900"/>
                <a:r>
                  <a:rPr lang="en-US" sz="800" b="1" dirty="0">
                    <a:solidFill>
                      <a:srgbClr val="AC8300"/>
                    </a:solidFill>
                    <a:latin typeface="Calibri" panose="020F0502020204030204" pitchFamily="34" charset="0"/>
                  </a:rPr>
                  <a:t>Recirc. EIR/</a:t>
                </a:r>
              </a:p>
              <a:p>
                <a:pPr defTabSz="342900"/>
                <a:r>
                  <a:rPr lang="en-US" sz="800" b="1" dirty="0">
                    <a:solidFill>
                      <a:srgbClr val="AC8300"/>
                    </a:solidFill>
                    <a:latin typeface="Calibri" panose="020F0502020204030204" pitchFamily="34" charset="0"/>
                  </a:rPr>
                  <a:t>EIS (NOA)</a:t>
                </a:r>
              </a:p>
              <a:p>
                <a:pPr defTabSz="342900"/>
                <a:r>
                  <a:rPr lang="en-US" sz="800" dirty="0">
                    <a:solidFill>
                      <a:srgbClr val="AC8300"/>
                    </a:solidFill>
                    <a:latin typeface="Calibri" panose="020F0502020204030204" pitchFamily="34" charset="0"/>
                  </a:rPr>
                  <a:t>7/10/15</a:t>
                </a:r>
              </a:p>
            </p:txBody>
          </p:sp>
          <p:sp>
            <p:nvSpPr>
              <p:cNvPr id="358" name="Isosceles Triangle 357"/>
              <p:cNvSpPr/>
              <p:nvPr/>
            </p:nvSpPr>
            <p:spPr bwMode="auto">
              <a:xfrm rot="10800000">
                <a:off x="1059092" y="5196775"/>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369" name="Group 368"/>
            <p:cNvGrpSpPr/>
            <p:nvPr/>
          </p:nvGrpSpPr>
          <p:grpSpPr>
            <a:xfrm>
              <a:off x="3503522" y="4807742"/>
              <a:ext cx="786403" cy="447998"/>
              <a:chOff x="2189508" y="4808147"/>
              <a:chExt cx="786403" cy="447998"/>
            </a:xfrm>
          </p:grpSpPr>
          <p:sp>
            <p:nvSpPr>
              <p:cNvPr id="370" name="OTLSHAPE_M_be26852e1b3e48f89e225fa71ec067b2_Title"/>
              <p:cNvSpPr txBox="1"/>
              <p:nvPr>
                <p:custDataLst>
                  <p:tags r:id="rId149"/>
                </p:custDataLst>
              </p:nvPr>
            </p:nvSpPr>
            <p:spPr>
              <a:xfrm>
                <a:off x="2189508" y="4808147"/>
                <a:ext cx="786403" cy="379036"/>
              </a:xfrm>
              <a:prstGeom prst="rect">
                <a:avLst/>
              </a:prstGeom>
              <a:noFill/>
            </p:spPr>
            <p:txBody>
              <a:bodyPr vert="horz" wrap="square" lIns="0" tIns="0" rIns="0" bIns="0" rtlCol="0" anchor="ctr" anchorCtr="0">
                <a:noAutofit/>
              </a:bodyPr>
              <a:lstStyle/>
              <a:p>
                <a:pPr algn="r" defTabSz="342900"/>
                <a:r>
                  <a:rPr lang="en-US" sz="800" b="1" dirty="0">
                    <a:solidFill>
                      <a:srgbClr val="AC8300"/>
                    </a:solidFill>
                    <a:latin typeface="Calibri" panose="020F0502020204030204" pitchFamily="34" charset="0"/>
                  </a:rPr>
                  <a:t>2081(b) </a:t>
                </a:r>
              </a:p>
              <a:p>
                <a:pPr algn="r" defTabSz="342900"/>
                <a:r>
                  <a:rPr lang="en-US" sz="800" b="1" dirty="0">
                    <a:solidFill>
                      <a:srgbClr val="AC8300"/>
                    </a:solidFill>
                    <a:latin typeface="Calibri" panose="020F0502020204030204" pitchFamily="34" charset="0"/>
                  </a:rPr>
                  <a:t>Permit App</a:t>
                </a:r>
              </a:p>
              <a:p>
                <a:pPr algn="r" defTabSz="342900"/>
                <a:r>
                  <a:rPr lang="en-US" sz="800" dirty="0">
                    <a:solidFill>
                      <a:srgbClr val="AC8300"/>
                    </a:solidFill>
                    <a:latin typeface="Calibri" panose="020F0502020204030204" pitchFamily="34" charset="0"/>
                  </a:rPr>
                  <a:t>4/15/16</a:t>
                </a:r>
              </a:p>
            </p:txBody>
          </p:sp>
          <p:sp>
            <p:nvSpPr>
              <p:cNvPr id="371" name="Isosceles Triangle 370"/>
              <p:cNvSpPr/>
              <p:nvPr/>
            </p:nvSpPr>
            <p:spPr bwMode="auto">
              <a:xfrm rot="10800000">
                <a:off x="2845328" y="5192172"/>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15" name="Group 14"/>
            <p:cNvGrpSpPr/>
            <p:nvPr/>
          </p:nvGrpSpPr>
          <p:grpSpPr>
            <a:xfrm>
              <a:off x="6049668" y="4879081"/>
              <a:ext cx="721223" cy="378717"/>
              <a:chOff x="6049668" y="4879081"/>
              <a:chExt cx="721223" cy="378717"/>
            </a:xfrm>
          </p:grpSpPr>
          <p:sp>
            <p:nvSpPr>
              <p:cNvPr id="1854" name="OTLSHAPE_M_3fc7b54638f242b687d8b401132f406c_Title"/>
              <p:cNvSpPr txBox="1"/>
              <p:nvPr>
                <p:custDataLst>
                  <p:tags r:id="rId148"/>
                </p:custDataLst>
              </p:nvPr>
            </p:nvSpPr>
            <p:spPr>
              <a:xfrm>
                <a:off x="6049668" y="4879081"/>
                <a:ext cx="721223" cy="366018"/>
              </a:xfrm>
              <a:prstGeom prst="rect">
                <a:avLst/>
              </a:prstGeom>
              <a:noFill/>
            </p:spPr>
            <p:txBody>
              <a:bodyPr vert="horz" wrap="square" lIns="0" tIns="0" rIns="0" bIns="0" rtlCol="0" anchor="ctr" anchorCtr="0">
                <a:noAutofit/>
              </a:bodyPr>
              <a:lstStyle/>
              <a:p>
                <a:pPr defTabSz="342900"/>
                <a:r>
                  <a:rPr lang="en-US" sz="800" b="1" dirty="0">
                    <a:solidFill>
                      <a:srgbClr val="AC8300"/>
                    </a:solidFill>
                    <a:latin typeface="Calibri" panose="020F0502020204030204" pitchFamily="34" charset="0"/>
                  </a:rPr>
                  <a:t>2081(b) Permit</a:t>
                </a:r>
              </a:p>
              <a:p>
                <a:pPr defTabSz="342900"/>
                <a:r>
                  <a:rPr lang="en-US" sz="800" dirty="0">
                    <a:solidFill>
                      <a:srgbClr val="AC8300"/>
                    </a:solidFill>
                    <a:latin typeface="Calibri" panose="020F0502020204030204" pitchFamily="34" charset="0"/>
                  </a:rPr>
                  <a:t>10/6/16</a:t>
                </a:r>
              </a:p>
            </p:txBody>
          </p:sp>
          <p:sp>
            <p:nvSpPr>
              <p:cNvPr id="374" name="Isosceles Triangle 373"/>
              <p:cNvSpPr/>
              <p:nvPr/>
            </p:nvSpPr>
            <p:spPr bwMode="auto">
              <a:xfrm rot="10800000">
                <a:off x="6049669" y="5193825"/>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u="sng" dirty="0">
                  <a:solidFill>
                    <a:prstClr val="white"/>
                  </a:solidFill>
                </a:endParaRPr>
              </a:p>
            </p:txBody>
          </p:sp>
        </p:grpSp>
        <p:grpSp>
          <p:nvGrpSpPr>
            <p:cNvPr id="17" name="Group 16"/>
            <p:cNvGrpSpPr/>
            <p:nvPr/>
          </p:nvGrpSpPr>
          <p:grpSpPr>
            <a:xfrm>
              <a:off x="5508498" y="5486399"/>
              <a:ext cx="693570" cy="401417"/>
              <a:chOff x="5508498" y="5486399"/>
              <a:chExt cx="693570" cy="401417"/>
            </a:xfrm>
          </p:grpSpPr>
          <p:grpSp>
            <p:nvGrpSpPr>
              <p:cNvPr id="37395" name="Group 37394"/>
              <p:cNvGrpSpPr/>
              <p:nvPr/>
            </p:nvGrpSpPr>
            <p:grpSpPr>
              <a:xfrm>
                <a:off x="5508498" y="5567362"/>
                <a:ext cx="693570" cy="320454"/>
                <a:chOff x="5841141" y="5330618"/>
                <a:chExt cx="693570" cy="320454"/>
              </a:xfrm>
            </p:grpSpPr>
            <p:sp>
              <p:nvSpPr>
                <p:cNvPr id="229" name="Oval 228"/>
                <p:cNvSpPr/>
                <p:nvPr/>
              </p:nvSpPr>
              <p:spPr>
                <a:xfrm>
                  <a:off x="5841141" y="5330618"/>
                  <a:ext cx="693570" cy="320454"/>
                </a:xfrm>
                <a:prstGeom prst="ellipse">
                  <a:avLst/>
                </a:prstGeom>
                <a:solidFill>
                  <a:schemeClr val="accent4"/>
                </a:solidFill>
                <a:ln w="19050" cap="rnd" cmpd="sng" algn="ctr">
                  <a:solidFill>
                    <a:srgbClr val="544000"/>
                  </a:solidFill>
                  <a:prstDash val="solid"/>
                </a:ln>
                <a:effectLst/>
              </p:spPr>
              <p:txBody>
                <a:bodyPr rtlCol="0" anchor="ctr"/>
                <a:lstStyle/>
                <a:p>
                  <a:pPr algn="ctr" defTabSz="617220">
                    <a:defRPr/>
                  </a:pPr>
                  <a:endParaRPr lang="en-US" sz="1620" kern="0" dirty="0">
                    <a:solidFill>
                      <a:prstClr val="black"/>
                    </a:solidFill>
                    <a:latin typeface="Century Gothic" panose="020B0502020202020204"/>
                  </a:endParaRPr>
                </a:p>
              </p:txBody>
            </p:sp>
            <p:sp>
              <p:nvSpPr>
                <p:cNvPr id="1848" name="OTLSHAPE_M_a2828712012642f5b056f9c0a3271f78_Title"/>
                <p:cNvSpPr txBox="1"/>
                <p:nvPr>
                  <p:custDataLst>
                    <p:tags r:id="rId147"/>
                  </p:custDataLst>
                </p:nvPr>
              </p:nvSpPr>
              <p:spPr>
                <a:xfrm>
                  <a:off x="5917500" y="5380667"/>
                  <a:ext cx="540853" cy="250836"/>
                </a:xfrm>
                <a:prstGeom prst="rect">
                  <a:avLst/>
                </a:prstGeom>
                <a:noFill/>
              </p:spPr>
              <p:txBody>
                <a:bodyPr vert="horz" wrap="square" lIns="0" tIns="0" rIns="0" bIns="0" rtlCol="0" anchor="ctr" anchorCtr="0">
                  <a:noAutofit/>
                </a:bodyPr>
                <a:lstStyle/>
                <a:p>
                  <a:pPr algn="ctr" defTabSz="342900"/>
                  <a:r>
                    <a:rPr lang="en-US" sz="800" b="1" dirty="0">
                      <a:solidFill>
                        <a:prstClr val="white"/>
                      </a:solidFill>
                      <a:latin typeface="Calibri" panose="020F0502020204030204" pitchFamily="34" charset="0"/>
                    </a:rPr>
                    <a:t>ROD/NOD*</a:t>
                  </a:r>
                </a:p>
                <a:p>
                  <a:pPr algn="ctr" defTabSz="342900"/>
                  <a:r>
                    <a:rPr lang="en-US" sz="800" dirty="0">
                      <a:solidFill>
                        <a:prstClr val="white"/>
                      </a:solidFill>
                      <a:latin typeface="Calibri" panose="020F0502020204030204" pitchFamily="34" charset="0"/>
                    </a:rPr>
                    <a:t>9/16/16</a:t>
                  </a:r>
                </a:p>
              </p:txBody>
            </p:sp>
          </p:grpSp>
          <p:sp>
            <p:nvSpPr>
              <p:cNvPr id="376" name="Isosceles Triangle 375"/>
              <p:cNvSpPr/>
              <p:nvPr/>
            </p:nvSpPr>
            <p:spPr bwMode="auto">
              <a:xfrm>
                <a:off x="5790588" y="5486399"/>
                <a:ext cx="130546"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u="sng" dirty="0">
                  <a:solidFill>
                    <a:prstClr val="white"/>
                  </a:solidFill>
                </a:endParaRPr>
              </a:p>
            </p:txBody>
          </p:sp>
        </p:grpSp>
        <p:grpSp>
          <p:nvGrpSpPr>
            <p:cNvPr id="16" name="Group 15"/>
            <p:cNvGrpSpPr/>
            <p:nvPr/>
          </p:nvGrpSpPr>
          <p:grpSpPr>
            <a:xfrm>
              <a:off x="4441736" y="4873823"/>
              <a:ext cx="636380" cy="385911"/>
              <a:chOff x="4441736" y="4873823"/>
              <a:chExt cx="636380" cy="385911"/>
            </a:xfrm>
          </p:grpSpPr>
          <p:sp>
            <p:nvSpPr>
              <p:cNvPr id="1844" name="OTLSHAPE_M_76892758d7e64796a62bbacc9dceefcd_Title"/>
              <p:cNvSpPr txBox="1"/>
              <p:nvPr>
                <p:custDataLst>
                  <p:tags r:id="rId146"/>
                </p:custDataLst>
              </p:nvPr>
            </p:nvSpPr>
            <p:spPr>
              <a:xfrm>
                <a:off x="4441736" y="4873823"/>
                <a:ext cx="636380" cy="369332"/>
              </a:xfrm>
              <a:prstGeom prst="rect">
                <a:avLst/>
              </a:prstGeom>
              <a:noFill/>
            </p:spPr>
            <p:txBody>
              <a:bodyPr vert="horz" wrap="square" lIns="0" tIns="0" rIns="0" bIns="0" rtlCol="0" anchor="ctr" anchorCtr="0">
                <a:spAutoFit/>
              </a:bodyPr>
              <a:lstStyle/>
              <a:p>
                <a:pPr defTabSz="342900"/>
                <a:r>
                  <a:rPr lang="en-US" sz="800" b="1" dirty="0">
                    <a:solidFill>
                      <a:srgbClr val="AC8300"/>
                    </a:solidFill>
                    <a:latin typeface="Calibri" panose="020F0502020204030204" pitchFamily="34" charset="0"/>
                  </a:rPr>
                  <a:t>Final EIR/EIS</a:t>
                </a:r>
              </a:p>
              <a:p>
                <a:pPr defTabSz="342900"/>
                <a:r>
                  <a:rPr lang="en-US" sz="800" dirty="0">
                    <a:solidFill>
                      <a:srgbClr val="AC8300"/>
                    </a:solidFill>
                    <a:latin typeface="Calibri" panose="020F0502020204030204" pitchFamily="34" charset="0"/>
                  </a:rPr>
                  <a:t>5/13/16</a:t>
                </a:r>
              </a:p>
            </p:txBody>
          </p:sp>
          <p:sp>
            <p:nvSpPr>
              <p:cNvPr id="380" name="Isosceles Triangle 379"/>
              <p:cNvSpPr/>
              <p:nvPr/>
            </p:nvSpPr>
            <p:spPr bwMode="auto">
              <a:xfrm rot="10800000">
                <a:off x="4445000" y="5195761"/>
                <a:ext cx="130547" cy="63973"/>
              </a:xfrm>
              <a:prstGeom prst="triangle">
                <a:avLst/>
              </a:prstGeom>
              <a:solidFill>
                <a:srgbClr val="544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u="sng" dirty="0">
                  <a:solidFill>
                    <a:prstClr val="white"/>
                  </a:solidFill>
                </a:endParaRPr>
              </a:p>
            </p:txBody>
          </p:sp>
        </p:grpSp>
      </p:grpSp>
      <p:grpSp>
        <p:nvGrpSpPr>
          <p:cNvPr id="222" name="Group 221"/>
          <p:cNvGrpSpPr/>
          <p:nvPr/>
        </p:nvGrpSpPr>
        <p:grpSpPr>
          <a:xfrm>
            <a:off x="4892464" y="5307613"/>
            <a:ext cx="2388047" cy="122978"/>
            <a:chOff x="2532292" y="5315802"/>
            <a:chExt cx="3184063" cy="122978"/>
          </a:xfrm>
        </p:grpSpPr>
        <p:sp>
          <p:nvSpPr>
            <p:cNvPr id="223" name="OTLSHAPE_TB_00000000000000000000000000000000_TimescaleInterval3"/>
            <p:cNvSpPr txBox="1"/>
            <p:nvPr>
              <p:custDataLst>
                <p:tags r:id="rId142"/>
              </p:custDataLst>
            </p:nvPr>
          </p:nvSpPr>
          <p:spPr>
            <a:xfrm>
              <a:off x="2532292" y="5315803"/>
              <a:ext cx="208552" cy="122977"/>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Jan</a:t>
              </a:r>
            </a:p>
          </p:txBody>
        </p:sp>
        <p:sp>
          <p:nvSpPr>
            <p:cNvPr id="224" name="OTLSHAPE_TB_00000000000000000000000000000000_TimescaleInterval4"/>
            <p:cNvSpPr txBox="1"/>
            <p:nvPr>
              <p:custDataLst>
                <p:tags r:id="rId143"/>
              </p:custDataLst>
            </p:nvPr>
          </p:nvSpPr>
          <p:spPr>
            <a:xfrm>
              <a:off x="3490578" y="5322617"/>
              <a:ext cx="231528" cy="109346"/>
            </a:xfrm>
            <a:prstGeom prst="rect">
              <a:avLst/>
            </a:prstGeom>
            <a:noFill/>
          </p:spPr>
          <p:txBody>
            <a:bodyPr vert="horz" wrap="square" lIns="0" tIns="0" rIns="0" bIns="0" rtlCol="0" anchor="ctr" anchorCtr="0">
              <a:noAutofit/>
            </a:bodyPr>
            <a:lstStyle/>
            <a:p>
              <a:pPr defTabSz="342900"/>
              <a:r>
                <a:rPr lang="en-US" sz="1100" spc="-2" dirty="0">
                  <a:solidFill>
                    <a:srgbClr val="FFFFFF"/>
                  </a:solidFill>
                  <a:latin typeface="Calibri" panose="020F0502020204030204" pitchFamily="34" charset="0"/>
                </a:rPr>
                <a:t>Apr</a:t>
              </a:r>
            </a:p>
          </p:txBody>
        </p:sp>
        <p:sp>
          <p:nvSpPr>
            <p:cNvPr id="225" name="OTLSHAPE_TB_00000000000000000000000000000000_TimescaleInterval5"/>
            <p:cNvSpPr txBox="1"/>
            <p:nvPr>
              <p:custDataLst>
                <p:tags r:id="rId144"/>
              </p:custDataLst>
            </p:nvPr>
          </p:nvSpPr>
          <p:spPr>
            <a:xfrm>
              <a:off x="4480616" y="5327318"/>
              <a:ext cx="211454" cy="99947"/>
            </a:xfrm>
            <a:prstGeom prst="rect">
              <a:avLst/>
            </a:prstGeom>
            <a:noFill/>
          </p:spPr>
          <p:txBody>
            <a:bodyPr vert="horz" wrap="square" lIns="0" tIns="0" rIns="0" bIns="0" rtlCol="0" anchor="ctr" anchorCtr="0">
              <a:noAutofit/>
            </a:bodyPr>
            <a:lstStyle/>
            <a:p>
              <a:pPr defTabSz="342900"/>
              <a:r>
                <a:rPr lang="en-US" sz="1100" spc="-3" dirty="0">
                  <a:solidFill>
                    <a:srgbClr val="FFFFFF"/>
                  </a:solidFill>
                  <a:latin typeface="Calibri" panose="020F0502020204030204" pitchFamily="34" charset="0"/>
                </a:rPr>
                <a:t>Jul</a:t>
              </a:r>
            </a:p>
          </p:txBody>
        </p:sp>
        <p:sp>
          <p:nvSpPr>
            <p:cNvPr id="226" name="OTLSHAPE_TB_00000000000000000000000000000000_TimescaleInterval6"/>
            <p:cNvSpPr txBox="1"/>
            <p:nvPr>
              <p:custDataLst>
                <p:tags r:id="rId145"/>
              </p:custDataLst>
            </p:nvPr>
          </p:nvSpPr>
          <p:spPr>
            <a:xfrm>
              <a:off x="5481533" y="5315802"/>
              <a:ext cx="234822" cy="122976"/>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Oct</a:t>
              </a:r>
            </a:p>
          </p:txBody>
        </p:sp>
      </p:grpSp>
      <p:sp>
        <p:nvSpPr>
          <p:cNvPr id="227" name="OTLSHAPE_TB_00000000000000000000000000000000_RightEndCaps"/>
          <p:cNvSpPr txBox="1"/>
          <p:nvPr>
            <p:custDataLst>
              <p:tags r:id="rId109"/>
            </p:custDataLst>
          </p:nvPr>
        </p:nvSpPr>
        <p:spPr>
          <a:xfrm>
            <a:off x="7715250" y="5347902"/>
            <a:ext cx="343593" cy="553998"/>
          </a:xfrm>
          <a:prstGeom prst="rect">
            <a:avLst/>
          </a:prstGeom>
          <a:noFill/>
        </p:spPr>
        <p:txBody>
          <a:bodyPr vert="horz" wrap="square" lIns="0" tIns="0" rIns="0" bIns="0" rtlCol="0" anchor="ctr" anchorCtr="0">
            <a:spAutoFit/>
          </a:bodyPr>
          <a:lstStyle/>
          <a:p>
            <a:pPr algn="ctr" defTabSz="342900"/>
            <a:r>
              <a:rPr lang="en-US" b="1" spc="-28" dirty="0">
                <a:solidFill>
                  <a:prstClr val="white">
                    <a:lumMod val="75000"/>
                    <a:lumOff val="25000"/>
                  </a:prstClr>
                </a:solidFill>
                <a:latin typeface="Calibri" panose="020F0502020204030204" pitchFamily="34" charset="0"/>
              </a:rPr>
              <a:t>2018</a:t>
            </a:r>
          </a:p>
        </p:txBody>
      </p:sp>
      <p:grpSp>
        <p:nvGrpSpPr>
          <p:cNvPr id="228" name="Group 227"/>
          <p:cNvGrpSpPr/>
          <p:nvPr/>
        </p:nvGrpSpPr>
        <p:grpSpPr>
          <a:xfrm>
            <a:off x="7829550" y="5307626"/>
            <a:ext cx="892361" cy="122977"/>
            <a:chOff x="2532292" y="5315803"/>
            <a:chExt cx="1189814" cy="122977"/>
          </a:xfrm>
        </p:grpSpPr>
        <p:sp>
          <p:nvSpPr>
            <p:cNvPr id="230" name="OTLSHAPE_TB_00000000000000000000000000000000_TimescaleInterval3"/>
            <p:cNvSpPr txBox="1"/>
            <p:nvPr>
              <p:custDataLst>
                <p:tags r:id="rId140"/>
              </p:custDataLst>
            </p:nvPr>
          </p:nvSpPr>
          <p:spPr>
            <a:xfrm>
              <a:off x="2532292" y="5315803"/>
              <a:ext cx="208552" cy="122977"/>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Jan</a:t>
              </a:r>
            </a:p>
          </p:txBody>
        </p:sp>
        <p:sp>
          <p:nvSpPr>
            <p:cNvPr id="231" name="OTLSHAPE_TB_00000000000000000000000000000000_TimescaleInterval4"/>
            <p:cNvSpPr txBox="1"/>
            <p:nvPr>
              <p:custDataLst>
                <p:tags r:id="rId141"/>
              </p:custDataLst>
            </p:nvPr>
          </p:nvSpPr>
          <p:spPr>
            <a:xfrm>
              <a:off x="3490578" y="5322617"/>
              <a:ext cx="231528" cy="109346"/>
            </a:xfrm>
            <a:prstGeom prst="rect">
              <a:avLst/>
            </a:prstGeom>
            <a:noFill/>
          </p:spPr>
          <p:txBody>
            <a:bodyPr vert="horz" wrap="square" lIns="0" tIns="0" rIns="0" bIns="0" rtlCol="0" anchor="ctr" anchorCtr="0">
              <a:noAutofit/>
            </a:bodyPr>
            <a:lstStyle/>
            <a:p>
              <a:pPr defTabSz="342900"/>
              <a:r>
                <a:rPr lang="en-US" sz="1100" spc="-2" dirty="0">
                  <a:solidFill>
                    <a:srgbClr val="FFFFFF"/>
                  </a:solidFill>
                  <a:latin typeface="Calibri" panose="020F0502020204030204" pitchFamily="34" charset="0"/>
                </a:rPr>
                <a:t>Apr</a:t>
              </a:r>
            </a:p>
          </p:txBody>
        </p:sp>
      </p:grpSp>
      <p:sp>
        <p:nvSpPr>
          <p:cNvPr id="8" name="OTLSHAPE_TB_00000000000000000000000000000000_TimescaleInterval1"/>
          <p:cNvSpPr txBox="1"/>
          <p:nvPr>
            <p:custDataLst>
              <p:tags r:id="rId110"/>
            </p:custDataLst>
          </p:nvPr>
        </p:nvSpPr>
        <p:spPr>
          <a:xfrm>
            <a:off x="377650" y="5303506"/>
            <a:ext cx="149978" cy="147573"/>
          </a:xfrm>
          <a:prstGeom prst="rect">
            <a:avLst/>
          </a:prstGeom>
          <a:noFill/>
        </p:spPr>
        <p:txBody>
          <a:bodyPr vert="horz" wrap="square" lIns="0" tIns="0" rIns="0" bIns="0" rtlCol="0" anchor="ctr" anchorCtr="0">
            <a:noAutofit/>
          </a:bodyPr>
          <a:lstStyle/>
          <a:p>
            <a:pPr defTabSz="342900"/>
            <a:r>
              <a:rPr lang="en-US" sz="1100" spc="-3" dirty="0">
                <a:solidFill>
                  <a:srgbClr val="FFFFFF"/>
                </a:solidFill>
                <a:latin typeface="Calibri" panose="020F0502020204030204" pitchFamily="34" charset="0"/>
              </a:rPr>
              <a:t>Jul</a:t>
            </a:r>
          </a:p>
        </p:txBody>
      </p:sp>
      <p:sp>
        <p:nvSpPr>
          <p:cNvPr id="9" name="OTLSHAPE_TB_00000000000000000000000000000000_TimescaleInterval2"/>
          <p:cNvSpPr txBox="1"/>
          <p:nvPr>
            <p:custDataLst>
              <p:tags r:id="rId111"/>
            </p:custDataLst>
          </p:nvPr>
        </p:nvSpPr>
        <p:spPr>
          <a:xfrm>
            <a:off x="1124718" y="5313433"/>
            <a:ext cx="150864" cy="127714"/>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Oct</a:t>
            </a:r>
          </a:p>
        </p:txBody>
      </p:sp>
      <p:grpSp>
        <p:nvGrpSpPr>
          <p:cNvPr id="26" name="Group 25"/>
          <p:cNvGrpSpPr/>
          <p:nvPr/>
        </p:nvGrpSpPr>
        <p:grpSpPr>
          <a:xfrm>
            <a:off x="1899220" y="5315802"/>
            <a:ext cx="2388047" cy="122978"/>
            <a:chOff x="2532292" y="5315802"/>
            <a:chExt cx="3184063" cy="122978"/>
          </a:xfrm>
        </p:grpSpPr>
        <p:sp>
          <p:nvSpPr>
            <p:cNvPr id="10" name="OTLSHAPE_TB_00000000000000000000000000000000_TimescaleInterval3"/>
            <p:cNvSpPr txBox="1"/>
            <p:nvPr>
              <p:custDataLst>
                <p:tags r:id="rId136"/>
              </p:custDataLst>
            </p:nvPr>
          </p:nvSpPr>
          <p:spPr>
            <a:xfrm>
              <a:off x="2532292" y="5315803"/>
              <a:ext cx="208552" cy="122977"/>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Jan</a:t>
              </a:r>
            </a:p>
          </p:txBody>
        </p:sp>
        <p:sp>
          <p:nvSpPr>
            <p:cNvPr id="11" name="OTLSHAPE_TB_00000000000000000000000000000000_TimescaleInterval4"/>
            <p:cNvSpPr txBox="1"/>
            <p:nvPr>
              <p:custDataLst>
                <p:tags r:id="rId137"/>
              </p:custDataLst>
            </p:nvPr>
          </p:nvSpPr>
          <p:spPr>
            <a:xfrm>
              <a:off x="3490578" y="5322617"/>
              <a:ext cx="231528" cy="109346"/>
            </a:xfrm>
            <a:prstGeom prst="rect">
              <a:avLst/>
            </a:prstGeom>
            <a:noFill/>
          </p:spPr>
          <p:txBody>
            <a:bodyPr vert="horz" wrap="square" lIns="0" tIns="0" rIns="0" bIns="0" rtlCol="0" anchor="ctr" anchorCtr="0">
              <a:noAutofit/>
            </a:bodyPr>
            <a:lstStyle/>
            <a:p>
              <a:pPr defTabSz="342900"/>
              <a:r>
                <a:rPr lang="en-US" sz="1100" spc="-2" dirty="0">
                  <a:solidFill>
                    <a:srgbClr val="FFFFFF"/>
                  </a:solidFill>
                  <a:latin typeface="Calibri" panose="020F0502020204030204" pitchFamily="34" charset="0"/>
                </a:rPr>
                <a:t>Apr</a:t>
              </a:r>
            </a:p>
          </p:txBody>
        </p:sp>
        <p:sp>
          <p:nvSpPr>
            <p:cNvPr id="12" name="OTLSHAPE_TB_00000000000000000000000000000000_TimescaleInterval5"/>
            <p:cNvSpPr txBox="1"/>
            <p:nvPr>
              <p:custDataLst>
                <p:tags r:id="rId138"/>
              </p:custDataLst>
            </p:nvPr>
          </p:nvSpPr>
          <p:spPr>
            <a:xfrm>
              <a:off x="4480616" y="5327318"/>
              <a:ext cx="211454" cy="99947"/>
            </a:xfrm>
            <a:prstGeom prst="rect">
              <a:avLst/>
            </a:prstGeom>
            <a:noFill/>
          </p:spPr>
          <p:txBody>
            <a:bodyPr vert="horz" wrap="square" lIns="0" tIns="0" rIns="0" bIns="0" rtlCol="0" anchor="ctr" anchorCtr="0">
              <a:noAutofit/>
            </a:bodyPr>
            <a:lstStyle/>
            <a:p>
              <a:pPr defTabSz="342900"/>
              <a:r>
                <a:rPr lang="en-US" sz="1100" spc="-3" dirty="0">
                  <a:solidFill>
                    <a:srgbClr val="FFFFFF"/>
                  </a:solidFill>
                  <a:latin typeface="Calibri" panose="020F0502020204030204" pitchFamily="34" charset="0"/>
                </a:rPr>
                <a:t>Jul</a:t>
              </a:r>
            </a:p>
          </p:txBody>
        </p:sp>
        <p:sp>
          <p:nvSpPr>
            <p:cNvPr id="13" name="OTLSHAPE_TB_00000000000000000000000000000000_TimescaleInterval6"/>
            <p:cNvSpPr txBox="1"/>
            <p:nvPr>
              <p:custDataLst>
                <p:tags r:id="rId139"/>
              </p:custDataLst>
            </p:nvPr>
          </p:nvSpPr>
          <p:spPr>
            <a:xfrm>
              <a:off x="5481533" y="5315802"/>
              <a:ext cx="234822" cy="122976"/>
            </a:xfrm>
            <a:prstGeom prst="rect">
              <a:avLst/>
            </a:prstGeom>
            <a:noFill/>
          </p:spPr>
          <p:txBody>
            <a:bodyPr vert="horz" wrap="square" lIns="0" tIns="0" rIns="0" bIns="0" rtlCol="0" anchor="ctr" anchorCtr="0">
              <a:noAutofit/>
            </a:bodyPr>
            <a:lstStyle/>
            <a:p>
              <a:pPr defTabSz="342900"/>
              <a:r>
                <a:rPr lang="en-US" sz="1100" dirty="0">
                  <a:solidFill>
                    <a:srgbClr val="FFFFFF"/>
                  </a:solidFill>
                  <a:latin typeface="Calibri" panose="020F0502020204030204" pitchFamily="34" charset="0"/>
                </a:rPr>
                <a:t>Oct</a:t>
              </a:r>
            </a:p>
          </p:txBody>
        </p:sp>
      </p:grpSp>
      <p:grpSp>
        <p:nvGrpSpPr>
          <p:cNvPr id="14" name="Group 13"/>
          <p:cNvGrpSpPr/>
          <p:nvPr/>
        </p:nvGrpSpPr>
        <p:grpSpPr>
          <a:xfrm>
            <a:off x="-9162" y="3120096"/>
            <a:ext cx="7282155" cy="2770134"/>
            <a:chOff x="-12216" y="3120096"/>
            <a:chExt cx="9709540" cy="2770134"/>
          </a:xfrm>
        </p:grpSpPr>
        <p:grpSp>
          <p:nvGrpSpPr>
            <p:cNvPr id="20" name="Group 19"/>
            <p:cNvGrpSpPr/>
            <p:nvPr/>
          </p:nvGrpSpPr>
          <p:grpSpPr>
            <a:xfrm>
              <a:off x="-12216" y="3120096"/>
              <a:ext cx="9709540" cy="2770134"/>
              <a:chOff x="474852" y="3120096"/>
              <a:chExt cx="9709540" cy="2770134"/>
            </a:xfrm>
          </p:grpSpPr>
          <p:grpSp>
            <p:nvGrpSpPr>
              <p:cNvPr id="357" name="Group 356"/>
              <p:cNvGrpSpPr/>
              <p:nvPr/>
            </p:nvGrpSpPr>
            <p:grpSpPr>
              <a:xfrm>
                <a:off x="474852" y="3120096"/>
                <a:ext cx="9102875" cy="528678"/>
                <a:chOff x="474852" y="2746120"/>
                <a:chExt cx="9102875" cy="528678"/>
              </a:xfrm>
            </p:grpSpPr>
            <p:sp>
              <p:nvSpPr>
                <p:cNvPr id="37625" name="OTLSHAPE_T_20c44ef5e00542f191bde5c51f892681_Shape"/>
                <p:cNvSpPr/>
                <p:nvPr>
                  <p:custDataLst>
                    <p:tags r:id="rId126"/>
                  </p:custDataLst>
                </p:nvPr>
              </p:nvSpPr>
              <p:spPr>
                <a:xfrm>
                  <a:off x="1604391" y="2954608"/>
                  <a:ext cx="5469218"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17" name="OTLSHAPE_T_f97f3b760d6f49f6b8de06cc72b126d4_Shape"/>
                <p:cNvSpPr/>
                <p:nvPr>
                  <p:custDataLst>
                    <p:tags r:id="rId127"/>
                  </p:custDataLst>
                </p:nvPr>
              </p:nvSpPr>
              <p:spPr>
                <a:xfrm>
                  <a:off x="1063625" y="2954758"/>
                  <a:ext cx="523875"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24" name="OTLSHAPE_T_f97f3b760d6f49f6b8de06cc72b126d4_Title"/>
                <p:cNvSpPr txBox="1"/>
                <p:nvPr>
                  <p:custDataLst>
                    <p:tags r:id="rId128"/>
                  </p:custDataLst>
                </p:nvPr>
              </p:nvSpPr>
              <p:spPr>
                <a:xfrm>
                  <a:off x="1100334" y="3008513"/>
                  <a:ext cx="412220" cy="201688"/>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SWRCB Petition</a:t>
                  </a:r>
                </a:p>
              </p:txBody>
            </p:sp>
            <p:sp>
              <p:nvSpPr>
                <p:cNvPr id="37632" name="OTLSHAPE_T_20c44ef5e00542f191bde5c51f892681_Title"/>
                <p:cNvSpPr txBox="1"/>
                <p:nvPr>
                  <p:custDataLst>
                    <p:tags r:id="rId129"/>
                  </p:custDataLst>
                </p:nvPr>
              </p:nvSpPr>
              <p:spPr>
                <a:xfrm>
                  <a:off x="1655025" y="3006668"/>
                  <a:ext cx="2784335" cy="211441"/>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Public Notice of Petition, Hearing and Closing Briefs</a:t>
                  </a:r>
                </a:p>
              </p:txBody>
            </p:sp>
            <p:sp>
              <p:nvSpPr>
                <p:cNvPr id="37641" name="OTLSHAPE_T_86b350eb9d5049b68fa8355e8275f8de_Shape"/>
                <p:cNvSpPr/>
                <p:nvPr>
                  <p:custDataLst>
                    <p:tags r:id="rId130"/>
                  </p:custDataLst>
                </p:nvPr>
              </p:nvSpPr>
              <p:spPr>
                <a:xfrm>
                  <a:off x="7093917" y="2954608"/>
                  <a:ext cx="1679901"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48" name="OTLSHAPE_T_86b350eb9d5049b68fa8355e8275f8de_Title"/>
                <p:cNvSpPr txBox="1"/>
                <p:nvPr>
                  <p:custDataLst>
                    <p:tags r:id="rId131"/>
                  </p:custDataLst>
                </p:nvPr>
              </p:nvSpPr>
              <p:spPr>
                <a:xfrm>
                  <a:off x="7137762" y="2976732"/>
                  <a:ext cx="1385790" cy="291057"/>
                </a:xfrm>
                <a:prstGeom prst="rect">
                  <a:avLst/>
                </a:prstGeom>
                <a:noFill/>
              </p:spPr>
              <p:txBody>
                <a:bodyPr vert="horz" wrap="square" lIns="0" tIns="0" rIns="0" bIns="0" rtlCol="0" anchor="ctr" anchorCtr="0">
                  <a:noAutofit/>
                </a:bodyPr>
                <a:lstStyle/>
                <a:p>
                  <a:pPr defTabSz="342900"/>
                  <a:r>
                    <a:rPr lang="en-US" sz="1000" spc="-3" dirty="0">
                      <a:solidFill>
                        <a:prstClr val="black"/>
                      </a:solidFill>
                      <a:latin typeface="Calibri" panose="020F0502020204030204" pitchFamily="34" charset="0"/>
                    </a:rPr>
                    <a:t>Draft Order, and Comments on Draft Order</a:t>
                  </a:r>
                </a:p>
              </p:txBody>
            </p:sp>
            <p:sp>
              <p:nvSpPr>
                <p:cNvPr id="37657" name="OTLSHAPE_T_3f234ea9b2aa44708282b8931f9ecca2_Shape"/>
                <p:cNvSpPr/>
                <p:nvPr>
                  <p:custDataLst>
                    <p:tags r:id="rId132"/>
                  </p:custDataLst>
                </p:nvPr>
              </p:nvSpPr>
              <p:spPr>
                <a:xfrm>
                  <a:off x="8799306" y="2954608"/>
                  <a:ext cx="778421" cy="320040"/>
                </a:xfrm>
                <a:prstGeom prst="roundRect">
                  <a:avLst/>
                </a:prstGeom>
                <a:solidFill>
                  <a:srgbClr val="7030A0"/>
                </a:solidFill>
                <a:ln w="9525" cap="flat" cmpd="sng" algn="ctr">
                  <a:noFill/>
                  <a:prstDash val="solid"/>
                </a:ln>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7664" name="OTLSHAPE_T_3f234ea9b2aa44708282b8931f9ecca2_Title"/>
                <p:cNvSpPr txBox="1"/>
                <p:nvPr>
                  <p:custDataLst>
                    <p:tags r:id="rId133"/>
                  </p:custDataLst>
                </p:nvPr>
              </p:nvSpPr>
              <p:spPr>
                <a:xfrm>
                  <a:off x="8833788" y="2970346"/>
                  <a:ext cx="721080" cy="284460"/>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Consider Adoption</a:t>
                  </a:r>
                </a:p>
              </p:txBody>
            </p:sp>
            <p:sp>
              <p:nvSpPr>
                <p:cNvPr id="266" name="OTLSHAPE_T_7f0581380de84589a72c0a100a27b9a3_JoinedDate"/>
                <p:cNvSpPr txBox="1"/>
                <p:nvPr>
                  <p:custDataLst>
                    <p:tags r:id="rId134"/>
                  </p:custDataLst>
                </p:nvPr>
              </p:nvSpPr>
              <p:spPr>
                <a:xfrm>
                  <a:off x="1393315" y="2746120"/>
                  <a:ext cx="412100" cy="164919"/>
                </a:xfrm>
                <a:prstGeom prst="rect">
                  <a:avLst/>
                </a:prstGeom>
                <a:noFill/>
              </p:spPr>
              <p:txBody>
                <a:bodyPr vert="horz" wrap="square" lIns="0" tIns="0" rIns="0" bIns="0" rtlCol="0" anchor="ctr" anchorCtr="0">
                  <a:noAutofit/>
                </a:bodyPr>
                <a:lstStyle/>
                <a:p>
                  <a:pPr algn="r" defTabSz="342900"/>
                  <a:r>
                    <a:rPr lang="en-US" sz="800" dirty="0">
                      <a:solidFill>
                        <a:srgbClr val="9966FF"/>
                      </a:solidFill>
                      <a:latin typeface="Calibri" panose="020F0502020204030204" pitchFamily="34" charset="0"/>
                    </a:rPr>
                    <a:t>8/26/15</a:t>
                  </a:r>
                </a:p>
              </p:txBody>
            </p:sp>
            <p:sp>
              <p:nvSpPr>
                <p:cNvPr id="338" name="OTLSHAPE_T_f8c207a25c6540c8a69187f0375fa012_JoinedDate"/>
                <p:cNvSpPr txBox="1"/>
                <p:nvPr>
                  <p:custDataLst>
                    <p:tags r:id="rId135"/>
                  </p:custDataLst>
                </p:nvPr>
              </p:nvSpPr>
              <p:spPr>
                <a:xfrm>
                  <a:off x="474852" y="2954511"/>
                  <a:ext cx="505299" cy="298008"/>
                </a:xfrm>
                <a:prstGeom prst="rect">
                  <a:avLst/>
                </a:prstGeom>
                <a:noFill/>
              </p:spPr>
              <p:txBody>
                <a:bodyPr vert="horz" wrap="square" lIns="0" tIns="0" rIns="0" bIns="0" rtlCol="0" anchor="ctr" anchorCtr="0">
                  <a:noAutofit/>
                </a:bodyPr>
                <a:lstStyle/>
                <a:p>
                  <a:pPr algn="r" defTabSz="342900"/>
                  <a:r>
                    <a:rPr lang="en-US" sz="1100" b="1" dirty="0">
                      <a:solidFill>
                        <a:srgbClr val="7030A0"/>
                      </a:solidFill>
                      <a:latin typeface="Calibri" panose="020F0502020204030204" pitchFamily="34" charset="0"/>
                    </a:rPr>
                    <a:t>Jul 10 </a:t>
                  </a:r>
                </a:p>
                <a:p>
                  <a:pPr algn="r" defTabSz="342900"/>
                  <a:r>
                    <a:rPr lang="en-US" sz="1100" dirty="0">
                      <a:solidFill>
                        <a:srgbClr val="7030A0"/>
                      </a:solidFill>
                      <a:latin typeface="Calibri" panose="020F0502020204030204" pitchFamily="34" charset="0"/>
                    </a:rPr>
                    <a:t>2015</a:t>
                  </a:r>
                </a:p>
              </p:txBody>
            </p:sp>
            <p:sp>
              <p:nvSpPr>
                <p:cNvPr id="333" name="Isosceles Triangle 332"/>
                <p:cNvSpPr/>
                <p:nvPr/>
              </p:nvSpPr>
              <p:spPr bwMode="auto">
                <a:xfrm rot="10800000">
                  <a:off x="1530673" y="2888835"/>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37402" name="Group 37401"/>
              <p:cNvGrpSpPr/>
              <p:nvPr/>
            </p:nvGrpSpPr>
            <p:grpSpPr>
              <a:xfrm>
                <a:off x="9234828" y="4786451"/>
                <a:ext cx="949564" cy="466744"/>
                <a:chOff x="9234828" y="4786451"/>
                <a:chExt cx="949564" cy="466744"/>
              </a:xfrm>
            </p:grpSpPr>
            <p:sp>
              <p:nvSpPr>
                <p:cNvPr id="1851" name="OTLSHAPE_M_a7a85e86209644be979d4afc8895e5d8_Title"/>
                <p:cNvSpPr txBox="1"/>
                <p:nvPr>
                  <p:custDataLst>
                    <p:tags r:id="rId125"/>
                  </p:custDataLst>
                </p:nvPr>
              </p:nvSpPr>
              <p:spPr>
                <a:xfrm>
                  <a:off x="9234828" y="4786451"/>
                  <a:ext cx="949564" cy="439841"/>
                </a:xfrm>
                <a:prstGeom prst="rect">
                  <a:avLst/>
                </a:prstGeom>
                <a:noFill/>
              </p:spPr>
              <p:txBody>
                <a:bodyPr vert="horz" wrap="square" lIns="0" tIns="0" rIns="0" bIns="0" rtlCol="0" anchor="ctr" anchorCtr="0">
                  <a:noAutofit/>
                </a:bodyPr>
                <a:lstStyle/>
                <a:p>
                  <a:pPr algn="ctr" defTabSz="342900"/>
                  <a:r>
                    <a:rPr lang="en-US" sz="800" b="1" spc="-2" dirty="0">
                      <a:solidFill>
                        <a:srgbClr val="7030A0"/>
                      </a:solidFill>
                      <a:latin typeface="Calibri" panose="020F0502020204030204" pitchFamily="34" charset="0"/>
                    </a:rPr>
                    <a:t>CPOD Approval**—</a:t>
                  </a:r>
                </a:p>
                <a:p>
                  <a:pPr algn="ctr" defTabSz="342900"/>
                  <a:r>
                    <a:rPr lang="en-US" sz="800" b="1" i="1" spc="-2" dirty="0">
                      <a:solidFill>
                        <a:srgbClr val="7030A0"/>
                      </a:solidFill>
                      <a:latin typeface="Calibri" panose="020F0502020204030204" pitchFamily="34" charset="0"/>
                    </a:rPr>
                    <a:t>Most Likely</a:t>
                  </a:r>
                </a:p>
                <a:p>
                  <a:pPr algn="ctr" defTabSz="342900"/>
                  <a:r>
                    <a:rPr lang="en-US" sz="800" spc="-2" dirty="0">
                      <a:solidFill>
                        <a:srgbClr val="7030A0"/>
                      </a:solidFill>
                      <a:latin typeface="Calibri" panose="020F0502020204030204" pitchFamily="34" charset="0"/>
                    </a:rPr>
                    <a:t>8/25/17</a:t>
                  </a:r>
                </a:p>
              </p:txBody>
            </p:sp>
            <p:sp>
              <p:nvSpPr>
                <p:cNvPr id="356" name="Isosceles Triangle 355"/>
                <p:cNvSpPr/>
                <p:nvPr/>
              </p:nvSpPr>
              <p:spPr bwMode="auto">
                <a:xfrm rot="10800000">
                  <a:off x="9614097" y="5189222"/>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19" name="Group 18"/>
              <p:cNvGrpSpPr/>
              <p:nvPr/>
            </p:nvGrpSpPr>
            <p:grpSpPr>
              <a:xfrm>
                <a:off x="1490621" y="5490897"/>
                <a:ext cx="874947" cy="399333"/>
                <a:chOff x="1490621" y="5490897"/>
                <a:chExt cx="874947" cy="399333"/>
              </a:xfrm>
            </p:grpSpPr>
            <p:sp>
              <p:nvSpPr>
                <p:cNvPr id="1826" name="OTLSHAPE_M_4a67e48b216f4ec5b27ecdc82ebbedb6_Title"/>
                <p:cNvSpPr txBox="1"/>
                <p:nvPr>
                  <p:custDataLst>
                    <p:tags r:id="rId124"/>
                  </p:custDataLst>
                </p:nvPr>
              </p:nvSpPr>
              <p:spPr>
                <a:xfrm>
                  <a:off x="1492859" y="5593487"/>
                  <a:ext cx="872709" cy="296743"/>
                </a:xfrm>
                <a:prstGeom prst="rect">
                  <a:avLst/>
                </a:prstGeom>
                <a:noFill/>
              </p:spPr>
              <p:txBody>
                <a:bodyPr vert="horz" wrap="square" lIns="0" tIns="0" rIns="0" bIns="0" rtlCol="0" anchor="ctr" anchorCtr="0">
                  <a:noAutofit/>
                </a:bodyPr>
                <a:lstStyle/>
                <a:p>
                  <a:pPr defTabSz="342900"/>
                  <a:r>
                    <a:rPr lang="en-US" sz="800" b="1" spc="-2" dirty="0">
                      <a:solidFill>
                        <a:srgbClr val="7030A0"/>
                      </a:solidFill>
                      <a:latin typeface="Calibri" panose="020F0502020204030204" pitchFamily="34" charset="0"/>
                    </a:rPr>
                    <a:t>SWRCB Permit </a:t>
                  </a:r>
                </a:p>
                <a:p>
                  <a:pPr defTabSz="342900"/>
                  <a:r>
                    <a:rPr lang="en-US" sz="800" b="1" spc="-2" dirty="0">
                      <a:solidFill>
                        <a:srgbClr val="7030A0"/>
                      </a:solidFill>
                      <a:latin typeface="Calibri" panose="020F0502020204030204" pitchFamily="34" charset="0"/>
                    </a:rPr>
                    <a:t>Petition</a:t>
                  </a:r>
                </a:p>
                <a:p>
                  <a:pPr defTabSz="342900"/>
                  <a:r>
                    <a:rPr lang="en-US" sz="800" spc="-2" dirty="0">
                      <a:solidFill>
                        <a:srgbClr val="7030A0"/>
                      </a:solidFill>
                      <a:latin typeface="Calibri" panose="020F0502020204030204" pitchFamily="34" charset="0"/>
                    </a:rPr>
                    <a:t>8/26/15</a:t>
                  </a:r>
                </a:p>
              </p:txBody>
            </p:sp>
            <p:sp>
              <p:nvSpPr>
                <p:cNvPr id="385" name="Isosceles Triangle 384"/>
                <p:cNvSpPr/>
                <p:nvPr/>
              </p:nvSpPr>
              <p:spPr bwMode="auto">
                <a:xfrm>
                  <a:off x="1490621" y="5490897"/>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sp>
          <p:nvSpPr>
            <p:cNvPr id="232" name="OTLSHAPE_T_7f0581380de84589a72c0a100a27b9a3_JoinedDate"/>
            <p:cNvSpPr txBox="1"/>
            <p:nvPr>
              <p:custDataLst>
                <p:tags r:id="rId121"/>
              </p:custDataLst>
            </p:nvPr>
          </p:nvSpPr>
          <p:spPr>
            <a:xfrm>
              <a:off x="6445900" y="3124200"/>
              <a:ext cx="412100" cy="164919"/>
            </a:xfrm>
            <a:prstGeom prst="rect">
              <a:avLst/>
            </a:prstGeom>
            <a:noFill/>
          </p:spPr>
          <p:txBody>
            <a:bodyPr vert="horz" wrap="square" lIns="0" tIns="0" rIns="0" bIns="0" rtlCol="0" anchor="ctr" anchorCtr="0">
              <a:noAutofit/>
            </a:bodyPr>
            <a:lstStyle/>
            <a:p>
              <a:pPr algn="ctr" defTabSz="342900"/>
              <a:r>
                <a:rPr lang="en-US" sz="800" dirty="0">
                  <a:solidFill>
                    <a:srgbClr val="9966FF"/>
                  </a:solidFill>
                  <a:latin typeface="Calibri" panose="020F0502020204030204" pitchFamily="34" charset="0"/>
                </a:rPr>
                <a:t>1/26/17</a:t>
              </a:r>
            </a:p>
          </p:txBody>
        </p:sp>
        <p:sp>
          <p:nvSpPr>
            <p:cNvPr id="233" name="Isosceles Triangle 232"/>
            <p:cNvSpPr/>
            <p:nvPr/>
          </p:nvSpPr>
          <p:spPr bwMode="auto">
            <a:xfrm rot="10800000">
              <a:off x="6532599" y="3266915"/>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sp>
          <p:nvSpPr>
            <p:cNvPr id="234" name="OTLSHAPE_T_7f0581380de84589a72c0a100a27b9a3_JoinedDate"/>
            <p:cNvSpPr txBox="1"/>
            <p:nvPr>
              <p:custDataLst>
                <p:tags r:id="rId122"/>
              </p:custDataLst>
            </p:nvPr>
          </p:nvSpPr>
          <p:spPr>
            <a:xfrm>
              <a:off x="8090550" y="3124200"/>
              <a:ext cx="412100" cy="164919"/>
            </a:xfrm>
            <a:prstGeom prst="rect">
              <a:avLst/>
            </a:prstGeom>
            <a:noFill/>
          </p:spPr>
          <p:txBody>
            <a:bodyPr vert="horz" wrap="square" lIns="0" tIns="0" rIns="0" bIns="0" rtlCol="0" anchor="ctr" anchorCtr="0">
              <a:noAutofit/>
            </a:bodyPr>
            <a:lstStyle/>
            <a:p>
              <a:pPr algn="ctr" defTabSz="342900"/>
              <a:r>
                <a:rPr lang="en-US" sz="800" dirty="0">
                  <a:solidFill>
                    <a:srgbClr val="9966FF"/>
                  </a:solidFill>
                  <a:latin typeface="Calibri" panose="020F0502020204030204" pitchFamily="34" charset="0"/>
                </a:rPr>
                <a:t>6/26/17</a:t>
              </a:r>
            </a:p>
          </p:txBody>
        </p:sp>
        <p:sp>
          <p:nvSpPr>
            <p:cNvPr id="235" name="Isosceles Triangle 234"/>
            <p:cNvSpPr/>
            <p:nvPr/>
          </p:nvSpPr>
          <p:spPr bwMode="auto">
            <a:xfrm rot="10800000">
              <a:off x="8227908" y="3266915"/>
              <a:ext cx="130546" cy="63973"/>
            </a:xfrm>
            <a:prstGeom prst="triangle">
              <a:avLst/>
            </a:prstGeom>
            <a:solidFill>
              <a:srgbClr val="9966F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sp>
          <p:nvSpPr>
            <p:cNvPr id="242" name="OTLSHAPE_T_f8c207a25c6540c8a69187f0375fa012_JoinedDate"/>
            <p:cNvSpPr txBox="1"/>
            <p:nvPr>
              <p:custDataLst>
                <p:tags r:id="rId123"/>
              </p:custDataLst>
            </p:nvPr>
          </p:nvSpPr>
          <p:spPr>
            <a:xfrm>
              <a:off x="9110967" y="3333899"/>
              <a:ext cx="505299" cy="298008"/>
            </a:xfrm>
            <a:prstGeom prst="rect">
              <a:avLst/>
            </a:prstGeom>
            <a:noFill/>
          </p:spPr>
          <p:txBody>
            <a:bodyPr vert="horz" wrap="square" lIns="0" tIns="0" rIns="0" bIns="0" rtlCol="0" anchor="ctr" anchorCtr="0">
              <a:noAutofit/>
            </a:bodyPr>
            <a:lstStyle/>
            <a:p>
              <a:pPr defTabSz="342900"/>
              <a:r>
                <a:rPr lang="en-US" sz="1100" b="1" dirty="0">
                  <a:solidFill>
                    <a:srgbClr val="7030A0"/>
                  </a:solidFill>
                  <a:latin typeface="Calibri" panose="020F0502020204030204" pitchFamily="34" charset="0"/>
                </a:rPr>
                <a:t>Aug 25 </a:t>
              </a:r>
            </a:p>
            <a:p>
              <a:pPr defTabSz="342900"/>
              <a:r>
                <a:rPr lang="en-US" sz="1100" dirty="0">
                  <a:solidFill>
                    <a:srgbClr val="7030A0"/>
                  </a:solidFill>
                  <a:latin typeface="Calibri" panose="020F0502020204030204" pitchFamily="34" charset="0"/>
                </a:rPr>
                <a:t>2017</a:t>
              </a:r>
            </a:p>
          </p:txBody>
        </p:sp>
      </p:grpSp>
      <p:grpSp>
        <p:nvGrpSpPr>
          <p:cNvPr id="28" name="Group 27"/>
          <p:cNvGrpSpPr/>
          <p:nvPr/>
        </p:nvGrpSpPr>
        <p:grpSpPr>
          <a:xfrm>
            <a:off x="295895" y="4175762"/>
            <a:ext cx="6156698" cy="1746135"/>
            <a:chOff x="394527" y="4175761"/>
            <a:chExt cx="8208930" cy="1746135"/>
          </a:xfrm>
        </p:grpSpPr>
        <p:grpSp>
          <p:nvGrpSpPr>
            <p:cNvPr id="25" name="Group 24"/>
            <p:cNvGrpSpPr/>
            <p:nvPr/>
          </p:nvGrpSpPr>
          <p:grpSpPr>
            <a:xfrm>
              <a:off x="394527" y="4175761"/>
              <a:ext cx="7768397" cy="1746135"/>
              <a:chOff x="881595" y="4175760"/>
              <a:chExt cx="7768397" cy="1746135"/>
            </a:xfrm>
          </p:grpSpPr>
          <p:grpSp>
            <p:nvGrpSpPr>
              <p:cNvPr id="346" name="Group 345"/>
              <p:cNvGrpSpPr/>
              <p:nvPr/>
            </p:nvGrpSpPr>
            <p:grpSpPr>
              <a:xfrm>
                <a:off x="881595" y="4175760"/>
                <a:ext cx="6463473" cy="320040"/>
                <a:chOff x="881595" y="3545718"/>
                <a:chExt cx="6463473" cy="320040"/>
              </a:xfrm>
            </p:grpSpPr>
            <p:sp>
              <p:nvSpPr>
                <p:cNvPr id="37665" name="OTLSHAPE_T_6ad78e1b5eda420db5a1ce4e6694182f_Shape"/>
                <p:cNvSpPr/>
                <p:nvPr>
                  <p:custDataLst>
                    <p:tags r:id="rId118"/>
                  </p:custDataLst>
                </p:nvPr>
              </p:nvSpPr>
              <p:spPr>
                <a:xfrm>
                  <a:off x="1400036" y="3545718"/>
                  <a:ext cx="5411631" cy="320040"/>
                </a:xfrm>
                <a:prstGeom prst="roundRect">
                  <a:avLst/>
                </a:prstGeom>
                <a:solidFill>
                  <a:schemeClr val="accent1"/>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600" dirty="0">
                    <a:solidFill>
                      <a:srgbClr val="1D516C"/>
                    </a:solidFill>
                  </a:endParaRPr>
                </a:p>
              </p:txBody>
            </p:sp>
            <p:sp>
              <p:nvSpPr>
                <p:cNvPr id="328" name="OTLSHAPE_T_f8c207a25c6540c8a69187f0375fa012_JoinedDate"/>
                <p:cNvSpPr txBox="1"/>
                <p:nvPr>
                  <p:custDataLst>
                    <p:tags r:id="rId119"/>
                  </p:custDataLst>
                </p:nvPr>
              </p:nvSpPr>
              <p:spPr>
                <a:xfrm>
                  <a:off x="6839769" y="3556663"/>
                  <a:ext cx="505299" cy="298008"/>
                </a:xfrm>
                <a:prstGeom prst="rect">
                  <a:avLst/>
                </a:prstGeom>
                <a:noFill/>
              </p:spPr>
              <p:txBody>
                <a:bodyPr vert="horz" wrap="square" lIns="0" tIns="0" rIns="0" bIns="0" rtlCol="0" anchor="ctr" anchorCtr="0">
                  <a:noAutofit/>
                </a:bodyPr>
                <a:lstStyle/>
                <a:p>
                  <a:pPr defTabSz="342900"/>
                  <a:r>
                    <a:rPr lang="en-US" sz="1100" b="1" dirty="0">
                      <a:solidFill>
                        <a:srgbClr val="0070C0"/>
                      </a:solidFill>
                      <a:latin typeface="Calibri" panose="020F0502020204030204" pitchFamily="34" charset="0"/>
                    </a:rPr>
                    <a:t>Dec 15 </a:t>
                  </a:r>
                </a:p>
                <a:p>
                  <a:pPr defTabSz="342900"/>
                  <a:r>
                    <a:rPr lang="en-US" sz="1100" dirty="0">
                      <a:solidFill>
                        <a:srgbClr val="0070C0"/>
                      </a:solidFill>
                      <a:latin typeface="Calibri" panose="020F0502020204030204" pitchFamily="34" charset="0"/>
                    </a:rPr>
                    <a:t>2016</a:t>
                  </a:r>
                </a:p>
              </p:txBody>
            </p:sp>
            <p:sp>
              <p:nvSpPr>
                <p:cNvPr id="339" name="OTLSHAPE_T_f8c207a25c6540c8a69187f0375fa012_JoinedDate"/>
                <p:cNvSpPr txBox="1"/>
                <p:nvPr>
                  <p:custDataLst>
                    <p:tags r:id="rId120"/>
                  </p:custDataLst>
                </p:nvPr>
              </p:nvSpPr>
              <p:spPr>
                <a:xfrm>
                  <a:off x="881595" y="3561238"/>
                  <a:ext cx="505299" cy="298008"/>
                </a:xfrm>
                <a:prstGeom prst="rect">
                  <a:avLst/>
                </a:prstGeom>
                <a:noFill/>
              </p:spPr>
              <p:txBody>
                <a:bodyPr vert="horz" wrap="square" lIns="0" tIns="0" rIns="0" bIns="0" rtlCol="0" anchor="ctr" anchorCtr="0">
                  <a:noAutofit/>
                </a:bodyPr>
                <a:lstStyle/>
                <a:p>
                  <a:pPr algn="r" defTabSz="342900"/>
                  <a:r>
                    <a:rPr lang="en-US" sz="1100" b="1" dirty="0">
                      <a:solidFill>
                        <a:srgbClr val="0070C0"/>
                      </a:solidFill>
                      <a:latin typeface="Calibri" panose="020F0502020204030204" pitchFamily="34" charset="0"/>
                    </a:rPr>
                    <a:t>Aug 6 </a:t>
                  </a:r>
                </a:p>
                <a:p>
                  <a:pPr algn="r" defTabSz="342900"/>
                  <a:r>
                    <a:rPr lang="en-US" sz="1100" dirty="0">
                      <a:solidFill>
                        <a:srgbClr val="0070C0"/>
                      </a:solidFill>
                      <a:latin typeface="Calibri" panose="020F0502020204030204" pitchFamily="34" charset="0"/>
                    </a:rPr>
                    <a:t>2015</a:t>
                  </a:r>
                </a:p>
              </p:txBody>
            </p:sp>
          </p:grpSp>
          <p:grpSp>
            <p:nvGrpSpPr>
              <p:cNvPr id="21" name="Group 20"/>
              <p:cNvGrpSpPr/>
              <p:nvPr/>
            </p:nvGrpSpPr>
            <p:grpSpPr>
              <a:xfrm>
                <a:off x="1486361" y="4680775"/>
                <a:ext cx="390846" cy="578761"/>
                <a:chOff x="1486361" y="4680775"/>
                <a:chExt cx="390846" cy="578761"/>
              </a:xfrm>
            </p:grpSpPr>
            <p:sp>
              <p:nvSpPr>
                <p:cNvPr id="1832" name="OTLSHAPE_M_80d54634ce3b43a69fdb9d1f38aacf66_Title"/>
                <p:cNvSpPr txBox="1"/>
                <p:nvPr>
                  <p:custDataLst>
                    <p:tags r:id="rId117"/>
                  </p:custDataLst>
                </p:nvPr>
              </p:nvSpPr>
              <p:spPr>
                <a:xfrm>
                  <a:off x="1486361" y="4680775"/>
                  <a:ext cx="390846" cy="521375"/>
                </a:xfrm>
                <a:prstGeom prst="rect">
                  <a:avLst/>
                </a:prstGeom>
                <a:noFill/>
              </p:spPr>
              <p:txBody>
                <a:bodyPr vert="horz" wrap="square" lIns="0" tIns="0" rIns="0" bIns="0" rtlCol="0" anchor="ctr" anchorCtr="0">
                  <a:noAutofit/>
                </a:bodyPr>
                <a:lstStyle/>
                <a:p>
                  <a:pPr defTabSz="342900"/>
                  <a:r>
                    <a:rPr lang="en-US" sz="800" b="1" dirty="0">
                      <a:solidFill>
                        <a:srgbClr val="0070C0"/>
                      </a:solidFill>
                      <a:latin typeface="Calibri" panose="020F0502020204030204" pitchFamily="34" charset="0"/>
                    </a:rPr>
                    <a:t>404 </a:t>
                  </a:r>
                </a:p>
                <a:p>
                  <a:pPr defTabSz="342900"/>
                  <a:r>
                    <a:rPr lang="en-US" sz="800" b="1" dirty="0">
                      <a:solidFill>
                        <a:srgbClr val="0070C0"/>
                      </a:solidFill>
                      <a:latin typeface="Calibri" panose="020F0502020204030204" pitchFamily="34" charset="0"/>
                    </a:rPr>
                    <a:t>Permit </a:t>
                  </a:r>
                </a:p>
                <a:p>
                  <a:pPr defTabSz="342900"/>
                  <a:r>
                    <a:rPr lang="en-US" sz="800" b="1" dirty="0">
                      <a:solidFill>
                        <a:srgbClr val="0070C0"/>
                      </a:solidFill>
                      <a:latin typeface="Calibri" panose="020F0502020204030204" pitchFamily="34" charset="0"/>
                    </a:rPr>
                    <a:t>App</a:t>
                  </a:r>
                </a:p>
                <a:p>
                  <a:pPr defTabSz="342900"/>
                  <a:r>
                    <a:rPr lang="en-US" sz="800" dirty="0">
                      <a:solidFill>
                        <a:srgbClr val="0070C0"/>
                      </a:solidFill>
                      <a:latin typeface="Calibri" panose="020F0502020204030204" pitchFamily="34" charset="0"/>
                    </a:rPr>
                    <a:t>8/26/15</a:t>
                  </a:r>
                </a:p>
              </p:txBody>
            </p:sp>
            <p:sp>
              <p:nvSpPr>
                <p:cNvPr id="386" name="Isosceles Triangle 385"/>
                <p:cNvSpPr/>
                <p:nvPr/>
              </p:nvSpPr>
              <p:spPr bwMode="auto">
                <a:xfrm rot="10800000">
                  <a:off x="1495597" y="5195563"/>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22" name="Group 21"/>
              <p:cNvGrpSpPr/>
              <p:nvPr/>
            </p:nvGrpSpPr>
            <p:grpSpPr>
              <a:xfrm>
                <a:off x="1820680" y="4689981"/>
                <a:ext cx="884008" cy="569436"/>
                <a:chOff x="1820680" y="4689981"/>
                <a:chExt cx="884008" cy="569436"/>
              </a:xfrm>
            </p:grpSpPr>
            <p:cxnSp>
              <p:nvCxnSpPr>
                <p:cNvPr id="388" name="Straight Connector 387"/>
                <p:cNvCxnSpPr/>
                <p:nvPr/>
              </p:nvCxnSpPr>
              <p:spPr bwMode="auto">
                <a:xfrm>
                  <a:off x="1885953" y="5051046"/>
                  <a:ext cx="0" cy="170811"/>
                </a:xfrm>
                <a:prstGeom prst="line">
                  <a:avLst/>
                </a:prstGeom>
                <a:solidFill>
                  <a:schemeClr val="accent1"/>
                </a:solidFill>
                <a:ln w="6350" cap="flat" cmpd="sng" algn="ctr">
                  <a:solidFill>
                    <a:schemeClr val="accent1">
                      <a:lumMod val="75000"/>
                    </a:schemeClr>
                  </a:solidFill>
                  <a:prstDash val="solid"/>
                  <a:round/>
                  <a:headEnd type="none" w="med" len="med"/>
                  <a:tailEnd type="none" w="med" len="med"/>
                </a:ln>
                <a:effectLst/>
              </p:spPr>
            </p:cxnSp>
            <p:sp>
              <p:nvSpPr>
                <p:cNvPr id="1829" name="OTLSHAPE_M_2f708f3d3f6442beb1ee8bd9195d9925_Title"/>
                <p:cNvSpPr txBox="1"/>
                <p:nvPr>
                  <p:custDataLst>
                    <p:tags r:id="rId116"/>
                  </p:custDataLst>
                </p:nvPr>
              </p:nvSpPr>
              <p:spPr>
                <a:xfrm>
                  <a:off x="1856448" y="4689981"/>
                  <a:ext cx="848240" cy="352890"/>
                </a:xfrm>
                <a:prstGeom prst="rect">
                  <a:avLst/>
                </a:prstGeom>
                <a:noFill/>
              </p:spPr>
              <p:txBody>
                <a:bodyPr vert="horz" wrap="square" lIns="0" tIns="0" rIns="0" bIns="0" rtlCol="0" anchor="ctr" anchorCtr="0">
                  <a:noAutofit/>
                </a:bodyPr>
                <a:lstStyle/>
                <a:p>
                  <a:pPr defTabSz="342900"/>
                  <a:r>
                    <a:rPr lang="en-US" sz="800" b="1" dirty="0">
                      <a:solidFill>
                        <a:srgbClr val="0070C0"/>
                      </a:solidFill>
                      <a:latin typeface="Calibri" panose="020F0502020204030204" pitchFamily="34" charset="0"/>
                    </a:rPr>
                    <a:t>401 Permit </a:t>
                  </a:r>
                </a:p>
                <a:p>
                  <a:pPr defTabSz="342900"/>
                  <a:r>
                    <a:rPr lang="en-US" sz="800" b="1" dirty="0">
                      <a:solidFill>
                        <a:srgbClr val="0070C0"/>
                      </a:solidFill>
                      <a:latin typeface="Calibri" panose="020F0502020204030204" pitchFamily="34" charset="0"/>
                    </a:rPr>
                    <a:t>Application</a:t>
                  </a:r>
                </a:p>
                <a:p>
                  <a:pPr defTabSz="342900"/>
                  <a:r>
                    <a:rPr lang="en-US" sz="800" dirty="0">
                      <a:solidFill>
                        <a:srgbClr val="0070C0"/>
                      </a:solidFill>
                      <a:latin typeface="Calibri" panose="020F0502020204030204" pitchFamily="34" charset="0"/>
                    </a:rPr>
                    <a:t>9/24/15</a:t>
                  </a:r>
                </a:p>
              </p:txBody>
            </p:sp>
            <p:sp>
              <p:nvSpPr>
                <p:cNvPr id="387" name="Isosceles Triangle 386"/>
                <p:cNvSpPr/>
                <p:nvPr/>
              </p:nvSpPr>
              <p:spPr bwMode="auto">
                <a:xfrm rot="10800000">
                  <a:off x="1820680" y="5195444"/>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23" name="Group 22"/>
              <p:cNvGrpSpPr/>
              <p:nvPr/>
            </p:nvGrpSpPr>
            <p:grpSpPr>
              <a:xfrm>
                <a:off x="3992268" y="5491394"/>
                <a:ext cx="737302" cy="430501"/>
                <a:chOff x="3992268" y="5491394"/>
                <a:chExt cx="737302" cy="430501"/>
              </a:xfrm>
            </p:grpSpPr>
            <p:sp>
              <p:nvSpPr>
                <p:cNvPr id="1838" name="OTLSHAPE_M_e77a666a86b84ea289b9e306c5e5c748_Title"/>
                <p:cNvSpPr txBox="1"/>
                <p:nvPr>
                  <p:custDataLst>
                    <p:tags r:id="rId115"/>
                  </p:custDataLst>
                </p:nvPr>
              </p:nvSpPr>
              <p:spPr>
                <a:xfrm>
                  <a:off x="3992268" y="5527098"/>
                  <a:ext cx="737302" cy="394797"/>
                </a:xfrm>
                <a:prstGeom prst="rect">
                  <a:avLst/>
                </a:prstGeom>
                <a:noFill/>
              </p:spPr>
              <p:txBody>
                <a:bodyPr vert="horz" wrap="square" lIns="0" tIns="0" rIns="0" bIns="0" rtlCol="0" anchor="ctr" anchorCtr="0">
                  <a:noAutofit/>
                </a:bodyPr>
                <a:lstStyle/>
                <a:p>
                  <a:pPr defTabSz="342900"/>
                  <a:r>
                    <a:rPr lang="en-US" sz="800" b="1" dirty="0">
                      <a:solidFill>
                        <a:srgbClr val="0070C0"/>
                      </a:solidFill>
                      <a:latin typeface="Calibri" panose="020F0502020204030204" pitchFamily="34" charset="0"/>
                    </a:rPr>
                    <a:t>Section 106 Compliance</a:t>
                  </a:r>
                </a:p>
                <a:p>
                  <a:pPr defTabSz="342900"/>
                  <a:r>
                    <a:rPr lang="en-US" sz="800" dirty="0">
                      <a:solidFill>
                        <a:srgbClr val="0070C0"/>
                      </a:solidFill>
                      <a:latin typeface="Calibri" panose="020F0502020204030204" pitchFamily="34" charset="0"/>
                    </a:rPr>
                    <a:t>4/29/16</a:t>
                  </a:r>
                </a:p>
              </p:txBody>
            </p:sp>
            <p:sp>
              <p:nvSpPr>
                <p:cNvPr id="390" name="Isosceles Triangle 389"/>
                <p:cNvSpPr/>
                <p:nvPr/>
              </p:nvSpPr>
              <p:spPr bwMode="auto">
                <a:xfrm>
                  <a:off x="4321860" y="5491394"/>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nvGrpSpPr>
              <p:cNvPr id="24" name="Group 23"/>
              <p:cNvGrpSpPr/>
              <p:nvPr/>
            </p:nvGrpSpPr>
            <p:grpSpPr>
              <a:xfrm>
                <a:off x="8088027" y="5486632"/>
                <a:ext cx="561965" cy="395505"/>
                <a:chOff x="8088027" y="5486632"/>
                <a:chExt cx="561965" cy="395505"/>
              </a:xfrm>
            </p:grpSpPr>
            <p:sp>
              <p:nvSpPr>
                <p:cNvPr id="3265" name="OTLSHAPE_M_ee055f041a2940b4b33d6ea955105c67_Title"/>
                <p:cNvSpPr txBox="1"/>
                <p:nvPr>
                  <p:custDataLst>
                    <p:tags r:id="rId114"/>
                  </p:custDataLst>
                </p:nvPr>
              </p:nvSpPr>
              <p:spPr>
                <a:xfrm>
                  <a:off x="8088027" y="5567361"/>
                  <a:ext cx="561965" cy="314776"/>
                </a:xfrm>
                <a:prstGeom prst="rect">
                  <a:avLst/>
                </a:prstGeom>
                <a:noFill/>
              </p:spPr>
              <p:txBody>
                <a:bodyPr vert="horz" wrap="square" lIns="0" tIns="0" rIns="0" bIns="0" rtlCol="0" anchor="ctr" anchorCtr="0">
                  <a:noAutofit/>
                </a:bodyPr>
                <a:lstStyle/>
                <a:p>
                  <a:pPr algn="ctr" defTabSz="342900"/>
                  <a:r>
                    <a:rPr lang="en-US" sz="800" b="1" dirty="0">
                      <a:solidFill>
                        <a:srgbClr val="0070C0"/>
                      </a:solidFill>
                      <a:latin typeface="Calibri" panose="020F0502020204030204" pitchFamily="34" charset="0"/>
                    </a:rPr>
                    <a:t>404 Permit /</a:t>
                  </a:r>
                </a:p>
                <a:p>
                  <a:pPr algn="ctr" defTabSz="342900"/>
                  <a:r>
                    <a:rPr lang="en-US" sz="800" b="1" dirty="0">
                      <a:solidFill>
                        <a:srgbClr val="0070C0"/>
                      </a:solidFill>
                      <a:latin typeface="Calibri" panose="020F0502020204030204" pitchFamily="34" charset="0"/>
                    </a:rPr>
                    <a:t>USACE ROD</a:t>
                  </a:r>
                </a:p>
                <a:p>
                  <a:pPr algn="ctr" defTabSz="342900"/>
                  <a:r>
                    <a:rPr lang="en-US" sz="800" dirty="0">
                      <a:solidFill>
                        <a:srgbClr val="0070C0"/>
                      </a:solidFill>
                      <a:latin typeface="Calibri" panose="020F0502020204030204" pitchFamily="34" charset="0"/>
                    </a:rPr>
                    <a:t>4/25/17</a:t>
                  </a:r>
                </a:p>
              </p:txBody>
            </p:sp>
            <p:sp>
              <p:nvSpPr>
                <p:cNvPr id="395" name="Isosceles Triangle 394"/>
                <p:cNvSpPr/>
                <p:nvPr/>
              </p:nvSpPr>
              <p:spPr bwMode="auto">
                <a:xfrm>
                  <a:off x="8307104" y="5486632"/>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grpSp>
        <p:sp>
          <p:nvSpPr>
            <p:cNvPr id="246" name="OTLSHAPE_T_20c44ef5e00542f191bde5c51f892681_Title"/>
            <p:cNvSpPr txBox="1"/>
            <p:nvPr>
              <p:custDataLst>
                <p:tags r:id="rId112"/>
              </p:custDataLst>
            </p:nvPr>
          </p:nvSpPr>
          <p:spPr>
            <a:xfrm>
              <a:off x="978795" y="4219020"/>
              <a:ext cx="2784335" cy="211441"/>
            </a:xfrm>
            <a:prstGeom prst="rect">
              <a:avLst/>
            </a:prstGeom>
            <a:noFill/>
          </p:spPr>
          <p:txBody>
            <a:bodyPr vert="horz" wrap="square" lIns="0" tIns="0" rIns="0" bIns="0" rtlCol="0" anchor="ctr" anchorCtr="0">
              <a:noAutofit/>
            </a:bodyPr>
            <a:lstStyle/>
            <a:p>
              <a:pPr defTabSz="342900"/>
              <a:r>
                <a:rPr lang="en-US" sz="1000" spc="-2" dirty="0">
                  <a:solidFill>
                    <a:prstClr val="black"/>
                  </a:solidFill>
                  <a:latin typeface="Calibri" panose="020F0502020204030204" pitchFamily="34" charset="0"/>
                </a:rPr>
                <a:t>404B1 Complete &amp; USACE 404 Review</a:t>
              </a:r>
            </a:p>
          </p:txBody>
        </p:sp>
        <p:sp>
          <p:nvSpPr>
            <p:cNvPr id="247" name="OTLSHAPE_M_80d54634ce3b43a69fdb9d1f38aacf66_Title"/>
            <p:cNvSpPr txBox="1"/>
            <p:nvPr>
              <p:custDataLst>
                <p:tags r:id="rId113"/>
              </p:custDataLst>
            </p:nvPr>
          </p:nvSpPr>
          <p:spPr>
            <a:xfrm>
              <a:off x="7860188" y="4935379"/>
              <a:ext cx="743269" cy="265034"/>
            </a:xfrm>
            <a:prstGeom prst="rect">
              <a:avLst/>
            </a:prstGeom>
            <a:noFill/>
          </p:spPr>
          <p:txBody>
            <a:bodyPr vert="horz" wrap="square" lIns="0" tIns="0" rIns="0" bIns="0" rtlCol="0" anchor="ctr" anchorCtr="0">
              <a:noAutofit/>
            </a:bodyPr>
            <a:lstStyle/>
            <a:p>
              <a:pPr algn="ctr" defTabSz="342900"/>
              <a:r>
                <a:rPr lang="en-US" sz="800" b="1" dirty="0">
                  <a:solidFill>
                    <a:srgbClr val="0070C0"/>
                  </a:solidFill>
                  <a:latin typeface="Calibri" panose="020F0502020204030204" pitchFamily="34" charset="0"/>
                </a:rPr>
                <a:t>401 Certification</a:t>
              </a:r>
            </a:p>
            <a:p>
              <a:pPr algn="ctr" defTabSz="342900"/>
              <a:r>
                <a:rPr lang="en-US" sz="800" dirty="0">
                  <a:solidFill>
                    <a:srgbClr val="0070C0"/>
                  </a:solidFill>
                  <a:latin typeface="Calibri" panose="020F0502020204030204" pitchFamily="34" charset="0"/>
                </a:rPr>
                <a:t>4/25/17</a:t>
              </a:r>
            </a:p>
          </p:txBody>
        </p:sp>
        <p:sp>
          <p:nvSpPr>
            <p:cNvPr id="248" name="Isosceles Triangle 247"/>
            <p:cNvSpPr/>
            <p:nvPr/>
          </p:nvSpPr>
          <p:spPr bwMode="auto">
            <a:xfrm rot="10800000">
              <a:off x="8134059" y="5193826"/>
              <a:ext cx="130546" cy="63973"/>
            </a:xfrm>
            <a:prstGeom prst="triangle">
              <a:avLst/>
            </a:prstGeom>
            <a:solidFill>
              <a:srgbClr val="0070C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dirty="0">
                <a:solidFill>
                  <a:prstClr val="white"/>
                </a:solidFill>
              </a:endParaRPr>
            </a:p>
          </p:txBody>
        </p:sp>
      </p:grpSp>
    </p:spTree>
    <p:custDataLst>
      <p:tags r:id="rId1"/>
    </p:custDataLst>
    <p:extLst>
      <p:ext uri="{BB962C8B-B14F-4D97-AF65-F5344CB8AC3E}">
        <p14:creationId xmlns:p14="http://schemas.microsoft.com/office/powerpoint/2010/main" val="270110127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39"/>
                                        </p:tgtEl>
                                        <p:attrNameLst>
                                          <p:attrName>style.visibility</p:attrName>
                                        </p:attrNameLst>
                                      </p:cBhvr>
                                      <p:to>
                                        <p:strVal val="visible"/>
                                      </p:to>
                                    </p:set>
                                    <p:animEffect transition="in" filter="fade">
                                      <p:cBhvr>
                                        <p:cTn id="7" dur="500"/>
                                        <p:tgtEl>
                                          <p:spTgt spid="239"/>
                                        </p:tgtEl>
                                      </p:cBhvr>
                                    </p:animEffect>
                                  </p:childTnLst>
                                </p:cTn>
                              </p:par>
                            </p:childTnLst>
                          </p:cTn>
                        </p:par>
                        <p:par>
                          <p:cTn id="8" fill="hold">
                            <p:stCondLst>
                              <p:cond delay="500"/>
                            </p:stCondLst>
                            <p:childTnLst>
                              <p:par>
                                <p:cTn id="9" presetID="22" presetClass="entr" presetSubtype="8"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Effect transition="in" filter="wipe(left)">
                                      <p:cBhvr>
                                        <p:cTn id="11" dur="2000"/>
                                        <p:tgtEl>
                                          <p:spTgt spid="6"/>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grpId="0" nodeType="clickEffect">
                                  <p:stCondLst>
                                    <p:cond delay="0"/>
                                  </p:stCondLst>
                                  <p:childTnLst>
                                    <p:set>
                                      <p:cBhvr>
                                        <p:cTn id="15" dur="1" fill="hold">
                                          <p:stCondLst>
                                            <p:cond delay="0"/>
                                          </p:stCondLst>
                                        </p:cTn>
                                        <p:tgtEl>
                                          <p:spTgt spid="283"/>
                                        </p:tgtEl>
                                        <p:attrNameLst>
                                          <p:attrName>style.visibility</p:attrName>
                                        </p:attrNameLst>
                                      </p:cBhvr>
                                      <p:to>
                                        <p:strVal val="visible"/>
                                      </p:to>
                                    </p:set>
                                    <p:animEffect transition="in" filter="fade">
                                      <p:cBhvr>
                                        <p:cTn id="16" dur="500"/>
                                        <p:tgtEl>
                                          <p:spTgt spid="283"/>
                                        </p:tgtEl>
                                      </p:cBhvr>
                                    </p:animEffect>
                                  </p:childTnLst>
                                </p:cTn>
                              </p:par>
                            </p:childTnLst>
                          </p:cTn>
                        </p:par>
                        <p:par>
                          <p:cTn id="17" fill="hold">
                            <p:stCondLst>
                              <p:cond delay="500"/>
                            </p:stCondLst>
                            <p:childTnLst>
                              <p:par>
                                <p:cTn id="18" presetID="22" presetClass="entr" presetSubtype="8" fill="hold" nodeType="afterEffect">
                                  <p:stCondLst>
                                    <p:cond delay="0"/>
                                  </p:stCondLst>
                                  <p:childTnLst>
                                    <p:set>
                                      <p:cBhvr>
                                        <p:cTn id="19" dur="1" fill="hold">
                                          <p:stCondLst>
                                            <p:cond delay="0"/>
                                          </p:stCondLst>
                                        </p:cTn>
                                        <p:tgtEl>
                                          <p:spTgt spid="18"/>
                                        </p:tgtEl>
                                        <p:attrNameLst>
                                          <p:attrName>style.visibility</p:attrName>
                                        </p:attrNameLst>
                                      </p:cBhvr>
                                      <p:to>
                                        <p:strVal val="visible"/>
                                      </p:to>
                                    </p:set>
                                    <p:animEffect transition="in" filter="wipe(left)">
                                      <p:cBhvr>
                                        <p:cTn id="20" dur="2000"/>
                                        <p:tgtEl>
                                          <p:spTgt spid="18"/>
                                        </p:tgtEl>
                                      </p:cBhvr>
                                    </p:animEffec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grpId="0" nodeType="clickEffect">
                                  <p:stCondLst>
                                    <p:cond delay="0"/>
                                  </p:stCondLst>
                                  <p:childTnLst>
                                    <p:set>
                                      <p:cBhvr>
                                        <p:cTn id="24" dur="1" fill="hold">
                                          <p:stCondLst>
                                            <p:cond delay="0"/>
                                          </p:stCondLst>
                                        </p:cTn>
                                        <p:tgtEl>
                                          <p:spTgt spid="282"/>
                                        </p:tgtEl>
                                        <p:attrNameLst>
                                          <p:attrName>style.visibility</p:attrName>
                                        </p:attrNameLst>
                                      </p:cBhvr>
                                      <p:to>
                                        <p:strVal val="visible"/>
                                      </p:to>
                                    </p:set>
                                    <p:animEffect transition="in" filter="fade">
                                      <p:cBhvr>
                                        <p:cTn id="25" dur="500"/>
                                        <p:tgtEl>
                                          <p:spTgt spid="282"/>
                                        </p:tgtEl>
                                      </p:cBhvr>
                                    </p:animEffect>
                                  </p:childTnLst>
                                </p:cTn>
                              </p:par>
                            </p:childTnLst>
                          </p:cTn>
                        </p:par>
                        <p:par>
                          <p:cTn id="26" fill="hold">
                            <p:stCondLst>
                              <p:cond delay="500"/>
                            </p:stCondLst>
                            <p:childTnLst>
                              <p:par>
                                <p:cTn id="27" presetID="22" presetClass="entr" presetSubtype="8" fill="hold" nodeType="afterEffect">
                                  <p:stCondLst>
                                    <p:cond delay="0"/>
                                  </p:stCondLst>
                                  <p:childTnLst>
                                    <p:set>
                                      <p:cBhvr>
                                        <p:cTn id="28" dur="1" fill="hold">
                                          <p:stCondLst>
                                            <p:cond delay="0"/>
                                          </p:stCondLst>
                                        </p:cTn>
                                        <p:tgtEl>
                                          <p:spTgt spid="14"/>
                                        </p:tgtEl>
                                        <p:attrNameLst>
                                          <p:attrName>style.visibility</p:attrName>
                                        </p:attrNameLst>
                                      </p:cBhvr>
                                      <p:to>
                                        <p:strVal val="visible"/>
                                      </p:to>
                                    </p:set>
                                    <p:animEffect transition="in" filter="wipe(left)">
                                      <p:cBhvr>
                                        <p:cTn id="29" dur="2000"/>
                                        <p:tgtEl>
                                          <p:spTgt spid="14"/>
                                        </p:tgtEl>
                                      </p:cBhvr>
                                    </p:animEffect>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grpId="0" nodeType="clickEffect">
                                  <p:stCondLst>
                                    <p:cond delay="0"/>
                                  </p:stCondLst>
                                  <p:childTnLst>
                                    <p:set>
                                      <p:cBhvr>
                                        <p:cTn id="33" dur="1" fill="hold">
                                          <p:stCondLst>
                                            <p:cond delay="0"/>
                                          </p:stCondLst>
                                        </p:cTn>
                                        <p:tgtEl>
                                          <p:spTgt spid="281"/>
                                        </p:tgtEl>
                                        <p:attrNameLst>
                                          <p:attrName>style.visibility</p:attrName>
                                        </p:attrNameLst>
                                      </p:cBhvr>
                                      <p:to>
                                        <p:strVal val="visible"/>
                                      </p:to>
                                    </p:set>
                                    <p:animEffect transition="in" filter="fade">
                                      <p:cBhvr>
                                        <p:cTn id="34" dur="500"/>
                                        <p:tgtEl>
                                          <p:spTgt spid="281"/>
                                        </p:tgtEl>
                                      </p:cBhvr>
                                    </p:animEffect>
                                  </p:childTnLst>
                                </p:cTn>
                              </p:par>
                            </p:childTnLst>
                          </p:cTn>
                        </p:par>
                        <p:par>
                          <p:cTn id="35" fill="hold">
                            <p:stCondLst>
                              <p:cond delay="500"/>
                            </p:stCondLst>
                            <p:childTnLst>
                              <p:par>
                                <p:cTn id="36" presetID="22" presetClass="entr" presetSubtype="8" fill="hold" nodeType="afterEffect">
                                  <p:stCondLst>
                                    <p:cond delay="0"/>
                                  </p:stCondLst>
                                  <p:childTnLst>
                                    <p:set>
                                      <p:cBhvr>
                                        <p:cTn id="37" dur="1" fill="hold">
                                          <p:stCondLst>
                                            <p:cond delay="0"/>
                                          </p:stCondLst>
                                        </p:cTn>
                                        <p:tgtEl>
                                          <p:spTgt spid="28"/>
                                        </p:tgtEl>
                                        <p:attrNameLst>
                                          <p:attrName>style.visibility</p:attrName>
                                        </p:attrNameLst>
                                      </p:cBhvr>
                                      <p:to>
                                        <p:strVal val="visible"/>
                                      </p:to>
                                    </p:set>
                                    <p:animEffect transition="in" filter="wipe(left)">
                                      <p:cBhvr>
                                        <p:cTn id="38" dur="20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3" grpId="0"/>
      <p:bldP spid="282" grpId="0"/>
      <p:bldP spid="281" grpId="0"/>
      <p:bldP spid="239" grpId="0"/>
    </p:bldLst>
  </p:timing>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p:cNvSpPr/>
          <p:nvPr/>
        </p:nvSpPr>
        <p:spPr bwMode="auto">
          <a:xfrm>
            <a:off x="0" y="2286000"/>
            <a:ext cx="9144000" cy="2057400"/>
          </a:xfrm>
          <a:prstGeom prst="rect">
            <a:avLst/>
          </a:prstGeom>
          <a:solidFill>
            <a:schemeClr val="tx1"/>
          </a:solidFill>
          <a:ln>
            <a:no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 name="Title 1"/>
          <p:cNvSpPr>
            <a:spLocks noGrp="1"/>
          </p:cNvSpPr>
          <p:nvPr>
            <p:ph type="title"/>
          </p:nvPr>
        </p:nvSpPr>
        <p:spPr>
          <a:xfrm>
            <a:off x="381000" y="450604"/>
            <a:ext cx="8382000" cy="997196"/>
          </a:xfrm>
        </p:spPr>
        <p:txBody>
          <a:bodyPr/>
          <a:lstStyle/>
          <a:p>
            <a:r>
              <a:rPr lang="en-US" sz="3600" dirty="0"/>
              <a:t>California WaterFix </a:t>
            </a:r>
            <a:r>
              <a:rPr lang="en-US" sz="3600" dirty="0" smtClean="0"/>
              <a:t/>
            </a:r>
            <a:br>
              <a:rPr lang="en-US" sz="3600" dirty="0" smtClean="0"/>
            </a:br>
            <a:r>
              <a:rPr lang="en-US" sz="3600" dirty="0" smtClean="0"/>
              <a:t>Draft Schedule2016-2018</a:t>
            </a:r>
            <a:endParaRPr lang="en-US" sz="3600" dirty="0"/>
          </a:p>
        </p:txBody>
      </p:sp>
      <p:sp>
        <p:nvSpPr>
          <p:cNvPr id="3" name="Right Arrow 2"/>
          <p:cNvSpPr/>
          <p:nvPr/>
        </p:nvSpPr>
        <p:spPr bwMode="auto">
          <a:xfrm>
            <a:off x="228600" y="2947978"/>
            <a:ext cx="8763000" cy="938214"/>
          </a:xfrm>
          <a:prstGeom prst="rightArrow">
            <a:avLst/>
          </a:prstGeom>
          <a:ln>
            <a:headEnd type="none" w="med" len="med"/>
            <a:tailEnd type="none" w="med" len="med"/>
          </a:ln>
        </p:spPr>
        <p:style>
          <a:lnRef idx="0">
            <a:schemeClr val="dk1"/>
          </a:lnRef>
          <a:fillRef idx="3">
            <a:schemeClr val="dk1"/>
          </a:fillRef>
          <a:effectRef idx="3">
            <a:schemeClr val="dk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7" name="TextBox 6"/>
          <p:cNvSpPr txBox="1"/>
          <p:nvPr/>
        </p:nvSpPr>
        <p:spPr>
          <a:xfrm>
            <a:off x="228600" y="3635062"/>
            <a:ext cx="685900" cy="387191"/>
          </a:xfrm>
          <a:prstGeom prst="round2SameRect">
            <a:avLst/>
          </a:prstGeom>
          <a:ln>
            <a:noFill/>
          </a:ln>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fontAlgn="auto">
              <a:spcBef>
                <a:spcPts val="0"/>
              </a:spcBef>
              <a:spcAft>
                <a:spcPts val="0"/>
              </a:spcAft>
            </a:pPr>
            <a:r>
              <a:rPr lang="en-US" dirty="0" smtClean="0">
                <a:solidFill>
                  <a:prstClr val="white"/>
                </a:solidFill>
              </a:rPr>
              <a:t>2016</a:t>
            </a:r>
          </a:p>
        </p:txBody>
      </p:sp>
      <p:sp>
        <p:nvSpPr>
          <p:cNvPr id="8" name="TextBox 7"/>
          <p:cNvSpPr txBox="1"/>
          <p:nvPr/>
        </p:nvSpPr>
        <p:spPr>
          <a:xfrm>
            <a:off x="6553200" y="3635062"/>
            <a:ext cx="723900" cy="387191"/>
          </a:xfrm>
          <a:prstGeom prst="round2SameRect">
            <a:avLst/>
          </a:prstGeom>
          <a:ln>
            <a:noFill/>
          </a:ln>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fontAlgn="auto">
              <a:spcBef>
                <a:spcPts val="0"/>
              </a:spcBef>
              <a:spcAft>
                <a:spcPts val="0"/>
              </a:spcAft>
            </a:pPr>
            <a:r>
              <a:rPr lang="en-US" dirty="0" smtClean="0">
                <a:solidFill>
                  <a:prstClr val="white"/>
                </a:solidFill>
              </a:rPr>
              <a:t>2018</a:t>
            </a:r>
          </a:p>
        </p:txBody>
      </p:sp>
      <p:sp>
        <p:nvSpPr>
          <p:cNvPr id="9" name="TextBox 8"/>
          <p:cNvSpPr txBox="1"/>
          <p:nvPr/>
        </p:nvSpPr>
        <p:spPr>
          <a:xfrm>
            <a:off x="3719413" y="3635062"/>
            <a:ext cx="721300" cy="387191"/>
          </a:xfrm>
          <a:prstGeom prst="round2SameRect">
            <a:avLst/>
          </a:prstGeom>
          <a:ln>
            <a:noFill/>
          </a:ln>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fontAlgn="auto">
              <a:spcBef>
                <a:spcPts val="0"/>
              </a:spcBef>
              <a:spcAft>
                <a:spcPts val="0"/>
              </a:spcAft>
            </a:pPr>
            <a:r>
              <a:rPr lang="en-US" dirty="0" smtClean="0">
                <a:solidFill>
                  <a:prstClr val="white"/>
                </a:solidFill>
              </a:rPr>
              <a:t>2017</a:t>
            </a:r>
          </a:p>
        </p:txBody>
      </p:sp>
      <p:sp>
        <p:nvSpPr>
          <p:cNvPr id="10" name="Isosceles Triangle 9"/>
          <p:cNvSpPr/>
          <p:nvPr/>
        </p:nvSpPr>
        <p:spPr bwMode="auto">
          <a:xfrm rot="10800000">
            <a:off x="1080195" y="3038564"/>
            <a:ext cx="354310" cy="156203"/>
          </a:xfrm>
          <a:prstGeom prst="triangle">
            <a:avLst/>
          </a:prstGeom>
          <a:ln>
            <a:noFill/>
            <a:headEnd type="none" w="med" len="med"/>
            <a:tailEnd type="none" w="med" len="med"/>
          </a:ln>
        </p:spPr>
        <p:style>
          <a:lnRef idx="1">
            <a:schemeClr val="accent4"/>
          </a:lnRef>
          <a:fillRef idx="3">
            <a:schemeClr val="accent4"/>
          </a:fillRef>
          <a:effectRef idx="2">
            <a:schemeClr val="accent4"/>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2" name="TextBox 11"/>
          <p:cNvSpPr txBox="1"/>
          <p:nvPr/>
        </p:nvSpPr>
        <p:spPr>
          <a:xfrm>
            <a:off x="954535" y="2447925"/>
            <a:ext cx="685700" cy="600164"/>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2081(b)</a:t>
            </a:r>
          </a:p>
          <a:p>
            <a:pPr fontAlgn="auto">
              <a:spcBef>
                <a:spcPts val="0"/>
              </a:spcBef>
              <a:spcAft>
                <a:spcPts val="0"/>
              </a:spcAft>
            </a:pPr>
            <a:r>
              <a:rPr lang="en-US" sz="1100" dirty="0" smtClean="0">
                <a:solidFill>
                  <a:prstClr val="black"/>
                </a:solidFill>
                <a:latin typeface="Calibri"/>
                <a:cs typeface="+mn-cs"/>
              </a:rPr>
              <a:t>Permit App</a:t>
            </a:r>
          </a:p>
        </p:txBody>
      </p:sp>
      <p:sp>
        <p:nvSpPr>
          <p:cNvPr id="13" name="TextBox 12"/>
          <p:cNvSpPr txBox="1"/>
          <p:nvPr/>
        </p:nvSpPr>
        <p:spPr>
          <a:xfrm>
            <a:off x="1697282" y="2601568"/>
            <a:ext cx="685700" cy="430887"/>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Final </a:t>
            </a:r>
            <a:r>
              <a:rPr lang="en-US" sz="1100" dirty="0" err="1" smtClean="0">
                <a:solidFill>
                  <a:prstClr val="black"/>
                </a:solidFill>
                <a:latin typeface="Calibri"/>
                <a:cs typeface="+mn-cs"/>
              </a:rPr>
              <a:t>EIR</a:t>
            </a:r>
            <a:r>
              <a:rPr lang="en-US" sz="1100" dirty="0" smtClean="0">
                <a:solidFill>
                  <a:prstClr val="black"/>
                </a:solidFill>
                <a:latin typeface="Calibri"/>
                <a:cs typeface="+mn-cs"/>
              </a:rPr>
              <a:t>/</a:t>
            </a:r>
            <a:r>
              <a:rPr lang="en-US" sz="1100" dirty="0" err="1" smtClean="0">
                <a:solidFill>
                  <a:prstClr val="black"/>
                </a:solidFill>
                <a:latin typeface="Calibri"/>
                <a:cs typeface="+mn-cs"/>
              </a:rPr>
              <a:t>EIS</a:t>
            </a:r>
            <a:endParaRPr lang="en-US" sz="1100" dirty="0" smtClean="0">
              <a:solidFill>
                <a:prstClr val="black"/>
              </a:solidFill>
              <a:latin typeface="Calibri"/>
              <a:cs typeface="+mn-cs"/>
            </a:endParaRPr>
          </a:p>
        </p:txBody>
      </p:sp>
      <p:sp>
        <p:nvSpPr>
          <p:cNvPr id="14" name="Isosceles Triangle 13"/>
          <p:cNvSpPr/>
          <p:nvPr/>
        </p:nvSpPr>
        <p:spPr bwMode="auto">
          <a:xfrm rot="10800000">
            <a:off x="1828750" y="3032842"/>
            <a:ext cx="354310" cy="156203"/>
          </a:xfrm>
          <a:prstGeom prst="triangle">
            <a:avLst/>
          </a:prstGeom>
          <a:ln>
            <a:noFill/>
            <a:headEnd type="none" w="med" len="med"/>
            <a:tailEnd type="none" w="med" len="med"/>
          </a:ln>
        </p:spPr>
        <p:style>
          <a:lnRef idx="1">
            <a:schemeClr val="accent4"/>
          </a:lnRef>
          <a:fillRef idx="3">
            <a:schemeClr val="accent4"/>
          </a:fillRef>
          <a:effectRef idx="2">
            <a:schemeClr val="accent4"/>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5" name="Isosceles Triangle 14"/>
          <p:cNvSpPr/>
          <p:nvPr/>
        </p:nvSpPr>
        <p:spPr bwMode="auto">
          <a:xfrm rot="10800000">
            <a:off x="4795990" y="3010607"/>
            <a:ext cx="354310" cy="156203"/>
          </a:xfrm>
          <a:prstGeom prst="triangle">
            <a:avLst/>
          </a:prstGeom>
          <a:ln>
            <a:noFill/>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6" name="Isosceles Triangle 15"/>
          <p:cNvSpPr/>
          <p:nvPr/>
        </p:nvSpPr>
        <p:spPr bwMode="auto">
          <a:xfrm>
            <a:off x="4795990" y="3635062"/>
            <a:ext cx="354310" cy="156203"/>
          </a:xfrm>
          <a:prstGeom prst="triangle">
            <a:avLst/>
          </a:prstGeom>
          <a:ln>
            <a:noFill/>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7" name="Isosceles Triangle 16"/>
          <p:cNvSpPr/>
          <p:nvPr/>
        </p:nvSpPr>
        <p:spPr bwMode="auto">
          <a:xfrm rot="10800000">
            <a:off x="3153919" y="3032932"/>
            <a:ext cx="354310" cy="156203"/>
          </a:xfrm>
          <a:prstGeom prst="triangle">
            <a:avLst/>
          </a:prstGeom>
          <a:ln>
            <a:noFill/>
            <a:headEnd type="none" w="med" len="med"/>
            <a:tailEnd type="none" w="med" len="med"/>
          </a:ln>
        </p:spPr>
        <p:style>
          <a:lnRef idx="1">
            <a:schemeClr val="accent4"/>
          </a:lnRef>
          <a:fillRef idx="3">
            <a:schemeClr val="accent4"/>
          </a:fillRef>
          <a:effectRef idx="2">
            <a:schemeClr val="accent4"/>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8" name="Isosceles Triangle 17"/>
          <p:cNvSpPr/>
          <p:nvPr/>
        </p:nvSpPr>
        <p:spPr bwMode="auto">
          <a:xfrm>
            <a:off x="2735304" y="3668390"/>
            <a:ext cx="354310" cy="156203"/>
          </a:xfrm>
          <a:prstGeom prst="triangle">
            <a:avLst/>
          </a:prstGeom>
          <a:ln>
            <a:noFill/>
            <a:headEnd type="none" w="med" len="med"/>
            <a:tailEnd type="none" w="med" len="med"/>
          </a:ln>
        </p:spPr>
        <p:style>
          <a:lnRef idx="1">
            <a:schemeClr val="accent4"/>
          </a:lnRef>
          <a:fillRef idx="3">
            <a:schemeClr val="accent4"/>
          </a:fillRef>
          <a:effectRef idx="2">
            <a:schemeClr val="accent4"/>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19" name="Isosceles Triangle 18"/>
          <p:cNvSpPr/>
          <p:nvPr/>
        </p:nvSpPr>
        <p:spPr bwMode="auto">
          <a:xfrm rot="10800000">
            <a:off x="2605927" y="3021808"/>
            <a:ext cx="354310" cy="156203"/>
          </a:xfrm>
          <a:prstGeom prst="triangle">
            <a:avLst/>
          </a:prstGeom>
          <a:ln>
            <a:noFill/>
            <a:headEnd type="none" w="med" len="med"/>
            <a:tailEnd type="none" w="med" len="med"/>
          </a:ln>
        </p:spPr>
        <p:style>
          <a:lnRef idx="1">
            <a:schemeClr val="accent5"/>
          </a:lnRef>
          <a:fillRef idx="3">
            <a:schemeClr val="accent5"/>
          </a:fillRef>
          <a:effectRef idx="2">
            <a:schemeClr val="accent5"/>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20" name="Isosceles Triangle 19"/>
          <p:cNvSpPr/>
          <p:nvPr/>
        </p:nvSpPr>
        <p:spPr bwMode="auto">
          <a:xfrm>
            <a:off x="1451620" y="3646246"/>
            <a:ext cx="354310" cy="156203"/>
          </a:xfrm>
          <a:prstGeom prst="triangle">
            <a:avLst/>
          </a:prstGeom>
          <a:ln>
            <a:noFill/>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vert="horz" wrap="square" lIns="91440" tIns="45720" rIns="91440" bIns="45720" numCol="1" rtlCol="0" anchor="t" anchorCtr="0" compatLnSpc="1">
            <a:prstTxWarp prst="textNoShape">
              <a:avLst/>
            </a:prstTxWarp>
          </a:bodyPr>
          <a:lstStyle/>
          <a:p>
            <a:pPr fontAlgn="auto">
              <a:spcBef>
                <a:spcPts val="0"/>
              </a:spcBef>
              <a:spcAft>
                <a:spcPts val="0"/>
              </a:spcAft>
            </a:pPr>
            <a:endParaRPr lang="en-US" u="sng" dirty="0">
              <a:solidFill>
                <a:prstClr val="white"/>
              </a:solidFill>
            </a:endParaRPr>
          </a:p>
        </p:txBody>
      </p:sp>
      <p:sp>
        <p:nvSpPr>
          <p:cNvPr id="21" name="TextBox 20"/>
          <p:cNvSpPr txBox="1"/>
          <p:nvPr/>
        </p:nvSpPr>
        <p:spPr>
          <a:xfrm>
            <a:off x="431578"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an</a:t>
            </a:r>
          </a:p>
        </p:txBody>
      </p:sp>
      <p:sp>
        <p:nvSpPr>
          <p:cNvPr id="22" name="TextBox 21"/>
          <p:cNvSpPr txBox="1"/>
          <p:nvPr/>
        </p:nvSpPr>
        <p:spPr>
          <a:xfrm>
            <a:off x="1015889"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Apr</a:t>
            </a:r>
          </a:p>
        </p:txBody>
      </p:sp>
      <p:sp>
        <p:nvSpPr>
          <p:cNvPr id="23" name="TextBox 22"/>
          <p:cNvSpPr txBox="1"/>
          <p:nvPr/>
        </p:nvSpPr>
        <p:spPr>
          <a:xfrm>
            <a:off x="1219200" y="3802449"/>
            <a:ext cx="925710" cy="430887"/>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Section 106 Compliance</a:t>
            </a:r>
          </a:p>
        </p:txBody>
      </p:sp>
      <p:sp>
        <p:nvSpPr>
          <p:cNvPr id="24" name="TextBox 23"/>
          <p:cNvSpPr txBox="1"/>
          <p:nvPr/>
        </p:nvSpPr>
        <p:spPr>
          <a:xfrm>
            <a:off x="2157337"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ul</a:t>
            </a:r>
          </a:p>
        </p:txBody>
      </p:sp>
      <p:sp>
        <p:nvSpPr>
          <p:cNvPr id="25" name="TextBox 24"/>
          <p:cNvSpPr txBox="1"/>
          <p:nvPr/>
        </p:nvSpPr>
        <p:spPr>
          <a:xfrm>
            <a:off x="3025307"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Oct</a:t>
            </a:r>
          </a:p>
        </p:txBody>
      </p:sp>
      <p:sp>
        <p:nvSpPr>
          <p:cNvPr id="26" name="TextBox 25"/>
          <p:cNvSpPr txBox="1"/>
          <p:nvPr/>
        </p:nvSpPr>
        <p:spPr>
          <a:xfrm>
            <a:off x="3789677"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an</a:t>
            </a:r>
          </a:p>
        </p:txBody>
      </p:sp>
      <p:sp>
        <p:nvSpPr>
          <p:cNvPr id="27" name="TextBox 26"/>
          <p:cNvSpPr txBox="1"/>
          <p:nvPr/>
        </p:nvSpPr>
        <p:spPr>
          <a:xfrm>
            <a:off x="4440713"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Apr</a:t>
            </a:r>
          </a:p>
        </p:txBody>
      </p:sp>
      <p:sp>
        <p:nvSpPr>
          <p:cNvPr id="28" name="TextBox 27"/>
          <p:cNvSpPr txBox="1"/>
          <p:nvPr/>
        </p:nvSpPr>
        <p:spPr>
          <a:xfrm>
            <a:off x="5063863"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ul</a:t>
            </a:r>
          </a:p>
        </p:txBody>
      </p:sp>
      <p:sp>
        <p:nvSpPr>
          <p:cNvPr id="29" name="TextBox 28"/>
          <p:cNvSpPr txBox="1"/>
          <p:nvPr/>
        </p:nvSpPr>
        <p:spPr>
          <a:xfrm>
            <a:off x="5759772"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Oct</a:t>
            </a:r>
          </a:p>
        </p:txBody>
      </p:sp>
      <p:sp>
        <p:nvSpPr>
          <p:cNvPr id="30" name="TextBox 29"/>
          <p:cNvSpPr txBox="1"/>
          <p:nvPr/>
        </p:nvSpPr>
        <p:spPr>
          <a:xfrm>
            <a:off x="6699411" y="3261581"/>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an</a:t>
            </a:r>
          </a:p>
        </p:txBody>
      </p:sp>
      <p:sp>
        <p:nvSpPr>
          <p:cNvPr id="31" name="TextBox 30"/>
          <p:cNvSpPr txBox="1"/>
          <p:nvPr/>
        </p:nvSpPr>
        <p:spPr>
          <a:xfrm>
            <a:off x="2532449" y="2775563"/>
            <a:ext cx="501264" cy="261610"/>
          </a:xfrm>
          <a:prstGeom prst="rect">
            <a:avLst/>
          </a:prstGeom>
          <a:noFill/>
        </p:spPr>
        <p:txBody>
          <a:bodyPr wrap="square" rtlCol="0">
            <a:spAutoFit/>
          </a:bodyPr>
          <a:lstStyle/>
          <a:p>
            <a:pPr algn="ctr" fontAlgn="auto">
              <a:spcBef>
                <a:spcPts val="0"/>
              </a:spcBef>
              <a:spcAft>
                <a:spcPts val="0"/>
              </a:spcAft>
            </a:pPr>
            <a:r>
              <a:rPr lang="en-US" sz="1100" dirty="0" err="1" smtClean="0">
                <a:solidFill>
                  <a:prstClr val="black"/>
                </a:solidFill>
                <a:latin typeface="Calibri"/>
                <a:cs typeface="+mn-cs"/>
              </a:rPr>
              <a:t>BiOp</a:t>
            </a:r>
            <a:endParaRPr lang="en-US" sz="1100" dirty="0" smtClean="0">
              <a:solidFill>
                <a:prstClr val="black"/>
              </a:solidFill>
              <a:latin typeface="Calibri"/>
              <a:cs typeface="+mn-cs"/>
            </a:endParaRPr>
          </a:p>
        </p:txBody>
      </p:sp>
      <p:sp>
        <p:nvSpPr>
          <p:cNvPr id="32" name="TextBox 31"/>
          <p:cNvSpPr txBox="1"/>
          <p:nvPr/>
        </p:nvSpPr>
        <p:spPr>
          <a:xfrm>
            <a:off x="3033713" y="2601568"/>
            <a:ext cx="685700" cy="430887"/>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2081(b) Permit</a:t>
            </a:r>
          </a:p>
        </p:txBody>
      </p:sp>
      <p:sp>
        <p:nvSpPr>
          <p:cNvPr id="33" name="TextBox 32"/>
          <p:cNvSpPr txBox="1"/>
          <p:nvPr/>
        </p:nvSpPr>
        <p:spPr>
          <a:xfrm>
            <a:off x="2514600" y="3828657"/>
            <a:ext cx="853635" cy="261610"/>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ROD/NOD*</a:t>
            </a:r>
          </a:p>
        </p:txBody>
      </p:sp>
      <p:sp>
        <p:nvSpPr>
          <p:cNvPr id="34" name="TextBox 33"/>
          <p:cNvSpPr txBox="1"/>
          <p:nvPr/>
        </p:nvSpPr>
        <p:spPr>
          <a:xfrm>
            <a:off x="4610100" y="3776965"/>
            <a:ext cx="864611" cy="261610"/>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404 Permit</a:t>
            </a:r>
          </a:p>
        </p:txBody>
      </p:sp>
      <p:sp>
        <p:nvSpPr>
          <p:cNvPr id="35" name="TextBox 34"/>
          <p:cNvSpPr txBox="1"/>
          <p:nvPr/>
        </p:nvSpPr>
        <p:spPr>
          <a:xfrm>
            <a:off x="4363788" y="2748007"/>
            <a:ext cx="1218933" cy="261610"/>
          </a:xfrm>
          <a:prstGeom prst="rect">
            <a:avLst/>
          </a:prstGeom>
          <a:noFill/>
        </p:spPr>
        <p:txBody>
          <a:bodyPr wrap="square" rtlCol="0">
            <a:spAutoFit/>
          </a:bodyPr>
          <a:lstStyle/>
          <a:p>
            <a:pPr fontAlgn="auto">
              <a:spcBef>
                <a:spcPts val="0"/>
              </a:spcBef>
              <a:spcAft>
                <a:spcPts val="0"/>
              </a:spcAft>
            </a:pPr>
            <a:r>
              <a:rPr lang="en-US" sz="1100" dirty="0" smtClean="0">
                <a:solidFill>
                  <a:prstClr val="black"/>
                </a:solidFill>
                <a:latin typeface="Calibri"/>
                <a:cs typeface="+mn-cs"/>
              </a:rPr>
              <a:t>404 Certification</a:t>
            </a:r>
          </a:p>
        </p:txBody>
      </p:sp>
      <p:sp>
        <p:nvSpPr>
          <p:cNvPr id="36" name="TextBox 35"/>
          <p:cNvSpPr txBox="1"/>
          <p:nvPr/>
        </p:nvSpPr>
        <p:spPr>
          <a:xfrm>
            <a:off x="7391400" y="3253733"/>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Apr</a:t>
            </a:r>
          </a:p>
        </p:txBody>
      </p:sp>
      <p:sp>
        <p:nvSpPr>
          <p:cNvPr id="37" name="TextBox 36"/>
          <p:cNvSpPr txBox="1"/>
          <p:nvPr/>
        </p:nvSpPr>
        <p:spPr>
          <a:xfrm>
            <a:off x="8077200" y="3263196"/>
            <a:ext cx="482922" cy="307777"/>
          </a:xfrm>
          <a:prstGeom prst="rect">
            <a:avLst/>
          </a:prstGeom>
          <a:noFill/>
        </p:spPr>
        <p:txBody>
          <a:bodyPr wrap="square" rtlCol="0">
            <a:spAutoFit/>
          </a:bodyPr>
          <a:lstStyle/>
          <a:p>
            <a:pPr fontAlgn="auto">
              <a:spcBef>
                <a:spcPts val="0"/>
              </a:spcBef>
              <a:spcAft>
                <a:spcPts val="0"/>
              </a:spcAft>
            </a:pPr>
            <a:r>
              <a:rPr lang="en-US" sz="1400" dirty="0" smtClean="0">
                <a:solidFill>
                  <a:prstClr val="white"/>
                </a:solidFill>
                <a:latin typeface="Calibri"/>
                <a:cs typeface="+mn-cs"/>
              </a:rPr>
              <a:t>Jul</a:t>
            </a:r>
          </a:p>
        </p:txBody>
      </p:sp>
    </p:spTree>
    <p:extLst>
      <p:ext uri="{BB962C8B-B14F-4D97-AF65-F5344CB8AC3E}">
        <p14:creationId xmlns:p14="http://schemas.microsoft.com/office/powerpoint/2010/main" val="3671140988"/>
      </p:ext>
    </p:extLst>
  </p:cSld>
  <p:clrMapOvr>
    <a:masterClrMapping/>
  </p:clrMapOvr>
  <p:transition>
    <p:fade/>
  </p:transition>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L:\Staff Folders\Neudeck\Bay-Delta Conservation Plan\Business Committee\2016-03\AttendeeViewerImage004.bmp"/>
          <p:cNvPicPr>
            <a:picLocks noChangeAspect="1" noChangeArrowheads="1"/>
          </p:cNvPicPr>
          <p:nvPr/>
        </p:nvPicPr>
        <p:blipFill rotWithShape="1">
          <a:blip r:embed="rId3">
            <a:extLst>
              <a:ext uri="{28A0092B-C50C-407E-A947-70E740481C1C}">
                <a14:useLocalDpi xmlns:a14="http://schemas.microsoft.com/office/drawing/2010/main" val="0"/>
              </a:ext>
            </a:extLst>
          </a:blip>
          <a:srcRect l="5915" t="14738" r="6662" b="8275"/>
          <a:stretch/>
        </p:blipFill>
        <p:spPr bwMode="auto">
          <a:xfrm>
            <a:off x="7936" y="2318326"/>
            <a:ext cx="9144000" cy="3870216"/>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p:txBody>
          <a:bodyPr/>
          <a:lstStyle/>
          <a:p>
            <a:r>
              <a:rPr lang="en-US" dirty="0" smtClean="0"/>
              <a:t>California WaterFix</a:t>
            </a:r>
            <a:br>
              <a:rPr lang="en-US" dirty="0" smtClean="0"/>
            </a:br>
            <a:r>
              <a:rPr lang="en-US" sz="3600" dirty="0" smtClean="0">
                <a:solidFill>
                  <a:schemeClr val="tx1"/>
                </a:solidFill>
              </a:rPr>
              <a:t>EIR/EIS Schedule 3-16-2016</a:t>
            </a:r>
            <a:endParaRPr lang="en-US" sz="3600" dirty="0">
              <a:solidFill>
                <a:schemeClr val="tx1"/>
              </a:solidFill>
            </a:endParaRPr>
          </a:p>
        </p:txBody>
      </p:sp>
    </p:spTree>
    <p:extLst>
      <p:ext uri="{BB962C8B-B14F-4D97-AF65-F5344CB8AC3E}">
        <p14:creationId xmlns:p14="http://schemas.microsoft.com/office/powerpoint/2010/main" val="76830191"/>
      </p:ext>
    </p:extLst>
  </p:cSld>
  <p:clrMapOvr>
    <a:masterClrMapping/>
  </p:clrMapOvr>
  <p:transition spd="slow">
    <p:fade/>
  </p:transition>
  <p:timing>
    <p:tnLst>
      <p:par>
        <p:cTn id="1" dur="indefinite" restart="never" nodeType="tmRoot"/>
      </p:par>
    </p:tnLst>
  </p:timing>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57200" y="3124301"/>
            <a:ext cx="8229600" cy="609398"/>
          </a:xfrm>
        </p:spPr>
        <p:txBody>
          <a:bodyPr/>
          <a:lstStyle/>
          <a:p>
            <a:r>
              <a:rPr lang="en-US" dirty="0" smtClean="0"/>
              <a:t>Delta Wetlands</a:t>
            </a:r>
            <a:endParaRPr lang="en-US" dirty="0"/>
          </a:p>
        </p:txBody>
      </p:sp>
    </p:spTree>
    <p:extLst>
      <p:ext uri="{BB962C8B-B14F-4D97-AF65-F5344CB8AC3E}">
        <p14:creationId xmlns:p14="http://schemas.microsoft.com/office/powerpoint/2010/main" val="2007369649"/>
      </p:ext>
    </p:extLst>
  </p:cSld>
  <p:clrMapOvr>
    <a:masterClrMapping/>
  </p:clrMapOvr>
  <p:transition spd="slow">
    <p:fade/>
  </p:transition>
  <p:timing>
    <p:tnLst>
      <p:par>
        <p:cTn id="1" dur="indefinite" restart="never" nodeType="tmRoot"/>
      </p:par>
    </p:tnLst>
  </p:timing>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p:nvPr/>
        </p:nvSpPr>
        <p:spPr>
          <a:xfrm>
            <a:off x="0" y="0"/>
            <a:ext cx="9144000" cy="1569660"/>
          </a:xfrm>
          <a:prstGeom prst="rect">
            <a:avLst/>
          </a:prstGeom>
        </p:spPr>
        <p:txBody>
          <a:bodyPr wrap="square">
            <a:spAutoFit/>
          </a:bodyPr>
          <a:lstStyle/>
          <a:p>
            <a:pPr algn="ctr"/>
            <a:endParaRPr lang="en-US" sz="4800"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a:p>
            <a:pPr algn="ctr"/>
            <a:endParaRPr lang="en-US" sz="48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ndParaRPr>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tretch>
            <a:fillRect/>
          </a:stretch>
        </p:blipFill>
        <p:spPr bwMode="auto">
          <a:xfrm>
            <a:off x="0" y="984498"/>
            <a:ext cx="9144000" cy="5486400"/>
          </a:xfrm>
          <a:prstGeom prst="rect">
            <a:avLst/>
          </a:prstGeom>
          <a:noFill/>
          <a:extLst>
            <a:ext uri="{909E8E84-426E-40DD-AFC4-6F175D3DCCD1}">
              <a14:hiddenFill xmlns:a14="http://schemas.microsoft.com/office/drawing/2010/main">
                <a:solidFill>
                  <a:srgbClr val="FFFFFF"/>
                </a:solidFill>
              </a14:hiddenFill>
            </a:ext>
          </a:extLst>
        </p:spPr>
      </p:pic>
      <p:sp>
        <p:nvSpPr>
          <p:cNvPr id="2" name="Rounded Rectangular Callout 1"/>
          <p:cNvSpPr/>
          <p:nvPr/>
        </p:nvSpPr>
        <p:spPr bwMode="auto">
          <a:xfrm>
            <a:off x="5623389" y="2590800"/>
            <a:ext cx="1691811" cy="342900"/>
          </a:xfrm>
          <a:prstGeom prst="wedgeRoundRectCallout">
            <a:avLst>
              <a:gd name="adj1" fmla="val -113074"/>
              <a:gd name="adj2" fmla="val 303700"/>
              <a:gd name="adj3" fmla="val 16667"/>
            </a:avLst>
          </a:prstGeom>
          <a:solidFill>
            <a:schemeClr val="accent5">
              <a:lumMod val="60000"/>
              <a:lumOff val="40000"/>
            </a:schemeClr>
          </a:solidFill>
          <a:ln>
            <a:headEnd type="none" w="med" len="med"/>
            <a:tailEnd type="none" w="med" len="med"/>
          </a:ln>
          <a:effectLst>
            <a:outerShdw blurRad="63500" dist="50800" dir="5400000" sx="102000" sy="102000" rotWithShape="0">
              <a:srgbClr val="000000">
                <a:alpha val="92000"/>
              </a:srgbClr>
            </a:outerShdw>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600" b="1" dirty="0" smtClean="0">
                <a:solidFill>
                  <a:schemeClr val="bg1"/>
                </a:solidFill>
                <a:latin typeface="Segoe" pitchFamily="34" charset="0"/>
              </a:rPr>
              <a:t>Bouldin Island</a:t>
            </a:r>
          </a:p>
        </p:txBody>
      </p:sp>
      <p:sp>
        <p:nvSpPr>
          <p:cNvPr id="7" name="Rounded Rectangular Callout 6"/>
          <p:cNvSpPr/>
          <p:nvPr/>
        </p:nvSpPr>
        <p:spPr bwMode="auto">
          <a:xfrm>
            <a:off x="5410200" y="3740857"/>
            <a:ext cx="1615611" cy="342900"/>
          </a:xfrm>
          <a:prstGeom prst="wedgeRoundRectCallout">
            <a:avLst>
              <a:gd name="adj1" fmla="val -116197"/>
              <a:gd name="adj2" fmla="val 172676"/>
              <a:gd name="adj3" fmla="val 16667"/>
            </a:avLst>
          </a:prstGeom>
          <a:solidFill>
            <a:schemeClr val="accent5">
              <a:lumMod val="60000"/>
              <a:lumOff val="40000"/>
            </a:schemeClr>
          </a:solidFill>
          <a:ln>
            <a:headEnd type="none" w="med" len="med"/>
            <a:tailEnd type="none" w="med" len="med"/>
          </a:ln>
          <a:effectLst>
            <a:outerShdw blurRad="63500" dist="50800" dir="5400000" sx="102000" sy="102000" rotWithShape="0">
              <a:srgbClr val="000000">
                <a:alpha val="92000"/>
              </a:srgbClr>
            </a:outerShdw>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600" b="1" dirty="0" smtClean="0">
                <a:solidFill>
                  <a:schemeClr val="bg1"/>
                </a:solidFill>
                <a:latin typeface="Segoe" pitchFamily="34" charset="0"/>
              </a:rPr>
              <a:t>Bacon Island</a:t>
            </a:r>
          </a:p>
        </p:txBody>
      </p:sp>
      <p:sp>
        <p:nvSpPr>
          <p:cNvPr id="8" name="Rounded Rectangular Callout 7"/>
          <p:cNvSpPr/>
          <p:nvPr/>
        </p:nvSpPr>
        <p:spPr bwMode="auto">
          <a:xfrm>
            <a:off x="2362200" y="2667000"/>
            <a:ext cx="1524000" cy="342900"/>
          </a:xfrm>
          <a:prstGeom prst="wedgeRoundRectCallout">
            <a:avLst>
              <a:gd name="adj1" fmla="val 63268"/>
              <a:gd name="adj2" fmla="val 323612"/>
              <a:gd name="adj3" fmla="val 16667"/>
            </a:avLst>
          </a:prstGeom>
          <a:solidFill>
            <a:schemeClr val="accent5">
              <a:lumMod val="60000"/>
              <a:lumOff val="40000"/>
            </a:schemeClr>
          </a:solidFill>
          <a:ln>
            <a:headEnd type="none" w="med" len="med"/>
            <a:tailEnd type="none" w="med" len="med"/>
          </a:ln>
          <a:effectLst>
            <a:outerShdw blurRad="63500" dist="50800" dir="5400000" sx="102000" sy="102000" rotWithShape="0">
              <a:srgbClr val="000000">
                <a:alpha val="92000"/>
              </a:srgbClr>
            </a:outerShdw>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600" b="1" dirty="0" smtClean="0">
                <a:solidFill>
                  <a:schemeClr val="bg1"/>
                </a:solidFill>
                <a:latin typeface="Segoe" pitchFamily="34" charset="0"/>
              </a:rPr>
              <a:t>Webb Tract</a:t>
            </a:r>
          </a:p>
        </p:txBody>
      </p:sp>
      <p:sp>
        <p:nvSpPr>
          <p:cNvPr id="10" name="Rounded Rectangular Callout 9"/>
          <p:cNvSpPr/>
          <p:nvPr/>
        </p:nvSpPr>
        <p:spPr bwMode="auto">
          <a:xfrm>
            <a:off x="2438400" y="4953000"/>
            <a:ext cx="1524000" cy="342900"/>
          </a:xfrm>
          <a:prstGeom prst="wedgeRoundRectCallout">
            <a:avLst>
              <a:gd name="adj1" fmla="val 61639"/>
              <a:gd name="adj2" fmla="val -189185"/>
              <a:gd name="adj3" fmla="val 16667"/>
            </a:avLst>
          </a:prstGeom>
          <a:solidFill>
            <a:schemeClr val="accent5">
              <a:lumMod val="60000"/>
              <a:lumOff val="40000"/>
            </a:schemeClr>
          </a:solidFill>
          <a:ln>
            <a:headEnd type="none" w="med" len="med"/>
            <a:tailEnd type="none" w="med" len="med"/>
          </a:ln>
          <a:effectLst>
            <a:outerShdw blurRad="63500" dist="50800" dir="5400000" sx="102000" sy="102000" rotWithShape="0">
              <a:srgbClr val="000000">
                <a:alpha val="92000"/>
              </a:srgbClr>
            </a:outerShdw>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600" b="1" dirty="0" smtClean="0">
                <a:solidFill>
                  <a:schemeClr val="bg1"/>
                </a:solidFill>
                <a:latin typeface="Segoe" pitchFamily="34" charset="0"/>
              </a:rPr>
              <a:t>Holland Tract</a:t>
            </a:r>
          </a:p>
        </p:txBody>
      </p:sp>
      <p:sp>
        <p:nvSpPr>
          <p:cNvPr id="11" name="Rounded Rectangular Callout 10"/>
          <p:cNvSpPr/>
          <p:nvPr/>
        </p:nvSpPr>
        <p:spPr bwMode="auto">
          <a:xfrm>
            <a:off x="228600" y="2247900"/>
            <a:ext cx="1600200" cy="342900"/>
          </a:xfrm>
          <a:prstGeom prst="wedgeRoundRectCallout">
            <a:avLst>
              <a:gd name="adj1" fmla="val 110170"/>
              <a:gd name="adj2" fmla="val 476421"/>
              <a:gd name="adj3" fmla="val 16667"/>
            </a:avLst>
          </a:prstGeom>
          <a:solidFill>
            <a:schemeClr val="accent5">
              <a:lumMod val="60000"/>
              <a:lumOff val="40000"/>
            </a:schemeClr>
          </a:solidFill>
          <a:ln>
            <a:headEnd type="none" w="med" len="med"/>
            <a:tailEnd type="none" w="med" len="med"/>
          </a:ln>
          <a:effectLst>
            <a:outerShdw blurRad="63500" dist="50800" dir="5400000" sx="102000" sy="102000" rotWithShape="0">
              <a:srgbClr val="000000">
                <a:alpha val="92000"/>
              </a:srgbClr>
            </a:outerShdw>
          </a:effectLst>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1600" b="1" dirty="0" smtClean="0">
                <a:solidFill>
                  <a:schemeClr val="bg1"/>
                </a:solidFill>
                <a:latin typeface="Segoe" pitchFamily="34" charset="0"/>
              </a:rPr>
              <a:t>Chipps Island</a:t>
            </a:r>
          </a:p>
        </p:txBody>
      </p:sp>
      <p:sp>
        <p:nvSpPr>
          <p:cNvPr id="12" name="Title 1"/>
          <p:cNvSpPr>
            <a:spLocks noGrp="1"/>
          </p:cNvSpPr>
          <p:nvPr>
            <p:ph type="title"/>
          </p:nvPr>
        </p:nvSpPr>
        <p:spPr>
          <a:xfrm>
            <a:off x="15551" y="147732"/>
            <a:ext cx="9144000" cy="609398"/>
          </a:xfrm>
        </p:spPr>
        <p:txBody>
          <a:bodyPr wrap="square" anchor="ctr">
            <a:spAutoFit/>
          </a:bodyPr>
          <a:lstStyle/>
          <a:p>
            <a:r>
              <a:rPr lang="en-US" dirty="0" smtClean="0">
                <a:latin typeface="Calibri"/>
              </a:rPr>
              <a:t>Regional Context</a:t>
            </a:r>
            <a:endParaRPr lang="en-US" dirty="0">
              <a:latin typeface="Calibri"/>
            </a:endParaRPr>
          </a:p>
        </p:txBody>
      </p:sp>
    </p:spTree>
    <p:extLst>
      <p:ext uri="{BB962C8B-B14F-4D97-AF65-F5344CB8AC3E}">
        <p14:creationId xmlns:p14="http://schemas.microsoft.com/office/powerpoint/2010/main" val="31703301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972511"/>
            <a:ext cx="9144000" cy="5498592"/>
          </a:xfrm>
          <a:prstGeom prst="rect">
            <a:avLst/>
          </a:prstGeom>
        </p:spPr>
      </p:pic>
      <p:sp>
        <p:nvSpPr>
          <p:cNvPr id="4" name="Title 1"/>
          <p:cNvSpPr>
            <a:spLocks noGrp="1"/>
          </p:cNvSpPr>
          <p:nvPr>
            <p:ph type="title"/>
          </p:nvPr>
        </p:nvSpPr>
        <p:spPr>
          <a:xfrm>
            <a:off x="0" y="180099"/>
            <a:ext cx="9144000" cy="609398"/>
          </a:xfrm>
        </p:spPr>
        <p:txBody>
          <a:bodyPr wrap="square" anchor="ctr">
            <a:spAutoFit/>
          </a:bodyPr>
          <a:lstStyle/>
          <a:p>
            <a:r>
              <a:rPr lang="en-US" dirty="0" smtClean="0">
                <a:latin typeface="Calibri"/>
              </a:rPr>
              <a:t>General Location</a:t>
            </a:r>
            <a:endParaRPr lang="en-US" dirty="0">
              <a:latin typeface="Calibri"/>
            </a:endParaRPr>
          </a:p>
        </p:txBody>
      </p:sp>
    </p:spTree>
    <p:extLst>
      <p:ext uri="{BB962C8B-B14F-4D97-AF65-F5344CB8AC3E}">
        <p14:creationId xmlns:p14="http://schemas.microsoft.com/office/powerpoint/2010/main" val="3318925878"/>
      </p:ext>
    </p:extLst>
  </p:cSld>
  <p:clrMapOvr>
    <a:masterClrMapping/>
  </p:clrMapOvr>
  <mc:AlternateContent xmlns:mc="http://schemas.openxmlformats.org/markup-compatibility/2006" xmlns:p14="http://schemas.microsoft.com/office/powerpoint/2010/main">
    <mc:Choice Requires="p14">
      <p:transition spd="slow" p14:dur="800">
        <p:circle/>
      </p:transition>
    </mc:Choice>
    <mc:Fallback xmlns="">
      <p:transition spd="slow">
        <p:circle/>
      </p:transition>
    </mc:Fallback>
  </mc:AlternateContent>
  <p:timing>
    <p:tnLst>
      <p:par>
        <p:cTn id="1" dur="indefinite" restart="never" nodeType="tmRoot"/>
      </p:par>
    </p:tnLst>
  </p:timing>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1371600"/>
            <a:ext cx="4572000" cy="5486400"/>
          </a:xfrm>
          <a:prstGeom prst="rect">
            <a:avLst/>
          </a:prstGeom>
        </p:spPr>
      </p:pic>
      <p:sp>
        <p:nvSpPr>
          <p:cNvPr id="5" name="Title 1"/>
          <p:cNvSpPr>
            <a:spLocks noGrp="1"/>
          </p:cNvSpPr>
          <p:nvPr>
            <p:ph type="title"/>
          </p:nvPr>
        </p:nvSpPr>
        <p:spPr/>
        <p:txBody>
          <a:bodyPr wrap="square" anchor="ctr">
            <a:spAutoFit/>
          </a:bodyPr>
          <a:lstStyle/>
          <a:p>
            <a:r>
              <a:rPr lang="en-US" dirty="0" smtClean="0">
                <a:latin typeface="Calibri"/>
              </a:rPr>
              <a:t>Bacon Island</a:t>
            </a:r>
            <a:endParaRPr lang="en-US" dirty="0">
              <a:latin typeface="Calibri"/>
            </a:endParaRPr>
          </a:p>
        </p:txBody>
      </p:sp>
      <p:sp>
        <p:nvSpPr>
          <p:cNvPr id="19" name="Content Placeholder 6"/>
          <p:cNvSpPr>
            <a:spLocks noGrp="1"/>
          </p:cNvSpPr>
          <p:nvPr>
            <p:ph idx="4294967295"/>
          </p:nvPr>
        </p:nvSpPr>
        <p:spPr>
          <a:xfrm>
            <a:off x="4876800" y="1873877"/>
            <a:ext cx="4267200" cy="4697412"/>
          </a:xfr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2400"/>
              </a:spcAft>
            </a:pPr>
            <a:r>
              <a:rPr lang="en-US" dirty="0"/>
              <a:t>Owner: Delta Wetlands Properties &amp; Delta Wetlands Properties PTP</a:t>
            </a:r>
          </a:p>
          <a:p>
            <a:pPr>
              <a:spcBef>
                <a:spcPts val="0"/>
              </a:spcBef>
              <a:spcAft>
                <a:spcPts val="2400"/>
              </a:spcAft>
            </a:pPr>
            <a:r>
              <a:rPr lang="en-US" dirty="0"/>
              <a:t>County: San Joaquin</a:t>
            </a:r>
          </a:p>
          <a:p>
            <a:pPr>
              <a:spcBef>
                <a:spcPts val="0"/>
              </a:spcBef>
              <a:spcAft>
                <a:spcPts val="2400"/>
              </a:spcAft>
            </a:pPr>
            <a:r>
              <a:rPr lang="en-US" dirty="0"/>
              <a:t>5,603.17± acres</a:t>
            </a:r>
          </a:p>
          <a:p>
            <a:pPr>
              <a:spcBef>
                <a:spcPts val="0"/>
              </a:spcBef>
              <a:spcAft>
                <a:spcPts val="2400"/>
              </a:spcAft>
            </a:pPr>
            <a:r>
              <a:rPr lang="en-US" dirty="0"/>
              <a:t>28 parcels</a:t>
            </a:r>
          </a:p>
          <a:p>
            <a:pPr>
              <a:spcBef>
                <a:spcPts val="0"/>
              </a:spcBef>
              <a:spcAft>
                <a:spcPts val="2400"/>
              </a:spcAft>
            </a:pPr>
            <a:r>
              <a:rPr lang="en-US" dirty="0"/>
              <a:t>Land Use: Agricultural</a:t>
            </a:r>
          </a:p>
          <a:p>
            <a:pPr>
              <a:spcBef>
                <a:spcPts val="0"/>
              </a:spcBef>
              <a:spcAft>
                <a:spcPts val="2400"/>
              </a:spcAft>
            </a:pPr>
            <a:r>
              <a:rPr lang="en-US" dirty="0"/>
              <a:t>Planted Acres: 4,860±</a:t>
            </a:r>
          </a:p>
        </p:txBody>
      </p:sp>
    </p:spTree>
    <p:extLst>
      <p:ext uri="{BB962C8B-B14F-4D97-AF65-F5344CB8AC3E}">
        <p14:creationId xmlns:p14="http://schemas.microsoft.com/office/powerpoint/2010/main" val="1042320120"/>
      </p:ext>
    </p:extLst>
  </p:cSld>
  <p:clrMapOvr>
    <a:masterClrMapping/>
  </p:clrMapOvr>
  <mc:AlternateContent xmlns:mc="http://schemas.openxmlformats.org/markup-compatibility/2006" xmlns:p14="http://schemas.microsoft.com/office/powerpoint/2010/main">
    <mc:Choice Requires="p14">
      <p:transition spd="slow" p14:dur="800">
        <p:circle/>
      </p:transition>
    </mc:Choice>
    <mc:Fallback xmlns="">
      <p:transition spd="slow">
        <p:circle/>
      </p:transition>
    </mc:Fallback>
  </mc:AlternateContent>
  <p:timing>
    <p:tnLst>
      <p:par>
        <p:cTn id="1" dur="indefinite" restart="never" nodeType="tmRoot"/>
      </p:par>
    </p:tnLst>
  </p:timing>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1371600"/>
            <a:ext cx="4572000" cy="5486400"/>
          </a:xfrm>
          <a:prstGeom prst="rect">
            <a:avLst/>
          </a:prstGeom>
        </p:spPr>
      </p:pic>
      <p:sp>
        <p:nvSpPr>
          <p:cNvPr id="6" name="Title 1"/>
          <p:cNvSpPr>
            <a:spLocks noGrp="1"/>
          </p:cNvSpPr>
          <p:nvPr>
            <p:ph type="title"/>
          </p:nvPr>
        </p:nvSpPr>
        <p:spPr/>
        <p:txBody>
          <a:bodyPr wrap="square" anchor="ctr">
            <a:spAutoFit/>
          </a:bodyPr>
          <a:lstStyle/>
          <a:p>
            <a:r>
              <a:rPr lang="en-US" dirty="0" smtClean="0">
                <a:latin typeface="Calibri"/>
              </a:rPr>
              <a:t>Bouldin Island</a:t>
            </a:r>
            <a:endParaRPr lang="en-US" dirty="0">
              <a:latin typeface="Calibri"/>
            </a:endParaRPr>
          </a:p>
        </p:txBody>
      </p:sp>
      <p:sp>
        <p:nvSpPr>
          <p:cNvPr id="5" name="Content Placeholder 6"/>
          <p:cNvSpPr>
            <a:spLocks noGrp="1"/>
          </p:cNvSpPr>
          <p:nvPr>
            <p:ph idx="4294967295"/>
          </p:nvPr>
        </p:nvSpPr>
        <p:spPr>
          <a:xfrm>
            <a:off x="4876800" y="1796089"/>
            <a:ext cx="4267200" cy="4310063"/>
          </a:xfr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2400"/>
              </a:spcAft>
            </a:pPr>
            <a:r>
              <a:rPr lang="en-US" dirty="0"/>
              <a:t>Owner: Delta Wetlands Properties</a:t>
            </a:r>
          </a:p>
          <a:p>
            <a:pPr>
              <a:spcBef>
                <a:spcPts val="0"/>
              </a:spcBef>
              <a:spcAft>
                <a:spcPts val="2400"/>
              </a:spcAft>
            </a:pPr>
            <a:r>
              <a:rPr lang="en-US" dirty="0"/>
              <a:t>County: San Joaquin</a:t>
            </a:r>
          </a:p>
          <a:p>
            <a:pPr>
              <a:spcBef>
                <a:spcPts val="0"/>
              </a:spcBef>
              <a:spcAft>
                <a:spcPts val="2400"/>
              </a:spcAft>
            </a:pPr>
            <a:r>
              <a:rPr lang="en-US" dirty="0"/>
              <a:t>6,018.77± acres</a:t>
            </a:r>
          </a:p>
          <a:p>
            <a:pPr>
              <a:spcBef>
                <a:spcPts val="0"/>
              </a:spcBef>
              <a:spcAft>
                <a:spcPts val="2400"/>
              </a:spcAft>
            </a:pPr>
            <a:r>
              <a:rPr lang="en-US" dirty="0"/>
              <a:t>35 parcels</a:t>
            </a:r>
          </a:p>
          <a:p>
            <a:pPr>
              <a:spcBef>
                <a:spcPts val="0"/>
              </a:spcBef>
              <a:spcAft>
                <a:spcPts val="2400"/>
              </a:spcAft>
            </a:pPr>
            <a:r>
              <a:rPr lang="en-US" dirty="0"/>
              <a:t>Land Use: Agricultural</a:t>
            </a:r>
          </a:p>
          <a:p>
            <a:pPr>
              <a:spcBef>
                <a:spcPts val="0"/>
              </a:spcBef>
              <a:spcAft>
                <a:spcPts val="2400"/>
              </a:spcAft>
            </a:pPr>
            <a:r>
              <a:rPr lang="en-US" dirty="0"/>
              <a:t>Planted Acres: 4,933±</a:t>
            </a:r>
          </a:p>
        </p:txBody>
      </p:sp>
    </p:spTree>
    <p:extLst>
      <p:ext uri="{BB962C8B-B14F-4D97-AF65-F5344CB8AC3E}">
        <p14:creationId xmlns:p14="http://schemas.microsoft.com/office/powerpoint/2010/main" val="24606907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C:\Users\u09123\Local Settings\Temp\HollandTract_20150915 (3).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1371600"/>
            <a:ext cx="4572000" cy="5486400"/>
          </a:xfrm>
          <a:prstGeom prst="rect">
            <a:avLst/>
          </a:prstGeom>
          <a:noFill/>
          <a:extLst>
            <a:ext uri="{909E8E84-426E-40DD-AFC4-6F175D3DCCD1}">
              <a14:hiddenFill xmlns:a14="http://schemas.microsoft.com/office/drawing/2010/main">
                <a:solidFill>
                  <a:srgbClr val="FFFFFF"/>
                </a:solidFill>
              </a14:hiddenFill>
            </a:ext>
          </a:extLst>
        </p:spPr>
      </p:pic>
      <p:sp>
        <p:nvSpPr>
          <p:cNvPr id="6" name="Title 1"/>
          <p:cNvSpPr>
            <a:spLocks noGrp="1"/>
          </p:cNvSpPr>
          <p:nvPr>
            <p:ph type="title"/>
          </p:nvPr>
        </p:nvSpPr>
        <p:spPr/>
        <p:txBody>
          <a:bodyPr wrap="square" anchor="ctr">
            <a:spAutoFit/>
          </a:bodyPr>
          <a:lstStyle/>
          <a:p>
            <a:r>
              <a:rPr lang="en-US" dirty="0" smtClean="0">
                <a:latin typeface="Calibri"/>
              </a:rPr>
              <a:t>Holland Tract</a:t>
            </a:r>
            <a:endParaRPr lang="en-US" dirty="0">
              <a:latin typeface="Calibri"/>
            </a:endParaRPr>
          </a:p>
        </p:txBody>
      </p:sp>
      <p:sp>
        <p:nvSpPr>
          <p:cNvPr id="5" name="Content Placeholder 6"/>
          <p:cNvSpPr>
            <a:spLocks noGrp="1"/>
          </p:cNvSpPr>
          <p:nvPr>
            <p:ph idx="4294967295"/>
          </p:nvPr>
        </p:nvSpPr>
        <p:spPr>
          <a:xfrm>
            <a:off x="4800600" y="1828800"/>
            <a:ext cx="4267200" cy="4770537"/>
          </a:xfr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600"/>
              </a:spcAft>
            </a:pPr>
            <a:r>
              <a:rPr lang="en-US" dirty="0"/>
              <a:t>Total Size: </a:t>
            </a:r>
          </a:p>
          <a:p>
            <a:pPr lvl="1">
              <a:spcBef>
                <a:spcPts val="0"/>
              </a:spcBef>
              <a:spcAft>
                <a:spcPts val="600"/>
              </a:spcAft>
            </a:pPr>
            <a:r>
              <a:rPr lang="en-US" dirty="0"/>
              <a:t>4,256.29± acres </a:t>
            </a:r>
          </a:p>
          <a:p>
            <a:pPr lvl="1">
              <a:spcBef>
                <a:spcPts val="0"/>
              </a:spcBef>
              <a:spcAft>
                <a:spcPts val="600"/>
              </a:spcAft>
            </a:pPr>
            <a:r>
              <a:rPr lang="en-US" dirty="0"/>
              <a:t>35 parcels</a:t>
            </a:r>
          </a:p>
          <a:p>
            <a:pPr>
              <a:spcBef>
                <a:spcPts val="0"/>
              </a:spcBef>
              <a:spcAft>
                <a:spcPts val="600"/>
              </a:spcAft>
            </a:pPr>
            <a:r>
              <a:rPr lang="en-US" dirty="0"/>
              <a:t>Owner: Delta Wetlands Properties (portion)</a:t>
            </a:r>
          </a:p>
          <a:p>
            <a:pPr>
              <a:spcBef>
                <a:spcPts val="0"/>
              </a:spcBef>
              <a:spcAft>
                <a:spcPts val="600"/>
              </a:spcAft>
            </a:pPr>
            <a:r>
              <a:rPr lang="en-US" dirty="0"/>
              <a:t>County: Contra Costa</a:t>
            </a:r>
          </a:p>
          <a:p>
            <a:pPr>
              <a:spcBef>
                <a:spcPts val="0"/>
              </a:spcBef>
              <a:spcAft>
                <a:spcPts val="600"/>
              </a:spcAft>
            </a:pPr>
            <a:r>
              <a:rPr lang="en-US" dirty="0"/>
              <a:t>3,007± acres </a:t>
            </a:r>
          </a:p>
          <a:p>
            <a:pPr>
              <a:spcBef>
                <a:spcPts val="0"/>
              </a:spcBef>
              <a:spcAft>
                <a:spcPts val="600"/>
              </a:spcAft>
            </a:pPr>
            <a:r>
              <a:rPr lang="en-US" dirty="0"/>
              <a:t>16 parcels</a:t>
            </a:r>
          </a:p>
          <a:p>
            <a:pPr>
              <a:spcBef>
                <a:spcPts val="0"/>
              </a:spcBef>
              <a:spcAft>
                <a:spcPts val="600"/>
              </a:spcAft>
            </a:pPr>
            <a:r>
              <a:rPr lang="en-US" dirty="0"/>
              <a:t>Land Use: Agricultural, Vacant, Recreational</a:t>
            </a:r>
          </a:p>
          <a:p>
            <a:pPr>
              <a:spcBef>
                <a:spcPts val="0"/>
              </a:spcBef>
              <a:spcAft>
                <a:spcPts val="600"/>
              </a:spcAft>
            </a:pPr>
            <a:r>
              <a:rPr lang="en-US" dirty="0"/>
              <a:t>Planted Acres: 3,020±</a:t>
            </a:r>
          </a:p>
        </p:txBody>
      </p:sp>
    </p:spTree>
    <p:extLst>
      <p:ext uri="{BB962C8B-B14F-4D97-AF65-F5344CB8AC3E}">
        <p14:creationId xmlns:p14="http://schemas.microsoft.com/office/powerpoint/2010/main" val="690304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lgn="ctr"/>
            <a:fld id="{BBD5DA8B-909A-4A9A-84AE-26D515D4E1A6}" type="slidenum">
              <a:rPr lang="en-US" smtClean="0">
                <a:solidFill>
                  <a:prstClr val="white"/>
                </a:solidFill>
              </a:rPr>
              <a:pPr algn="ctr"/>
              <a:t>17</a:t>
            </a:fld>
            <a:endParaRPr lang="en-US" dirty="0">
              <a:solidFill>
                <a:prstClr val="white"/>
              </a:solidFill>
            </a:endParaRPr>
          </a:p>
        </p:txBody>
      </p:sp>
      <p:graphicFrame>
        <p:nvGraphicFramePr>
          <p:cNvPr id="6" name="Table 5"/>
          <p:cNvGraphicFramePr>
            <a:graphicFrameLocks noGrp="1"/>
          </p:cNvGraphicFramePr>
          <p:nvPr>
            <p:extLst>
              <p:ext uri="{D42A27DB-BD31-4B8C-83A1-F6EECF244321}">
                <p14:modId xmlns:p14="http://schemas.microsoft.com/office/powerpoint/2010/main" val="753104767"/>
              </p:ext>
            </p:extLst>
          </p:nvPr>
        </p:nvGraphicFramePr>
        <p:xfrm>
          <a:off x="381000" y="2170176"/>
          <a:ext cx="8270544" cy="4078224"/>
        </p:xfrm>
        <a:graphic>
          <a:graphicData uri="http://schemas.openxmlformats.org/drawingml/2006/table">
            <a:tbl>
              <a:tblPr firstRow="1" bandRow="1">
                <a:tableStyleId>{46F890A9-2807-4EBB-B81D-B2AA78EC7F39}</a:tableStyleId>
              </a:tblPr>
              <a:tblGrid>
                <a:gridCol w="6019800"/>
                <a:gridCol w="2250744"/>
              </a:tblGrid>
              <a:tr h="152400">
                <a:tc>
                  <a:txBody>
                    <a:bodyPr/>
                    <a:lstStyle/>
                    <a:p>
                      <a:pPr algn="l">
                        <a:lnSpc>
                          <a:spcPct val="90000"/>
                        </a:lnSpc>
                      </a:pPr>
                      <a:r>
                        <a:rPr lang="en-US" sz="2400" dirty="0" smtClean="0"/>
                        <a:t>Capital Cost</a:t>
                      </a:r>
                      <a:endParaRPr lang="en-US" sz="2400" dirty="0">
                        <a:solidFill>
                          <a:schemeClr val="tx1"/>
                        </a:solidFill>
                        <a:latin typeface="+mn-lt"/>
                      </a:endParaRPr>
                    </a:p>
                  </a:txBody>
                  <a:tcPr/>
                </a:tc>
                <a:tc>
                  <a:txBody>
                    <a:bodyPr/>
                    <a:lstStyle/>
                    <a:p>
                      <a:pPr algn="ctr">
                        <a:lnSpc>
                          <a:spcPct val="90000"/>
                        </a:lnSpc>
                      </a:pPr>
                      <a:endParaRPr lang="en-US" sz="2400" dirty="0">
                        <a:solidFill>
                          <a:schemeClr val="tx1"/>
                        </a:solidFill>
                        <a:latin typeface="+mn-lt"/>
                      </a:endParaRPr>
                    </a:p>
                  </a:txBody>
                  <a:tcPr/>
                </a:tc>
              </a:tr>
              <a:tr h="457200">
                <a:tc>
                  <a:txBody>
                    <a:bodyPr/>
                    <a:lstStyle/>
                    <a:p>
                      <a:pPr marL="465138" indent="-342900" algn="l" fontAlgn="b">
                        <a:lnSpc>
                          <a:spcPct val="90000"/>
                        </a:lnSpc>
                      </a:pPr>
                      <a:r>
                        <a:rPr lang="en-US" sz="2200" b="1" u="none" strike="noStrike" dirty="0" smtClean="0">
                          <a:effectLst/>
                        </a:rPr>
                        <a:t>Land Acquisition</a:t>
                      </a:r>
                    </a:p>
                  </a:txBody>
                  <a:tcPr marL="45720" marR="45720" anchor="ctr"/>
                </a:tc>
                <a:tc>
                  <a:txBody>
                    <a:bodyPr/>
                    <a:lstStyle/>
                    <a:p>
                      <a:pPr marL="0" indent="0" algn="l" fontAlgn="b">
                        <a:lnSpc>
                          <a:spcPct val="90000"/>
                        </a:lnSpc>
                        <a:buFont typeface="Arial" panose="020B0604020202020204" pitchFamily="34" charset="0"/>
                        <a:buNone/>
                      </a:pPr>
                      <a:r>
                        <a:rPr lang="en-US" sz="2200" u="none" strike="noStrike" dirty="0" smtClean="0">
                          <a:effectLst/>
                        </a:rPr>
                        <a:t>$0.12 billion</a:t>
                      </a:r>
                      <a:endParaRPr lang="en-US" sz="2200" b="0" i="0" u="none" strike="noStrike" dirty="0">
                        <a:solidFill>
                          <a:schemeClr val="tx1"/>
                        </a:solidFill>
                        <a:effectLst/>
                        <a:latin typeface="+mn-lt"/>
                      </a:endParaRPr>
                    </a:p>
                  </a:txBody>
                  <a:tcPr marL="45720" marR="45720" anchor="ctr" anchorCtr="1"/>
                </a:tc>
              </a:tr>
              <a:tr h="457200">
                <a:tc>
                  <a:txBody>
                    <a:bodyPr/>
                    <a:lstStyle/>
                    <a:p>
                      <a:pPr marL="465138" indent="-342900" algn="l" fontAlgn="b">
                        <a:lnSpc>
                          <a:spcPct val="90000"/>
                        </a:lnSpc>
                        <a:buFont typeface="Arial" panose="020B0604020202020204" pitchFamily="34" charset="0"/>
                        <a:buChar char="•"/>
                      </a:pPr>
                      <a:r>
                        <a:rPr lang="en-US" sz="2200" b="1" i="0" u="none" strike="noStrike" dirty="0" smtClean="0">
                          <a:solidFill>
                            <a:schemeClr val="bg1"/>
                          </a:solidFill>
                          <a:effectLst/>
                          <a:latin typeface="+mn-lt"/>
                        </a:rPr>
                        <a:t>Land</a:t>
                      </a:r>
                      <a:r>
                        <a:rPr lang="en-US" sz="2200" b="1" i="0" u="none" strike="noStrike" baseline="0" dirty="0" smtClean="0">
                          <a:solidFill>
                            <a:schemeClr val="bg1"/>
                          </a:solidFill>
                          <a:effectLst/>
                          <a:latin typeface="+mn-lt"/>
                        </a:rPr>
                        <a:t> Acquisition contingency (20%)</a:t>
                      </a:r>
                      <a:endParaRPr lang="en-US" sz="2200" b="1" i="0" u="none" strike="noStrike" dirty="0">
                        <a:solidFill>
                          <a:schemeClr val="bg1"/>
                        </a:solidFill>
                        <a:effectLst/>
                        <a:latin typeface="+mn-lt"/>
                      </a:endParaRPr>
                    </a:p>
                  </a:txBody>
                  <a:tcPr marL="45720" marR="45720" anchor="ctr"/>
                </a:tc>
                <a:tc>
                  <a:txBody>
                    <a:bodyPr/>
                    <a:lstStyle/>
                    <a:p>
                      <a:pPr marL="0" indent="0" algn="l" fontAlgn="b">
                        <a:lnSpc>
                          <a:spcPct val="90000"/>
                        </a:lnSpc>
                        <a:buFont typeface="Arial" panose="020B0604020202020204" pitchFamily="34" charset="0"/>
                        <a:buNone/>
                      </a:pPr>
                      <a:r>
                        <a:rPr lang="en-US" sz="2200" b="0" i="0" u="none" strike="noStrike" dirty="0" smtClean="0">
                          <a:solidFill>
                            <a:schemeClr val="bg1"/>
                          </a:solidFill>
                          <a:effectLst/>
                          <a:latin typeface="+mn-lt"/>
                        </a:rPr>
                        <a:t>$0.02</a:t>
                      </a:r>
                      <a:r>
                        <a:rPr lang="en-US" sz="2200" b="0" i="0" u="none" strike="noStrike" baseline="0" dirty="0" smtClean="0">
                          <a:solidFill>
                            <a:schemeClr val="bg1"/>
                          </a:solidFill>
                          <a:effectLst/>
                          <a:latin typeface="+mn-lt"/>
                        </a:rPr>
                        <a:t> billion</a:t>
                      </a:r>
                      <a:endParaRPr lang="en-US" sz="2200" b="0" i="0" u="none" strike="noStrike" dirty="0">
                        <a:solidFill>
                          <a:schemeClr val="bg1"/>
                        </a:solidFill>
                        <a:effectLst/>
                        <a:latin typeface="+mn-lt"/>
                      </a:endParaRPr>
                    </a:p>
                  </a:txBody>
                  <a:tcPr marL="45720" marR="45720" anchor="ctr" anchorCtr="1"/>
                </a:tc>
              </a:tr>
              <a:tr h="457200">
                <a:tc>
                  <a:txBody>
                    <a:bodyPr/>
                    <a:lstStyle/>
                    <a:p>
                      <a:pPr marL="122238" indent="0" algn="r" fontAlgn="b">
                        <a:lnSpc>
                          <a:spcPct val="90000"/>
                        </a:lnSpc>
                        <a:buFont typeface="Arial" panose="020B0604020202020204" pitchFamily="34" charset="0"/>
                        <a:buNone/>
                      </a:pPr>
                      <a:r>
                        <a:rPr lang="en-US" sz="2200" b="1" i="0" u="none" strike="noStrike" dirty="0" smtClean="0">
                          <a:solidFill>
                            <a:schemeClr val="bg1"/>
                          </a:solidFill>
                          <a:effectLst/>
                          <a:latin typeface="+mn-lt"/>
                        </a:rPr>
                        <a:t>Subtotal Land</a:t>
                      </a:r>
                      <a:r>
                        <a:rPr lang="en-US" sz="2200" b="1" i="0" u="none" strike="noStrike" baseline="0" dirty="0" smtClean="0">
                          <a:solidFill>
                            <a:schemeClr val="bg1"/>
                          </a:solidFill>
                          <a:effectLst/>
                          <a:latin typeface="+mn-lt"/>
                        </a:rPr>
                        <a:t> Acquisition</a:t>
                      </a:r>
                      <a:endParaRPr lang="en-US" sz="2200" b="1" i="0" u="none" strike="noStrike" dirty="0">
                        <a:solidFill>
                          <a:schemeClr val="bg1"/>
                        </a:solidFill>
                        <a:effectLst/>
                        <a:latin typeface="+mn-lt"/>
                      </a:endParaRPr>
                    </a:p>
                  </a:txBody>
                  <a:tcPr marL="45720" marR="45720" anchor="ctr"/>
                </a:tc>
                <a:tc>
                  <a:txBody>
                    <a:bodyPr/>
                    <a:lstStyle/>
                    <a:p>
                      <a:pPr marL="0" indent="0" algn="l" fontAlgn="b">
                        <a:lnSpc>
                          <a:spcPct val="90000"/>
                        </a:lnSpc>
                        <a:buFont typeface="Arial" panose="020B0604020202020204" pitchFamily="34" charset="0"/>
                        <a:buNone/>
                      </a:pPr>
                      <a:r>
                        <a:rPr lang="en-US" sz="2200" b="1" i="0" u="none" strike="noStrike" dirty="0" smtClean="0">
                          <a:solidFill>
                            <a:schemeClr val="bg1"/>
                          </a:solidFill>
                          <a:effectLst/>
                          <a:latin typeface="+mn-lt"/>
                        </a:rPr>
                        <a:t>$0.14 billion</a:t>
                      </a:r>
                    </a:p>
                  </a:txBody>
                  <a:tcPr marL="45720" marR="45720" anchor="ctr" anchorCtr="1"/>
                </a:tc>
              </a:tr>
              <a:tr h="457200">
                <a:tc>
                  <a:txBody>
                    <a:bodyPr/>
                    <a:lstStyle/>
                    <a:p>
                      <a:pPr marL="465138" indent="-342900" algn="l" fontAlgn="b">
                        <a:lnSpc>
                          <a:spcPct val="90000"/>
                        </a:lnSpc>
                      </a:pPr>
                      <a:r>
                        <a:rPr lang="en-US" sz="2200" b="1" u="none" strike="noStrike" dirty="0" smtClean="0">
                          <a:effectLst/>
                        </a:rPr>
                        <a:t>Construction</a:t>
                      </a:r>
                    </a:p>
                  </a:txBody>
                  <a:tcPr marL="45720" marR="45720" anchor="ctr"/>
                </a:tc>
                <a:tc>
                  <a:txBody>
                    <a:bodyPr/>
                    <a:lstStyle/>
                    <a:p>
                      <a:pPr marL="0" indent="0" algn="l" fontAlgn="b">
                        <a:lnSpc>
                          <a:spcPct val="90000"/>
                        </a:lnSpc>
                        <a:buFont typeface="Arial" panose="020B0604020202020204" pitchFamily="34" charset="0"/>
                        <a:buNone/>
                      </a:pPr>
                      <a:r>
                        <a:rPr lang="en-US" sz="2200" u="none" strike="noStrike" dirty="0" smtClean="0">
                          <a:effectLst/>
                        </a:rPr>
                        <a:t>$9.52</a:t>
                      </a:r>
                      <a:r>
                        <a:rPr lang="en-US" sz="2200" u="none" strike="noStrike" baseline="0" dirty="0" smtClean="0">
                          <a:effectLst/>
                        </a:rPr>
                        <a:t> billion</a:t>
                      </a:r>
                      <a:endParaRPr lang="en-US" sz="2200" b="0" i="0" u="none" strike="noStrike" dirty="0">
                        <a:solidFill>
                          <a:schemeClr val="tx1"/>
                        </a:solidFill>
                        <a:effectLst/>
                        <a:latin typeface="+mn-lt"/>
                      </a:endParaRPr>
                    </a:p>
                  </a:txBody>
                  <a:tcPr marL="45720" marR="45720" anchor="ctr" anchorCtr="1"/>
                </a:tc>
              </a:tr>
              <a:tr h="457200">
                <a:tc>
                  <a:txBody>
                    <a:bodyPr/>
                    <a:lstStyle/>
                    <a:p>
                      <a:pPr marL="465138" indent="-342900" algn="l" fontAlgn="b">
                        <a:lnSpc>
                          <a:spcPct val="90000"/>
                        </a:lnSpc>
                        <a:buFont typeface="Arial" panose="020B0604020202020204" pitchFamily="34" charset="0"/>
                        <a:buChar char="•"/>
                      </a:pPr>
                      <a:r>
                        <a:rPr lang="en-US" sz="2200" b="1" u="none" strike="noStrike" dirty="0" smtClean="0">
                          <a:effectLst/>
                        </a:rPr>
                        <a:t>Construction Contingency (36%)</a:t>
                      </a:r>
                      <a:endParaRPr lang="en-US" sz="2200" b="1" i="0" u="none" strike="noStrike" dirty="0">
                        <a:solidFill>
                          <a:schemeClr val="tx1"/>
                        </a:solidFill>
                        <a:effectLst/>
                        <a:latin typeface="+mn-lt"/>
                      </a:endParaRPr>
                    </a:p>
                  </a:txBody>
                  <a:tcPr marL="45720" marR="45720" anchor="ctr"/>
                </a:tc>
                <a:tc>
                  <a:txBody>
                    <a:bodyPr/>
                    <a:lstStyle/>
                    <a:p>
                      <a:pPr marL="0" indent="0" algn="l" fontAlgn="b">
                        <a:lnSpc>
                          <a:spcPct val="90000"/>
                        </a:lnSpc>
                        <a:buFont typeface="Arial" panose="020B0604020202020204" pitchFamily="34" charset="0"/>
                        <a:buNone/>
                      </a:pPr>
                      <a:r>
                        <a:rPr lang="en-US" sz="2200" u="none" strike="noStrike" dirty="0" smtClean="0">
                          <a:effectLst/>
                        </a:rPr>
                        <a:t>$3.41 billion</a:t>
                      </a:r>
                      <a:endParaRPr lang="en-US" sz="2200" b="0" i="0" u="none" strike="noStrike" dirty="0">
                        <a:solidFill>
                          <a:schemeClr val="tx1"/>
                        </a:solidFill>
                        <a:effectLst/>
                        <a:latin typeface="+mn-lt"/>
                      </a:endParaRPr>
                    </a:p>
                  </a:txBody>
                  <a:tcPr marL="45720" marR="45720" anchor="ctr" anchorCtr="1"/>
                </a:tc>
              </a:tr>
              <a:tr h="457200">
                <a:tc>
                  <a:txBody>
                    <a:bodyPr/>
                    <a:lstStyle/>
                    <a:p>
                      <a:pPr marL="122238" indent="0" algn="r" fontAlgn="b">
                        <a:lnSpc>
                          <a:spcPct val="90000"/>
                        </a:lnSpc>
                        <a:buFont typeface="Arial" panose="020B0604020202020204" pitchFamily="34" charset="0"/>
                        <a:buNone/>
                      </a:pPr>
                      <a:r>
                        <a:rPr lang="en-US" sz="2200" b="1" i="0" u="none" strike="noStrike" baseline="0" dirty="0" smtClean="0">
                          <a:solidFill>
                            <a:schemeClr val="bg1"/>
                          </a:solidFill>
                          <a:effectLst/>
                          <a:latin typeface="+mn-lt"/>
                        </a:rPr>
                        <a:t>Subtotal Construction</a:t>
                      </a:r>
                    </a:p>
                  </a:txBody>
                  <a:tcPr marL="45720" marR="45720" anchor="ctr"/>
                </a:tc>
                <a:tc>
                  <a:txBody>
                    <a:bodyPr/>
                    <a:lstStyle/>
                    <a:p>
                      <a:pPr marL="0" indent="0" algn="l" fontAlgn="b">
                        <a:lnSpc>
                          <a:spcPct val="90000"/>
                        </a:lnSpc>
                        <a:buFont typeface="Arial" panose="020B0604020202020204" pitchFamily="34" charset="0"/>
                        <a:buNone/>
                      </a:pPr>
                      <a:r>
                        <a:rPr lang="en-US" sz="2200" b="1" i="0" u="none" strike="noStrike" dirty="0" smtClean="0">
                          <a:solidFill>
                            <a:schemeClr val="bg1"/>
                          </a:solidFill>
                          <a:effectLst/>
                          <a:latin typeface="+mn-lt"/>
                        </a:rPr>
                        <a:t>$12.93 billion</a:t>
                      </a:r>
                      <a:endParaRPr lang="en-US" sz="2200" b="1" i="0" u="none" strike="noStrike" dirty="0">
                        <a:solidFill>
                          <a:schemeClr val="bg1"/>
                        </a:solidFill>
                        <a:effectLst/>
                        <a:latin typeface="+mn-lt"/>
                      </a:endParaRPr>
                    </a:p>
                  </a:txBody>
                  <a:tcPr marL="45720" marR="45720" anchor="ctr" anchorCtr="1"/>
                </a:tc>
              </a:tr>
              <a:tr h="457200">
                <a:tc>
                  <a:txBody>
                    <a:bodyPr/>
                    <a:lstStyle/>
                    <a:p>
                      <a:pPr marL="465138" indent="-342900" algn="l" fontAlgn="b">
                        <a:lnSpc>
                          <a:spcPct val="90000"/>
                        </a:lnSpc>
                      </a:pPr>
                      <a:r>
                        <a:rPr lang="en-US" sz="2200" b="1" u="none" strike="noStrike" dirty="0" smtClean="0">
                          <a:effectLst/>
                        </a:rPr>
                        <a:t>Project,</a:t>
                      </a:r>
                      <a:r>
                        <a:rPr lang="en-US" sz="2200" b="1" u="none" strike="noStrike" baseline="0" dirty="0" smtClean="0">
                          <a:effectLst/>
                        </a:rPr>
                        <a:t> </a:t>
                      </a:r>
                      <a:r>
                        <a:rPr lang="en-US" sz="2200" b="1" u="none" strike="noStrike" dirty="0" smtClean="0">
                          <a:effectLst/>
                        </a:rPr>
                        <a:t>Construction</a:t>
                      </a:r>
                      <a:r>
                        <a:rPr lang="en-US" sz="2200" b="1" u="none" strike="noStrike" baseline="0" dirty="0" smtClean="0">
                          <a:effectLst/>
                        </a:rPr>
                        <a:t> </a:t>
                      </a:r>
                      <a:r>
                        <a:rPr lang="en-US" sz="2200" b="1" u="none" strike="noStrike" dirty="0" smtClean="0">
                          <a:effectLst/>
                        </a:rPr>
                        <a:t>Management and Design </a:t>
                      </a:r>
                      <a:endParaRPr lang="en-US" sz="2200" b="0" i="0" u="none" strike="noStrike" baseline="0" dirty="0" smtClean="0">
                        <a:solidFill>
                          <a:schemeClr val="tx1"/>
                        </a:solidFill>
                        <a:effectLst/>
                        <a:latin typeface="+mn-lt"/>
                      </a:endParaRPr>
                    </a:p>
                  </a:txBody>
                  <a:tcPr marL="45720" marR="45720" anchor="ctr"/>
                </a:tc>
                <a:tc>
                  <a:txBody>
                    <a:bodyPr/>
                    <a:lstStyle/>
                    <a:p>
                      <a:pPr marL="0" indent="0" algn="l" fontAlgn="b">
                        <a:lnSpc>
                          <a:spcPct val="90000"/>
                        </a:lnSpc>
                        <a:buFont typeface="Arial" panose="020B0604020202020204" pitchFamily="34" charset="0"/>
                        <a:buNone/>
                      </a:pPr>
                      <a:r>
                        <a:rPr lang="en-US" sz="2200" u="none" strike="noStrike" dirty="0" smtClean="0">
                          <a:solidFill>
                            <a:schemeClr val="bg1"/>
                          </a:solidFill>
                          <a:effectLst/>
                        </a:rPr>
                        <a:t>$1.92 billion</a:t>
                      </a:r>
                      <a:endParaRPr lang="en-US" sz="2200" b="0" i="0" u="none" strike="noStrike" dirty="0">
                        <a:solidFill>
                          <a:schemeClr val="bg1"/>
                        </a:solidFill>
                        <a:effectLst/>
                        <a:latin typeface="+mn-lt"/>
                      </a:endParaRPr>
                    </a:p>
                  </a:txBody>
                  <a:tcPr marL="45720" marR="45720" anchor="ctr" anchorCtr="1"/>
                </a:tc>
              </a:tr>
              <a:tr h="457200">
                <a:tc>
                  <a:txBody>
                    <a:bodyPr/>
                    <a:lstStyle/>
                    <a:p>
                      <a:pPr marL="0" lvl="2" indent="0" algn="ctr" fontAlgn="b">
                        <a:lnSpc>
                          <a:spcPct val="90000"/>
                        </a:lnSpc>
                        <a:buFont typeface="Arial" panose="020B0604020202020204" pitchFamily="34" charset="0"/>
                        <a:buNone/>
                      </a:pPr>
                      <a:r>
                        <a:rPr lang="en-US" sz="2200" b="1" u="none" strike="noStrike" dirty="0" smtClean="0">
                          <a:solidFill>
                            <a:schemeClr val="tx1"/>
                          </a:solidFill>
                          <a:effectLst/>
                        </a:rPr>
                        <a:t>TOTAL Capital (with $3.43 billion</a:t>
                      </a:r>
                      <a:r>
                        <a:rPr lang="en-US" sz="2200" b="1" u="none" strike="noStrike" baseline="0" dirty="0" smtClean="0">
                          <a:solidFill>
                            <a:schemeClr val="tx1"/>
                          </a:solidFill>
                          <a:effectLst/>
                        </a:rPr>
                        <a:t> </a:t>
                      </a:r>
                      <a:r>
                        <a:rPr lang="en-US" sz="2200" b="1" u="none" strike="noStrike" dirty="0" smtClean="0">
                          <a:solidFill>
                            <a:schemeClr val="tx1"/>
                          </a:solidFill>
                          <a:effectLst/>
                        </a:rPr>
                        <a:t>contingency)</a:t>
                      </a:r>
                      <a:endParaRPr lang="en-US" sz="2200" b="1" i="0" u="none" strike="noStrike" dirty="0">
                        <a:solidFill>
                          <a:schemeClr val="tx1"/>
                        </a:solidFill>
                        <a:effectLst/>
                        <a:latin typeface="+mn-lt"/>
                      </a:endParaRPr>
                    </a:p>
                  </a:txBody>
                  <a:tcPr marL="45720" marR="45720" anchor="ctr" anchorCtr="1">
                    <a:solidFill>
                      <a:schemeClr val="tx1">
                        <a:lumMod val="50000"/>
                      </a:schemeClr>
                    </a:solidFill>
                  </a:tcPr>
                </a:tc>
                <a:tc>
                  <a:txBody>
                    <a:bodyPr/>
                    <a:lstStyle/>
                    <a:p>
                      <a:pPr marL="0" indent="0" algn="r" fontAlgn="b">
                        <a:lnSpc>
                          <a:spcPct val="90000"/>
                        </a:lnSpc>
                        <a:buFont typeface="Arial" panose="020B0604020202020204" pitchFamily="34" charset="0"/>
                        <a:buNone/>
                      </a:pPr>
                      <a:r>
                        <a:rPr lang="en-US" sz="2200" b="1" u="none" strike="noStrike" dirty="0" smtClean="0">
                          <a:solidFill>
                            <a:schemeClr val="tx1"/>
                          </a:solidFill>
                          <a:effectLst/>
                        </a:rPr>
                        <a:t>$14.99 billion</a:t>
                      </a:r>
                      <a:endParaRPr lang="en-US" sz="2200" b="1" i="0" u="none" strike="noStrike" dirty="0">
                        <a:solidFill>
                          <a:schemeClr val="tx1"/>
                        </a:solidFill>
                        <a:effectLst/>
                        <a:latin typeface="+mn-lt"/>
                      </a:endParaRPr>
                    </a:p>
                  </a:txBody>
                  <a:tcPr marL="45720" marR="45720" anchor="ctr" anchorCtr="1">
                    <a:solidFill>
                      <a:schemeClr val="tx1">
                        <a:lumMod val="50000"/>
                      </a:schemeClr>
                    </a:solidFill>
                  </a:tcPr>
                </a:tc>
              </a:tr>
            </a:tbl>
          </a:graphicData>
        </a:graphic>
      </p:graphicFrame>
      <p:sp>
        <p:nvSpPr>
          <p:cNvPr id="7" name="Title 3"/>
          <p:cNvSpPr>
            <a:spLocks noGrp="1"/>
          </p:cNvSpPr>
          <p:nvPr>
            <p:ph type="title"/>
          </p:nvPr>
        </p:nvSpPr>
        <p:spPr>
          <a:xfrm>
            <a:off x="533400" y="381000"/>
            <a:ext cx="8229600" cy="1107996"/>
          </a:xfrm>
        </p:spPr>
        <p:txBody>
          <a:bodyPr/>
          <a:lstStyle/>
          <a:p>
            <a:r>
              <a:rPr lang="en-US" dirty="0"/>
              <a:t>California Water Fix</a:t>
            </a:r>
            <a:br>
              <a:rPr lang="en-US" dirty="0"/>
            </a:br>
            <a:r>
              <a:rPr lang="en-US" sz="3600" dirty="0" smtClean="0">
                <a:solidFill>
                  <a:schemeClr val="tx1"/>
                </a:solidFill>
              </a:rPr>
              <a:t>Estimated Cost Analysis</a:t>
            </a:r>
            <a:endParaRPr lang="en-US" sz="3600" dirty="0">
              <a:solidFill>
                <a:schemeClr val="tx1"/>
              </a:solidFill>
            </a:endParaRPr>
          </a:p>
        </p:txBody>
      </p:sp>
    </p:spTree>
    <p:extLst>
      <p:ext uri="{BB962C8B-B14F-4D97-AF65-F5344CB8AC3E}">
        <p14:creationId xmlns:p14="http://schemas.microsoft.com/office/powerpoint/2010/main" val="2225870539"/>
      </p:ext>
    </p:extLst>
  </p:cSld>
  <p:clrMapOvr>
    <a:masterClrMapping/>
  </p:clrMapOvr>
  <p:transition spd="slow">
    <p:fade/>
  </p:transition>
  <p:timing>
    <p:tnLst>
      <p:par>
        <p:cTn id="1" dur="indefinite" restart="never" nodeType="tmRoot"/>
      </p:par>
    </p:tnLst>
  </p:timing>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1356049"/>
            <a:ext cx="4572000" cy="5486400"/>
          </a:xfrm>
          <a:prstGeom prst="rect">
            <a:avLst/>
          </a:prstGeom>
        </p:spPr>
      </p:pic>
      <p:sp>
        <p:nvSpPr>
          <p:cNvPr id="6" name="Title 1"/>
          <p:cNvSpPr>
            <a:spLocks noGrp="1"/>
          </p:cNvSpPr>
          <p:nvPr>
            <p:ph type="title"/>
          </p:nvPr>
        </p:nvSpPr>
        <p:spPr/>
        <p:txBody>
          <a:bodyPr wrap="square" anchor="ctr">
            <a:spAutoFit/>
          </a:bodyPr>
          <a:lstStyle/>
          <a:p>
            <a:r>
              <a:rPr lang="en-US" dirty="0" smtClean="0">
                <a:latin typeface="Calibri"/>
              </a:rPr>
              <a:t>Webb Tract</a:t>
            </a:r>
            <a:endParaRPr lang="en-US" dirty="0">
              <a:latin typeface="Calibri"/>
            </a:endParaRPr>
          </a:p>
        </p:txBody>
      </p:sp>
      <p:sp>
        <p:nvSpPr>
          <p:cNvPr id="5" name="Content Placeholder 6"/>
          <p:cNvSpPr>
            <a:spLocks noGrp="1"/>
          </p:cNvSpPr>
          <p:nvPr>
            <p:ph idx="4294967295"/>
          </p:nvPr>
        </p:nvSpPr>
        <p:spPr>
          <a:xfrm>
            <a:off x="4876800" y="1866263"/>
            <a:ext cx="4267200" cy="4308475"/>
          </a:xfrm>
          <a:noFill/>
          <a:ln w="9525">
            <a:noFill/>
            <a:miter lim="800000"/>
            <a:headEnd/>
            <a:tailEnd/>
          </a:ln>
        </p:spPr>
        <p:txBody>
          <a:bodyPr vert="horz" wrap="square" lIns="0" tIns="0" rIns="0" bIns="0" numCol="1" anchor="t" anchorCtr="0" compatLnSpc="1">
            <a:prstTxWarp prst="textNoShape">
              <a:avLst/>
            </a:prstTxWarp>
            <a:spAutoFit/>
          </a:bodyPr>
          <a:lstStyle/>
          <a:p>
            <a:pPr>
              <a:spcBef>
                <a:spcPts val="0"/>
              </a:spcBef>
              <a:spcAft>
                <a:spcPts val="2400"/>
              </a:spcAft>
            </a:pPr>
            <a:r>
              <a:rPr lang="en-US" dirty="0"/>
              <a:t>Owner: Delta Wetlands Properties </a:t>
            </a:r>
          </a:p>
          <a:p>
            <a:pPr>
              <a:spcBef>
                <a:spcPts val="0"/>
              </a:spcBef>
              <a:spcAft>
                <a:spcPts val="2400"/>
              </a:spcAft>
            </a:pPr>
            <a:r>
              <a:rPr lang="en-US" dirty="0"/>
              <a:t>County: Contra Costa</a:t>
            </a:r>
          </a:p>
          <a:p>
            <a:pPr>
              <a:spcBef>
                <a:spcPts val="0"/>
              </a:spcBef>
              <a:spcAft>
                <a:spcPts val="2400"/>
              </a:spcAft>
            </a:pPr>
            <a:r>
              <a:rPr lang="en-US" dirty="0"/>
              <a:t>5,497.86± acres</a:t>
            </a:r>
          </a:p>
          <a:p>
            <a:pPr>
              <a:spcBef>
                <a:spcPts val="0"/>
              </a:spcBef>
              <a:spcAft>
                <a:spcPts val="2400"/>
              </a:spcAft>
            </a:pPr>
            <a:r>
              <a:rPr lang="en-US" dirty="0"/>
              <a:t>20 parcels</a:t>
            </a:r>
          </a:p>
          <a:p>
            <a:pPr>
              <a:spcBef>
                <a:spcPts val="0"/>
              </a:spcBef>
              <a:spcAft>
                <a:spcPts val="2400"/>
              </a:spcAft>
            </a:pPr>
            <a:r>
              <a:rPr lang="en-US" dirty="0"/>
              <a:t>Land Use: Agricultural</a:t>
            </a:r>
          </a:p>
          <a:p>
            <a:pPr>
              <a:spcBef>
                <a:spcPts val="0"/>
              </a:spcBef>
              <a:spcAft>
                <a:spcPts val="2400"/>
              </a:spcAft>
            </a:pPr>
            <a:r>
              <a:rPr lang="en-US" dirty="0"/>
              <a:t>Planted Acres: 4,064±</a:t>
            </a:r>
          </a:p>
        </p:txBody>
      </p:sp>
    </p:spTree>
    <p:extLst>
      <p:ext uri="{BB962C8B-B14F-4D97-AF65-F5344CB8AC3E}">
        <p14:creationId xmlns:p14="http://schemas.microsoft.com/office/powerpoint/2010/main" val="19781495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551" y="1349829"/>
            <a:ext cx="4572000" cy="5486400"/>
          </a:xfrm>
          <a:prstGeom prst="rect">
            <a:avLst/>
          </a:prstGeom>
        </p:spPr>
      </p:pic>
      <p:sp>
        <p:nvSpPr>
          <p:cNvPr id="6" name="Title 1"/>
          <p:cNvSpPr>
            <a:spLocks noGrp="1"/>
          </p:cNvSpPr>
          <p:nvPr>
            <p:ph type="title"/>
          </p:nvPr>
        </p:nvSpPr>
        <p:spPr/>
        <p:txBody>
          <a:bodyPr wrap="square" anchor="ctr">
            <a:spAutoFit/>
          </a:bodyPr>
          <a:lstStyle/>
          <a:p>
            <a:r>
              <a:rPr lang="en-US" sz="4800" dirty="0" smtClean="0">
                <a:latin typeface="Calibri"/>
              </a:rPr>
              <a:t>Chipps Island</a:t>
            </a:r>
            <a:endParaRPr lang="en-US" sz="4800" dirty="0">
              <a:latin typeface="Calibri"/>
            </a:endParaRPr>
          </a:p>
        </p:txBody>
      </p:sp>
      <p:sp>
        <p:nvSpPr>
          <p:cNvPr id="5" name="Content Placeholder 6"/>
          <p:cNvSpPr>
            <a:spLocks noGrp="1"/>
          </p:cNvSpPr>
          <p:nvPr>
            <p:ph idx="4294967295"/>
          </p:nvPr>
        </p:nvSpPr>
        <p:spPr>
          <a:xfrm>
            <a:off x="4861249" y="1901318"/>
            <a:ext cx="4267200" cy="3557588"/>
          </a:xfrm>
        </p:spPr>
        <p:txBody>
          <a:bodyPr/>
          <a:lstStyle/>
          <a:p>
            <a:pPr>
              <a:spcBef>
                <a:spcPts val="0"/>
              </a:spcBef>
              <a:spcAft>
                <a:spcPts val="2400"/>
              </a:spcAft>
            </a:pPr>
            <a:r>
              <a:rPr lang="en-US" dirty="0" smtClean="0"/>
              <a:t>Owner: Delta Wetlands Properties </a:t>
            </a:r>
          </a:p>
          <a:p>
            <a:pPr>
              <a:spcBef>
                <a:spcPts val="0"/>
              </a:spcBef>
              <a:spcAft>
                <a:spcPts val="2400"/>
              </a:spcAft>
            </a:pPr>
            <a:r>
              <a:rPr lang="en-US" dirty="0" smtClean="0"/>
              <a:t>County: Solano</a:t>
            </a:r>
          </a:p>
          <a:p>
            <a:pPr>
              <a:spcBef>
                <a:spcPts val="0"/>
              </a:spcBef>
              <a:spcAft>
                <a:spcPts val="2400"/>
              </a:spcAft>
            </a:pPr>
            <a:r>
              <a:rPr lang="en-US" dirty="0" smtClean="0"/>
              <a:t>243± acres</a:t>
            </a:r>
          </a:p>
          <a:p>
            <a:pPr>
              <a:spcBef>
                <a:spcPts val="0"/>
              </a:spcBef>
              <a:spcAft>
                <a:spcPts val="2400"/>
              </a:spcAft>
            </a:pPr>
            <a:r>
              <a:rPr lang="en-US" dirty="0" smtClean="0"/>
              <a:t>1 parcel</a:t>
            </a:r>
          </a:p>
          <a:p>
            <a:pPr>
              <a:spcBef>
                <a:spcPts val="0"/>
              </a:spcBef>
              <a:spcAft>
                <a:spcPts val="2400"/>
              </a:spcAft>
            </a:pPr>
            <a:r>
              <a:rPr lang="en-US" dirty="0" smtClean="0"/>
              <a:t>Land Use: Agricultural</a:t>
            </a:r>
          </a:p>
        </p:txBody>
      </p:sp>
    </p:spTree>
    <p:extLst>
      <p:ext uri="{BB962C8B-B14F-4D97-AF65-F5344CB8AC3E}">
        <p14:creationId xmlns:p14="http://schemas.microsoft.com/office/powerpoint/2010/main" val="27515348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3055052"/>
            <a:ext cx="8229600" cy="747897"/>
          </a:xfrm>
        </p:spPr>
        <p:txBody>
          <a:bodyPr/>
          <a:lstStyle/>
          <a:p>
            <a:r>
              <a:rPr lang="en-US" dirty="0" smtClean="0"/>
              <a:t>Miscellaneous</a:t>
            </a:r>
            <a:endParaRPr lang="en-US" dirty="0"/>
          </a:p>
        </p:txBody>
      </p:sp>
    </p:spTree>
    <p:extLst>
      <p:ext uri="{BB962C8B-B14F-4D97-AF65-F5344CB8AC3E}">
        <p14:creationId xmlns:p14="http://schemas.microsoft.com/office/powerpoint/2010/main" val="1518902159"/>
      </p:ext>
    </p:extLst>
  </p:cSld>
  <p:clrMapOvr>
    <a:masterClrMapping/>
  </p:clrMapOvr>
  <p:transition spd="slow">
    <p:fade/>
  </p:transition>
  <p:timing>
    <p:tnLst>
      <p:par>
        <p:cTn id="1" dur="indefinite" restart="never" nodeType="tmRoot"/>
      </p:par>
    </p:tnLst>
  </p:timing>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
          <p:cNvSpPr>
            <a:spLocks noGrp="1"/>
          </p:cNvSpPr>
          <p:nvPr>
            <p:ph type="title"/>
          </p:nvPr>
        </p:nvSpPr>
        <p:spPr bwMode="invGray">
          <a:xfrm>
            <a:off x="533400" y="298204"/>
            <a:ext cx="8229600" cy="997196"/>
          </a:xfrm>
        </p:spPr>
        <p:txBody>
          <a:bodyPr/>
          <a:lstStyle/>
          <a:p>
            <a:pPr>
              <a:lnSpc>
                <a:spcPct val="80000"/>
              </a:lnSpc>
            </a:pPr>
            <a:r>
              <a:rPr lang="en-US" sz="4000" b="1" dirty="0" smtClean="0"/>
              <a:t>Metropolitan’s </a:t>
            </a:r>
            <a:br>
              <a:rPr lang="en-US" sz="4000" b="1" dirty="0" smtClean="0"/>
            </a:br>
            <a:r>
              <a:rPr lang="en-US" sz="4000" b="1" dirty="0" smtClean="0"/>
              <a:t>Average Annual Delta Diversions</a:t>
            </a:r>
            <a:endParaRPr lang="en-US" sz="3200" b="1" dirty="0">
              <a:solidFill>
                <a:schemeClr val="tx1"/>
              </a:solidFill>
            </a:endParaRPr>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2662008648"/>
              </p:ext>
            </p:extLst>
          </p:nvPr>
        </p:nvGraphicFramePr>
        <p:xfrm>
          <a:off x="152400" y="1905000"/>
          <a:ext cx="8534400" cy="4572000"/>
        </p:xfrm>
        <a:graphic>
          <a:graphicData uri="http://schemas.openxmlformats.org/drawingml/2006/chart">
            <c:chart xmlns:c="http://schemas.openxmlformats.org/drawingml/2006/chart" xmlns:r="http://schemas.openxmlformats.org/officeDocument/2006/relationships" r:id="rId3"/>
          </a:graphicData>
        </a:graphic>
      </p:graphicFrame>
      <p:sp>
        <p:nvSpPr>
          <p:cNvPr id="14" name="Title 3"/>
          <p:cNvSpPr txBox="1">
            <a:spLocks/>
          </p:cNvSpPr>
          <p:nvPr/>
        </p:nvSpPr>
        <p:spPr bwMode="invGray">
          <a:xfrm>
            <a:off x="144379" y="6529137"/>
            <a:ext cx="7696200" cy="228600"/>
          </a:xfrm>
          <a:prstGeom prst="rect">
            <a:avLst/>
          </a:prstGeom>
        </p:spPr>
        <p:txBody>
          <a:bodyPr/>
          <a:lstStyle/>
          <a:p>
            <a:pPr eaLnBrk="0" hangingPunct="0">
              <a:defRPr/>
            </a:pPr>
            <a:r>
              <a:rPr lang="en-US" sz="1400" i="1" kern="0" dirty="0" smtClean="0">
                <a:solidFill>
                  <a:srgbClr val="FFC000"/>
                </a:solidFill>
                <a:latin typeface="+mn-lt"/>
                <a:ea typeface="+mj-ea"/>
                <a:cs typeface="+mj-cs"/>
              </a:rPr>
              <a:t>Average diversions: 1980 </a:t>
            </a:r>
            <a:r>
              <a:rPr lang="en-US" sz="1400" i="1" kern="0" dirty="0">
                <a:solidFill>
                  <a:srgbClr val="FFC000"/>
                </a:solidFill>
                <a:latin typeface="+mn-lt"/>
                <a:ea typeface="+mj-ea"/>
                <a:cs typeface="+mj-cs"/>
              </a:rPr>
              <a:t>– </a:t>
            </a:r>
            <a:r>
              <a:rPr lang="en-US" sz="1400" i="1" kern="0" dirty="0" smtClean="0">
                <a:solidFill>
                  <a:srgbClr val="FFC000"/>
                </a:solidFill>
                <a:latin typeface="+mn-lt"/>
                <a:ea typeface="+mj-ea"/>
                <a:cs typeface="+mj-cs"/>
              </a:rPr>
              <a:t>2015 (1.39 maf), 1990 </a:t>
            </a:r>
            <a:r>
              <a:rPr lang="en-US" sz="1400" i="1" kern="0" dirty="0">
                <a:solidFill>
                  <a:srgbClr val="FFC000"/>
                </a:solidFill>
                <a:latin typeface="+mn-lt"/>
                <a:ea typeface="+mj-ea"/>
                <a:cs typeface="+mj-cs"/>
              </a:rPr>
              <a:t>– </a:t>
            </a:r>
            <a:r>
              <a:rPr lang="en-US" sz="1400" i="1" kern="0" dirty="0" smtClean="0">
                <a:solidFill>
                  <a:srgbClr val="FFC000"/>
                </a:solidFill>
                <a:latin typeface="+mn-lt"/>
                <a:ea typeface="+mj-ea"/>
                <a:cs typeface="+mj-cs"/>
              </a:rPr>
              <a:t>2015 (1.34 maf), 1980 </a:t>
            </a:r>
            <a:r>
              <a:rPr lang="en-US" sz="1400" i="1" kern="0" dirty="0">
                <a:solidFill>
                  <a:srgbClr val="FFC000"/>
                </a:solidFill>
                <a:latin typeface="+mn-lt"/>
                <a:ea typeface="+mj-ea"/>
                <a:cs typeface="+mj-cs"/>
              </a:rPr>
              <a:t>– 2015 </a:t>
            </a:r>
            <a:r>
              <a:rPr lang="en-US" sz="1400" i="1" kern="0" dirty="0" smtClean="0">
                <a:solidFill>
                  <a:srgbClr val="FFC000"/>
                </a:solidFill>
                <a:latin typeface="+mn-lt"/>
                <a:ea typeface="+mj-ea"/>
                <a:cs typeface="+mj-cs"/>
              </a:rPr>
              <a:t>(1.14 maf) </a:t>
            </a:r>
            <a:endParaRPr lang="en-US" sz="1400" i="1" kern="0" dirty="0">
              <a:solidFill>
                <a:srgbClr val="FFC000"/>
              </a:solidFill>
              <a:latin typeface="+mn-lt"/>
              <a:ea typeface="+mj-ea"/>
              <a:cs typeface="+mj-cs"/>
            </a:endParaRPr>
          </a:p>
          <a:p>
            <a:pPr eaLnBrk="0" hangingPunct="0">
              <a:defRPr/>
            </a:pPr>
            <a:r>
              <a:rPr lang="en-US" sz="1400" i="1" kern="0" dirty="0" smtClean="0">
                <a:solidFill>
                  <a:srgbClr val="FFC000"/>
                </a:solidFill>
                <a:latin typeface="+mn-lt"/>
                <a:ea typeface="+mj-ea"/>
                <a:cs typeface="+mj-cs"/>
              </a:rPr>
              <a:t> </a:t>
            </a:r>
          </a:p>
        </p:txBody>
      </p:sp>
      <p:cxnSp>
        <p:nvCxnSpPr>
          <p:cNvPr id="4" name="Straight Connector 3"/>
          <p:cNvCxnSpPr/>
          <p:nvPr/>
        </p:nvCxnSpPr>
        <p:spPr>
          <a:xfrm>
            <a:off x="1905000" y="3505200"/>
            <a:ext cx="5715000" cy="0"/>
          </a:xfrm>
          <a:prstGeom prst="line">
            <a:avLst/>
          </a:prstGeom>
          <a:ln w="19050">
            <a:solidFill>
              <a:schemeClr val="tx1"/>
            </a:solidFill>
            <a:prstDash val="sysDash"/>
          </a:ln>
        </p:spPr>
        <p:style>
          <a:lnRef idx="1">
            <a:schemeClr val="accent1"/>
          </a:lnRef>
          <a:fillRef idx="0">
            <a:schemeClr val="accent1"/>
          </a:fillRef>
          <a:effectRef idx="0">
            <a:schemeClr val="accent1"/>
          </a:effectRef>
          <a:fontRef idx="minor">
            <a:schemeClr val="tx1"/>
          </a:fontRef>
        </p:style>
      </p:cxnSp>
      <p:sp>
        <p:nvSpPr>
          <p:cNvPr id="17" name="Title 3"/>
          <p:cNvSpPr txBox="1">
            <a:spLocks/>
          </p:cNvSpPr>
          <p:nvPr/>
        </p:nvSpPr>
        <p:spPr bwMode="invGray">
          <a:xfrm>
            <a:off x="3396914" y="3140242"/>
            <a:ext cx="2995867" cy="228600"/>
          </a:xfrm>
          <a:prstGeom prst="rect">
            <a:avLst/>
          </a:prstGeom>
        </p:spPr>
        <p:txBody>
          <a:bodyPr/>
          <a:lstStyle/>
          <a:p>
            <a:pPr eaLnBrk="0" hangingPunct="0">
              <a:defRPr/>
            </a:pPr>
            <a:r>
              <a:rPr lang="en-US" sz="2000" i="1" kern="0" dirty="0" smtClean="0">
                <a:latin typeface="+mn-lt"/>
                <a:ea typeface="+mj-ea"/>
                <a:cs typeface="+mj-cs"/>
              </a:rPr>
              <a:t>1.39 million af average</a:t>
            </a:r>
          </a:p>
        </p:txBody>
      </p:sp>
    </p:spTree>
    <p:extLst>
      <p:ext uri="{BB962C8B-B14F-4D97-AF65-F5344CB8AC3E}">
        <p14:creationId xmlns:p14="http://schemas.microsoft.com/office/powerpoint/2010/main" val="670074667"/>
      </p:ext>
    </p:extLst>
  </p:cSld>
  <p:clrMapOvr>
    <a:masterClrMapping/>
  </p:clrMapOvr>
  <p:transition>
    <p:wipe dir="u"/>
  </p:transition>
  <p:timing>
    <p:tnLst>
      <p:par>
        <p:cTn id="1" dur="indefinite" restart="never" nodeType="tmRoot"/>
      </p:par>
    </p:tnLst>
  </p:timing>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
          <p:cNvSpPr>
            <a:spLocks noGrp="1"/>
          </p:cNvSpPr>
          <p:nvPr>
            <p:ph type="title"/>
          </p:nvPr>
        </p:nvSpPr>
        <p:spPr bwMode="invGray">
          <a:xfrm>
            <a:off x="144380" y="324852"/>
            <a:ext cx="8686800" cy="969496"/>
          </a:xfrm>
        </p:spPr>
        <p:txBody>
          <a:bodyPr/>
          <a:lstStyle/>
          <a:p>
            <a:r>
              <a:rPr lang="en-US" sz="3800" b="1" dirty="0" smtClean="0"/>
              <a:t>Southern California | Bay Area | In-Delta Users</a:t>
            </a:r>
            <a:r>
              <a:rPr lang="en-US" sz="4000" b="1" dirty="0" smtClean="0"/>
              <a:t/>
            </a:r>
            <a:br>
              <a:rPr lang="en-US" sz="4000" b="1" dirty="0" smtClean="0"/>
            </a:br>
            <a:r>
              <a:rPr lang="en-US" sz="3200" b="1" dirty="0" smtClean="0">
                <a:solidFill>
                  <a:schemeClr val="tx1"/>
                </a:solidFill>
              </a:rPr>
              <a:t> Each divert ~ 4% of the total annual runoff</a:t>
            </a:r>
            <a:endParaRPr lang="en-US" sz="3200" b="1" dirty="0">
              <a:solidFill>
                <a:schemeClr val="tx1"/>
              </a:solidFill>
            </a:endParaRPr>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827428857"/>
              </p:ext>
            </p:extLst>
          </p:nvPr>
        </p:nvGraphicFramePr>
        <p:xfrm>
          <a:off x="689740" y="2537348"/>
          <a:ext cx="7543800" cy="4170402"/>
        </p:xfrm>
        <a:graphic>
          <a:graphicData uri="http://schemas.openxmlformats.org/drawingml/2006/chart">
            <c:chart xmlns:c="http://schemas.openxmlformats.org/drawingml/2006/chart" xmlns:r="http://schemas.openxmlformats.org/officeDocument/2006/relationships" r:id="rId3"/>
          </a:graphicData>
        </a:graphic>
      </p:graphicFrame>
      <p:sp>
        <p:nvSpPr>
          <p:cNvPr id="7" name="Title 3"/>
          <p:cNvSpPr txBox="1">
            <a:spLocks/>
          </p:cNvSpPr>
          <p:nvPr/>
        </p:nvSpPr>
        <p:spPr bwMode="invGray">
          <a:xfrm>
            <a:off x="144379" y="6340642"/>
            <a:ext cx="7696200" cy="441158"/>
          </a:xfrm>
          <a:prstGeom prst="rect">
            <a:avLst/>
          </a:prstGeom>
        </p:spPr>
        <p:txBody>
          <a:bodyPr/>
          <a:lstStyle/>
          <a:p>
            <a:pPr eaLnBrk="0" hangingPunct="0">
              <a:defRPr/>
            </a:pPr>
            <a:r>
              <a:rPr lang="en-US" sz="1400" i="1" kern="0" dirty="0">
                <a:solidFill>
                  <a:srgbClr val="FFC000"/>
                </a:solidFill>
                <a:latin typeface="Calibri"/>
              </a:rPr>
              <a:t>Source: Governor’s Delta Vision Report </a:t>
            </a:r>
            <a:r>
              <a:rPr lang="en-US" sz="1400" i="1" kern="0" dirty="0" smtClean="0">
                <a:solidFill>
                  <a:srgbClr val="FFC000"/>
                </a:solidFill>
                <a:latin typeface="Calibri"/>
              </a:rPr>
              <a:t>(estimated </a:t>
            </a:r>
            <a:r>
              <a:rPr lang="en-US" sz="1400" i="1" kern="0" dirty="0">
                <a:solidFill>
                  <a:srgbClr val="FFC000"/>
                </a:solidFill>
                <a:latin typeface="Calibri"/>
              </a:rPr>
              <a:t>total annual runoff 32.85 million acre-feet)</a:t>
            </a:r>
          </a:p>
          <a:p>
            <a:pPr eaLnBrk="0" hangingPunct="0">
              <a:defRPr/>
            </a:pPr>
            <a:r>
              <a:rPr lang="en-US" sz="1400" i="1" kern="0" dirty="0" smtClean="0">
                <a:solidFill>
                  <a:srgbClr val="FFC000"/>
                </a:solidFill>
                <a:latin typeface="Calibri"/>
              </a:rPr>
              <a:t>Bay </a:t>
            </a:r>
            <a:r>
              <a:rPr lang="en-US" sz="1400" i="1" kern="0" dirty="0">
                <a:solidFill>
                  <a:srgbClr val="FFC000"/>
                </a:solidFill>
                <a:latin typeface="Calibri"/>
              </a:rPr>
              <a:t>area water agencies divert 3.5% of the total annual </a:t>
            </a:r>
            <a:r>
              <a:rPr lang="en-US" sz="1400" i="1" kern="0" dirty="0" smtClean="0">
                <a:solidFill>
                  <a:srgbClr val="FFC000"/>
                </a:solidFill>
                <a:latin typeface="Calibri"/>
              </a:rPr>
              <a:t>runoff</a:t>
            </a:r>
            <a:endParaRPr lang="en-US" sz="1400" i="1" kern="0" dirty="0">
              <a:solidFill>
                <a:srgbClr val="FFC000"/>
              </a:solidFill>
              <a:latin typeface="Calibri"/>
            </a:endParaRPr>
          </a:p>
        </p:txBody>
      </p:sp>
      <p:sp>
        <p:nvSpPr>
          <p:cNvPr id="22" name="Text Placeholder 7"/>
          <p:cNvSpPr txBox="1">
            <a:spLocks/>
          </p:cNvSpPr>
          <p:nvPr/>
        </p:nvSpPr>
        <p:spPr bwMode="ltGray">
          <a:xfrm>
            <a:off x="3733800" y="4572000"/>
            <a:ext cx="1981200" cy="6647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indent="-396875" algn="ctr" defTabSz="912813" eaLnBrk="0" hangingPunct="0">
              <a:lnSpc>
                <a:spcPct val="90000"/>
              </a:lnSpc>
              <a:spcBef>
                <a:spcPct val="20000"/>
              </a:spcBef>
              <a:buFont typeface="Arial" pitchFamily="34" charset="0"/>
              <a:buNone/>
              <a:defRPr/>
            </a:pPr>
            <a:r>
              <a:rPr lang="en-US" sz="2400" b="1" dirty="0" smtClean="0">
                <a:solidFill>
                  <a:prstClr val="white"/>
                </a:solidFill>
                <a:latin typeface="Calibri"/>
              </a:rPr>
              <a:t>Pacific Ocean</a:t>
            </a:r>
            <a:br>
              <a:rPr lang="en-US" sz="2400" b="1" dirty="0" smtClean="0">
                <a:solidFill>
                  <a:prstClr val="white"/>
                </a:solidFill>
                <a:latin typeface="Calibri"/>
              </a:rPr>
            </a:br>
            <a:r>
              <a:rPr lang="en-US" sz="2400" b="1" dirty="0" smtClean="0">
                <a:solidFill>
                  <a:prstClr val="white"/>
                </a:solidFill>
                <a:latin typeface="Calibri"/>
              </a:rPr>
              <a:t>48%</a:t>
            </a:r>
          </a:p>
        </p:txBody>
      </p:sp>
      <p:sp>
        <p:nvSpPr>
          <p:cNvPr id="23" name="Text Placeholder 7"/>
          <p:cNvSpPr txBox="1">
            <a:spLocks/>
          </p:cNvSpPr>
          <p:nvPr/>
        </p:nvSpPr>
        <p:spPr bwMode="ltGray">
          <a:xfrm>
            <a:off x="2133600" y="3124200"/>
            <a:ext cx="1981200" cy="8309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indent="-396875" algn="ctr" defTabSz="912813" eaLnBrk="0" hangingPunct="0">
              <a:lnSpc>
                <a:spcPct val="90000"/>
              </a:lnSpc>
              <a:spcBef>
                <a:spcPct val="20000"/>
              </a:spcBef>
              <a:buFont typeface="Arial" pitchFamily="34" charset="0"/>
              <a:buNone/>
              <a:defRPr/>
            </a:pPr>
            <a:r>
              <a:rPr lang="en-US" sz="2000" b="1" dirty="0" smtClean="0">
                <a:solidFill>
                  <a:prstClr val="white"/>
                </a:solidFill>
                <a:latin typeface="Calibri"/>
              </a:rPr>
              <a:t>Upstream</a:t>
            </a:r>
            <a:br>
              <a:rPr lang="en-US" sz="2000" b="1" dirty="0" smtClean="0">
                <a:solidFill>
                  <a:prstClr val="white"/>
                </a:solidFill>
                <a:latin typeface="Calibri"/>
              </a:rPr>
            </a:br>
            <a:r>
              <a:rPr lang="en-US" sz="2000" b="1" dirty="0" smtClean="0">
                <a:solidFill>
                  <a:prstClr val="white"/>
                </a:solidFill>
                <a:latin typeface="Calibri"/>
              </a:rPr>
              <a:t>Consumptive Use</a:t>
            </a:r>
            <a:br>
              <a:rPr lang="en-US" sz="2000" b="1" dirty="0" smtClean="0">
                <a:solidFill>
                  <a:prstClr val="white"/>
                </a:solidFill>
                <a:latin typeface="Calibri"/>
              </a:rPr>
            </a:br>
            <a:r>
              <a:rPr lang="en-US" sz="2000" b="1" dirty="0" smtClean="0">
                <a:solidFill>
                  <a:prstClr val="white"/>
                </a:solidFill>
                <a:latin typeface="Calibri"/>
              </a:rPr>
              <a:t> 31%</a:t>
            </a:r>
          </a:p>
        </p:txBody>
      </p:sp>
      <p:sp>
        <p:nvSpPr>
          <p:cNvPr id="26" name="Text Placeholder 7"/>
          <p:cNvSpPr txBox="1">
            <a:spLocks/>
          </p:cNvSpPr>
          <p:nvPr/>
        </p:nvSpPr>
        <p:spPr bwMode="auto">
          <a:xfrm>
            <a:off x="6270458" y="2570202"/>
            <a:ext cx="2492542" cy="8309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indent="-396875" algn="ctr" defTabSz="912813" eaLnBrk="0" hangingPunct="0">
              <a:lnSpc>
                <a:spcPct val="90000"/>
              </a:lnSpc>
              <a:spcBef>
                <a:spcPct val="20000"/>
              </a:spcBef>
              <a:buFont typeface="Arial" pitchFamily="34" charset="0"/>
              <a:buNone/>
              <a:defRPr/>
            </a:pPr>
            <a:r>
              <a:rPr lang="en-US" sz="2000" b="1" dirty="0" smtClean="0">
                <a:solidFill>
                  <a:prstClr val="white"/>
                </a:solidFill>
                <a:latin typeface="Calibri"/>
              </a:rPr>
              <a:t>Metropolitan Water District</a:t>
            </a:r>
            <a:br>
              <a:rPr lang="en-US" sz="2000" b="1" dirty="0" smtClean="0">
                <a:solidFill>
                  <a:prstClr val="white"/>
                </a:solidFill>
                <a:latin typeface="Calibri"/>
              </a:rPr>
            </a:br>
            <a:r>
              <a:rPr lang="en-US" sz="2000" b="1" dirty="0" smtClean="0">
                <a:solidFill>
                  <a:prstClr val="white"/>
                </a:solidFill>
                <a:latin typeface="Calibri"/>
              </a:rPr>
              <a:t>4%</a:t>
            </a:r>
          </a:p>
        </p:txBody>
      </p:sp>
      <p:sp>
        <p:nvSpPr>
          <p:cNvPr id="27" name="Text Placeholder 7"/>
          <p:cNvSpPr txBox="1">
            <a:spLocks/>
          </p:cNvSpPr>
          <p:nvPr/>
        </p:nvSpPr>
        <p:spPr bwMode="auto">
          <a:xfrm>
            <a:off x="4876800" y="1736293"/>
            <a:ext cx="1981200" cy="8309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indent="-396875" algn="ctr" defTabSz="912813" eaLnBrk="0" hangingPunct="0">
              <a:lnSpc>
                <a:spcPct val="90000"/>
              </a:lnSpc>
              <a:spcBef>
                <a:spcPct val="20000"/>
              </a:spcBef>
              <a:buFont typeface="Arial" pitchFamily="34" charset="0"/>
              <a:buNone/>
              <a:defRPr/>
            </a:pPr>
            <a:r>
              <a:rPr lang="en-US" sz="2000" b="1" dirty="0" smtClean="0">
                <a:solidFill>
                  <a:prstClr val="white"/>
                </a:solidFill>
                <a:latin typeface="Calibri"/>
              </a:rPr>
              <a:t>In-Delta Consumptive Use</a:t>
            </a:r>
            <a:br>
              <a:rPr lang="en-US" sz="2000" b="1" dirty="0" smtClean="0">
                <a:solidFill>
                  <a:prstClr val="white"/>
                </a:solidFill>
                <a:latin typeface="Calibri"/>
              </a:rPr>
            </a:br>
            <a:r>
              <a:rPr lang="en-US" sz="2000" b="1" dirty="0" smtClean="0">
                <a:solidFill>
                  <a:prstClr val="white"/>
                </a:solidFill>
                <a:latin typeface="Calibri"/>
              </a:rPr>
              <a:t>4%</a:t>
            </a:r>
          </a:p>
        </p:txBody>
      </p:sp>
      <p:cxnSp>
        <p:nvCxnSpPr>
          <p:cNvPr id="29" name="Straight Connector 28"/>
          <p:cNvCxnSpPr/>
          <p:nvPr/>
        </p:nvCxnSpPr>
        <p:spPr>
          <a:xfrm rot="5400000" flipH="1" flipV="1">
            <a:off x="5295900" y="2625989"/>
            <a:ext cx="381000" cy="22860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9" name="Freeform 8"/>
          <p:cNvSpPr/>
          <p:nvPr/>
        </p:nvSpPr>
        <p:spPr bwMode="auto">
          <a:xfrm>
            <a:off x="4505569" y="2855495"/>
            <a:ext cx="1887210" cy="1134259"/>
          </a:xfrm>
          <a:custGeom>
            <a:avLst/>
            <a:gdLst>
              <a:gd name="connsiteX0" fmla="*/ 1299411 w 1909011"/>
              <a:gd name="connsiteY0" fmla="*/ 0 h 1155031"/>
              <a:gd name="connsiteX1" fmla="*/ 1596190 w 1909011"/>
              <a:gd name="connsiteY1" fmla="*/ 80210 h 1155031"/>
              <a:gd name="connsiteX2" fmla="*/ 1820779 w 1909011"/>
              <a:gd name="connsiteY2" fmla="*/ 144379 h 1155031"/>
              <a:gd name="connsiteX3" fmla="*/ 1909011 w 1909011"/>
              <a:gd name="connsiteY3" fmla="*/ 192505 h 1155031"/>
              <a:gd name="connsiteX4" fmla="*/ 0 w 1909011"/>
              <a:gd name="connsiteY4" fmla="*/ 1155031 h 1155031"/>
              <a:gd name="connsiteX5" fmla="*/ 1299411 w 1909011"/>
              <a:gd name="connsiteY5" fmla="*/ 0 h 11550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909011" h="1155031">
                <a:moveTo>
                  <a:pt x="1299411" y="0"/>
                </a:moveTo>
                <a:lnTo>
                  <a:pt x="1596190" y="80210"/>
                </a:lnTo>
                <a:lnTo>
                  <a:pt x="1820779" y="144379"/>
                </a:lnTo>
                <a:lnTo>
                  <a:pt x="1909011" y="192505"/>
                </a:lnTo>
                <a:lnTo>
                  <a:pt x="0" y="1155031"/>
                </a:lnTo>
                <a:lnTo>
                  <a:pt x="1299411" y="0"/>
                </a:lnTo>
                <a:close/>
              </a:path>
            </a:pathLst>
          </a:custGeom>
          <a:solidFill>
            <a:schemeClr val="accent4">
              <a:lumMod val="75000"/>
            </a:schemeClr>
          </a:solidFill>
          <a:ln>
            <a:solidFill>
              <a:srgbClr val="002060"/>
            </a:solidFill>
            <a:prstDash val="sysDash"/>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4" name="Text Placeholder 7"/>
          <p:cNvSpPr txBox="1">
            <a:spLocks/>
          </p:cNvSpPr>
          <p:nvPr/>
        </p:nvSpPr>
        <p:spPr bwMode="ltGray">
          <a:xfrm>
            <a:off x="5127458" y="3409220"/>
            <a:ext cx="1981200" cy="553998"/>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indent="-396875" algn="ctr" defTabSz="912813" eaLnBrk="0" hangingPunct="0">
              <a:lnSpc>
                <a:spcPct val="90000"/>
              </a:lnSpc>
              <a:spcBef>
                <a:spcPct val="20000"/>
              </a:spcBef>
              <a:buFont typeface="Arial" pitchFamily="34" charset="0"/>
              <a:buNone/>
              <a:defRPr/>
            </a:pPr>
            <a:r>
              <a:rPr lang="en-US" sz="2000" b="1" dirty="0" smtClean="0">
                <a:solidFill>
                  <a:prstClr val="white"/>
                </a:solidFill>
                <a:latin typeface="Calibri"/>
              </a:rPr>
              <a:t>CVP-SWP Exports</a:t>
            </a:r>
            <a:br>
              <a:rPr lang="en-US" sz="2000" b="1" dirty="0" smtClean="0">
                <a:solidFill>
                  <a:prstClr val="white"/>
                </a:solidFill>
                <a:latin typeface="Calibri"/>
              </a:rPr>
            </a:br>
            <a:r>
              <a:rPr lang="en-US" sz="2000" b="1" dirty="0" smtClean="0">
                <a:solidFill>
                  <a:prstClr val="white"/>
                </a:solidFill>
                <a:latin typeface="Calibri"/>
              </a:rPr>
              <a:t>17%</a:t>
            </a:r>
          </a:p>
        </p:txBody>
      </p:sp>
      <p:cxnSp>
        <p:nvCxnSpPr>
          <p:cNvPr id="13" name="Straight Connector 12"/>
          <p:cNvCxnSpPr/>
          <p:nvPr/>
        </p:nvCxnSpPr>
        <p:spPr>
          <a:xfrm flipV="1">
            <a:off x="6057900" y="2817944"/>
            <a:ext cx="419100" cy="260694"/>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52178589"/>
      </p:ext>
    </p:extLst>
  </p:cSld>
  <p:clrMapOvr>
    <a:masterClrMapping/>
  </p:clrMapOvr>
  <p:transition>
    <p:wipe dir="u"/>
  </p:transition>
  <p:timing>
    <p:tnLst>
      <p:par>
        <p:cTn id="1" dur="indefinite" restart="never" nodeType="tmRoot"/>
      </p:par>
    </p:tnLst>
  </p:timing>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
          <p:cNvSpPr>
            <a:spLocks noGrp="1"/>
          </p:cNvSpPr>
          <p:nvPr>
            <p:ph type="title"/>
          </p:nvPr>
        </p:nvSpPr>
        <p:spPr>
          <a:xfrm>
            <a:off x="228600" y="304800"/>
            <a:ext cx="8610600" cy="1052596"/>
          </a:xfrm>
        </p:spPr>
        <p:txBody>
          <a:bodyPr wrap="square">
            <a:spAutoFit/>
          </a:bodyPr>
          <a:lstStyle/>
          <a:p>
            <a:r>
              <a:rPr lang="en-US" dirty="0">
                <a:latin typeface="+mn-lt"/>
                <a:cs typeface="+mn-cs"/>
              </a:rPr>
              <a:t>Governor’s Water Action Plan</a:t>
            </a:r>
            <a:r>
              <a:rPr lang="en-US" b="1" dirty="0" smtClean="0">
                <a:solidFill>
                  <a:schemeClr val="accent1">
                    <a:lumMod val="50000"/>
                  </a:schemeClr>
                </a:solidFill>
                <a:latin typeface="+mn-lt"/>
                <a:cs typeface="+mn-cs"/>
              </a:rPr>
              <a:t/>
            </a:r>
            <a:br>
              <a:rPr lang="en-US" b="1" dirty="0" smtClean="0">
                <a:solidFill>
                  <a:schemeClr val="accent1">
                    <a:lumMod val="50000"/>
                  </a:schemeClr>
                </a:solidFill>
                <a:latin typeface="+mn-lt"/>
                <a:cs typeface="+mn-cs"/>
              </a:rPr>
            </a:br>
            <a:r>
              <a:rPr lang="en-US" sz="3200" dirty="0" smtClean="0">
                <a:solidFill>
                  <a:schemeClr val="tx1"/>
                </a:solidFill>
                <a:latin typeface="+mn-lt"/>
                <a:ea typeface="+mn-ea"/>
                <a:cs typeface="+mn-cs"/>
              </a:rPr>
              <a:t>Supports ‘All of the Above’ Approach (Jan 2014)</a:t>
            </a:r>
            <a:endParaRPr lang="en-US" sz="3600" dirty="0">
              <a:solidFill>
                <a:schemeClr val="tx1"/>
              </a:solidFill>
              <a:latin typeface="+mn-lt"/>
              <a:ea typeface="+mn-ea"/>
              <a:cs typeface="+mn-cs"/>
            </a:endParaRPr>
          </a:p>
        </p:txBody>
      </p:sp>
      <p:sp>
        <p:nvSpPr>
          <p:cNvPr id="3" name="Text Placeholder 2"/>
          <p:cNvSpPr>
            <a:spLocks noGrp="1"/>
          </p:cNvSpPr>
          <p:nvPr>
            <p:ph type="body" sz="quarter" idx="11"/>
          </p:nvPr>
        </p:nvSpPr>
        <p:spPr>
          <a:xfrm>
            <a:off x="428115" y="1910101"/>
            <a:ext cx="8305800" cy="2332946"/>
          </a:xfrm>
        </p:spPr>
        <p:txBody>
          <a:bodyPr/>
          <a:lstStyle/>
          <a:p>
            <a:pPr>
              <a:spcAft>
                <a:spcPts val="600"/>
              </a:spcAft>
            </a:pPr>
            <a:r>
              <a:rPr lang="en-US" sz="2400" dirty="0"/>
              <a:t>Conservation</a:t>
            </a:r>
          </a:p>
          <a:p>
            <a:pPr>
              <a:spcAft>
                <a:spcPts val="600"/>
              </a:spcAft>
            </a:pPr>
            <a:r>
              <a:rPr lang="en-US" sz="2400" dirty="0"/>
              <a:t>Regional self-reliance and integrated water management </a:t>
            </a:r>
          </a:p>
          <a:p>
            <a:pPr>
              <a:spcAft>
                <a:spcPts val="600"/>
              </a:spcAft>
            </a:pPr>
            <a:r>
              <a:rPr lang="en-US" sz="2400" dirty="0"/>
              <a:t>Co-equal goals for the Delta</a:t>
            </a:r>
          </a:p>
          <a:p>
            <a:pPr>
              <a:spcAft>
                <a:spcPts val="600"/>
              </a:spcAft>
            </a:pPr>
            <a:r>
              <a:rPr lang="en-US" sz="2400" dirty="0"/>
              <a:t>Protect and restore important ecosystems</a:t>
            </a:r>
          </a:p>
          <a:p>
            <a:pPr>
              <a:spcAft>
                <a:spcPts val="600"/>
              </a:spcAft>
            </a:pPr>
            <a:r>
              <a:rPr lang="en-US" sz="2400" dirty="0"/>
              <a:t>Manage and prepare for dry periods</a:t>
            </a:r>
          </a:p>
          <a:p>
            <a:pPr>
              <a:spcAft>
                <a:spcPts val="600"/>
              </a:spcAft>
            </a:pPr>
            <a:r>
              <a:rPr lang="en-US" sz="2400" dirty="0"/>
              <a:t>Water storage and groundwater management</a:t>
            </a:r>
          </a:p>
          <a:p>
            <a:pPr>
              <a:spcAft>
                <a:spcPts val="600"/>
              </a:spcAft>
            </a:pPr>
            <a:r>
              <a:rPr lang="en-US" sz="2400" dirty="0"/>
              <a:t>Safe water for all communities</a:t>
            </a:r>
          </a:p>
          <a:p>
            <a:pPr>
              <a:spcAft>
                <a:spcPts val="600"/>
              </a:spcAft>
            </a:pPr>
            <a:r>
              <a:rPr lang="en-US" sz="2400" dirty="0"/>
              <a:t>Flood protection</a:t>
            </a:r>
          </a:p>
          <a:p>
            <a:pPr>
              <a:spcAft>
                <a:spcPts val="600"/>
              </a:spcAft>
            </a:pPr>
            <a:r>
              <a:rPr lang="en-US" sz="2400" dirty="0"/>
              <a:t>Operational and regulatory efficiency</a:t>
            </a:r>
          </a:p>
          <a:p>
            <a:pPr>
              <a:spcAft>
                <a:spcPts val="600"/>
              </a:spcAft>
            </a:pPr>
            <a:r>
              <a:rPr lang="en-US" sz="2400" dirty="0"/>
              <a:t>Sustainable and integrated financing</a:t>
            </a:r>
          </a:p>
          <a:p>
            <a:pPr>
              <a:spcAft>
                <a:spcPts val="600"/>
              </a:spcAft>
            </a:pPr>
            <a:endParaRPr lang="en-US" sz="2400" dirty="0"/>
          </a:p>
        </p:txBody>
      </p:sp>
      <p:pic>
        <p:nvPicPr>
          <p:cNvPr id="13314" name="Picture 2" descr="https://upload.wikimedia.org/wikipedia/commons/2/20/Seal_of_the_Governor_of_California.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687" y="274983"/>
            <a:ext cx="1162878" cy="1162878"/>
          </a:xfrm>
          <a:prstGeom prst="rect">
            <a:avLst/>
          </a:prstGeom>
          <a:noFill/>
          <a:extLst>
            <a:ext uri="{909E8E84-426E-40DD-AFC4-6F175D3DCCD1}">
              <a14:hiddenFill xmlns:a14="http://schemas.microsoft.com/office/drawing/2010/main">
                <a:solidFill>
                  <a:srgbClr val="FFFFFF"/>
                </a:solidFill>
              </a14:hiddenFill>
            </a:ext>
          </a:extLst>
        </p:spPr>
      </p:pic>
      <p:pic>
        <p:nvPicPr>
          <p:cNvPr id="13316" name="Picture 4" descr="Organization Title">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02580" y="5831352"/>
            <a:ext cx="2484783" cy="776496"/>
          </a:xfrm>
          <a:prstGeom prst="rect">
            <a:avLst/>
          </a:prstGeom>
          <a:noFill/>
          <a:extLst>
            <a:ext uri="{909E8E84-426E-40DD-AFC4-6F175D3DCCD1}">
              <a14:hiddenFill xmlns:a14="http://schemas.microsoft.com/office/drawing/2010/main">
                <a:solidFill>
                  <a:srgbClr val="FFFFFF"/>
                </a:solidFill>
              </a14:hiddenFill>
            </a:ext>
          </a:extLst>
        </p:spPr>
      </p:pic>
      <p:pic>
        <p:nvPicPr>
          <p:cNvPr id="13318" name="Picture 6" descr="CDFA logo"/>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400800" y="4572000"/>
            <a:ext cx="2006965" cy="1083761"/>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p:spPr>
      </p:pic>
      <p:pic>
        <p:nvPicPr>
          <p:cNvPr id="13320" name="Picture 8" descr="Organization Title">
            <a:hlinkClick r:id="rId7"/>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644971" y="3904422"/>
            <a:ext cx="2453639" cy="5334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87385082"/>
      </p:ext>
    </p:extLst>
  </p:cSld>
  <p:clrMapOvr>
    <a:masterClrMapping/>
  </p:clrMapOvr>
  <p:transition>
    <p:fade/>
  </p:transition>
  <p:timing>
    <p:tnLst>
      <p:par>
        <p:cTn id="1" dur="indefinite" restart="never" nodeType="tmRoot"/>
      </p:par>
    </p:tnLst>
  </p:timing>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
          <p:cNvSpPr>
            <a:spLocks noGrp="1"/>
          </p:cNvSpPr>
          <p:nvPr>
            <p:ph type="title"/>
          </p:nvPr>
        </p:nvSpPr>
        <p:spPr>
          <a:xfrm>
            <a:off x="228600" y="230188"/>
            <a:ext cx="8534400" cy="997196"/>
          </a:xfrm>
        </p:spPr>
        <p:txBody>
          <a:bodyPr wrap="square">
            <a:spAutoFit/>
          </a:bodyPr>
          <a:lstStyle/>
          <a:p>
            <a:pPr algn="r"/>
            <a:r>
              <a:rPr lang="en-US" sz="3600" b="1" dirty="0"/>
              <a:t>If the Delta is not Fixed, </a:t>
            </a:r>
            <a:br>
              <a:rPr lang="en-US" sz="3600" b="1" dirty="0"/>
            </a:br>
            <a:r>
              <a:rPr lang="en-US" sz="3600" b="1" dirty="0"/>
              <a:t>Billions of Dollars of Investments will be Stranded</a:t>
            </a:r>
          </a:p>
        </p:txBody>
      </p:sp>
      <p:sp>
        <p:nvSpPr>
          <p:cNvPr id="29" name="Content Placeholder 2"/>
          <p:cNvSpPr txBox="1">
            <a:spLocks/>
          </p:cNvSpPr>
          <p:nvPr/>
        </p:nvSpPr>
        <p:spPr>
          <a:xfrm>
            <a:off x="4876800" y="2209800"/>
            <a:ext cx="4038600" cy="3429000"/>
          </a:xfrm>
          <a:prstGeom prst="rect">
            <a:avLst/>
          </a:prstGeom>
        </p:spPr>
        <p:txBody>
          <a:bodyPr/>
          <a:lstStyle>
            <a:lvl1pPr marL="396875" marR="0" indent="-396875" defTabSz="914363" eaLnBrk="1" fontAlgn="auto" latinLnBrk="0" hangingPunct="1">
              <a:lnSpc>
                <a:spcPct val="90000"/>
              </a:lnSpc>
              <a:spcBef>
                <a:spcPts val="0"/>
              </a:spcBef>
              <a:spcAft>
                <a:spcPts val="600"/>
              </a:spcAft>
              <a:buClrTx/>
              <a:buSzTx/>
              <a:buFontTx/>
              <a:buBlip>
                <a:blip r:embed="rId3"/>
              </a:buBlip>
              <a:tabLst/>
              <a:defRPr sz="2400">
                <a:latin typeface="+mn-lt"/>
                <a:cs typeface="+mn-cs"/>
              </a:defRPr>
            </a:lvl1pPr>
            <a:lvl2pPr marL="914400" indent="-396875" defTabSz="914363" eaLnBrk="1" latinLnBrk="0" hangingPunct="1">
              <a:lnSpc>
                <a:spcPct val="90000"/>
              </a:lnSpc>
              <a:spcBef>
                <a:spcPts val="0"/>
              </a:spcBef>
              <a:spcAft>
                <a:spcPts val="1200"/>
              </a:spcAft>
              <a:buFontTx/>
              <a:buBlip>
                <a:blip r:embed="rId4"/>
              </a:buBlip>
              <a:defRPr sz="2400">
                <a:solidFill>
                  <a:schemeClr val="accent4"/>
                </a:solidFill>
                <a:latin typeface="+mn-lt"/>
                <a:cs typeface="+mn-cs"/>
              </a:defRPr>
            </a:lvl2pPr>
            <a:lvl3pPr marL="1258888" indent="-344488" defTabSz="914363" eaLnBrk="1" latinLnBrk="0" hangingPunct="1">
              <a:lnSpc>
                <a:spcPct val="90000"/>
              </a:lnSpc>
              <a:spcBef>
                <a:spcPts val="0"/>
              </a:spcBef>
              <a:spcAft>
                <a:spcPts val="1200"/>
              </a:spcAft>
              <a:buFontTx/>
              <a:buBlip>
                <a:blip r:embed="rId4"/>
              </a:buBlip>
              <a:defRPr sz="2400">
                <a:solidFill>
                  <a:schemeClr val="accent3"/>
                </a:solidFill>
                <a:latin typeface="+mn-lt"/>
                <a:cs typeface="+mn-cs"/>
              </a:defRPr>
            </a:lvl3pPr>
            <a:lvl4pPr marL="1604963" indent="-346075" defTabSz="914363" eaLnBrk="1" latinLnBrk="0" hangingPunct="1">
              <a:lnSpc>
                <a:spcPct val="90000"/>
              </a:lnSpc>
              <a:spcBef>
                <a:spcPts val="0"/>
              </a:spcBef>
              <a:spcAft>
                <a:spcPts val="1200"/>
              </a:spcAft>
              <a:buFontTx/>
              <a:buBlip>
                <a:blip r:embed="rId4"/>
              </a:buBlip>
              <a:defRPr sz="2400">
                <a:solidFill>
                  <a:schemeClr val="accent2"/>
                </a:solidFill>
                <a:latin typeface="+mn-lt"/>
                <a:cs typeface="+mn-cs"/>
              </a:defRPr>
            </a:lvl4pPr>
            <a:lvl5pPr marL="1941513" indent="-336550" defTabSz="914363" eaLnBrk="1" latinLnBrk="0" hangingPunct="1">
              <a:lnSpc>
                <a:spcPct val="90000"/>
              </a:lnSpc>
              <a:spcBef>
                <a:spcPts val="0"/>
              </a:spcBef>
              <a:spcAft>
                <a:spcPts val="1200"/>
              </a:spcAft>
              <a:buFontTx/>
              <a:buBlip>
                <a:blip r:embed="rId4"/>
              </a:buBlip>
              <a:defRPr sz="2400">
                <a:solidFill>
                  <a:schemeClr val="accent6"/>
                </a:solidFill>
                <a:latin typeface="+mn-lt"/>
                <a:cs typeface="+mn-cs"/>
              </a:defRPr>
            </a:lvl5pPr>
            <a:lvl6pPr marL="2514499" indent="-228591" defTabSz="914363">
              <a:spcBef>
                <a:spcPct val="20000"/>
              </a:spcBef>
              <a:buFont typeface="Arial" pitchFamily="34" charset="0"/>
              <a:buChar char="•"/>
              <a:defRPr sz="2000">
                <a:latin typeface="+mn-lt"/>
                <a:cs typeface="+mn-cs"/>
              </a:defRPr>
            </a:lvl6pPr>
            <a:lvl7pPr marL="2971681" indent="-228591" defTabSz="914363">
              <a:spcBef>
                <a:spcPct val="20000"/>
              </a:spcBef>
              <a:buFont typeface="Arial" pitchFamily="34" charset="0"/>
              <a:buChar char="•"/>
              <a:defRPr sz="2000">
                <a:latin typeface="+mn-lt"/>
                <a:cs typeface="+mn-cs"/>
              </a:defRPr>
            </a:lvl7pPr>
            <a:lvl8pPr marL="3428863" indent="-228591" defTabSz="914363">
              <a:spcBef>
                <a:spcPct val="20000"/>
              </a:spcBef>
              <a:buFont typeface="Arial" pitchFamily="34" charset="0"/>
              <a:buChar char="•"/>
              <a:defRPr sz="2000">
                <a:latin typeface="+mn-lt"/>
                <a:cs typeface="+mn-cs"/>
              </a:defRPr>
            </a:lvl8pPr>
            <a:lvl9pPr marL="3886045" indent="-228591" defTabSz="914363">
              <a:spcBef>
                <a:spcPct val="20000"/>
              </a:spcBef>
              <a:buFont typeface="Arial" pitchFamily="34" charset="0"/>
              <a:buChar char="•"/>
              <a:defRPr sz="2000">
                <a:latin typeface="+mn-lt"/>
                <a:cs typeface="+mn-cs"/>
              </a:defRPr>
            </a:lvl9pPr>
          </a:lstStyle>
          <a:p>
            <a:r>
              <a:rPr lang="en-US" dirty="0"/>
              <a:t>State Water Project</a:t>
            </a:r>
          </a:p>
          <a:p>
            <a:pPr lvl="1"/>
            <a:r>
              <a:rPr lang="en-US" dirty="0"/>
              <a:t>Construction</a:t>
            </a:r>
          </a:p>
          <a:p>
            <a:pPr lvl="1"/>
            <a:r>
              <a:rPr lang="en-US" dirty="0"/>
              <a:t>Nearly 50 years of maintenance</a:t>
            </a:r>
          </a:p>
          <a:p>
            <a:r>
              <a:rPr lang="en-US" dirty="0"/>
              <a:t>Diamond Valley Lake</a:t>
            </a:r>
          </a:p>
          <a:p>
            <a:r>
              <a:rPr lang="en-US" dirty="0"/>
              <a:t>Inland Feeder</a:t>
            </a:r>
          </a:p>
          <a:p>
            <a:r>
              <a:rPr lang="en-US" dirty="0"/>
              <a:t>Water Treatment Processes</a:t>
            </a:r>
          </a:p>
        </p:txBody>
      </p:sp>
      <p:pic>
        <p:nvPicPr>
          <p:cNvPr id="2" name="Picture 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178076" y="1600200"/>
            <a:ext cx="2468880" cy="1642247"/>
          </a:xfrm>
          <a:prstGeom prst="rect">
            <a:avLst/>
          </a:prstGeom>
        </p:spPr>
      </p:pic>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178076" y="3242447"/>
            <a:ext cx="2468880" cy="1642247"/>
          </a:xfrm>
          <a:prstGeom prst="rect">
            <a:avLst/>
          </a:prstGeom>
        </p:spPr>
      </p:pic>
      <p:pic>
        <p:nvPicPr>
          <p:cNvPr id="6" name="Picture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179320" y="4884694"/>
            <a:ext cx="2468880" cy="1647756"/>
          </a:xfrm>
          <a:prstGeom prst="rect">
            <a:avLst/>
          </a:prstGeom>
        </p:spPr>
      </p:pic>
      <p:pic>
        <p:nvPicPr>
          <p:cNvPr id="7170" name="Picture 2"/>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20676" y="1371600"/>
            <a:ext cx="2090312" cy="2605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 name="Picture 13"/>
          <p:cNvPicPr>
            <a:picLocks noChangeAspect="1"/>
          </p:cNvPicPr>
          <p:nvPr/>
        </p:nvPicPr>
        <p:blipFill rotWithShape="1">
          <a:blip r:embed="rId9" cstate="print">
            <a:extLst>
              <a:ext uri="{28A0092B-C50C-407E-A947-70E740481C1C}">
                <a14:useLocalDpi xmlns:a14="http://schemas.microsoft.com/office/drawing/2010/main" val="0"/>
              </a:ext>
            </a:extLst>
          </a:blip>
          <a:srcRect l="2322" t="2292" r="6839" b="3541"/>
          <a:stretch/>
        </p:blipFill>
        <p:spPr>
          <a:xfrm>
            <a:off x="120676" y="3977574"/>
            <a:ext cx="2090312" cy="2684151"/>
          </a:xfrm>
          <a:prstGeom prst="rect">
            <a:avLst/>
          </a:prstGeom>
        </p:spPr>
      </p:pic>
    </p:spTree>
    <p:extLst>
      <p:ext uri="{BB962C8B-B14F-4D97-AF65-F5344CB8AC3E}">
        <p14:creationId xmlns:p14="http://schemas.microsoft.com/office/powerpoint/2010/main" val="2045730832"/>
      </p:ext>
    </p:extLst>
  </p:cSld>
  <p:clrMapOvr>
    <a:masterClrMapping/>
  </p:clrMapOvr>
  <p:transition>
    <p:fade/>
  </p:transition>
  <p:timing>
    <p:tnLst>
      <p:par>
        <p:cTn id="1" dur="indefinite" restart="never" nodeType="tmRoot"/>
      </p:par>
    </p:tnLst>
  </p:timing>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Bacground Pic"/>
          <p:cNvGrpSpPr>
            <a:grpSpLocks/>
          </p:cNvGrpSpPr>
          <p:nvPr/>
        </p:nvGrpSpPr>
        <p:grpSpPr bwMode="auto">
          <a:xfrm>
            <a:off x="-34925" y="1176338"/>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21" name="Westside - Isolated Facility"/>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grpSp>
        <p:nvGrpSpPr>
          <p:cNvPr id="24" name="Eastside - Isolated Facility"/>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a:defRPr/>
            </a:pPr>
            <a:endParaRPr lang="en-US" dirty="0">
              <a:solidFill>
                <a:prstClr val="white"/>
              </a:solidFill>
            </a:endParaRPr>
          </a:p>
        </p:txBody>
      </p:sp>
      <p:grpSp>
        <p:nvGrpSpPr>
          <p:cNvPr id="2" name="North-South Mokelumne &amp; Old-Middle River"/>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2" name="Sourth Fork Mokelumne - Old River" hidden="1"/>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sp>
        <p:nvSpPr>
          <p:cNvPr id="40970" name="San Joaquin River" hidden="1"/>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nvGrpSpPr>
          <p:cNvPr id="3" name="Sac River" hidden="1"/>
          <p:cNvGrpSpPr>
            <a:grpSpLocks/>
          </p:cNvGrpSpPr>
          <p:nvPr/>
        </p:nvGrpSpPr>
        <p:grpSpPr bwMode="auto">
          <a:xfrm>
            <a:off x="2590800" y="1739900"/>
            <a:ext cx="2795588" cy="2616200"/>
            <a:chOff x="2590800" y="1739900"/>
            <a:chExt cx="2795588" cy="2616200"/>
          </a:xfrm>
        </p:grpSpPr>
        <p:sp>
          <p:nvSpPr>
            <p:cNvPr id="41069"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0"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cxnSp>
        <p:nvCxnSpPr>
          <p:cNvPr id="111" name="CCFB Split"/>
          <p:cNvCxnSpPr/>
          <p:nvPr/>
        </p:nvCxnSpPr>
        <p:spPr>
          <a:xfrm>
            <a:off x="4084320" y="5886450"/>
            <a:ext cx="455036" cy="0"/>
          </a:xfrm>
          <a:prstGeom prst="line">
            <a:avLst/>
          </a:prstGeom>
          <a:ln w="19050">
            <a:solidFill>
              <a:schemeClr val="accent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0" name="Tunnel - Old Alignment"/>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112" name="Tunnel - New Alignment"/>
          <p:cNvSpPr/>
          <p:nvPr/>
        </p:nvSpPr>
        <p:spPr>
          <a:xfrm>
            <a:off x="4212083" y="3391611"/>
            <a:ext cx="1258226" cy="2356408"/>
          </a:xfrm>
          <a:custGeom>
            <a:avLst/>
            <a:gdLst>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047750 w 1333935"/>
              <a:gd name="connsiteY0" fmla="*/ 0 h 2076450"/>
              <a:gd name="connsiteX1" fmla="*/ 1333500 w 1333935"/>
              <a:gd name="connsiteY1" fmla="*/ 120650 h 2076450"/>
              <a:gd name="connsiteX2" fmla="*/ 1104900 w 1333935"/>
              <a:gd name="connsiteY2" fmla="*/ 412750 h 2076450"/>
              <a:gd name="connsiteX3" fmla="*/ 798182 w 1333935"/>
              <a:gd name="connsiteY3" fmla="*/ 666537 h 2076450"/>
              <a:gd name="connsiteX4" fmla="*/ 469900 w 1333935"/>
              <a:gd name="connsiteY4" fmla="*/ 1797050 h 2076450"/>
              <a:gd name="connsiteX5" fmla="*/ 0 w 1333935"/>
              <a:gd name="connsiteY5" fmla="*/ 2076450 h 2076450"/>
              <a:gd name="connsiteX0" fmla="*/ 1028700 w 1334247"/>
              <a:gd name="connsiteY0" fmla="*/ 0 h 2109787"/>
              <a:gd name="connsiteX1" fmla="*/ 1333500 w 1334247"/>
              <a:gd name="connsiteY1" fmla="*/ 153987 h 2109787"/>
              <a:gd name="connsiteX2" fmla="*/ 1104900 w 1334247"/>
              <a:gd name="connsiteY2" fmla="*/ 446087 h 2109787"/>
              <a:gd name="connsiteX3" fmla="*/ 798182 w 1334247"/>
              <a:gd name="connsiteY3" fmla="*/ 699874 h 2109787"/>
              <a:gd name="connsiteX4" fmla="*/ 469900 w 1334247"/>
              <a:gd name="connsiteY4" fmla="*/ 1830387 h 2109787"/>
              <a:gd name="connsiteX5" fmla="*/ 0 w 1334247"/>
              <a:gd name="connsiteY5" fmla="*/ 2109787 h 2109787"/>
              <a:gd name="connsiteX0" fmla="*/ 1028700 w 1272681"/>
              <a:gd name="connsiteY0" fmla="*/ 0 h 2109787"/>
              <a:gd name="connsiteX1" fmla="*/ 1271588 w 1272681"/>
              <a:gd name="connsiteY1" fmla="*/ 163512 h 2109787"/>
              <a:gd name="connsiteX2" fmla="*/ 1104900 w 1272681"/>
              <a:gd name="connsiteY2" fmla="*/ 446087 h 2109787"/>
              <a:gd name="connsiteX3" fmla="*/ 798182 w 1272681"/>
              <a:gd name="connsiteY3" fmla="*/ 699874 h 2109787"/>
              <a:gd name="connsiteX4" fmla="*/ 469900 w 1272681"/>
              <a:gd name="connsiteY4" fmla="*/ 1830387 h 2109787"/>
              <a:gd name="connsiteX5" fmla="*/ 0 w 1272681"/>
              <a:gd name="connsiteY5" fmla="*/ 2109787 h 2109787"/>
              <a:gd name="connsiteX0" fmla="*/ 1028700 w 1296329"/>
              <a:gd name="connsiteY0" fmla="*/ 0 h 2109787"/>
              <a:gd name="connsiteX1" fmla="*/ 1295401 w 1296329"/>
              <a:gd name="connsiteY1" fmla="*/ 173037 h 2109787"/>
              <a:gd name="connsiteX2" fmla="*/ 1104900 w 1296329"/>
              <a:gd name="connsiteY2" fmla="*/ 446087 h 2109787"/>
              <a:gd name="connsiteX3" fmla="*/ 798182 w 1296329"/>
              <a:gd name="connsiteY3" fmla="*/ 699874 h 2109787"/>
              <a:gd name="connsiteX4" fmla="*/ 469900 w 1296329"/>
              <a:gd name="connsiteY4" fmla="*/ 1830387 h 2109787"/>
              <a:gd name="connsiteX5" fmla="*/ 0 w 1296329"/>
              <a:gd name="connsiteY5" fmla="*/ 2109787 h 210978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990600 w 1297325"/>
              <a:gd name="connsiteY0" fmla="*/ 0 h 2095500"/>
              <a:gd name="connsiteX1" fmla="*/ 1295401 w 1297325"/>
              <a:gd name="connsiteY1" fmla="*/ 158750 h 2095500"/>
              <a:gd name="connsiteX2" fmla="*/ 1104900 w 1297325"/>
              <a:gd name="connsiteY2" fmla="*/ 431800 h 2095500"/>
              <a:gd name="connsiteX3" fmla="*/ 798182 w 1297325"/>
              <a:gd name="connsiteY3" fmla="*/ 685587 h 2095500"/>
              <a:gd name="connsiteX4" fmla="*/ 469900 w 1297325"/>
              <a:gd name="connsiteY4" fmla="*/ 1816100 h 2095500"/>
              <a:gd name="connsiteX5" fmla="*/ 0 w 1297325"/>
              <a:gd name="connsiteY5" fmla="*/ 2095500 h 2095500"/>
              <a:gd name="connsiteX0" fmla="*/ 1039368 w 1346093"/>
              <a:gd name="connsiteY0" fmla="*/ 0 h 2217420"/>
              <a:gd name="connsiteX1" fmla="*/ 1344169 w 1346093"/>
              <a:gd name="connsiteY1" fmla="*/ 158750 h 2217420"/>
              <a:gd name="connsiteX2" fmla="*/ 1153668 w 1346093"/>
              <a:gd name="connsiteY2" fmla="*/ 431800 h 2217420"/>
              <a:gd name="connsiteX3" fmla="*/ 846950 w 1346093"/>
              <a:gd name="connsiteY3" fmla="*/ 685587 h 2217420"/>
              <a:gd name="connsiteX4" fmla="*/ 518668 w 1346093"/>
              <a:gd name="connsiteY4" fmla="*/ 1816100 h 2217420"/>
              <a:gd name="connsiteX5" fmla="*/ 0 w 1346093"/>
              <a:gd name="connsiteY5" fmla="*/ 2217420 h 2217420"/>
              <a:gd name="connsiteX0" fmla="*/ 1039368 w 1216797"/>
              <a:gd name="connsiteY0" fmla="*/ 0 h 2217420"/>
              <a:gd name="connsiteX1" fmla="*/ 1208838 w 1216797"/>
              <a:gd name="connsiteY1" fmla="*/ 162408 h 2217420"/>
              <a:gd name="connsiteX2" fmla="*/ 1153668 w 1216797"/>
              <a:gd name="connsiteY2" fmla="*/ 431800 h 2217420"/>
              <a:gd name="connsiteX3" fmla="*/ 846950 w 1216797"/>
              <a:gd name="connsiteY3" fmla="*/ 685587 h 2217420"/>
              <a:gd name="connsiteX4" fmla="*/ 518668 w 1216797"/>
              <a:gd name="connsiteY4" fmla="*/ 1816100 h 2217420"/>
              <a:gd name="connsiteX5" fmla="*/ 0 w 1216797"/>
              <a:gd name="connsiteY5" fmla="*/ 2217420 h 2217420"/>
              <a:gd name="connsiteX0" fmla="*/ 1039368 w 1225123"/>
              <a:gd name="connsiteY0" fmla="*/ 0 h 2217420"/>
              <a:gd name="connsiteX1" fmla="*/ 1208838 w 1225123"/>
              <a:gd name="connsiteY1" fmla="*/ 162408 h 2217420"/>
              <a:gd name="connsiteX2" fmla="*/ 1212139 w 1225123"/>
              <a:gd name="connsiteY2" fmla="*/ 302566 h 2217420"/>
              <a:gd name="connsiteX3" fmla="*/ 1153668 w 1225123"/>
              <a:gd name="connsiteY3" fmla="*/ 431800 h 2217420"/>
              <a:gd name="connsiteX4" fmla="*/ 846950 w 1225123"/>
              <a:gd name="connsiteY4" fmla="*/ 685587 h 2217420"/>
              <a:gd name="connsiteX5" fmla="*/ 518668 w 1225123"/>
              <a:gd name="connsiteY5" fmla="*/ 1816100 h 2217420"/>
              <a:gd name="connsiteX6" fmla="*/ 0 w 1225123"/>
              <a:gd name="connsiteY6" fmla="*/ 2217420 h 2217420"/>
              <a:gd name="connsiteX0" fmla="*/ 1039368 w 1258236"/>
              <a:gd name="connsiteY0" fmla="*/ 0 h 2217420"/>
              <a:gd name="connsiteX1" fmla="*/ 1208838 w 1258236"/>
              <a:gd name="connsiteY1" fmla="*/ 162408 h 2217420"/>
              <a:gd name="connsiteX2" fmla="*/ 1256030 w 1258236"/>
              <a:gd name="connsiteY2" fmla="*/ 273305 h 2217420"/>
              <a:gd name="connsiteX3" fmla="*/ 1153668 w 1258236"/>
              <a:gd name="connsiteY3" fmla="*/ 431800 h 2217420"/>
              <a:gd name="connsiteX4" fmla="*/ 846950 w 1258236"/>
              <a:gd name="connsiteY4" fmla="*/ 685587 h 2217420"/>
              <a:gd name="connsiteX5" fmla="*/ 518668 w 1258236"/>
              <a:gd name="connsiteY5" fmla="*/ 1816100 h 2217420"/>
              <a:gd name="connsiteX6" fmla="*/ 0 w 1258236"/>
              <a:gd name="connsiteY6" fmla="*/ 2217420 h 2217420"/>
              <a:gd name="connsiteX0" fmla="*/ 1057656 w 1258049"/>
              <a:gd name="connsiteY0" fmla="*/ 0 h 2341778"/>
              <a:gd name="connsiteX1" fmla="*/ 1208838 w 1258049"/>
              <a:gd name="connsiteY1" fmla="*/ 286766 h 2341778"/>
              <a:gd name="connsiteX2" fmla="*/ 1256030 w 1258049"/>
              <a:gd name="connsiteY2" fmla="*/ 397663 h 2341778"/>
              <a:gd name="connsiteX3" fmla="*/ 1153668 w 1258049"/>
              <a:gd name="connsiteY3" fmla="*/ 556158 h 2341778"/>
              <a:gd name="connsiteX4" fmla="*/ 846950 w 1258049"/>
              <a:gd name="connsiteY4" fmla="*/ 809945 h 2341778"/>
              <a:gd name="connsiteX5" fmla="*/ 518668 w 1258049"/>
              <a:gd name="connsiteY5" fmla="*/ 1940458 h 2341778"/>
              <a:gd name="connsiteX6" fmla="*/ 0 w 1258049"/>
              <a:gd name="connsiteY6" fmla="*/ 2341778 h 2341778"/>
              <a:gd name="connsiteX0" fmla="*/ 1057656 w 1258226"/>
              <a:gd name="connsiteY0" fmla="*/ 0 h 2341778"/>
              <a:gd name="connsiteX1" fmla="*/ 1040232 w 1258226"/>
              <a:gd name="connsiteY1" fmla="*/ 134316 h 2341778"/>
              <a:gd name="connsiteX2" fmla="*/ 1208838 w 1258226"/>
              <a:gd name="connsiteY2" fmla="*/ 286766 h 2341778"/>
              <a:gd name="connsiteX3" fmla="*/ 1256030 w 1258226"/>
              <a:gd name="connsiteY3" fmla="*/ 397663 h 2341778"/>
              <a:gd name="connsiteX4" fmla="*/ 1153668 w 1258226"/>
              <a:gd name="connsiteY4" fmla="*/ 556158 h 2341778"/>
              <a:gd name="connsiteX5" fmla="*/ 846950 w 1258226"/>
              <a:gd name="connsiteY5" fmla="*/ 809945 h 2341778"/>
              <a:gd name="connsiteX6" fmla="*/ 518668 w 1258226"/>
              <a:gd name="connsiteY6" fmla="*/ 1940458 h 2341778"/>
              <a:gd name="connsiteX7" fmla="*/ 0 w 1258226"/>
              <a:gd name="connsiteY7" fmla="*/ 2341778 h 234177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46950 w 1258226"/>
              <a:gd name="connsiteY5" fmla="*/ 82457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87183 w 1258226"/>
              <a:gd name="connsiteY5" fmla="*/ 861151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25004 w 1258226"/>
              <a:gd name="connsiteY5" fmla="*/ 99282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40879 w 1258226"/>
              <a:gd name="connsiteY5" fmla="*/ 1040374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26249 w 1258226"/>
              <a:gd name="connsiteY5" fmla="*/ 1036716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8226" h="2356408">
                <a:moveTo>
                  <a:pt x="1068629" y="0"/>
                </a:moveTo>
                <a:cubicBezTo>
                  <a:pt x="1079746" y="15680"/>
                  <a:pt x="1015035" y="101152"/>
                  <a:pt x="1040232" y="148946"/>
                </a:cubicBezTo>
                <a:cubicBezTo>
                  <a:pt x="1065429" y="196740"/>
                  <a:pt x="1172872" y="257505"/>
                  <a:pt x="1208838" y="301396"/>
                </a:cubicBezTo>
                <a:cubicBezTo>
                  <a:pt x="1244804" y="345287"/>
                  <a:pt x="1265225" y="367394"/>
                  <a:pt x="1256030" y="412293"/>
                </a:cubicBezTo>
                <a:cubicBezTo>
                  <a:pt x="1246835" y="457192"/>
                  <a:pt x="1240136" y="464889"/>
                  <a:pt x="1153668" y="570788"/>
                </a:cubicBezTo>
                <a:cubicBezTo>
                  <a:pt x="1067200" y="676687"/>
                  <a:pt x="790504" y="922076"/>
                  <a:pt x="737221" y="1047689"/>
                </a:cubicBezTo>
                <a:cubicBezTo>
                  <a:pt x="683938" y="1173302"/>
                  <a:pt x="604962" y="1725995"/>
                  <a:pt x="518668" y="1955088"/>
                </a:cubicBezTo>
                <a:cubicBezTo>
                  <a:pt x="432374" y="2184181"/>
                  <a:pt x="225588" y="2240119"/>
                  <a:pt x="0" y="2356408"/>
                </a:cubicBezTo>
              </a:path>
            </a:pathLst>
          </a:custGeom>
          <a:noFill/>
          <a:ln w="19050">
            <a:solidFill>
              <a:srgbClr val="66FF33"/>
            </a:solidFill>
            <a:prstDash val="sysDash"/>
          </a:ln>
          <a:effectLst>
            <a:glow rad="63500">
              <a:schemeClr val="bg1">
                <a:alpha val="40000"/>
              </a:schemeClr>
            </a:glo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a:defRPr/>
            </a:pPr>
            <a:r>
              <a:rPr lang="en-US" sz="1400" b="1" i="1" dirty="0">
                <a:solidFill>
                  <a:srgbClr val="FFC000"/>
                </a:solidFill>
                <a:effectLst>
                  <a:glow rad="101600">
                    <a:prstClr val="black">
                      <a:alpha val="60000"/>
                    </a:prstClr>
                  </a:glow>
                </a:effectLst>
                <a:latin typeface="Calibri"/>
              </a:rPr>
              <a:t>Preliminary Subject to Revision</a:t>
            </a:r>
          </a:p>
        </p:txBody>
      </p:sp>
      <p:sp>
        <p:nvSpPr>
          <p:cNvPr id="78" name="Tunnel - Text Box"/>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Tunnels</a:t>
            </a:r>
          </a:p>
        </p:txBody>
      </p:sp>
      <p:sp>
        <p:nvSpPr>
          <p:cNvPr id="66" name="SJ River Textbox" hidden="1"/>
          <p:cNvSpPr txBox="1">
            <a:spLocks noChangeArrowheads="1"/>
          </p:cNvSpPr>
          <p:nvPr/>
        </p:nvSpPr>
        <p:spPr bwMode="invGray">
          <a:xfrm rot="2299389">
            <a:off x="6919913" y="55800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fontAlgn="auto" hangingPunct="0">
              <a:lnSpc>
                <a:spcPct val="90000"/>
              </a:lnSpc>
              <a:spcBef>
                <a:spcPct val="50000"/>
              </a:spcBef>
              <a:spcAft>
                <a:spcPts val="0"/>
              </a:spcAft>
              <a:buClr>
                <a:srgbClr val="A116E0"/>
              </a:buClr>
              <a:buSzPct val="140000"/>
              <a:buFont typeface="Wingdings" pitchFamily="2" charset="2"/>
              <a:buNone/>
              <a:defRPr/>
            </a:pPr>
            <a:r>
              <a:rPr lang="en-US" sz="2400" b="1" dirty="0">
                <a:solidFill>
                  <a:prstClr val="white"/>
                </a:solidFill>
                <a:latin typeface="Calibri"/>
                <a:cs typeface="+mn-cs"/>
              </a:rPr>
              <a:t>SJ River</a:t>
            </a:r>
          </a:p>
        </p:txBody>
      </p:sp>
      <p:sp>
        <p:nvSpPr>
          <p:cNvPr id="108" name="Thru-Delta - Text Box"/>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fontAlgn="auto" hangingPunct="0">
              <a:spcBef>
                <a:spcPct val="50000"/>
              </a:spcBef>
              <a:spcAft>
                <a:spcPts val="0"/>
              </a:spcAft>
              <a:defRPr/>
            </a:pPr>
            <a:r>
              <a:rPr lang="en-US" sz="2400" b="1" dirty="0">
                <a:solidFill>
                  <a:prstClr val="white"/>
                </a:solidFill>
                <a:latin typeface="Calibri"/>
                <a:cs typeface="+mn-cs"/>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fontAlgn="auto" hangingPunct="0">
              <a:spcBef>
                <a:spcPct val="50000"/>
              </a:spcBef>
              <a:spcAft>
                <a:spcPts val="0"/>
              </a:spcAft>
              <a:defRPr/>
            </a:pPr>
            <a:r>
              <a:rPr lang="en-US" sz="2400" b="1" dirty="0">
                <a:solidFill>
                  <a:prstClr val="white"/>
                </a:solidFill>
                <a:latin typeface="Calibri"/>
                <a:cs typeface="+mn-cs"/>
              </a:rPr>
              <a:t>SWP Pumps</a:t>
            </a:r>
          </a:p>
        </p:txBody>
      </p:sp>
      <p:sp>
        <p:nvSpPr>
          <p:cNvPr id="54" name="Sacramento Textbox" hidden="1"/>
          <p:cNvSpPr txBox="1">
            <a:spLocks noChangeArrowheads="1"/>
          </p:cNvSpPr>
          <p:nvPr/>
        </p:nvSpPr>
        <p:spPr bwMode="invGray">
          <a:xfrm>
            <a:off x="5943600" y="25908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fontAlgn="auto" hangingPunct="0">
              <a:lnSpc>
                <a:spcPct val="90000"/>
              </a:lnSpc>
              <a:spcBef>
                <a:spcPct val="50000"/>
              </a:spcBef>
              <a:spcAft>
                <a:spcPts val="0"/>
              </a:spcAft>
              <a:buClr>
                <a:srgbClr val="A116E0"/>
              </a:buClr>
              <a:buSzPct val="140000"/>
              <a:buFont typeface="Wingdings" pitchFamily="2" charset="2"/>
              <a:buNone/>
              <a:defRPr/>
            </a:pPr>
            <a:r>
              <a:rPr lang="en-US" sz="2400" b="1" dirty="0">
                <a:solidFill>
                  <a:prstClr val="white"/>
                </a:solidFill>
                <a:latin typeface="Calibri"/>
                <a:cs typeface="+mn-cs"/>
              </a:rPr>
              <a:t>Sacramento</a:t>
            </a:r>
          </a:p>
        </p:txBody>
      </p:sp>
      <p:sp>
        <p:nvSpPr>
          <p:cNvPr id="53" name="Stockton Textbox" hidden="1"/>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fontAlgn="auto" hangingPunct="0">
              <a:lnSpc>
                <a:spcPct val="90000"/>
              </a:lnSpc>
              <a:spcBef>
                <a:spcPct val="50000"/>
              </a:spcBef>
              <a:spcAft>
                <a:spcPts val="0"/>
              </a:spcAft>
              <a:buClr>
                <a:srgbClr val="A116E0"/>
              </a:buClr>
              <a:buSzPct val="140000"/>
              <a:buFont typeface="Wingdings" pitchFamily="2" charset="2"/>
              <a:buNone/>
              <a:defRPr/>
            </a:pPr>
            <a:r>
              <a:rPr lang="en-US" sz="2400" b="1" dirty="0">
                <a:solidFill>
                  <a:prstClr val="white"/>
                </a:solidFill>
                <a:latin typeface="Calibri"/>
                <a:cs typeface="+mn-cs"/>
              </a:rPr>
              <a:t>Stockton</a:t>
            </a:r>
          </a:p>
        </p:txBody>
      </p:sp>
      <p:sp>
        <p:nvSpPr>
          <p:cNvPr id="52" name="Sac River  Textbox" hidden="1"/>
          <p:cNvSpPr txBox="1">
            <a:spLocks noChangeArrowheads="1"/>
          </p:cNvSpPr>
          <p:nvPr/>
        </p:nvSpPr>
        <p:spPr bwMode="invGray">
          <a:xfrm>
            <a:off x="2897188"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fontAlgn="auto" hangingPunct="0">
              <a:lnSpc>
                <a:spcPct val="90000"/>
              </a:lnSpc>
              <a:spcBef>
                <a:spcPct val="50000"/>
              </a:spcBef>
              <a:spcAft>
                <a:spcPts val="0"/>
              </a:spcAft>
              <a:buClr>
                <a:srgbClr val="A116E0"/>
              </a:buClr>
              <a:buSzPct val="140000"/>
              <a:buFont typeface="Wingdings" pitchFamily="2" charset="2"/>
              <a:buNone/>
              <a:defRPr/>
            </a:pPr>
            <a:r>
              <a:rPr lang="en-US" sz="2400" b="1" dirty="0">
                <a:solidFill>
                  <a:prstClr val="white"/>
                </a:solidFill>
                <a:latin typeface="Calibri"/>
                <a:cs typeface="+mn-cs"/>
              </a:rPr>
              <a:t>Sac River</a:t>
            </a:r>
          </a:p>
        </p:txBody>
      </p:sp>
      <p:sp>
        <p:nvSpPr>
          <p:cNvPr id="75" name="West Canal - Text Box"/>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West Canal</a:t>
            </a:r>
          </a:p>
        </p:txBody>
      </p:sp>
      <p:sp>
        <p:nvSpPr>
          <p:cNvPr id="77" name="East Canal - Text Box"/>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East Canal</a:t>
            </a:r>
          </a:p>
        </p:txBody>
      </p:sp>
      <p:sp>
        <p:nvSpPr>
          <p:cNvPr id="83" name="Slide Title"/>
          <p:cNvSpPr txBox="1">
            <a:spLocks noChangeArrowheads="1"/>
          </p:cNvSpPr>
          <p:nvPr/>
        </p:nvSpPr>
        <p:spPr bwMode="invGray">
          <a:xfrm>
            <a:off x="90402" y="8198"/>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r" defTabSz="914363">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Bay Delta </a:t>
            </a: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Conservation Plan</a:t>
            </a:r>
          </a:p>
          <a:p>
            <a:pPr algn="r">
              <a:defRPr/>
            </a:pPr>
            <a:r>
              <a:rPr lang="en-US" sz="3200" b="1" dirty="0">
                <a:solidFill>
                  <a:prstClr val="white"/>
                </a:solidFill>
                <a:latin typeface="Calibri"/>
                <a:ea typeface="+mj-ea"/>
                <a:cs typeface="+mj-cs"/>
              </a:rPr>
              <a:t>Conveyance </a:t>
            </a:r>
            <a:r>
              <a:rPr lang="en-US" sz="3200" b="1" dirty="0" smtClean="0">
                <a:solidFill>
                  <a:prstClr val="white"/>
                </a:solidFill>
                <a:latin typeface="Calibri"/>
                <a:ea typeface="+mj-ea"/>
                <a:cs typeface="+mj-cs"/>
              </a:rPr>
              <a:t>Alignment Options </a:t>
            </a:r>
            <a:endParaRPr lang="en-US" sz="3200" b="1" dirty="0">
              <a:solidFill>
                <a:prstClr val="white"/>
              </a:solidFill>
              <a:latin typeface="Calibri"/>
              <a:ea typeface="+mj-ea"/>
              <a:cs typeface="+mj-cs"/>
            </a:endParaRPr>
          </a:p>
        </p:txBody>
      </p:sp>
      <p:grpSp>
        <p:nvGrpSpPr>
          <p:cNvPr id="88" name="Intakes"/>
          <p:cNvGrpSpPr/>
          <p:nvPr/>
        </p:nvGrpSpPr>
        <p:grpSpPr>
          <a:xfrm>
            <a:off x="4973171" y="3263900"/>
            <a:ext cx="343535" cy="287655"/>
            <a:chOff x="4975548" y="3264947"/>
            <a:chExt cx="343535" cy="287655"/>
          </a:xfrm>
        </p:grpSpPr>
        <p:sp>
          <p:nvSpPr>
            <p:cNvPr id="90" name="Intake 4"/>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91" name="Intake 3"/>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92" name="Intake 1"/>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grpSp>
      <p:grpSp>
        <p:nvGrpSpPr>
          <p:cNvPr id="93" name="Eastside Afterbay Connections"/>
          <p:cNvGrpSpPr/>
          <p:nvPr/>
        </p:nvGrpSpPr>
        <p:grpSpPr>
          <a:xfrm>
            <a:off x="3695700" y="6062127"/>
            <a:ext cx="631149" cy="200297"/>
            <a:chOff x="3698077" y="6063174"/>
            <a:chExt cx="631149" cy="200297"/>
          </a:xfrm>
        </p:grpSpPr>
        <p:sp>
          <p:nvSpPr>
            <p:cNvPr id="94" name="Afterbay Connection to SWP"/>
            <p:cNvSpPr>
              <a:spLocks/>
            </p:cNvSpPr>
            <p:nvPr/>
          </p:nvSpPr>
          <p:spPr bwMode="auto">
            <a:xfrm>
              <a:off x="3698077" y="6063174"/>
              <a:ext cx="520087" cy="4571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128" name="Afterbay Connection to CVP"/>
            <p:cNvSpPr>
              <a:spLocks/>
            </p:cNvSpPr>
            <p:nvPr/>
          </p:nvSpPr>
          <p:spPr bwMode="auto">
            <a:xfrm>
              <a:off x="4064177" y="6133978"/>
              <a:ext cx="265049" cy="12949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grpSp>
      <p:sp>
        <p:nvSpPr>
          <p:cNvPr id="50" name="SWP South Intake"/>
          <p:cNvSpPr>
            <a:spLocks noChangeArrowheads="1"/>
          </p:cNvSpPr>
          <p:nvPr/>
        </p:nvSpPr>
        <p:spPr bwMode="invGray">
          <a:xfrm>
            <a:off x="3606800" y="5975350"/>
            <a:ext cx="182563" cy="182563"/>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51" name="CVP South Intake"/>
          <p:cNvSpPr>
            <a:spLocks noChangeArrowheads="1"/>
          </p:cNvSpPr>
          <p:nvPr/>
        </p:nvSpPr>
        <p:spPr bwMode="invGray">
          <a:xfrm>
            <a:off x="4038600" y="6172200"/>
            <a:ext cx="182563" cy="182563"/>
          </a:xfrm>
          <a:prstGeom prst="ellipse">
            <a:avLst/>
          </a:prstGeom>
          <a:solidFill>
            <a:srgbClr val="FFFF00"/>
          </a:solidFill>
          <a:ln w="28575">
            <a:solidFill>
              <a:schemeClr val="bg1"/>
            </a:solidFill>
            <a:round/>
            <a:headEnd/>
            <a:tailEnd/>
          </a:ln>
        </p:spPr>
        <p:txBody>
          <a:bodyPr wrap="none" anchor="ctr"/>
          <a:lstStyle/>
          <a:p>
            <a:pPr algn="ctr" eaLnBrk="0" fontAlgn="auto" hangingPunct="0">
              <a:spcBef>
                <a:spcPts val="0"/>
              </a:spcBef>
              <a:spcAft>
                <a:spcPts val="0"/>
              </a:spcAft>
              <a:defRPr/>
            </a:pPr>
            <a:endParaRPr lang="en-US" sz="2400" b="1" dirty="0">
              <a:solidFill>
                <a:prstClr val="white"/>
              </a:solidFill>
              <a:effectLst>
                <a:glow rad="101600">
                  <a:srgbClr val="748560">
                    <a:satMod val="175000"/>
                    <a:alpha val="40000"/>
                  </a:srgbClr>
                </a:glow>
                <a:outerShdw dist="88900" algn="tl" rotWithShape="0">
                  <a:prstClr val="black"/>
                </a:outerShdw>
              </a:effectLst>
              <a:latin typeface="Calibri"/>
              <a:cs typeface="+mn-cs"/>
            </a:endParaRPr>
          </a:p>
        </p:txBody>
      </p:sp>
      <p:sp>
        <p:nvSpPr>
          <p:cNvPr id="129" name="Eastside Afterbay"/>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177</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225917214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50"/>
                                        </p:tgtEl>
                                        <p:attrNameLst>
                                          <p:attrName>style.visibility</p:attrName>
                                        </p:attrNameLst>
                                      </p:cBhvr>
                                      <p:to>
                                        <p:strVal val="visible"/>
                                      </p:to>
                                    </p:set>
                                    <p:animEffect transition="in" filter="fade">
                                      <p:cBhvr>
                                        <p:cTn id="10" dur="500"/>
                                        <p:tgtEl>
                                          <p:spTgt spid="50"/>
                                        </p:tgtEl>
                                      </p:cBhvr>
                                    </p:animEffect>
                                  </p:childTnLst>
                                </p:cTn>
                              </p:par>
                              <p:par>
                                <p:cTn id="11" presetID="10" presetClass="entr" presetSubtype="0" fill="hold" grpId="0" nodeType="withEffect">
                                  <p:stCondLst>
                                    <p:cond delay="1000"/>
                                  </p:stCondLst>
                                  <p:childTnLst>
                                    <p:set>
                                      <p:cBhvr>
                                        <p:cTn id="12" dur="1" fill="hold">
                                          <p:stCondLst>
                                            <p:cond delay="0"/>
                                          </p:stCondLst>
                                        </p:cTn>
                                        <p:tgtEl>
                                          <p:spTgt spid="51"/>
                                        </p:tgtEl>
                                        <p:attrNameLst>
                                          <p:attrName>style.visibility</p:attrName>
                                        </p:attrNameLst>
                                      </p:cBhvr>
                                      <p:to>
                                        <p:strVal val="visible"/>
                                      </p:to>
                                    </p:set>
                                    <p:animEffect transition="in" filter="fade">
                                      <p:cBhvr>
                                        <p:cTn id="13" dur="500"/>
                                        <p:tgtEl>
                                          <p:spTgt spid="51"/>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77"/>
                                        </p:tgtEl>
                                        <p:attrNameLst>
                                          <p:attrName>style.visibility</p:attrName>
                                        </p:attrNameLst>
                                      </p:cBhvr>
                                      <p:to>
                                        <p:strVal val="visible"/>
                                      </p:to>
                                    </p:set>
                                    <p:animEffect transition="in" filter="fade">
                                      <p:cBhvr>
                                        <p:cTn id="16" dur="500"/>
                                        <p:tgtEl>
                                          <p:spTgt spid="77"/>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xit" presetSubtype="0" fill="hold" grpId="1" nodeType="clickEffect">
                                  <p:stCondLst>
                                    <p:cond delay="0"/>
                                  </p:stCondLst>
                                  <p:childTnLst>
                                    <p:animEffect transition="out" filter="fade">
                                      <p:cBhvr>
                                        <p:cTn id="20" dur="500"/>
                                        <p:tgtEl>
                                          <p:spTgt spid="77"/>
                                        </p:tgtEl>
                                      </p:cBhvr>
                                    </p:animEffect>
                                    <p:set>
                                      <p:cBhvr>
                                        <p:cTn id="21" dur="1" fill="hold">
                                          <p:stCondLst>
                                            <p:cond delay="499"/>
                                          </p:stCondLst>
                                        </p:cTn>
                                        <p:tgtEl>
                                          <p:spTgt spid="77"/>
                                        </p:tgtEl>
                                        <p:attrNameLst>
                                          <p:attrName>style.visibility</p:attrName>
                                        </p:attrNameLst>
                                      </p:cBhvr>
                                      <p:to>
                                        <p:strVal val="hidden"/>
                                      </p:to>
                                    </p:set>
                                  </p:childTnLst>
                                </p:cTn>
                              </p:par>
                              <p:par>
                                <p:cTn id="22" presetID="10" presetClass="exit" presetSubtype="0" fill="hold" nodeType="withEffect">
                                  <p:stCondLst>
                                    <p:cond delay="0"/>
                                  </p:stCondLst>
                                  <p:childTnLst>
                                    <p:animEffect transition="out" filter="fade">
                                      <p:cBhvr>
                                        <p:cTn id="23" dur="500"/>
                                        <p:tgtEl>
                                          <p:spTgt spid="24"/>
                                        </p:tgtEl>
                                      </p:cBhvr>
                                    </p:animEffect>
                                    <p:set>
                                      <p:cBhvr>
                                        <p:cTn id="24" dur="1" fill="hold">
                                          <p:stCondLst>
                                            <p:cond delay="499"/>
                                          </p:stCondLst>
                                        </p:cTn>
                                        <p:tgtEl>
                                          <p:spTgt spid="24"/>
                                        </p:tgtEl>
                                        <p:attrNameLst>
                                          <p:attrName>style.visibility</p:attrName>
                                        </p:attrNameLst>
                                      </p:cBhvr>
                                      <p:to>
                                        <p:strVal val="hidden"/>
                                      </p:to>
                                    </p:set>
                                  </p:childTnLst>
                                </p:cTn>
                              </p:par>
                            </p:childTnLst>
                          </p:cTn>
                        </p:par>
                        <p:par>
                          <p:cTn id="25" fill="hold">
                            <p:stCondLst>
                              <p:cond delay="500"/>
                            </p:stCondLst>
                            <p:childTnLst>
                              <p:par>
                                <p:cTn id="26" presetID="22" presetClass="entr" presetSubtype="1" fill="hold" nodeType="afterEffect">
                                  <p:stCondLst>
                                    <p:cond delay="0"/>
                                  </p:stCondLst>
                                  <p:childTnLst>
                                    <p:set>
                                      <p:cBhvr>
                                        <p:cTn id="27" dur="1" fill="hold">
                                          <p:stCondLst>
                                            <p:cond delay="0"/>
                                          </p:stCondLst>
                                        </p:cTn>
                                        <p:tgtEl>
                                          <p:spTgt spid="21"/>
                                        </p:tgtEl>
                                        <p:attrNameLst>
                                          <p:attrName>style.visibility</p:attrName>
                                        </p:attrNameLst>
                                      </p:cBhvr>
                                      <p:to>
                                        <p:strVal val="visible"/>
                                      </p:to>
                                    </p:set>
                                    <p:animEffect transition="in" filter="wipe(up)">
                                      <p:cBhvr>
                                        <p:cTn id="28" dur="3000"/>
                                        <p:tgtEl>
                                          <p:spTgt spid="21"/>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75"/>
                                        </p:tgtEl>
                                        <p:attrNameLst>
                                          <p:attrName>style.visibility</p:attrName>
                                        </p:attrNameLst>
                                      </p:cBhvr>
                                      <p:to>
                                        <p:strVal val="visible"/>
                                      </p:to>
                                    </p:set>
                                    <p:animEffect transition="in" filter="fade">
                                      <p:cBhvr>
                                        <p:cTn id="31" dur="500"/>
                                        <p:tgtEl>
                                          <p:spTgt spid="75"/>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xit" presetSubtype="0" fill="hold" nodeType="clickEffect">
                                  <p:stCondLst>
                                    <p:cond delay="0"/>
                                  </p:stCondLst>
                                  <p:childTnLst>
                                    <p:animEffect transition="out" filter="fade">
                                      <p:cBhvr>
                                        <p:cTn id="35" dur="500"/>
                                        <p:tgtEl>
                                          <p:spTgt spid="21"/>
                                        </p:tgtEl>
                                      </p:cBhvr>
                                    </p:animEffect>
                                    <p:set>
                                      <p:cBhvr>
                                        <p:cTn id="36" dur="1" fill="hold">
                                          <p:stCondLst>
                                            <p:cond delay="499"/>
                                          </p:stCondLst>
                                        </p:cTn>
                                        <p:tgtEl>
                                          <p:spTgt spid="21"/>
                                        </p:tgtEl>
                                        <p:attrNameLst>
                                          <p:attrName>style.visibility</p:attrName>
                                        </p:attrNameLst>
                                      </p:cBhvr>
                                      <p:to>
                                        <p:strVal val="hidden"/>
                                      </p:to>
                                    </p:set>
                                  </p:childTnLst>
                                </p:cTn>
                              </p:par>
                              <p:par>
                                <p:cTn id="37" presetID="10" presetClass="exit" presetSubtype="0" fill="hold" grpId="1" nodeType="withEffect">
                                  <p:stCondLst>
                                    <p:cond delay="0"/>
                                  </p:stCondLst>
                                  <p:childTnLst>
                                    <p:animEffect transition="out" filter="fade">
                                      <p:cBhvr>
                                        <p:cTn id="38" dur="500"/>
                                        <p:tgtEl>
                                          <p:spTgt spid="75"/>
                                        </p:tgtEl>
                                      </p:cBhvr>
                                    </p:animEffect>
                                    <p:set>
                                      <p:cBhvr>
                                        <p:cTn id="39" dur="1" fill="hold">
                                          <p:stCondLst>
                                            <p:cond delay="499"/>
                                          </p:stCondLst>
                                        </p:cTn>
                                        <p:tgtEl>
                                          <p:spTgt spid="75"/>
                                        </p:tgtEl>
                                        <p:attrNameLst>
                                          <p:attrName>style.visibility</p:attrName>
                                        </p:attrNameLst>
                                      </p:cBhvr>
                                      <p:to>
                                        <p:strVal val="hidden"/>
                                      </p:to>
                                    </p:set>
                                  </p:childTnLst>
                                </p:cTn>
                              </p:par>
                            </p:childTnLst>
                          </p:cTn>
                        </p:par>
                        <p:par>
                          <p:cTn id="40" fill="hold">
                            <p:stCondLst>
                              <p:cond delay="500"/>
                            </p:stCondLst>
                            <p:childTnLst>
                              <p:par>
                                <p:cTn id="41" presetID="22" presetClass="entr" presetSubtype="1" fill="hold" grpId="0" nodeType="afterEffect">
                                  <p:stCondLst>
                                    <p:cond delay="0"/>
                                  </p:stCondLst>
                                  <p:childTnLst>
                                    <p:set>
                                      <p:cBhvr>
                                        <p:cTn id="42" dur="1" fill="hold">
                                          <p:stCondLst>
                                            <p:cond delay="0"/>
                                          </p:stCondLst>
                                        </p:cTn>
                                        <p:tgtEl>
                                          <p:spTgt spid="74"/>
                                        </p:tgtEl>
                                        <p:attrNameLst>
                                          <p:attrName>style.visibility</p:attrName>
                                        </p:attrNameLst>
                                      </p:cBhvr>
                                      <p:to>
                                        <p:strVal val="visible"/>
                                      </p:to>
                                    </p:set>
                                    <p:animEffect transition="in" filter="wipe(up)">
                                      <p:cBhvr>
                                        <p:cTn id="43" dur="2750"/>
                                        <p:tgtEl>
                                          <p:spTgt spid="74"/>
                                        </p:tgtEl>
                                      </p:cBhvr>
                                    </p:animEffect>
                                  </p:childTnLst>
                                </p:cTn>
                              </p:par>
                              <p:par>
                                <p:cTn id="44" presetID="22" presetClass="entr" presetSubtype="1" fill="hold" nodeType="withEffect">
                                  <p:stCondLst>
                                    <p:cond delay="0"/>
                                  </p:stCondLst>
                                  <p:childTnLst>
                                    <p:set>
                                      <p:cBhvr>
                                        <p:cTn id="45" dur="1" fill="hold">
                                          <p:stCondLst>
                                            <p:cond delay="0"/>
                                          </p:stCondLst>
                                        </p:cTn>
                                        <p:tgtEl>
                                          <p:spTgt spid="2"/>
                                        </p:tgtEl>
                                        <p:attrNameLst>
                                          <p:attrName>style.visibility</p:attrName>
                                        </p:attrNameLst>
                                      </p:cBhvr>
                                      <p:to>
                                        <p:strVal val="visible"/>
                                      </p:to>
                                    </p:set>
                                    <p:animEffect transition="in" filter="wipe(up)">
                                      <p:cBhvr>
                                        <p:cTn id="46" dur="2750"/>
                                        <p:tgtEl>
                                          <p:spTgt spid="2"/>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108"/>
                                        </p:tgtEl>
                                        <p:attrNameLst>
                                          <p:attrName>style.visibility</p:attrName>
                                        </p:attrNameLst>
                                      </p:cBhvr>
                                      <p:to>
                                        <p:strVal val="visible"/>
                                      </p:to>
                                    </p:set>
                                    <p:animEffect transition="in" filter="fade">
                                      <p:cBhvr>
                                        <p:cTn id="49" dur="500"/>
                                        <p:tgtEl>
                                          <p:spTgt spid="108"/>
                                        </p:tgtEl>
                                      </p:cBhvr>
                                    </p:animEffect>
                                  </p:childTnLst>
                                </p:cTn>
                              </p:par>
                            </p:childTnLst>
                          </p:cTn>
                        </p:par>
                      </p:childTnLst>
                    </p:cTn>
                  </p:par>
                  <p:par>
                    <p:cTn id="50" fill="hold">
                      <p:stCondLst>
                        <p:cond delay="indefinite"/>
                      </p:stCondLst>
                      <p:childTnLst>
                        <p:par>
                          <p:cTn id="51" fill="hold">
                            <p:stCondLst>
                              <p:cond delay="0"/>
                            </p:stCondLst>
                            <p:childTnLst>
                              <p:par>
                                <p:cTn id="52" presetID="10" presetClass="exit" presetSubtype="0" fill="hold" grpId="1" nodeType="clickEffect">
                                  <p:stCondLst>
                                    <p:cond delay="0"/>
                                  </p:stCondLst>
                                  <p:childTnLst>
                                    <p:animEffect transition="out" filter="fade">
                                      <p:cBhvr>
                                        <p:cTn id="53" dur="500"/>
                                        <p:tgtEl>
                                          <p:spTgt spid="74"/>
                                        </p:tgtEl>
                                      </p:cBhvr>
                                    </p:animEffect>
                                    <p:set>
                                      <p:cBhvr>
                                        <p:cTn id="54" dur="1" fill="hold">
                                          <p:stCondLst>
                                            <p:cond delay="499"/>
                                          </p:stCondLst>
                                        </p:cTn>
                                        <p:tgtEl>
                                          <p:spTgt spid="74"/>
                                        </p:tgtEl>
                                        <p:attrNameLst>
                                          <p:attrName>style.visibility</p:attrName>
                                        </p:attrNameLst>
                                      </p:cBhvr>
                                      <p:to>
                                        <p:strVal val="hidden"/>
                                      </p:to>
                                    </p:set>
                                  </p:childTnLst>
                                </p:cTn>
                              </p:par>
                              <p:par>
                                <p:cTn id="55" presetID="10" presetClass="exit" presetSubtype="0" fill="hold" grpId="1" nodeType="withEffect">
                                  <p:stCondLst>
                                    <p:cond delay="0"/>
                                  </p:stCondLst>
                                  <p:childTnLst>
                                    <p:animEffect transition="out" filter="fade">
                                      <p:cBhvr>
                                        <p:cTn id="56" dur="500"/>
                                        <p:tgtEl>
                                          <p:spTgt spid="108"/>
                                        </p:tgtEl>
                                      </p:cBhvr>
                                    </p:animEffect>
                                    <p:set>
                                      <p:cBhvr>
                                        <p:cTn id="57" dur="1" fill="hold">
                                          <p:stCondLst>
                                            <p:cond delay="499"/>
                                          </p:stCondLst>
                                        </p:cTn>
                                        <p:tgtEl>
                                          <p:spTgt spid="108"/>
                                        </p:tgtEl>
                                        <p:attrNameLst>
                                          <p:attrName>style.visibility</p:attrName>
                                        </p:attrNameLst>
                                      </p:cBhvr>
                                      <p:to>
                                        <p:strVal val="hidden"/>
                                      </p:to>
                                    </p:set>
                                  </p:childTnLst>
                                </p:cTn>
                              </p:par>
                              <p:par>
                                <p:cTn id="58" presetID="10" presetClass="exit" presetSubtype="0" fill="hold" nodeType="withEffect">
                                  <p:stCondLst>
                                    <p:cond delay="0"/>
                                  </p:stCondLst>
                                  <p:childTnLst>
                                    <p:animEffect transition="out" filter="fade">
                                      <p:cBhvr>
                                        <p:cTn id="59" dur="500"/>
                                        <p:tgtEl>
                                          <p:spTgt spid="2"/>
                                        </p:tgtEl>
                                      </p:cBhvr>
                                    </p:animEffect>
                                    <p:set>
                                      <p:cBhvr>
                                        <p:cTn id="60" dur="1" fill="hold">
                                          <p:stCondLst>
                                            <p:cond delay="499"/>
                                          </p:stCondLst>
                                        </p:cTn>
                                        <p:tgtEl>
                                          <p:spTgt spid="2"/>
                                        </p:tgtEl>
                                        <p:attrNameLst>
                                          <p:attrName>style.visibility</p:attrName>
                                        </p:attrNameLst>
                                      </p:cBhvr>
                                      <p:to>
                                        <p:strVal val="hidden"/>
                                      </p:to>
                                    </p:set>
                                  </p:childTnLst>
                                </p:cTn>
                              </p:par>
                            </p:childTnLst>
                          </p:cTn>
                        </p:par>
                        <p:par>
                          <p:cTn id="61" fill="hold">
                            <p:stCondLst>
                              <p:cond delay="500"/>
                            </p:stCondLst>
                            <p:childTnLst>
                              <p:par>
                                <p:cTn id="62" presetID="10" presetClass="entr" presetSubtype="0" fill="hold" nodeType="afterEffect">
                                  <p:stCondLst>
                                    <p:cond delay="0"/>
                                  </p:stCondLst>
                                  <p:childTnLst>
                                    <p:set>
                                      <p:cBhvr>
                                        <p:cTn id="63" dur="1" fill="hold">
                                          <p:stCondLst>
                                            <p:cond delay="0"/>
                                          </p:stCondLst>
                                        </p:cTn>
                                        <p:tgtEl>
                                          <p:spTgt spid="88"/>
                                        </p:tgtEl>
                                        <p:attrNameLst>
                                          <p:attrName>style.visibility</p:attrName>
                                        </p:attrNameLst>
                                      </p:cBhvr>
                                      <p:to>
                                        <p:strVal val="visible"/>
                                      </p:to>
                                    </p:set>
                                    <p:animEffect transition="in" filter="fade">
                                      <p:cBhvr>
                                        <p:cTn id="64" dur="500"/>
                                        <p:tgtEl>
                                          <p:spTgt spid="88"/>
                                        </p:tgtEl>
                                      </p:cBhvr>
                                    </p:animEffect>
                                  </p:childTnLst>
                                </p:cTn>
                              </p:par>
                            </p:childTnLst>
                          </p:cTn>
                        </p:par>
                        <p:par>
                          <p:cTn id="65" fill="hold">
                            <p:stCondLst>
                              <p:cond delay="1000"/>
                            </p:stCondLst>
                            <p:childTnLst>
                              <p:par>
                                <p:cTn id="66" presetID="22" presetClass="entr" presetSubtype="1" fill="hold" grpId="0" nodeType="afterEffect">
                                  <p:stCondLst>
                                    <p:cond delay="0"/>
                                  </p:stCondLst>
                                  <p:childTnLst>
                                    <p:set>
                                      <p:cBhvr>
                                        <p:cTn id="67" dur="1" fill="hold">
                                          <p:stCondLst>
                                            <p:cond delay="0"/>
                                          </p:stCondLst>
                                        </p:cTn>
                                        <p:tgtEl>
                                          <p:spTgt spid="110"/>
                                        </p:tgtEl>
                                        <p:attrNameLst>
                                          <p:attrName>style.visibility</p:attrName>
                                        </p:attrNameLst>
                                      </p:cBhvr>
                                      <p:to>
                                        <p:strVal val="visible"/>
                                      </p:to>
                                    </p:set>
                                    <p:animEffect transition="in" filter="wipe(up)">
                                      <p:cBhvr>
                                        <p:cTn id="68" dur="2750"/>
                                        <p:tgtEl>
                                          <p:spTgt spid="110"/>
                                        </p:tgtEl>
                                      </p:cBhvr>
                                    </p:animEffect>
                                  </p:childTnLst>
                                </p:cTn>
                              </p:par>
                              <p:par>
                                <p:cTn id="69" presetID="10" presetClass="entr" presetSubtype="0" fill="hold" grpId="0" nodeType="withEffect">
                                  <p:stCondLst>
                                    <p:cond delay="0"/>
                                  </p:stCondLst>
                                  <p:childTnLst>
                                    <p:set>
                                      <p:cBhvr>
                                        <p:cTn id="70" dur="1" fill="hold">
                                          <p:stCondLst>
                                            <p:cond delay="0"/>
                                          </p:stCondLst>
                                        </p:cTn>
                                        <p:tgtEl>
                                          <p:spTgt spid="78"/>
                                        </p:tgtEl>
                                        <p:attrNameLst>
                                          <p:attrName>style.visibility</p:attrName>
                                        </p:attrNameLst>
                                      </p:cBhvr>
                                      <p:to>
                                        <p:strVal val="visible"/>
                                      </p:to>
                                    </p:set>
                                    <p:animEffect transition="in" filter="fade">
                                      <p:cBhvr>
                                        <p:cTn id="71" dur="500"/>
                                        <p:tgtEl>
                                          <p:spTgt spid="78"/>
                                        </p:tgtEl>
                                      </p:cBhvr>
                                    </p:animEffect>
                                  </p:childTnLst>
                                </p:cTn>
                              </p:par>
                            </p:childTnLst>
                          </p:cTn>
                        </p:par>
                        <p:par>
                          <p:cTn id="72" fill="hold">
                            <p:stCondLst>
                              <p:cond delay="3750"/>
                            </p:stCondLst>
                            <p:childTnLst>
                              <p:par>
                                <p:cTn id="73" presetID="10" presetClass="entr" presetSubtype="0" fill="hold" nodeType="afterEffect">
                                  <p:stCondLst>
                                    <p:cond delay="0"/>
                                  </p:stCondLst>
                                  <p:childTnLst>
                                    <p:set>
                                      <p:cBhvr>
                                        <p:cTn id="74" dur="1" fill="hold">
                                          <p:stCondLst>
                                            <p:cond delay="0"/>
                                          </p:stCondLst>
                                        </p:cTn>
                                        <p:tgtEl>
                                          <p:spTgt spid="93"/>
                                        </p:tgtEl>
                                        <p:attrNameLst>
                                          <p:attrName>style.visibility</p:attrName>
                                        </p:attrNameLst>
                                      </p:cBhvr>
                                      <p:to>
                                        <p:strVal val="visible"/>
                                      </p:to>
                                    </p:set>
                                    <p:animEffect transition="in" filter="fade">
                                      <p:cBhvr>
                                        <p:cTn id="75" dur="500"/>
                                        <p:tgtEl>
                                          <p:spTgt spid="93"/>
                                        </p:tgtEl>
                                      </p:cBhvr>
                                    </p:animEffect>
                                  </p:childTnLst>
                                </p:cTn>
                              </p:par>
                              <p:par>
                                <p:cTn id="76" presetID="10" presetClass="entr" presetSubtype="0" fill="hold" grpId="0" nodeType="withEffect">
                                  <p:stCondLst>
                                    <p:cond delay="0"/>
                                  </p:stCondLst>
                                  <p:childTnLst>
                                    <p:set>
                                      <p:cBhvr>
                                        <p:cTn id="77" dur="1" fill="hold">
                                          <p:stCondLst>
                                            <p:cond delay="0"/>
                                          </p:stCondLst>
                                        </p:cTn>
                                        <p:tgtEl>
                                          <p:spTgt spid="129"/>
                                        </p:tgtEl>
                                        <p:attrNameLst>
                                          <p:attrName>style.visibility</p:attrName>
                                        </p:attrNameLst>
                                      </p:cBhvr>
                                      <p:to>
                                        <p:strVal val="visible"/>
                                      </p:to>
                                    </p:set>
                                    <p:animEffect transition="in" filter="fade">
                                      <p:cBhvr>
                                        <p:cTn id="78" dur="500"/>
                                        <p:tgtEl>
                                          <p:spTgt spid="129"/>
                                        </p:tgtEl>
                                      </p:cBhvr>
                                    </p:animEffect>
                                  </p:childTnLst>
                                </p:cTn>
                              </p:par>
                            </p:childTnLst>
                          </p:cTn>
                        </p:par>
                      </p:childTnLst>
                    </p:cTn>
                  </p:par>
                  <p:par>
                    <p:cTn id="79" fill="hold">
                      <p:stCondLst>
                        <p:cond delay="indefinite"/>
                      </p:stCondLst>
                      <p:childTnLst>
                        <p:par>
                          <p:cTn id="80" fill="hold">
                            <p:stCondLst>
                              <p:cond delay="0"/>
                            </p:stCondLst>
                            <p:childTnLst>
                              <p:par>
                                <p:cTn id="81" presetID="22" presetClass="entr" presetSubtype="1" fill="hold" grpId="0" nodeType="clickEffect">
                                  <p:stCondLst>
                                    <p:cond delay="0"/>
                                  </p:stCondLst>
                                  <p:childTnLst>
                                    <p:set>
                                      <p:cBhvr>
                                        <p:cTn id="82" dur="1" fill="hold">
                                          <p:stCondLst>
                                            <p:cond delay="0"/>
                                          </p:stCondLst>
                                        </p:cTn>
                                        <p:tgtEl>
                                          <p:spTgt spid="112"/>
                                        </p:tgtEl>
                                        <p:attrNameLst>
                                          <p:attrName>style.visibility</p:attrName>
                                        </p:attrNameLst>
                                      </p:cBhvr>
                                      <p:to>
                                        <p:strVal val="visible"/>
                                      </p:to>
                                    </p:set>
                                    <p:animEffect transition="in" filter="wipe(up)">
                                      <p:cBhvr>
                                        <p:cTn id="83" dur="2750"/>
                                        <p:tgtEl>
                                          <p:spTgt spid="112"/>
                                        </p:tgtEl>
                                      </p:cBhvr>
                                    </p:animEffect>
                                  </p:childTnLst>
                                </p:cTn>
                              </p:par>
                            </p:childTnLst>
                          </p:cTn>
                        </p:par>
                        <p:par>
                          <p:cTn id="84" fill="hold">
                            <p:stCondLst>
                              <p:cond delay="2750"/>
                            </p:stCondLst>
                            <p:childTnLst>
                              <p:par>
                                <p:cTn id="85" presetID="16" presetClass="entr" presetSubtype="37" fill="hold" nodeType="afterEffect">
                                  <p:stCondLst>
                                    <p:cond delay="0"/>
                                  </p:stCondLst>
                                  <p:childTnLst>
                                    <p:set>
                                      <p:cBhvr>
                                        <p:cTn id="86" dur="1" fill="hold">
                                          <p:stCondLst>
                                            <p:cond delay="0"/>
                                          </p:stCondLst>
                                        </p:cTn>
                                        <p:tgtEl>
                                          <p:spTgt spid="111"/>
                                        </p:tgtEl>
                                        <p:attrNameLst>
                                          <p:attrName>style.visibility</p:attrName>
                                        </p:attrNameLst>
                                      </p:cBhvr>
                                      <p:to>
                                        <p:strVal val="visible"/>
                                      </p:to>
                                    </p:set>
                                    <p:animEffect transition="in" filter="barn(outVertical)">
                                      <p:cBhvr>
                                        <p:cTn id="87" dur="2000"/>
                                        <p:tgtEl>
                                          <p:spTgt spid="1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110" grpId="0" animBg="1"/>
      <p:bldP spid="112" grpId="0" animBg="1"/>
      <p:bldP spid="78" grpId="0" animBg="1"/>
      <p:bldP spid="108" grpId="0" animBg="1"/>
      <p:bldP spid="108" grpId="1" animBg="1"/>
      <p:bldP spid="75" grpId="0" animBg="1"/>
      <p:bldP spid="75" grpId="1" animBg="1"/>
      <p:bldP spid="77" grpId="0" animBg="1"/>
      <p:bldP spid="77" grpId="1" animBg="1"/>
      <p:bldP spid="50" grpId="0" animBg="1"/>
      <p:bldP spid="51" grpId="0" animBg="1"/>
      <p:bldP spid="129" grpId="0" animBg="1"/>
    </p:bldLst>
  </p:timing>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itle 3"/>
          <p:cNvSpPr>
            <a:spLocks noGrp="1"/>
          </p:cNvSpPr>
          <p:nvPr>
            <p:ph type="title"/>
          </p:nvPr>
        </p:nvSpPr>
        <p:spPr bwMode="ltGray">
          <a:xfrm>
            <a:off x="152400" y="243741"/>
            <a:ext cx="8839200" cy="869914"/>
          </a:xfrm>
        </p:spPr>
        <p:txBody>
          <a:bodyPr/>
          <a:lstStyle/>
          <a:p>
            <a:pPr algn="r" defTabSz="914099" fontAlgn="auto">
              <a:spcBef>
                <a:spcPts val="0"/>
              </a:spcBef>
              <a:spcAft>
                <a:spcPts val="0"/>
              </a:spcAft>
              <a:defRPr/>
            </a:pPr>
            <a:r>
              <a:rPr lang="en-US" sz="3800" b="1" dirty="0" smtClean="0"/>
              <a:t>California Treasurer’s Report</a:t>
            </a:r>
            <a:r>
              <a:rPr lang="en-US" sz="3800" b="1" dirty="0"/>
              <a:t> </a:t>
            </a:r>
            <a:r>
              <a:rPr lang="en-US" sz="3800" dirty="0" smtClean="0"/>
              <a:t>&amp; </a:t>
            </a:r>
            <a:br>
              <a:rPr lang="en-US" sz="3800" dirty="0" smtClean="0"/>
            </a:br>
            <a:r>
              <a:rPr lang="en-US" sz="3800" b="1" dirty="0" smtClean="0"/>
              <a:t>MWD’s Budget Forecast </a:t>
            </a:r>
            <a:r>
              <a:rPr lang="en-US" sz="3200" b="1" dirty="0" smtClean="0">
                <a:solidFill>
                  <a:schemeClr val="tx1"/>
                </a:solidFill>
              </a:rPr>
              <a:t>(in </a:t>
            </a:r>
            <a:r>
              <a:rPr lang="en-US" sz="3200" b="1" dirty="0">
                <a:solidFill>
                  <a:schemeClr val="tx1"/>
                </a:solidFill>
              </a:rPr>
              <a:t>2015 </a:t>
            </a:r>
            <a:r>
              <a:rPr lang="en-US" sz="3200" b="1" dirty="0" smtClean="0">
                <a:solidFill>
                  <a:schemeClr val="tx1"/>
                </a:solidFill>
              </a:rPr>
              <a:t>dollars)</a:t>
            </a:r>
            <a:endParaRPr lang="en-US" sz="3600" b="1" dirty="0">
              <a:solidFill>
                <a:schemeClr val="tx1"/>
              </a:solidFill>
            </a:endParaRPr>
          </a:p>
        </p:txBody>
      </p:sp>
      <p:sp>
        <p:nvSpPr>
          <p:cNvPr id="2" name="Rectangle 1"/>
          <p:cNvSpPr/>
          <p:nvPr/>
        </p:nvSpPr>
        <p:spPr>
          <a:xfrm>
            <a:off x="228600" y="5715000"/>
            <a:ext cx="8839200" cy="954107"/>
          </a:xfrm>
          <a:prstGeom prst="rect">
            <a:avLst/>
          </a:prstGeom>
        </p:spPr>
        <p:txBody>
          <a:bodyPr wrap="square">
            <a:spAutoFit/>
          </a:bodyPr>
          <a:lstStyle/>
          <a:p>
            <a:pPr marL="285750" indent="-285750" defTabSz="914363" fontAlgn="b">
              <a:spcBef>
                <a:spcPts val="0"/>
              </a:spcBef>
              <a:spcAft>
                <a:spcPts val="0"/>
              </a:spcAft>
              <a:buFont typeface="Arial" panose="020B0604020202020204" pitchFamily="34" charset="0"/>
              <a:buChar char="•"/>
              <a:defRPr/>
            </a:pPr>
            <a:r>
              <a:rPr lang="en-US" sz="1400" i="1" dirty="0" smtClean="0">
                <a:solidFill>
                  <a:srgbClr val="FFC000"/>
                </a:solidFill>
                <a:latin typeface="+mn-lt"/>
              </a:rPr>
              <a:t>Estimate </a:t>
            </a:r>
            <a:r>
              <a:rPr lang="en-US" sz="1400" i="1" dirty="0">
                <a:solidFill>
                  <a:srgbClr val="FFC000"/>
                </a:solidFill>
                <a:latin typeface="+mn-lt"/>
              </a:rPr>
              <a:t>in 2015 </a:t>
            </a:r>
            <a:r>
              <a:rPr lang="en-US" sz="1400" i="1" dirty="0" smtClean="0">
                <a:solidFill>
                  <a:srgbClr val="FFC000"/>
                </a:solidFill>
                <a:latin typeface="+mn-lt"/>
              </a:rPr>
              <a:t>dollars</a:t>
            </a:r>
          </a:p>
          <a:p>
            <a:pPr marL="285750" indent="-285750" defTabSz="914363" fontAlgn="b">
              <a:spcBef>
                <a:spcPts val="0"/>
              </a:spcBef>
              <a:spcAft>
                <a:spcPts val="0"/>
              </a:spcAft>
              <a:buFont typeface="Arial" panose="020B0604020202020204" pitchFamily="34" charset="0"/>
              <a:buChar char="•"/>
              <a:defRPr/>
            </a:pPr>
            <a:r>
              <a:rPr lang="en-US" sz="1400" i="1" dirty="0" smtClean="0">
                <a:solidFill>
                  <a:srgbClr val="FFC000"/>
                </a:solidFill>
                <a:latin typeface="+mn-lt"/>
              </a:rPr>
              <a:t>Metropolitan's 2013 estimate displayed in 2015 Dollars</a:t>
            </a:r>
          </a:p>
          <a:p>
            <a:pPr marL="285750" indent="-285750" defTabSz="914363" fontAlgn="b">
              <a:spcBef>
                <a:spcPts val="0"/>
              </a:spcBef>
              <a:spcAft>
                <a:spcPts val="0"/>
              </a:spcAft>
              <a:buFont typeface="Arial" panose="020B0604020202020204" pitchFamily="34" charset="0"/>
              <a:buChar char="•"/>
              <a:defRPr/>
            </a:pPr>
            <a:r>
              <a:rPr lang="en-US" sz="1400" i="1" dirty="0" smtClean="0">
                <a:solidFill>
                  <a:srgbClr val="FFC000"/>
                </a:solidFill>
                <a:latin typeface="+mn-lt"/>
              </a:rPr>
              <a:t>Based on 20 hundred cubic feet per month </a:t>
            </a:r>
          </a:p>
          <a:p>
            <a:pPr marL="285750" indent="-285750" defTabSz="914363" fontAlgn="b">
              <a:spcBef>
                <a:spcPts val="0"/>
              </a:spcBef>
              <a:spcAft>
                <a:spcPts val="0"/>
              </a:spcAft>
              <a:buFont typeface="Arial" panose="020B0604020202020204" pitchFamily="34" charset="0"/>
              <a:buChar char="•"/>
              <a:defRPr/>
            </a:pPr>
            <a:r>
              <a:rPr lang="en-US" sz="1400" i="1" dirty="0" smtClean="0">
                <a:solidFill>
                  <a:srgbClr val="FFC000"/>
                </a:solidFill>
                <a:latin typeface="+mn-lt"/>
              </a:rPr>
              <a:t>MWD sales of 1.7 million acre-feet and 50</a:t>
            </a:r>
            <a:r>
              <a:rPr lang="en-US" sz="1400" i="1" dirty="0">
                <a:solidFill>
                  <a:srgbClr val="FFC000"/>
                </a:solidFill>
                <a:latin typeface="+mn-lt"/>
              </a:rPr>
              <a:t>% </a:t>
            </a:r>
            <a:r>
              <a:rPr lang="en-US" sz="1400" i="1" dirty="0" smtClean="0">
                <a:solidFill>
                  <a:srgbClr val="FFC000"/>
                </a:solidFill>
                <a:latin typeface="+mn-lt"/>
              </a:rPr>
              <a:t>reliance </a:t>
            </a:r>
            <a:r>
              <a:rPr lang="en-US" sz="1400" i="1" dirty="0">
                <a:solidFill>
                  <a:srgbClr val="FFC000"/>
                </a:solidFill>
                <a:latin typeface="+mn-lt"/>
              </a:rPr>
              <a:t>on MWD </a:t>
            </a:r>
          </a:p>
        </p:txBody>
      </p:sp>
      <p:sp>
        <p:nvSpPr>
          <p:cNvPr id="24" name="Rectangle 23"/>
          <p:cNvSpPr/>
          <p:nvPr/>
        </p:nvSpPr>
        <p:spPr>
          <a:xfrm>
            <a:off x="419725" y="4643735"/>
            <a:ext cx="8229600" cy="461665"/>
          </a:xfrm>
          <a:prstGeom prst="rect">
            <a:avLst/>
          </a:prstGeom>
        </p:spPr>
        <p:style>
          <a:lnRef idx="0">
            <a:schemeClr val="accent1"/>
          </a:lnRef>
          <a:fillRef idx="3">
            <a:schemeClr val="accent1"/>
          </a:fillRef>
          <a:effectRef idx="3">
            <a:schemeClr val="accent1"/>
          </a:effectRef>
          <a:fontRef idx="minor">
            <a:schemeClr val="lt1"/>
          </a:fontRef>
        </p:style>
        <p:txBody>
          <a:bodyPr wrap="square">
            <a:spAutoFit/>
          </a:bodyPr>
          <a:lstStyle/>
          <a:p>
            <a:pPr algn="ctr"/>
            <a:r>
              <a:rPr lang="en-US" sz="2400" b="1" dirty="0">
                <a:solidFill>
                  <a:schemeClr val="tx1"/>
                </a:solidFill>
              </a:rPr>
              <a:t>Overall rate increase (including BDCP</a:t>
            </a:r>
            <a:r>
              <a:rPr lang="en-US" sz="2400" b="1" dirty="0" smtClean="0">
                <a:solidFill>
                  <a:schemeClr val="tx1"/>
                </a:solidFill>
              </a:rPr>
              <a:t>) </a:t>
            </a:r>
            <a:r>
              <a:rPr lang="en-US" sz="2400" b="1" dirty="0">
                <a:solidFill>
                  <a:schemeClr val="tx1"/>
                </a:solidFill>
              </a:rPr>
              <a:t>~ 3% to </a:t>
            </a:r>
            <a:r>
              <a:rPr lang="en-US" sz="2400" b="1" dirty="0" smtClean="0">
                <a:solidFill>
                  <a:schemeClr val="tx1"/>
                </a:solidFill>
              </a:rPr>
              <a:t>5% </a:t>
            </a:r>
            <a:r>
              <a:rPr lang="en-US" sz="2400" b="1" dirty="0">
                <a:solidFill>
                  <a:schemeClr val="tx1"/>
                </a:solidFill>
              </a:rPr>
              <a:t>per year </a:t>
            </a:r>
          </a:p>
        </p:txBody>
      </p:sp>
      <p:graphicFrame>
        <p:nvGraphicFramePr>
          <p:cNvPr id="13" name="Table 12"/>
          <p:cNvGraphicFramePr>
            <a:graphicFrameLocks noGrp="1"/>
          </p:cNvGraphicFramePr>
          <p:nvPr>
            <p:extLst>
              <p:ext uri="{D42A27DB-BD31-4B8C-83A1-F6EECF244321}">
                <p14:modId xmlns:p14="http://schemas.microsoft.com/office/powerpoint/2010/main" val="4087961740"/>
              </p:ext>
            </p:extLst>
          </p:nvPr>
        </p:nvGraphicFramePr>
        <p:xfrm>
          <a:off x="419100" y="2133600"/>
          <a:ext cx="8229600" cy="2103120"/>
        </p:xfrm>
        <a:graphic>
          <a:graphicData uri="http://schemas.openxmlformats.org/drawingml/2006/table">
            <a:tbl>
              <a:tblPr firstRow="1" bandRow="1">
                <a:tableStyleId>{5C22544A-7EE6-4342-B048-85BDC9FD1C3A}</a:tableStyleId>
              </a:tblPr>
              <a:tblGrid>
                <a:gridCol w="1333500"/>
                <a:gridCol w="1295400"/>
                <a:gridCol w="1600200"/>
                <a:gridCol w="4000500"/>
              </a:tblGrid>
              <a:tr h="370840">
                <a:tc gridSpan="3">
                  <a:txBody>
                    <a:bodyPr/>
                    <a:lstStyle/>
                    <a:p>
                      <a:pPr algn="ctr"/>
                      <a:r>
                        <a:rPr lang="en-US" sz="2400" dirty="0" smtClean="0"/>
                        <a:t>California Treasurer’s Report</a:t>
                      </a:r>
                      <a:endParaRPr lang="en-US" sz="2400" dirty="0"/>
                    </a:p>
                  </a:txBody>
                  <a:tcPr>
                    <a:lnR w="28575" cap="flat" cmpd="sng" algn="ctr">
                      <a:solidFill>
                        <a:schemeClr val="tx1"/>
                      </a:solidFill>
                      <a:prstDash val="solid"/>
                      <a:round/>
                      <a:headEnd type="none" w="med" len="med"/>
                      <a:tailEnd type="none" w="med" len="med"/>
                    </a:lnR>
                    <a:lnB w="28575" cap="flat" cmpd="sng" algn="ctr">
                      <a:solidFill>
                        <a:schemeClr val="tx1"/>
                      </a:solidFill>
                      <a:prstDash val="solid"/>
                      <a:round/>
                      <a:headEnd type="none" w="med" len="med"/>
                      <a:tailEnd type="none" w="med" len="med"/>
                    </a:lnB>
                  </a:tcPr>
                </a:tc>
                <a:tc hMerge="1">
                  <a:txBody>
                    <a:bodyPr/>
                    <a:lstStyle/>
                    <a:p>
                      <a:endParaRPr lang="en-US" dirty="0"/>
                    </a:p>
                  </a:txBody>
                  <a:tcPr/>
                </a:tc>
                <a:tc hMerge="1">
                  <a:txBody>
                    <a:bodyPr/>
                    <a:lstStyle/>
                    <a:p>
                      <a:endParaRPr lang="en-US" dirty="0"/>
                    </a:p>
                  </a:txBody>
                  <a:tcPr/>
                </a:tc>
                <a:tc rowSpan="2">
                  <a:txBody>
                    <a:bodyPr/>
                    <a:lstStyle/>
                    <a:p>
                      <a:pPr algn="ctr"/>
                      <a:r>
                        <a:rPr lang="en-US" sz="2400" dirty="0" smtClean="0"/>
                        <a:t>MWD’s </a:t>
                      </a:r>
                    </a:p>
                    <a:p>
                      <a:pPr algn="ctr"/>
                      <a:r>
                        <a:rPr lang="en-US" sz="2400" dirty="0" smtClean="0"/>
                        <a:t>Budget &amp; Rate</a:t>
                      </a:r>
                      <a:r>
                        <a:rPr lang="en-US" sz="2400" baseline="0" dirty="0" smtClean="0"/>
                        <a:t> Forecast Plan</a:t>
                      </a:r>
                    </a:p>
                  </a:txBody>
                  <a:tcPr anchor="ctr" anchorCtr="1">
                    <a:lnL w="28575" cap="flat" cmpd="sng" algn="ctr">
                      <a:solidFill>
                        <a:schemeClr val="tx1"/>
                      </a:solidFill>
                      <a:prstDash val="solid"/>
                      <a:round/>
                      <a:headEnd type="none" w="med" len="med"/>
                      <a:tailEnd type="none" w="med" len="med"/>
                    </a:lnL>
                  </a:tcPr>
                </a:tc>
              </a:tr>
              <a:tr h="370840">
                <a:tc>
                  <a:txBody>
                    <a:bodyPr/>
                    <a:lstStyle/>
                    <a:p>
                      <a:pPr algn="ctr"/>
                      <a:r>
                        <a:rPr lang="en-US" sz="2400" b="1" dirty="0" smtClean="0">
                          <a:solidFill>
                            <a:schemeClr val="tx1"/>
                          </a:solidFill>
                        </a:rPr>
                        <a:t>Best </a:t>
                      </a:r>
                      <a:br>
                        <a:rPr lang="en-US" sz="2400" b="1" dirty="0" smtClean="0">
                          <a:solidFill>
                            <a:schemeClr val="tx1"/>
                          </a:solidFill>
                        </a:rPr>
                      </a:br>
                      <a:r>
                        <a:rPr lang="en-US" sz="2400" b="1" dirty="0" smtClean="0">
                          <a:solidFill>
                            <a:schemeClr val="tx1"/>
                          </a:solidFill>
                        </a:rPr>
                        <a:t>Case</a:t>
                      </a:r>
                      <a:endParaRPr lang="en-US" sz="2400" b="1" dirty="0">
                        <a:solidFill>
                          <a:schemeClr val="tx1"/>
                        </a:solidFill>
                      </a:endParaRPr>
                    </a:p>
                  </a:txBody>
                  <a:tcPr>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solidFill>
                      <a:schemeClr val="accent1"/>
                    </a:solidFill>
                  </a:tcPr>
                </a:tc>
                <a:tc>
                  <a:txBody>
                    <a:bodyPr/>
                    <a:lstStyle/>
                    <a:p>
                      <a:pPr algn="ctr"/>
                      <a:r>
                        <a:rPr lang="en-US" sz="2400" b="1" dirty="0" smtClean="0">
                          <a:solidFill>
                            <a:schemeClr val="tx1"/>
                          </a:solidFill>
                        </a:rPr>
                        <a:t>Base Case</a:t>
                      </a:r>
                      <a:endParaRPr lang="en-US" sz="2400" b="1" dirty="0">
                        <a:solidFill>
                          <a:schemeClr val="tx1"/>
                        </a:solidFill>
                      </a:endParaRPr>
                    </a:p>
                  </a:txBody>
                  <a:tcPr>
                    <a:lnL w="28575"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solidFill>
                      <a:schemeClr val="accent1"/>
                    </a:solidFill>
                  </a:tcPr>
                </a:tc>
                <a:tc>
                  <a:txBody>
                    <a:bodyPr/>
                    <a:lstStyle/>
                    <a:p>
                      <a:pPr algn="ctr"/>
                      <a:r>
                        <a:rPr lang="en-US" sz="2400" b="1" dirty="0" smtClean="0">
                          <a:solidFill>
                            <a:schemeClr val="tx1"/>
                          </a:solidFill>
                        </a:rPr>
                        <a:t>Worst </a:t>
                      </a:r>
                    </a:p>
                    <a:p>
                      <a:pPr algn="ctr"/>
                      <a:r>
                        <a:rPr lang="en-US" sz="2400" b="1" dirty="0" smtClean="0">
                          <a:solidFill>
                            <a:schemeClr val="tx1"/>
                          </a:solidFill>
                        </a:rPr>
                        <a:t>Case</a:t>
                      </a:r>
                      <a:endParaRPr lang="en-US" sz="2400" b="1" dirty="0">
                        <a:solidFill>
                          <a:schemeClr val="tx1"/>
                        </a:solidFill>
                      </a:endParaRPr>
                    </a:p>
                  </a:txBody>
                  <a:tcPr>
                    <a:lnL w="28575"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solidFill>
                      <a:schemeClr val="accent1"/>
                    </a:solidFill>
                  </a:tcPr>
                </a:tc>
                <a:tc vMerge="1">
                  <a:txBody>
                    <a:bodyPr/>
                    <a:lstStyle/>
                    <a:p>
                      <a:pPr algn="ctr"/>
                      <a:endParaRPr lang="en-US" sz="2400" b="1" dirty="0"/>
                    </a:p>
                  </a:txBody>
                  <a:tcPr/>
                </a:tc>
              </a:tr>
              <a:tr h="370840">
                <a:tc>
                  <a:txBody>
                    <a:bodyPr/>
                    <a:lstStyle/>
                    <a:p>
                      <a:pPr algn="ctr"/>
                      <a:r>
                        <a:rPr lang="en-US" sz="2400" dirty="0" smtClean="0"/>
                        <a:t>$2 per month</a:t>
                      </a:r>
                      <a:endParaRPr lang="en-US" sz="2400" dirty="0"/>
                    </a:p>
                  </a:txBody>
                  <a:tcPr/>
                </a:tc>
                <a:tc>
                  <a:txBody>
                    <a:bodyPr/>
                    <a:lstStyle/>
                    <a:p>
                      <a:pPr algn="ctr"/>
                      <a:r>
                        <a:rPr lang="en-US" sz="2400" dirty="0" smtClean="0"/>
                        <a:t>$3 per month</a:t>
                      </a:r>
                      <a:endParaRPr lang="en-US" sz="2400" dirty="0"/>
                    </a:p>
                  </a:txBody>
                  <a:tcPr/>
                </a:tc>
                <a:tc>
                  <a:txBody>
                    <a:bodyPr/>
                    <a:lstStyle/>
                    <a:p>
                      <a:pPr algn="ctr"/>
                      <a:r>
                        <a:rPr lang="en-US" sz="2400" dirty="0" smtClean="0"/>
                        <a:t>$4 to 5 per month</a:t>
                      </a:r>
                      <a:endParaRPr lang="en-US" sz="2400" dirty="0"/>
                    </a:p>
                  </a:txBody>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400" dirty="0" smtClean="0"/>
                        <a:t>$5/ month</a:t>
                      </a:r>
                    </a:p>
                  </a:txBody>
                  <a:tcPr anchor="ctr" anchorCtr="1"/>
                </a:tc>
              </a:tr>
            </a:tbl>
          </a:graphicData>
        </a:graphic>
      </p:graphicFrame>
      <p:pic>
        <p:nvPicPr>
          <p:cNvPr id="8" name="Picture 2"/>
          <p:cNvPicPr>
            <a:picLocks noChangeAspect="1" noChangeArrowheads="1"/>
          </p:cNvPicPr>
          <p:nvPr/>
        </p:nvPicPr>
        <p:blipFill>
          <a:blip r:embed="rId4">
            <a:extLst>
              <a:ext uri="{BEBA8EAE-BF5A-486C-A8C5-ECC9F3942E4B}">
                <a14:imgProps xmlns:a14="http://schemas.microsoft.com/office/drawing/2010/main">
                  <a14:imgLayer r:embed="rId5">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304800" y="223838"/>
            <a:ext cx="1376362" cy="1376362"/>
          </a:xfrm>
          <a:prstGeom prst="rect">
            <a:avLst/>
          </a:prstGeom>
          <a:noFill/>
          <a:ln>
            <a:noFill/>
          </a:ln>
          <a:effectLst>
            <a:glow rad="228600">
              <a:schemeClr val="tx1">
                <a:alpha val="40000"/>
              </a:schemeClr>
            </a:glo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300926770"/>
      </p:ext>
    </p:extLst>
  </p:cSld>
  <p:clrMapOvr>
    <a:masterClrMapping/>
  </p:clrMapOvr>
  <p:transition spd="slow">
    <p:fade/>
  </p:transition>
  <p:timing>
    <p:tnLst>
      <p:par>
        <p:cTn id="1" dur="indefinite" restart="never" nodeType="tmRoot"/>
      </p:par>
    </p:tnLst>
  </p:timing>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Chart 8"/>
          <p:cNvGraphicFramePr>
            <a:graphicFrameLocks/>
          </p:cNvGraphicFramePr>
          <p:nvPr>
            <p:extLst>
              <p:ext uri="{D42A27DB-BD31-4B8C-83A1-F6EECF244321}">
                <p14:modId xmlns:p14="http://schemas.microsoft.com/office/powerpoint/2010/main" val="279659997"/>
              </p:ext>
            </p:extLst>
          </p:nvPr>
        </p:nvGraphicFramePr>
        <p:xfrm>
          <a:off x="468625" y="2051072"/>
          <a:ext cx="8206748" cy="3968728"/>
        </p:xfrm>
        <a:graphic>
          <a:graphicData uri="http://schemas.openxmlformats.org/drawingml/2006/chart">
            <c:chart xmlns:c="http://schemas.openxmlformats.org/drawingml/2006/chart" xmlns:r="http://schemas.openxmlformats.org/officeDocument/2006/relationships" r:id="rId3"/>
          </a:graphicData>
        </a:graphic>
      </p:graphicFrame>
      <p:grpSp>
        <p:nvGrpSpPr>
          <p:cNvPr id="5" name="Group 4"/>
          <p:cNvGrpSpPr/>
          <p:nvPr/>
        </p:nvGrpSpPr>
        <p:grpSpPr>
          <a:xfrm>
            <a:off x="5715000" y="2811955"/>
            <a:ext cx="1854200" cy="1531445"/>
            <a:chOff x="-2616200" y="-891702"/>
            <a:chExt cx="1854200" cy="1531445"/>
          </a:xfrm>
        </p:grpSpPr>
        <p:grpSp>
          <p:nvGrpSpPr>
            <p:cNvPr id="4" name="Group 3"/>
            <p:cNvGrpSpPr/>
            <p:nvPr/>
          </p:nvGrpSpPr>
          <p:grpSpPr>
            <a:xfrm>
              <a:off x="-2616200" y="-762000"/>
              <a:ext cx="152400" cy="1325543"/>
              <a:chOff x="-2616200" y="-762000"/>
              <a:chExt cx="152400" cy="1325543"/>
            </a:xfrm>
          </p:grpSpPr>
          <p:sp>
            <p:nvSpPr>
              <p:cNvPr id="2" name="Rectangle 1"/>
              <p:cNvSpPr/>
              <p:nvPr/>
            </p:nvSpPr>
            <p:spPr bwMode="auto">
              <a:xfrm>
                <a:off x="-2616200" y="-762000"/>
                <a:ext cx="152400" cy="152400"/>
              </a:xfrm>
              <a:prstGeom prst="rect">
                <a:avLst/>
              </a:prstGeom>
              <a:solidFill>
                <a:schemeClr val="accent1">
                  <a:lumMod val="75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sp>
            <p:nvSpPr>
              <p:cNvPr id="15" name="Rectangle 14"/>
              <p:cNvSpPr/>
              <p:nvPr/>
            </p:nvSpPr>
            <p:spPr bwMode="auto">
              <a:xfrm>
                <a:off x="-2616200" y="-350857"/>
                <a:ext cx="152400" cy="152400"/>
              </a:xfrm>
              <a:prstGeom prst="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sp>
            <p:nvSpPr>
              <p:cNvPr id="16" name="Rectangle 15"/>
              <p:cNvSpPr/>
              <p:nvPr/>
            </p:nvSpPr>
            <p:spPr bwMode="auto">
              <a:xfrm>
                <a:off x="-2616200" y="30143"/>
                <a:ext cx="152400" cy="152400"/>
              </a:xfrm>
              <a:prstGeom prst="rect">
                <a:avLst/>
              </a:prstGeom>
              <a:solidFill>
                <a:schemeClr val="accent4">
                  <a:lumMod val="75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sp>
            <p:nvSpPr>
              <p:cNvPr id="17" name="Rectangle 16"/>
              <p:cNvSpPr/>
              <p:nvPr/>
            </p:nvSpPr>
            <p:spPr bwMode="auto">
              <a:xfrm>
                <a:off x="-2616200" y="411143"/>
                <a:ext cx="152400" cy="152400"/>
              </a:xfrm>
              <a:prstGeom prst="rect">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grpSp>
        <p:sp>
          <p:nvSpPr>
            <p:cNvPr id="3" name="TextBox 2"/>
            <p:cNvSpPr txBox="1"/>
            <p:nvPr/>
          </p:nvSpPr>
          <p:spPr>
            <a:xfrm>
              <a:off x="-2362200" y="-891702"/>
              <a:ext cx="1600200" cy="1531445"/>
            </a:xfrm>
            <a:prstGeom prst="rect">
              <a:avLst/>
            </a:prstGeom>
            <a:noFill/>
          </p:spPr>
          <p:txBody>
            <a:bodyPr wrap="square" rtlCol="0">
              <a:spAutoFit/>
            </a:bodyPr>
            <a:lstStyle/>
            <a:p>
              <a:pPr>
                <a:lnSpc>
                  <a:spcPct val="150000"/>
                </a:lnSpc>
              </a:pPr>
              <a:r>
                <a:rPr lang="en-US" sz="1600" dirty="0" smtClean="0">
                  <a:latin typeface="+mj-lt"/>
                </a:rPr>
                <a:t>Wet</a:t>
              </a:r>
            </a:p>
            <a:p>
              <a:pPr>
                <a:lnSpc>
                  <a:spcPct val="150000"/>
                </a:lnSpc>
              </a:pPr>
              <a:r>
                <a:rPr lang="en-US" sz="1600" dirty="0" smtClean="0">
                  <a:latin typeface="+mj-lt"/>
                </a:rPr>
                <a:t>Below Normal</a:t>
              </a:r>
            </a:p>
            <a:p>
              <a:pPr>
                <a:lnSpc>
                  <a:spcPct val="150000"/>
                </a:lnSpc>
              </a:pPr>
              <a:r>
                <a:rPr lang="en-US" sz="1600" dirty="0" smtClean="0">
                  <a:latin typeface="+mj-lt"/>
                </a:rPr>
                <a:t>Dry </a:t>
              </a:r>
            </a:p>
            <a:p>
              <a:pPr>
                <a:lnSpc>
                  <a:spcPct val="150000"/>
                </a:lnSpc>
              </a:pPr>
              <a:r>
                <a:rPr lang="en-US" sz="1600" dirty="0" smtClean="0">
                  <a:latin typeface="+mj-lt"/>
                </a:rPr>
                <a:t>Critical</a:t>
              </a:r>
            </a:p>
          </p:txBody>
        </p:sp>
      </p:grpSp>
      <p:graphicFrame>
        <p:nvGraphicFramePr>
          <p:cNvPr id="19" name="Content Placeholder 3"/>
          <p:cNvGraphicFramePr>
            <a:graphicFrameLocks/>
          </p:cNvGraphicFramePr>
          <p:nvPr>
            <p:extLst>
              <p:ext uri="{D42A27DB-BD31-4B8C-83A1-F6EECF244321}">
                <p14:modId xmlns:p14="http://schemas.microsoft.com/office/powerpoint/2010/main" val="3606174436"/>
              </p:ext>
            </p:extLst>
          </p:nvPr>
        </p:nvGraphicFramePr>
        <p:xfrm>
          <a:off x="304800" y="6019800"/>
          <a:ext cx="8229600" cy="548640"/>
        </p:xfrm>
        <a:graphic>
          <a:graphicData uri="http://schemas.openxmlformats.org/drawingml/2006/table">
            <a:tbl>
              <a:tblPr>
                <a:tableStyleId>{BC89EF96-8CEA-46FF-86C4-4CE0E7609802}</a:tableStyleId>
              </a:tblPr>
              <a:tblGrid>
                <a:gridCol w="1371600"/>
                <a:gridCol w="990600"/>
                <a:gridCol w="1219200"/>
                <a:gridCol w="1143000"/>
                <a:gridCol w="1143000"/>
                <a:gridCol w="1143000"/>
                <a:gridCol w="1219200"/>
              </a:tblGrid>
              <a:tr h="548640">
                <a:tc>
                  <a:txBody>
                    <a:bodyPr/>
                    <a:lstStyle/>
                    <a:p>
                      <a:pPr algn="ctr" fontAlgn="b"/>
                      <a:r>
                        <a:rPr lang="en-US" sz="1200" b="1" i="0" u="none" strike="noStrike" dirty="0" smtClean="0">
                          <a:solidFill>
                            <a:schemeClr val="tx1">
                              <a:lumMod val="75000"/>
                              <a:lumOff val="25000"/>
                            </a:schemeClr>
                          </a:solidFill>
                          <a:effectLst/>
                          <a:latin typeface="+mj-lt"/>
                        </a:rPr>
                        <a:t>Storm</a:t>
                      </a:r>
                      <a:r>
                        <a:rPr lang="en-US" sz="1200" b="1" i="0" u="none" strike="noStrike" baseline="0" dirty="0" smtClean="0">
                          <a:solidFill>
                            <a:schemeClr val="tx1">
                              <a:lumMod val="75000"/>
                              <a:lumOff val="25000"/>
                            </a:schemeClr>
                          </a:solidFill>
                          <a:effectLst/>
                          <a:latin typeface="+mj-lt"/>
                        </a:rPr>
                        <a:t> Flow Period:</a:t>
                      </a:r>
                      <a:endParaRPr lang="en-US" sz="1200" b="1"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1/20/10-</a:t>
                      </a:r>
                      <a:r>
                        <a:rPr lang="en-US" sz="1200" b="0" i="0" u="none" strike="noStrike" baseline="0" dirty="0" smtClean="0">
                          <a:solidFill>
                            <a:schemeClr val="tx1">
                              <a:lumMod val="75000"/>
                              <a:lumOff val="25000"/>
                            </a:schemeClr>
                          </a:solidFill>
                          <a:effectLst/>
                          <a:latin typeface="+mj-lt"/>
                        </a:rPr>
                        <a:t>3/16/10</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12/7/10-7/11/11 </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1/23/12-5/16/12</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12/1/12-2/17/13</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2/9/14-4/10/14</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fontAlgn="b"/>
                      <a:r>
                        <a:rPr lang="en-US" sz="1200" b="0" i="0" u="none" strike="noStrike" dirty="0" smtClean="0">
                          <a:solidFill>
                            <a:schemeClr val="tx1">
                              <a:lumMod val="75000"/>
                              <a:lumOff val="25000"/>
                            </a:schemeClr>
                          </a:solidFill>
                          <a:effectLst/>
                          <a:latin typeface="+mj-lt"/>
                        </a:rPr>
                        <a:t>12/12/14-1/11/15</a:t>
                      </a:r>
                      <a:endParaRPr lang="en-US" sz="1200" b="0" i="0" u="none" strike="noStrike" dirty="0">
                        <a:solidFill>
                          <a:schemeClr val="tx1">
                            <a:lumMod val="75000"/>
                            <a:lumOff val="25000"/>
                          </a:schemeClr>
                        </a:solidFill>
                        <a:effectLst/>
                        <a:latin typeface="+mj-lt"/>
                      </a:endParaRPr>
                    </a:p>
                  </a:txBody>
                  <a:tcPr marL="9525" marR="9525" marT="9525"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6" name="Title 5"/>
          <p:cNvSpPr>
            <a:spLocks noGrp="1"/>
          </p:cNvSpPr>
          <p:nvPr>
            <p:ph type="title"/>
          </p:nvPr>
        </p:nvSpPr>
        <p:spPr>
          <a:xfrm>
            <a:off x="381000" y="230188"/>
            <a:ext cx="8382000" cy="1218795"/>
          </a:xfrm>
        </p:spPr>
        <p:txBody>
          <a:bodyPr/>
          <a:lstStyle/>
          <a:p>
            <a:pPr algn="ctr"/>
            <a:r>
              <a:rPr lang="en-US" dirty="0" smtClean="0"/>
              <a:t>California WaterFix allows for</a:t>
            </a:r>
            <a:br>
              <a:rPr lang="en-US" dirty="0" smtClean="0"/>
            </a:br>
            <a:r>
              <a:rPr lang="en-US" dirty="0" smtClean="0"/>
              <a:t>improved capture of flood flows</a:t>
            </a:r>
            <a:endParaRPr lang="en-US" dirty="0"/>
          </a:p>
        </p:txBody>
      </p:sp>
    </p:spTree>
    <p:extLst>
      <p:ext uri="{BB962C8B-B14F-4D97-AF65-F5344CB8AC3E}">
        <p14:creationId xmlns:p14="http://schemas.microsoft.com/office/powerpoint/2010/main" val="1603642498"/>
      </p:ext>
    </p:extLst>
  </p:cSld>
  <p:clrMapOvr>
    <a:masterClrMapping/>
  </p:clrMapOvr>
  <p:transition>
    <p:fade/>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3"/>
          <p:cNvSpPr>
            <a:spLocks noGrp="1"/>
          </p:cNvSpPr>
          <p:nvPr>
            <p:ph type="title"/>
          </p:nvPr>
        </p:nvSpPr>
        <p:spPr>
          <a:xfrm>
            <a:off x="533400" y="381000"/>
            <a:ext cx="8229600" cy="1107996"/>
          </a:xfrm>
        </p:spPr>
        <p:txBody>
          <a:bodyPr/>
          <a:lstStyle/>
          <a:p>
            <a:r>
              <a:rPr lang="en-US" dirty="0"/>
              <a:t>California Water Fix</a:t>
            </a:r>
            <a:br>
              <a:rPr lang="en-US" dirty="0"/>
            </a:br>
            <a:r>
              <a:rPr lang="en-US" sz="3600" dirty="0" smtClean="0">
                <a:solidFill>
                  <a:schemeClr val="tx1"/>
                </a:solidFill>
              </a:rPr>
              <a:t>Estimated Cost Analysis</a:t>
            </a:r>
            <a:endParaRPr lang="en-US" sz="3600" dirty="0">
              <a:solidFill>
                <a:schemeClr val="tx1"/>
              </a:solidFill>
            </a:endParaRPr>
          </a:p>
        </p:txBody>
      </p:sp>
      <p:sp>
        <p:nvSpPr>
          <p:cNvPr id="4" name="Slide Number Placeholder 3"/>
          <p:cNvSpPr>
            <a:spLocks noGrp="1"/>
          </p:cNvSpPr>
          <p:nvPr>
            <p:ph type="sldNum" sz="quarter" idx="11"/>
          </p:nvPr>
        </p:nvSpPr>
        <p:spPr/>
        <p:txBody>
          <a:bodyPr/>
          <a:lstStyle/>
          <a:p>
            <a:pPr algn="ctr"/>
            <a:fld id="{BBD5DA8B-909A-4A9A-84AE-26D515D4E1A6}" type="slidenum">
              <a:rPr lang="en-US" smtClean="0">
                <a:solidFill>
                  <a:prstClr val="white"/>
                </a:solidFill>
              </a:rPr>
              <a:pPr algn="ctr"/>
              <a:t>18</a:t>
            </a:fld>
            <a:endParaRPr lang="en-US" dirty="0">
              <a:solidFill>
                <a:prstClr val="white"/>
              </a:solidFill>
            </a:endParaRPr>
          </a:p>
        </p:txBody>
      </p:sp>
      <p:graphicFrame>
        <p:nvGraphicFramePr>
          <p:cNvPr id="6" name="Table 5"/>
          <p:cNvGraphicFramePr>
            <a:graphicFrameLocks noGrp="1"/>
          </p:cNvGraphicFramePr>
          <p:nvPr>
            <p:extLst>
              <p:ext uri="{D42A27DB-BD31-4B8C-83A1-F6EECF244321}">
                <p14:modId xmlns:p14="http://schemas.microsoft.com/office/powerpoint/2010/main" val="3760242747"/>
              </p:ext>
            </p:extLst>
          </p:nvPr>
        </p:nvGraphicFramePr>
        <p:xfrm>
          <a:off x="436728" y="1985010"/>
          <a:ext cx="8270544" cy="2752344"/>
        </p:xfrm>
        <a:graphic>
          <a:graphicData uri="http://schemas.openxmlformats.org/drawingml/2006/table">
            <a:tbl>
              <a:tblPr firstRow="1" bandRow="1">
                <a:tableStyleId>{46F890A9-2807-4EBB-B81D-B2AA78EC7F39}</a:tableStyleId>
              </a:tblPr>
              <a:tblGrid>
                <a:gridCol w="5451144"/>
                <a:gridCol w="2819400"/>
              </a:tblGrid>
              <a:tr h="152400">
                <a:tc>
                  <a:txBody>
                    <a:bodyPr/>
                    <a:lstStyle/>
                    <a:p>
                      <a:pPr algn="ctr">
                        <a:lnSpc>
                          <a:spcPct val="90000"/>
                        </a:lnSpc>
                      </a:pPr>
                      <a:r>
                        <a:rPr lang="en-US" sz="2200" dirty="0" smtClean="0"/>
                        <a:t>Mitigation</a:t>
                      </a:r>
                      <a:endParaRPr lang="en-US" sz="2200" dirty="0">
                        <a:solidFill>
                          <a:schemeClr val="tx1"/>
                        </a:solidFill>
                        <a:latin typeface="+mn-lt"/>
                      </a:endParaRPr>
                    </a:p>
                  </a:txBody>
                  <a:tcPr marL="45720" marR="45720"/>
                </a:tc>
                <a:tc>
                  <a:txBody>
                    <a:bodyPr/>
                    <a:lstStyle/>
                    <a:p>
                      <a:pPr algn="ctr">
                        <a:lnSpc>
                          <a:spcPct val="90000"/>
                        </a:lnSpc>
                      </a:pPr>
                      <a:endParaRPr lang="en-US" sz="2200" dirty="0">
                        <a:solidFill>
                          <a:schemeClr val="tx1"/>
                        </a:solidFill>
                        <a:latin typeface="+mn-lt"/>
                      </a:endParaRPr>
                    </a:p>
                  </a:txBody>
                  <a:tcPr marL="45720" marR="45720"/>
                </a:tc>
              </a:tr>
              <a:tr h="239951">
                <a:tc>
                  <a:txBody>
                    <a:bodyPr/>
                    <a:lstStyle/>
                    <a:p>
                      <a:pPr marL="122237" marR="0" indent="0" algn="l" defTabSz="914363" rtl="0" eaLnBrk="1" fontAlgn="b" latinLnBrk="0" hangingPunct="1">
                        <a:lnSpc>
                          <a:spcPct val="90000"/>
                        </a:lnSpc>
                        <a:spcBef>
                          <a:spcPts val="0"/>
                        </a:spcBef>
                        <a:spcAft>
                          <a:spcPts val="0"/>
                        </a:spcAft>
                        <a:buClrTx/>
                        <a:buSzTx/>
                        <a:buFont typeface="Arial" panose="020B0604020202020204" pitchFamily="34" charset="0"/>
                        <a:buNone/>
                        <a:tabLst/>
                        <a:defRPr/>
                      </a:pPr>
                      <a:r>
                        <a:rPr lang="en-US" sz="2200" b="1" u="none" strike="noStrike" dirty="0" smtClean="0">
                          <a:effectLst/>
                        </a:rPr>
                        <a:t>Program Administration</a:t>
                      </a:r>
                      <a:endParaRPr lang="en-US" sz="2200" b="1" i="0" u="none" strike="noStrike" dirty="0" smtClean="0">
                        <a:solidFill>
                          <a:schemeClr val="tx1"/>
                        </a:solidFill>
                        <a:effectLst/>
                        <a:latin typeface="+mn-lt"/>
                      </a:endParaRPr>
                    </a:p>
                  </a:txBody>
                  <a:tcPr marL="45720" marR="45720" anchor="b"/>
                </a:tc>
                <a:tc>
                  <a:txBody>
                    <a:bodyPr/>
                    <a:lstStyle/>
                    <a:p>
                      <a:pPr marL="0" indent="0" algn="l" fontAlgn="b">
                        <a:lnSpc>
                          <a:spcPct val="90000"/>
                        </a:lnSpc>
                        <a:buFont typeface="Arial" panose="020B0604020202020204" pitchFamily="34" charset="0"/>
                        <a:buNone/>
                      </a:pPr>
                      <a:r>
                        <a:rPr lang="en-US" sz="2200" u="none" strike="noStrike" dirty="0" smtClean="0">
                          <a:effectLst/>
                        </a:rPr>
                        <a:t>  $13</a:t>
                      </a:r>
                      <a:r>
                        <a:rPr lang="en-US" sz="2200" u="none" strike="noStrike" baseline="0" dirty="0" smtClean="0">
                          <a:effectLst/>
                        </a:rPr>
                        <a:t> million</a:t>
                      </a:r>
                      <a:endParaRPr lang="en-US" sz="2200" b="0" i="0" u="none" strike="noStrike" dirty="0">
                        <a:solidFill>
                          <a:schemeClr val="tx1"/>
                        </a:solidFill>
                        <a:effectLst/>
                        <a:latin typeface="+mn-lt"/>
                      </a:endParaRPr>
                    </a:p>
                  </a:txBody>
                  <a:tcPr marL="45720" marR="45720" anchorCtr="1"/>
                </a:tc>
              </a:tr>
              <a:tr h="239951">
                <a:tc>
                  <a:txBody>
                    <a:bodyPr/>
                    <a:lstStyle/>
                    <a:p>
                      <a:pPr marL="122237" indent="0" algn="l" fontAlgn="b">
                        <a:lnSpc>
                          <a:spcPct val="90000"/>
                        </a:lnSpc>
                        <a:buFont typeface="Arial" panose="020B0604020202020204" pitchFamily="34" charset="0"/>
                        <a:buNone/>
                      </a:pPr>
                      <a:r>
                        <a:rPr lang="en-US" sz="2200" b="1" u="none" strike="noStrike" dirty="0" smtClean="0">
                          <a:effectLst/>
                        </a:rPr>
                        <a:t>Mitigation</a:t>
                      </a:r>
                    </a:p>
                  </a:txBody>
                  <a:tcPr marL="45720" marR="45720" anchor="b"/>
                </a:tc>
                <a:tc>
                  <a:txBody>
                    <a:bodyPr/>
                    <a:lstStyle/>
                    <a:p>
                      <a:pPr marL="0" indent="0" algn="l" fontAlgn="b">
                        <a:lnSpc>
                          <a:spcPct val="90000"/>
                        </a:lnSpc>
                        <a:buFont typeface="Arial" panose="020B0604020202020204" pitchFamily="34" charset="0"/>
                        <a:buNone/>
                      </a:pPr>
                      <a:r>
                        <a:rPr lang="en-US" sz="2200" u="none" strike="noStrike" dirty="0" smtClean="0">
                          <a:effectLst/>
                        </a:rPr>
                        <a:t>$395 million</a:t>
                      </a:r>
                      <a:endParaRPr lang="en-US" sz="2200" b="0" i="0" u="none" strike="noStrike" dirty="0">
                        <a:solidFill>
                          <a:schemeClr val="tx1"/>
                        </a:solidFill>
                        <a:effectLst/>
                        <a:latin typeface="+mn-lt"/>
                      </a:endParaRPr>
                    </a:p>
                  </a:txBody>
                  <a:tcPr marL="45720" marR="45720" anchorCtr="1"/>
                </a:tc>
              </a:tr>
              <a:tr h="239951">
                <a:tc>
                  <a:txBody>
                    <a:bodyPr/>
                    <a:lstStyle/>
                    <a:p>
                      <a:pPr marL="122237" marR="0" indent="0" algn="l" defTabSz="914363" rtl="0" eaLnBrk="1" fontAlgn="b" latinLnBrk="0" hangingPunct="1">
                        <a:lnSpc>
                          <a:spcPct val="90000"/>
                        </a:lnSpc>
                        <a:spcBef>
                          <a:spcPts val="0"/>
                        </a:spcBef>
                        <a:spcAft>
                          <a:spcPts val="0"/>
                        </a:spcAft>
                        <a:buClrTx/>
                        <a:buSzTx/>
                        <a:buFont typeface="Arial" panose="020B0604020202020204" pitchFamily="34" charset="0"/>
                        <a:buNone/>
                        <a:tabLst/>
                        <a:defRPr/>
                      </a:pPr>
                      <a:r>
                        <a:rPr lang="en-US" sz="2200" b="1" u="none" strike="noStrike" dirty="0" smtClean="0">
                          <a:effectLst/>
                        </a:rPr>
                        <a:t>Monitoring (terrestrial and aquatic)</a:t>
                      </a:r>
                      <a:endParaRPr lang="en-US" sz="2200" b="1" i="0" u="none" strike="noStrike" dirty="0" smtClean="0">
                        <a:solidFill>
                          <a:srgbClr val="000000"/>
                        </a:solidFill>
                        <a:effectLst/>
                        <a:latin typeface="+mn-lt"/>
                      </a:endParaRPr>
                    </a:p>
                  </a:txBody>
                  <a:tcPr marL="45720" marR="45720" anchor="b"/>
                </a:tc>
                <a:tc>
                  <a:txBody>
                    <a:bodyPr/>
                    <a:lstStyle/>
                    <a:p>
                      <a:pPr marL="0" marR="0" indent="0" algn="l" defTabSz="914363" rtl="0" eaLnBrk="1" fontAlgn="b" latinLnBrk="0" hangingPunct="1">
                        <a:lnSpc>
                          <a:spcPct val="90000"/>
                        </a:lnSpc>
                        <a:spcBef>
                          <a:spcPts val="0"/>
                        </a:spcBef>
                        <a:spcAft>
                          <a:spcPts val="0"/>
                        </a:spcAft>
                        <a:buClrTx/>
                        <a:buSzTx/>
                        <a:buFont typeface="Arial" panose="020B0604020202020204" pitchFamily="34" charset="0"/>
                        <a:buNone/>
                        <a:tabLst/>
                        <a:defRPr/>
                      </a:pPr>
                      <a:r>
                        <a:rPr lang="en-US" sz="2200" u="none" strike="noStrike" dirty="0" smtClean="0">
                          <a:effectLst/>
                        </a:rPr>
                        <a:t>$134 million</a:t>
                      </a:r>
                      <a:endParaRPr lang="en-US" sz="2200" b="0" i="0" u="none" strike="noStrike" dirty="0" smtClean="0">
                        <a:solidFill>
                          <a:schemeClr val="tx1"/>
                        </a:solidFill>
                        <a:effectLst/>
                        <a:latin typeface="+mn-lt"/>
                      </a:endParaRPr>
                    </a:p>
                  </a:txBody>
                  <a:tcPr marL="45720" marR="45720" anchorCtr="1"/>
                </a:tc>
              </a:tr>
              <a:tr h="239951">
                <a:tc>
                  <a:txBody>
                    <a:bodyPr/>
                    <a:lstStyle/>
                    <a:p>
                      <a:pPr marL="122237" marR="0" indent="0" algn="l" defTabSz="914363" rtl="0" eaLnBrk="1" fontAlgn="b" latinLnBrk="0" hangingPunct="1">
                        <a:lnSpc>
                          <a:spcPct val="90000"/>
                        </a:lnSpc>
                        <a:spcBef>
                          <a:spcPts val="0"/>
                        </a:spcBef>
                        <a:spcAft>
                          <a:spcPts val="0"/>
                        </a:spcAft>
                        <a:buClrTx/>
                        <a:buSzTx/>
                        <a:buFont typeface="Arial" panose="020B0604020202020204" pitchFamily="34" charset="0"/>
                        <a:buNone/>
                        <a:tabLst/>
                        <a:defRPr/>
                      </a:pPr>
                      <a:r>
                        <a:rPr lang="en-US" sz="2200" b="1" u="none" strike="noStrike" dirty="0" smtClean="0">
                          <a:effectLst/>
                        </a:rPr>
                        <a:t>Property tax revenue replacement</a:t>
                      </a:r>
                      <a:endParaRPr lang="en-US" sz="2200" b="1" i="0" u="none" strike="noStrike" dirty="0" smtClean="0">
                        <a:solidFill>
                          <a:srgbClr val="000000"/>
                        </a:solidFill>
                        <a:effectLst/>
                        <a:latin typeface="+mn-lt"/>
                      </a:endParaRPr>
                    </a:p>
                  </a:txBody>
                  <a:tcPr marL="45720" marR="45720" anchor="b"/>
                </a:tc>
                <a:tc>
                  <a:txBody>
                    <a:bodyPr/>
                    <a:lstStyle/>
                    <a:p>
                      <a:pPr marL="0" indent="0" algn="l" fontAlgn="b">
                        <a:lnSpc>
                          <a:spcPct val="90000"/>
                        </a:lnSpc>
                        <a:buFont typeface="Arial" panose="020B0604020202020204" pitchFamily="34" charset="0"/>
                        <a:buNone/>
                      </a:pPr>
                      <a:r>
                        <a:rPr lang="en-US" sz="2200" u="none" strike="noStrike" dirty="0" smtClean="0">
                          <a:effectLst/>
                        </a:rPr>
                        <a:t>  $48 million</a:t>
                      </a:r>
                      <a:endParaRPr lang="en-US" sz="2200" b="0" i="0" u="none" strike="noStrike" dirty="0">
                        <a:solidFill>
                          <a:schemeClr val="tx1"/>
                        </a:solidFill>
                        <a:effectLst/>
                        <a:latin typeface="+mn-lt"/>
                      </a:endParaRPr>
                    </a:p>
                  </a:txBody>
                  <a:tcPr marL="45720" marR="45720" anchorCtr="1"/>
                </a:tc>
              </a:tr>
              <a:tr h="239951">
                <a:tc>
                  <a:txBody>
                    <a:bodyPr/>
                    <a:lstStyle/>
                    <a:p>
                      <a:pPr marL="122237" marR="0" indent="0" algn="l" defTabSz="914363" rtl="0" eaLnBrk="1" fontAlgn="b" latinLnBrk="0" hangingPunct="1">
                        <a:lnSpc>
                          <a:spcPct val="90000"/>
                        </a:lnSpc>
                        <a:spcBef>
                          <a:spcPts val="0"/>
                        </a:spcBef>
                        <a:spcAft>
                          <a:spcPts val="0"/>
                        </a:spcAft>
                        <a:buClrTx/>
                        <a:buSzTx/>
                        <a:buFont typeface="Arial" panose="020B0604020202020204" pitchFamily="34" charset="0"/>
                        <a:buNone/>
                        <a:tabLst/>
                        <a:defRPr/>
                      </a:pPr>
                      <a:r>
                        <a:rPr lang="en-US" sz="2200" b="1" u="none" strike="noStrike" dirty="0" smtClean="0">
                          <a:effectLst/>
                        </a:rPr>
                        <a:t>Contingency (35%)</a:t>
                      </a:r>
                      <a:endParaRPr lang="en-US" sz="2200" b="1" i="0" u="none" strike="noStrike" dirty="0" smtClean="0">
                        <a:solidFill>
                          <a:srgbClr val="000000"/>
                        </a:solidFill>
                        <a:effectLst/>
                        <a:latin typeface="+mn-lt"/>
                      </a:endParaRPr>
                    </a:p>
                  </a:txBody>
                  <a:tcPr marL="45720" marR="45720" anchor="b"/>
                </a:tc>
                <a:tc>
                  <a:txBody>
                    <a:bodyPr/>
                    <a:lstStyle/>
                    <a:p>
                      <a:pPr marL="0" indent="0" algn="l" fontAlgn="b">
                        <a:lnSpc>
                          <a:spcPct val="90000"/>
                        </a:lnSpc>
                        <a:buFont typeface="Arial" panose="020B0604020202020204" pitchFamily="34" charset="0"/>
                        <a:buNone/>
                      </a:pPr>
                      <a:r>
                        <a:rPr lang="en-US" sz="2200" u="none" strike="noStrike" dirty="0" smtClean="0">
                          <a:effectLst/>
                        </a:rPr>
                        <a:t>$206 million</a:t>
                      </a:r>
                      <a:endParaRPr lang="en-US" sz="2200" b="0" i="0" u="none" strike="noStrike" dirty="0">
                        <a:solidFill>
                          <a:schemeClr val="tx1"/>
                        </a:solidFill>
                        <a:effectLst/>
                        <a:latin typeface="+mn-lt"/>
                      </a:endParaRPr>
                    </a:p>
                  </a:txBody>
                  <a:tcPr marL="45720" marR="45720" anchorCtr="1"/>
                </a:tc>
              </a:tr>
              <a:tr h="239951">
                <a:tc>
                  <a:txBody>
                    <a:bodyPr/>
                    <a:lstStyle/>
                    <a:p>
                      <a:pPr marL="0" indent="0" algn="ctr" fontAlgn="b">
                        <a:lnSpc>
                          <a:spcPct val="90000"/>
                        </a:lnSpc>
                        <a:buFont typeface="Arial" panose="020B0604020202020204" pitchFamily="34" charset="0"/>
                        <a:buNone/>
                      </a:pPr>
                      <a:r>
                        <a:rPr lang="en-US" sz="2200" b="1" u="none" strike="noStrike" dirty="0" smtClean="0">
                          <a:effectLst/>
                        </a:rPr>
                        <a:t>TOTAL (with &amp; without contingency)</a:t>
                      </a:r>
                      <a:endParaRPr lang="en-US" sz="2200" b="1" i="0" u="none" strike="noStrike" dirty="0">
                        <a:solidFill>
                          <a:schemeClr val="tx1"/>
                        </a:solidFill>
                        <a:effectLst/>
                        <a:latin typeface="+mn-lt"/>
                      </a:endParaRPr>
                    </a:p>
                  </a:txBody>
                  <a:tcPr marL="45720" marR="45720" anchor="b"/>
                </a:tc>
                <a:tc>
                  <a:txBody>
                    <a:bodyPr/>
                    <a:lstStyle/>
                    <a:p>
                      <a:pPr marL="0" indent="0" algn="l" fontAlgn="b">
                        <a:lnSpc>
                          <a:spcPct val="90000"/>
                        </a:lnSpc>
                        <a:buFont typeface="Arial" panose="020B0604020202020204" pitchFamily="34" charset="0"/>
                        <a:buNone/>
                      </a:pPr>
                      <a:r>
                        <a:rPr lang="en-US" sz="2200" b="1" u="none" strike="noStrike" dirty="0" smtClean="0">
                          <a:effectLst/>
                        </a:rPr>
                        <a:t>$590 – 796 million </a:t>
                      </a:r>
                      <a:endParaRPr lang="en-US" sz="2200" b="1" i="0" u="none" strike="noStrike" dirty="0">
                        <a:solidFill>
                          <a:schemeClr val="tx1"/>
                        </a:solidFill>
                        <a:effectLst/>
                        <a:latin typeface="+mn-lt"/>
                      </a:endParaRPr>
                    </a:p>
                  </a:txBody>
                  <a:tcPr marL="45720" marR="45720" anchorCtr="1"/>
                </a:tc>
              </a:tr>
            </a:tbl>
          </a:graphicData>
        </a:graphic>
      </p:graphicFrame>
      <p:sp>
        <p:nvSpPr>
          <p:cNvPr id="5" name="TextBox 4"/>
          <p:cNvSpPr txBox="1"/>
          <p:nvPr/>
        </p:nvSpPr>
        <p:spPr>
          <a:xfrm>
            <a:off x="304800" y="6492076"/>
            <a:ext cx="3014415" cy="307777"/>
          </a:xfrm>
          <a:prstGeom prst="rect">
            <a:avLst/>
          </a:prstGeom>
          <a:noFill/>
        </p:spPr>
        <p:txBody>
          <a:bodyPr wrap="none" rtlCol="0">
            <a:spAutoFit/>
          </a:bodyPr>
          <a:lstStyle/>
          <a:p>
            <a:r>
              <a:rPr lang="en-US" sz="1400" i="1" dirty="0" smtClean="0">
                <a:solidFill>
                  <a:srgbClr val="FFC000"/>
                </a:solidFill>
                <a:latin typeface="Calibri"/>
              </a:rPr>
              <a:t>Analysis from Cal Water Fix documents</a:t>
            </a:r>
            <a:endParaRPr lang="en-US" sz="1400" i="1" dirty="0">
              <a:solidFill>
                <a:srgbClr val="FFC000"/>
              </a:solidFill>
              <a:latin typeface="Calibri"/>
            </a:endParaRPr>
          </a:p>
        </p:txBody>
      </p:sp>
    </p:spTree>
    <p:extLst>
      <p:ext uri="{BB962C8B-B14F-4D97-AF65-F5344CB8AC3E}">
        <p14:creationId xmlns:p14="http://schemas.microsoft.com/office/powerpoint/2010/main" val="2310278907"/>
      </p:ext>
    </p:extLst>
  </p:cSld>
  <p:clrMapOvr>
    <a:masterClrMapping/>
  </p:clrMapOvr>
  <p:transition spd="slow">
    <p:fade/>
  </p:transition>
  <p:timing>
    <p:tnLst>
      <p:par>
        <p:cTn id="1" dur="indefinite" restart="never" nodeType="tmRoot"/>
      </p:par>
    </p:tnLst>
  </p:timing>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2681104"/>
            <a:ext cx="8229600" cy="1495794"/>
          </a:xfrm>
        </p:spPr>
        <p:txBody>
          <a:bodyPr/>
          <a:lstStyle/>
          <a:p>
            <a:r>
              <a:rPr lang="en-US" dirty="0" smtClean="0"/>
              <a:t>Staff Reference</a:t>
            </a:r>
            <a:br>
              <a:rPr lang="en-US" dirty="0" smtClean="0"/>
            </a:br>
            <a:r>
              <a:rPr lang="en-US" dirty="0" smtClean="0"/>
              <a:t>ONLY</a:t>
            </a:r>
            <a:endParaRPr lang="en-US" dirty="0"/>
          </a:p>
        </p:txBody>
      </p:sp>
    </p:spTree>
    <p:extLst>
      <p:ext uri="{BB962C8B-B14F-4D97-AF65-F5344CB8AC3E}">
        <p14:creationId xmlns:p14="http://schemas.microsoft.com/office/powerpoint/2010/main" val="3812401803"/>
      </p:ext>
    </p:extLst>
  </p:cSld>
  <p:clrMapOvr>
    <a:masterClrMapping/>
  </p:clrMapOvr>
  <p:transition spd="slow">
    <p:fade/>
  </p:transition>
  <p:timing>
    <p:tnLst>
      <p:par>
        <p:cTn id="1" dur="indefinite" restart="never" nodeType="tmRoot"/>
      </p:par>
    </p:tnLst>
  </p:timing>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L:\Staff Folders\Neudeck\Bay-Delta Conservation Plan\Business Committee\2016-03\AttendeeViewerImage016.bmp"/>
          <p:cNvPicPr>
            <a:picLocks noChangeAspect="1" noChangeArrowheads="1"/>
          </p:cNvPicPr>
          <p:nvPr/>
        </p:nvPicPr>
        <p:blipFill rotWithShape="1">
          <a:blip r:embed="rId3">
            <a:extLst>
              <a:ext uri="{28A0092B-C50C-407E-A947-70E740481C1C}">
                <a14:useLocalDpi xmlns:a14="http://schemas.microsoft.com/office/drawing/2010/main" val="0"/>
              </a:ext>
            </a:extLst>
          </a:blip>
          <a:srcRect l="5657" t="15155" r="8409" b="10082"/>
          <a:stretch/>
        </p:blipFill>
        <p:spPr bwMode="auto">
          <a:xfrm>
            <a:off x="217293" y="2030500"/>
            <a:ext cx="8698107" cy="429410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a:xfrm>
            <a:off x="533400" y="381000"/>
            <a:ext cx="8229600" cy="1107996"/>
          </a:xfrm>
        </p:spPr>
        <p:txBody>
          <a:bodyPr/>
          <a:lstStyle/>
          <a:p>
            <a:r>
              <a:rPr lang="en-US" sz="4000" dirty="0" smtClean="0"/>
              <a:t>California WaterFix</a:t>
            </a:r>
            <a:br>
              <a:rPr lang="en-US" sz="4000" dirty="0" smtClean="0"/>
            </a:br>
            <a:r>
              <a:rPr lang="en-US" sz="4000" dirty="0" smtClean="0"/>
              <a:t>State Water Contractors Financing Agrmts</a:t>
            </a:r>
            <a:endParaRPr lang="en-US" sz="4000" dirty="0"/>
          </a:p>
        </p:txBody>
      </p:sp>
    </p:spTree>
    <p:extLst>
      <p:ext uri="{BB962C8B-B14F-4D97-AF65-F5344CB8AC3E}">
        <p14:creationId xmlns:p14="http://schemas.microsoft.com/office/powerpoint/2010/main" val="710947183"/>
      </p:ext>
    </p:extLst>
  </p:cSld>
  <p:clrMapOvr>
    <a:masterClrMapping/>
  </p:clrMapOvr>
  <p:transition spd="slow">
    <p:fade/>
  </p:transition>
  <p:timing>
    <p:tnLst>
      <p:par>
        <p:cTn id="1" dur="indefinite" restart="never" nodeType="tmRoot"/>
      </p:par>
    </p:tnLst>
  </p:timing>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descr="L:\Staff Folders\Neudeck\Bay-Delta Conservation Plan\Business Committee\2016-03\AttendeeViewerImage017.bmp"/>
          <p:cNvPicPr>
            <a:picLocks noChangeAspect="1" noChangeArrowheads="1"/>
          </p:cNvPicPr>
          <p:nvPr/>
        </p:nvPicPr>
        <p:blipFill rotWithShape="1">
          <a:blip r:embed="rId3">
            <a:extLst>
              <a:ext uri="{28A0092B-C50C-407E-A947-70E740481C1C}">
                <a14:useLocalDpi xmlns:a14="http://schemas.microsoft.com/office/drawing/2010/main" val="0"/>
              </a:ext>
            </a:extLst>
          </a:blip>
          <a:srcRect l="7500" t="17287" r="7016" b="19802"/>
          <a:stretch/>
        </p:blipFill>
        <p:spPr bwMode="auto">
          <a:xfrm>
            <a:off x="63911" y="2362200"/>
            <a:ext cx="8940991" cy="373380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a:xfrm>
            <a:off x="533400" y="381000"/>
            <a:ext cx="8229600" cy="1107996"/>
          </a:xfrm>
        </p:spPr>
        <p:txBody>
          <a:bodyPr/>
          <a:lstStyle/>
          <a:p>
            <a:r>
              <a:rPr lang="en-US" dirty="0" smtClean="0"/>
              <a:t>California WaterFix</a:t>
            </a:r>
            <a:br>
              <a:rPr lang="en-US" dirty="0" smtClean="0"/>
            </a:br>
            <a:r>
              <a:rPr lang="en-US" sz="3600" dirty="0" smtClean="0">
                <a:solidFill>
                  <a:schemeClr val="tx1"/>
                </a:solidFill>
              </a:rPr>
              <a:t>State Water Project Agreements</a:t>
            </a:r>
            <a:endParaRPr lang="en-US" dirty="0">
              <a:solidFill>
                <a:schemeClr val="tx1"/>
              </a:solidFill>
            </a:endParaRPr>
          </a:p>
        </p:txBody>
      </p:sp>
    </p:spTree>
    <p:extLst>
      <p:ext uri="{BB962C8B-B14F-4D97-AF65-F5344CB8AC3E}">
        <p14:creationId xmlns:p14="http://schemas.microsoft.com/office/powerpoint/2010/main" val="170680309"/>
      </p:ext>
    </p:extLst>
  </p:cSld>
  <p:clrMapOvr>
    <a:masterClrMapping/>
  </p:clrMapOvr>
  <p:transition spd="slow">
    <p:fade/>
  </p:transition>
  <p:timing>
    <p:tnLst>
      <p:par>
        <p:cTn id="1" dur="indefinite" restart="never" nodeType="tmRoot"/>
      </p:par>
    </p:tnLst>
  </p:timing>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152400" y="6424099"/>
            <a:ext cx="8763000" cy="433901"/>
          </a:xfrm>
          <a:prstGeom prst="rect">
            <a:avLst/>
          </a:prstGeom>
        </p:spPr>
        <p:txBody>
          <a:bodyPr wrap="square">
            <a:spAutoFit/>
          </a:bodyPr>
          <a:lstStyle/>
          <a:p>
            <a:pPr marL="342900" indent="-342900">
              <a:lnSpc>
                <a:spcPct val="85000"/>
              </a:lnSpc>
              <a:buFontTx/>
              <a:buAutoNum type="arabicParenBoth"/>
            </a:pPr>
            <a:r>
              <a:rPr lang="en-US" sz="1300" i="1" dirty="0" smtClean="0">
                <a:solidFill>
                  <a:srgbClr val="CC9900"/>
                </a:solidFill>
                <a:latin typeface="Calibri"/>
              </a:rPr>
              <a:t>Labor </a:t>
            </a:r>
            <a:r>
              <a:rPr lang="en-US" sz="1300" i="1" dirty="0">
                <a:solidFill>
                  <a:srgbClr val="CC9900"/>
                </a:solidFill>
                <a:latin typeface="Calibri"/>
              </a:rPr>
              <a:t>costs include salary, leave and non-leave benefits</a:t>
            </a:r>
            <a:endParaRPr lang="en-US" sz="1300" i="1" dirty="0" smtClean="0">
              <a:solidFill>
                <a:srgbClr val="CC9900"/>
              </a:solidFill>
              <a:latin typeface="Calibri"/>
            </a:endParaRPr>
          </a:p>
          <a:p>
            <a:pPr marL="342900" indent="-342900">
              <a:lnSpc>
                <a:spcPct val="85000"/>
              </a:lnSpc>
              <a:buFontTx/>
              <a:buAutoNum type="arabicParenBoth"/>
            </a:pPr>
            <a:r>
              <a:rPr lang="en-US" sz="1300" i="1" dirty="0" smtClean="0">
                <a:solidFill>
                  <a:srgbClr val="CC9900"/>
                </a:solidFill>
                <a:latin typeface="Calibri"/>
              </a:rPr>
              <a:t>Other </a:t>
            </a:r>
            <a:r>
              <a:rPr lang="en-US" sz="1300" i="1" dirty="0">
                <a:solidFill>
                  <a:srgbClr val="CC9900"/>
                </a:solidFill>
                <a:latin typeface="Calibri"/>
              </a:rPr>
              <a:t>include charges for materials &amp; supplies, trainings &amp; seminars, conferences &amp; meetings, and </a:t>
            </a:r>
            <a:r>
              <a:rPr lang="en-US" sz="1300" i="1" dirty="0" smtClean="0">
                <a:solidFill>
                  <a:srgbClr val="CC9900"/>
                </a:solidFill>
                <a:latin typeface="Calibri"/>
              </a:rPr>
              <a:t>reprographics</a:t>
            </a:r>
            <a:endParaRPr lang="en-US" sz="1300" dirty="0">
              <a:solidFill>
                <a:srgbClr val="CC9900"/>
              </a:solidFill>
              <a:latin typeface="Calibri"/>
            </a:endParaRPr>
          </a:p>
        </p:txBody>
      </p:sp>
      <p:sp>
        <p:nvSpPr>
          <p:cNvPr id="9" name="Title 5"/>
          <p:cNvSpPr txBox="1">
            <a:spLocks/>
          </p:cNvSpPr>
          <p:nvPr/>
        </p:nvSpPr>
        <p:spPr bwMode="ltGray">
          <a:xfrm>
            <a:off x="304800" y="246888"/>
            <a:ext cx="847344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l"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r">
              <a:defRPr/>
            </a:pPr>
            <a:r>
              <a:rPr dirty="0" smtClean="0"/>
              <a:t>MWD Expenditures on BDCP</a:t>
            </a:r>
            <a:endParaRPr dirty="0"/>
          </a:p>
          <a:p>
            <a:pPr algn="r">
              <a:defRPr/>
            </a:pPr>
            <a:r>
              <a:rPr sz="3600" dirty="0" smtClean="0">
                <a:solidFill>
                  <a:prstClr val="white"/>
                </a:solidFill>
                <a:effectLst>
                  <a:outerShdw blurRad="38100" dist="38100" dir="2700000" algn="tl">
                    <a:srgbClr val="000000">
                      <a:alpha val="43137"/>
                    </a:srgbClr>
                  </a:outerShdw>
                </a:effectLst>
              </a:rPr>
              <a:t>Total (Jul 2005 – Sep 2015)</a:t>
            </a:r>
            <a:endParaRPr sz="3600" dirty="0">
              <a:solidFill>
                <a:prstClr val="white"/>
              </a:solidFill>
              <a:effectLst>
                <a:outerShdw blurRad="38100" dist="38100" dir="2700000" algn="tl">
                  <a:srgbClr val="000000">
                    <a:alpha val="43137"/>
                  </a:srgbClr>
                </a:outerShdw>
              </a:effectLst>
            </a:endParaRPr>
          </a:p>
        </p:txBody>
      </p:sp>
      <p:sp>
        <p:nvSpPr>
          <p:cNvPr id="7" name="Slide Number Placeholder 2"/>
          <p:cNvSpPr>
            <a:spLocks noGrp="1"/>
          </p:cNvSpPr>
          <p:nvPr>
            <p:ph type="sldNum" sz="quarter" idx="11"/>
          </p:nvPr>
        </p:nvSpPr>
        <p:spPr>
          <a:xfrm>
            <a:off x="8471140" y="6553200"/>
            <a:ext cx="685800" cy="287547"/>
          </a:xfrm>
          <a:prstGeom prst="rect">
            <a:avLst/>
          </a:prstGeom>
        </p:spPr>
        <p:txBody>
          <a:bodyPr/>
          <a:lstStyle/>
          <a:p>
            <a:pPr algn="ctr">
              <a:defRPr/>
            </a:pPr>
            <a:fld id="{C60DA7DF-59B3-4AAB-AF35-62DB844E63F6}" type="slidenum">
              <a:rPr>
                <a:solidFill>
                  <a:prstClr val="white"/>
                </a:solidFill>
              </a:rPr>
              <a:pPr algn="ctr">
                <a:defRPr/>
              </a:pPr>
              <a:t>183</a:t>
            </a:fld>
            <a:endParaRPr dirty="0">
              <a:solidFill>
                <a:prstClr val="white"/>
              </a:solidFill>
            </a:endParaRPr>
          </a:p>
        </p:txBody>
      </p:sp>
      <p:sp>
        <p:nvSpPr>
          <p:cNvPr id="10" name="Rectangle 9"/>
          <p:cNvSpPr/>
          <p:nvPr/>
        </p:nvSpPr>
        <p:spPr>
          <a:xfrm>
            <a:off x="381000" y="2045696"/>
            <a:ext cx="8229600" cy="4072910"/>
          </a:xfrm>
          <a:prstGeom prst="rect">
            <a:avLst/>
          </a:prstGeom>
        </p:spPr>
        <p:txBody>
          <a:bodyPr wrap="square">
            <a:spAutoFit/>
          </a:bodyPr>
          <a:lstStyle/>
          <a:p>
            <a:pPr marL="396875" indent="-396875" defTabSz="914363">
              <a:lnSpc>
                <a:spcPct val="90000"/>
              </a:lnSpc>
              <a:spcAft>
                <a:spcPts val="400"/>
              </a:spcAft>
              <a:buFontTx/>
              <a:buBlip>
                <a:blip r:embed="rId3"/>
              </a:buBlip>
            </a:pPr>
            <a:r>
              <a:rPr lang="en-US" sz="2400" b="1" dirty="0" smtClean="0">
                <a:solidFill>
                  <a:prstClr val="white"/>
                </a:solidFill>
                <a:effectLst>
                  <a:outerShdw blurRad="38100" dist="38100" dir="2700000" algn="tl">
                    <a:srgbClr val="000000">
                      <a:alpha val="43137"/>
                    </a:srgbClr>
                  </a:outerShdw>
                </a:effectLst>
                <a:latin typeface="Calibri"/>
              </a:rPr>
              <a:t>BDCP – Internal MWD	  	Total Costs (~10 yrs.)</a:t>
            </a:r>
            <a:endParaRPr lang="en-US" sz="2400" b="1" u="sng" dirty="0">
              <a:solidFill>
                <a:prstClr val="white"/>
              </a:solidFill>
              <a:effectLst>
                <a:outerShdw blurRad="38100" dist="38100" dir="2700000" algn="tl">
                  <a:srgbClr val="000000">
                    <a:alpha val="43137"/>
                  </a:srgbClr>
                </a:outerShdw>
              </a:effectLst>
              <a:latin typeface="Calibri"/>
            </a:endParaRP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Labor &amp; Benefits</a:t>
            </a:r>
            <a:r>
              <a:rPr lang="en-US" sz="2800" dirty="0" smtClean="0">
                <a:solidFill>
                  <a:srgbClr val="D8B25C"/>
                </a:solidFill>
                <a:effectLst>
                  <a:outerShdw blurRad="38100" dist="38100" dir="2700000" algn="tl">
                    <a:srgbClr val="000000">
                      <a:alpha val="43137"/>
                    </a:srgbClr>
                  </a:outerShdw>
                </a:effectLst>
                <a:latin typeface="Calibri"/>
              </a:rPr>
              <a:t> </a:t>
            </a:r>
            <a:r>
              <a:rPr lang="en-US" baseline="30000" dirty="0" smtClean="0">
                <a:solidFill>
                  <a:srgbClr val="D8B25C"/>
                </a:solidFill>
                <a:effectLst>
                  <a:outerShdw blurRad="38100" dist="38100" dir="2700000" algn="tl">
                    <a:srgbClr val="000000">
                      <a:alpha val="43137"/>
                    </a:srgbClr>
                  </a:outerShdw>
                </a:effectLst>
                <a:latin typeface="Calibri"/>
              </a:rPr>
              <a:t>(1)</a:t>
            </a:r>
            <a:r>
              <a:rPr lang="en-US" sz="2200" dirty="0" smtClean="0">
                <a:solidFill>
                  <a:srgbClr val="D8B25C"/>
                </a:solidFill>
                <a:effectLst>
                  <a:outerShdw blurRad="38100" dist="38100" dir="2700000" algn="tl">
                    <a:srgbClr val="000000">
                      <a:alpha val="43137"/>
                    </a:srgbClr>
                  </a:outerShdw>
                </a:effectLst>
                <a:latin typeface="Calibri"/>
              </a:rPr>
              <a:t> 	$	</a:t>
            </a:r>
            <a:r>
              <a:rPr lang="en-US" sz="2200" dirty="0">
                <a:solidFill>
                  <a:srgbClr val="D8B25C"/>
                </a:solidFill>
                <a:effectLst>
                  <a:outerShdw blurRad="38100" dist="38100" dir="2700000" algn="tl">
                    <a:srgbClr val="000000">
                      <a:alpha val="43137"/>
                    </a:srgbClr>
                  </a:outerShdw>
                </a:effectLst>
                <a:latin typeface="Calibri"/>
              </a:rPr>
              <a:t>20.91M</a:t>
            </a: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Professional Services	$	</a:t>
            </a:r>
            <a:r>
              <a:rPr lang="en-US" sz="2200" dirty="0">
                <a:solidFill>
                  <a:srgbClr val="D8B25C"/>
                </a:solidFill>
                <a:effectLst>
                  <a:outerShdw blurRad="38100" dist="38100" dir="2700000" algn="tl">
                    <a:srgbClr val="000000">
                      <a:alpha val="43137"/>
                    </a:srgbClr>
                  </a:outerShdw>
                </a:effectLst>
                <a:latin typeface="Calibri"/>
              </a:rPr>
              <a:t>4.15M</a:t>
            </a:r>
            <a:r>
              <a:rPr lang="en-US" sz="2200" dirty="0" smtClean="0">
                <a:solidFill>
                  <a:srgbClr val="D8B25C"/>
                </a:solidFill>
                <a:effectLst>
                  <a:outerShdw blurRad="38100" dist="38100" dir="2700000" algn="tl">
                    <a:srgbClr val="000000">
                      <a:alpha val="43137"/>
                    </a:srgbClr>
                  </a:outerShdw>
                </a:effectLst>
                <a:latin typeface="Calibri"/>
              </a:rPr>
              <a:t> </a:t>
            </a: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Travel	$	</a:t>
            </a:r>
            <a:r>
              <a:rPr lang="en-US" sz="2200" dirty="0">
                <a:solidFill>
                  <a:srgbClr val="D8B25C"/>
                </a:solidFill>
                <a:effectLst>
                  <a:outerShdw blurRad="38100" dist="38100" dir="2700000" algn="tl">
                    <a:srgbClr val="000000">
                      <a:alpha val="43137"/>
                    </a:srgbClr>
                  </a:outerShdw>
                </a:effectLst>
                <a:latin typeface="Calibri"/>
              </a:rPr>
              <a:t>1.03M</a:t>
            </a:r>
            <a:r>
              <a:rPr lang="en-US" sz="2200" dirty="0" smtClean="0">
                <a:solidFill>
                  <a:srgbClr val="D8B25C"/>
                </a:solidFill>
                <a:effectLst>
                  <a:outerShdw blurRad="38100" dist="38100" dir="2700000" algn="tl">
                    <a:srgbClr val="000000">
                      <a:alpha val="43137"/>
                    </a:srgbClr>
                  </a:outerShdw>
                </a:effectLst>
                <a:latin typeface="Calibri"/>
              </a:rPr>
              <a:t> </a:t>
            </a:r>
            <a:endParaRPr lang="en-US" sz="2200" dirty="0">
              <a:solidFill>
                <a:srgbClr val="D8B25C"/>
              </a:solidFill>
              <a:effectLst>
                <a:outerShdw blurRad="38100" dist="38100" dir="2700000" algn="tl">
                  <a:srgbClr val="000000">
                    <a:alpha val="43137"/>
                  </a:srgbClr>
                </a:outerShdw>
              </a:effectLst>
              <a:latin typeface="Calibri"/>
            </a:endParaRPr>
          </a:p>
          <a:p>
            <a:pPr marL="517525" lvl="1" defTabSz="914363">
              <a:lnSpc>
                <a:spcPct val="90000"/>
              </a:lnSpc>
              <a:spcAft>
                <a:spcPts val="600"/>
              </a:spcAft>
              <a:buClr>
                <a:srgbClr val="D8B25C"/>
              </a:buClr>
              <a:tabLst>
                <a:tab pos="5140325" algn="l"/>
                <a:tab pos="6400800" algn="r"/>
              </a:tabLst>
            </a:pPr>
            <a:r>
              <a:rPr lang="en-US" sz="2200" u="sng" dirty="0" smtClean="0">
                <a:solidFill>
                  <a:srgbClr val="D8B25C"/>
                </a:solidFill>
                <a:effectLst>
                  <a:outerShdw blurRad="38100" dist="38100" dir="2700000" algn="tl">
                    <a:srgbClr val="000000">
                      <a:alpha val="43137"/>
                    </a:srgbClr>
                  </a:outerShdw>
                </a:effectLst>
                <a:latin typeface="Calibri"/>
              </a:rPr>
              <a:t>Other </a:t>
            </a:r>
            <a:r>
              <a:rPr lang="en-US" u="sng" baseline="30000" dirty="0" smtClean="0">
                <a:solidFill>
                  <a:srgbClr val="D8B25C"/>
                </a:solidFill>
                <a:effectLst>
                  <a:outerShdw blurRad="38100" dist="38100" dir="2700000" algn="tl">
                    <a:srgbClr val="000000">
                      <a:alpha val="43137"/>
                    </a:srgbClr>
                  </a:outerShdw>
                </a:effectLst>
                <a:latin typeface="Calibri"/>
              </a:rPr>
              <a:t>(2)</a:t>
            </a:r>
            <a:r>
              <a:rPr lang="en-US" sz="2200" u="sng" dirty="0" smtClean="0">
                <a:solidFill>
                  <a:srgbClr val="D8B25C"/>
                </a:solidFill>
                <a:effectLst>
                  <a:outerShdw blurRad="38100" dist="38100" dir="2700000" algn="tl">
                    <a:srgbClr val="000000">
                      <a:alpha val="43137"/>
                    </a:srgbClr>
                  </a:outerShdw>
                </a:effectLst>
                <a:latin typeface="Calibri"/>
              </a:rPr>
              <a:t> 	$	</a:t>
            </a:r>
            <a:r>
              <a:rPr lang="en-US" sz="2200" u="sng" dirty="0">
                <a:solidFill>
                  <a:srgbClr val="D8B25C"/>
                </a:solidFill>
                <a:effectLst>
                  <a:outerShdw blurRad="38100" dist="38100" dir="2700000" algn="tl">
                    <a:srgbClr val="000000">
                      <a:alpha val="43137"/>
                    </a:srgbClr>
                  </a:outerShdw>
                </a:effectLst>
                <a:latin typeface="Calibri"/>
              </a:rPr>
              <a:t>0.14M</a:t>
            </a:r>
          </a:p>
          <a:p>
            <a:pPr marL="514350" lvl="2" defTabSz="914363">
              <a:lnSpc>
                <a:spcPct val="90000"/>
              </a:lnSpc>
              <a:spcAft>
                <a:spcPts val="600"/>
              </a:spcAft>
              <a:buClr>
                <a:srgbClr val="D8B25C"/>
              </a:buClr>
              <a:tabLst>
                <a:tab pos="5140325" algn="l"/>
                <a:tab pos="6400800" algn="r"/>
              </a:tabLst>
            </a:pPr>
            <a:r>
              <a:rPr lang="en-US" sz="2200" b="1" cap="all" dirty="0" smtClean="0">
                <a:solidFill>
                  <a:srgbClr val="D8B25C"/>
                </a:solidFill>
                <a:effectLst>
                  <a:outerShdw blurRad="38100" dist="38100" dir="2700000" algn="tl">
                    <a:srgbClr val="000000">
                      <a:alpha val="43137"/>
                    </a:srgbClr>
                  </a:outerShdw>
                </a:effectLst>
                <a:latin typeface="Calibri"/>
              </a:rPr>
              <a:t>Subtotal</a:t>
            </a:r>
            <a:r>
              <a:rPr lang="en-US" sz="2200" dirty="0" smtClean="0">
                <a:solidFill>
                  <a:srgbClr val="D8B25C"/>
                </a:solidFill>
                <a:effectLst>
                  <a:outerShdw blurRad="38100" dist="38100" dir="2700000" algn="tl">
                    <a:srgbClr val="000000">
                      <a:alpha val="43137"/>
                    </a:srgbClr>
                  </a:outerShdw>
                </a:effectLst>
                <a:latin typeface="Calibri"/>
              </a:rPr>
              <a:t> 	</a:t>
            </a:r>
            <a:r>
              <a:rPr lang="en-US" sz="2200" b="1" dirty="0" smtClean="0">
                <a:solidFill>
                  <a:srgbClr val="D8B25C"/>
                </a:solidFill>
                <a:effectLst>
                  <a:outerShdw blurRad="38100" dist="38100" dir="2700000" algn="tl">
                    <a:srgbClr val="000000">
                      <a:alpha val="43137"/>
                    </a:srgbClr>
                  </a:outerShdw>
                </a:effectLst>
                <a:latin typeface="Calibri"/>
              </a:rPr>
              <a:t>$	26.23M</a:t>
            </a:r>
            <a:endParaRPr lang="en-US" sz="2200" b="1" dirty="0" smtClean="0">
              <a:solidFill>
                <a:srgbClr val="FF0000"/>
              </a:solidFill>
              <a:effectLst>
                <a:outerShdw blurRad="38100" dist="38100" dir="2700000" algn="tl">
                  <a:srgbClr val="000000">
                    <a:alpha val="43137"/>
                  </a:srgbClr>
                </a:outerShdw>
              </a:effectLst>
              <a:latin typeface="Calibri"/>
            </a:endParaRPr>
          </a:p>
          <a:p>
            <a:pPr marL="514350" lvl="2" defTabSz="914363">
              <a:lnSpc>
                <a:spcPct val="90000"/>
              </a:lnSpc>
              <a:spcAft>
                <a:spcPts val="600"/>
              </a:spcAft>
              <a:buClr>
                <a:srgbClr val="D8B25C"/>
              </a:buClr>
              <a:tabLst>
                <a:tab pos="5140325" algn="l"/>
                <a:tab pos="6400800" algn="r"/>
              </a:tabLst>
            </a:pPr>
            <a:r>
              <a:rPr lang="en-US" sz="2200" u="sng" dirty="0" smtClean="0">
                <a:solidFill>
                  <a:srgbClr val="D8B25C"/>
                </a:solidFill>
                <a:effectLst>
                  <a:outerShdw blurRad="38100" dist="38100" dir="2700000" algn="tl">
                    <a:srgbClr val="000000">
                      <a:alpha val="43137"/>
                    </a:srgbClr>
                  </a:outerShdw>
                </a:effectLst>
                <a:latin typeface="Calibri"/>
              </a:rPr>
              <a:t>Administrative Overhead	$	7.97M</a:t>
            </a:r>
            <a:endParaRPr lang="en-US" sz="2200" u="sng" dirty="0" smtClean="0">
              <a:solidFill>
                <a:srgbClr val="FF0000"/>
              </a:solidFill>
              <a:effectLst>
                <a:outerShdw blurRad="38100" dist="38100" dir="2700000" algn="tl">
                  <a:srgbClr val="000000">
                    <a:alpha val="43137"/>
                  </a:srgbClr>
                </a:outerShdw>
              </a:effectLst>
              <a:latin typeface="Calibri"/>
            </a:endParaRPr>
          </a:p>
          <a:p>
            <a:pPr marL="514350" lvl="2" defTabSz="914363">
              <a:lnSpc>
                <a:spcPct val="90000"/>
              </a:lnSpc>
              <a:spcAft>
                <a:spcPts val="600"/>
              </a:spcAft>
              <a:buClr>
                <a:srgbClr val="D8B25C"/>
              </a:buClr>
              <a:tabLst>
                <a:tab pos="5140325" algn="l"/>
                <a:tab pos="6400800" algn="r"/>
              </a:tabLst>
            </a:pPr>
            <a:r>
              <a:rPr lang="en-US" sz="2200" b="1" cap="all" dirty="0" smtClean="0">
                <a:solidFill>
                  <a:srgbClr val="D8B25C"/>
                </a:solidFill>
                <a:effectLst>
                  <a:outerShdw blurRad="38100" dist="38100" dir="2700000" algn="tl">
                    <a:srgbClr val="000000">
                      <a:alpha val="43137"/>
                    </a:srgbClr>
                  </a:outerShdw>
                </a:effectLst>
                <a:latin typeface="Calibri"/>
              </a:rPr>
              <a:t>Total</a:t>
            </a:r>
            <a:r>
              <a:rPr lang="en-US" sz="2200" dirty="0" smtClean="0">
                <a:solidFill>
                  <a:srgbClr val="D8B25C"/>
                </a:solidFill>
                <a:effectLst>
                  <a:outerShdw blurRad="38100" dist="38100" dir="2700000" algn="tl">
                    <a:srgbClr val="000000">
                      <a:alpha val="43137"/>
                    </a:srgbClr>
                  </a:outerShdw>
                </a:effectLst>
                <a:latin typeface="Calibri"/>
              </a:rPr>
              <a:t>	</a:t>
            </a:r>
            <a:r>
              <a:rPr lang="en-US" sz="2200" b="1" dirty="0" smtClean="0">
                <a:solidFill>
                  <a:srgbClr val="D8B25C"/>
                </a:solidFill>
                <a:effectLst>
                  <a:outerShdw blurRad="38100" dist="38100" dir="2700000" algn="tl">
                    <a:srgbClr val="000000">
                      <a:alpha val="43137"/>
                    </a:srgbClr>
                  </a:outerShdw>
                </a:effectLst>
                <a:latin typeface="Calibri"/>
              </a:rPr>
              <a:t>$	</a:t>
            </a:r>
            <a:r>
              <a:rPr lang="en-US" sz="2200" b="1" dirty="0">
                <a:solidFill>
                  <a:srgbClr val="D8B25C"/>
                </a:solidFill>
                <a:effectLst>
                  <a:outerShdw blurRad="38100" dist="38100" dir="2700000" algn="tl">
                    <a:srgbClr val="000000">
                      <a:alpha val="43137"/>
                    </a:srgbClr>
                  </a:outerShdw>
                </a:effectLst>
                <a:latin typeface="Calibri"/>
              </a:rPr>
              <a:t>34.20M</a:t>
            </a:r>
          </a:p>
          <a:p>
            <a:pPr marL="396875" indent="-396875" defTabSz="914363">
              <a:lnSpc>
                <a:spcPct val="90000"/>
              </a:lnSpc>
              <a:spcBef>
                <a:spcPts val="1200"/>
              </a:spcBef>
              <a:spcAft>
                <a:spcPts val="400"/>
              </a:spcAft>
              <a:buFontTx/>
              <a:buBlip>
                <a:blip r:embed="rId3"/>
              </a:buBlip>
              <a:tabLst>
                <a:tab pos="6400800" algn="r"/>
              </a:tabLst>
            </a:pPr>
            <a:r>
              <a:rPr lang="en-US" sz="2400" b="1" dirty="0" smtClean="0">
                <a:solidFill>
                  <a:prstClr val="white"/>
                </a:solidFill>
                <a:effectLst>
                  <a:outerShdw blurRad="38100" dist="38100" dir="2700000" algn="tl">
                    <a:srgbClr val="000000">
                      <a:alpha val="43137"/>
                    </a:srgbClr>
                  </a:outerShdw>
                </a:effectLst>
                <a:latin typeface="Calibri"/>
              </a:rPr>
              <a:t>BDCP – Planning Cost by DWR</a:t>
            </a:r>
            <a:endParaRPr lang="en-US" sz="2400" b="1" dirty="0">
              <a:solidFill>
                <a:prstClr val="white"/>
              </a:solidFill>
              <a:effectLst>
                <a:outerShdw blurRad="38100" dist="38100" dir="2700000" algn="tl">
                  <a:srgbClr val="000000">
                    <a:alpha val="43137"/>
                  </a:srgbClr>
                </a:outerShdw>
              </a:effectLst>
              <a:latin typeface="Calibri"/>
            </a:endParaRPr>
          </a:p>
          <a:p>
            <a:pPr marL="517525" lvl="1" defTabSz="914363">
              <a:lnSpc>
                <a:spcPct val="90000"/>
              </a:lnSpc>
              <a:spcAft>
                <a:spcPts val="4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BDCP/DHCCP	$	</a:t>
            </a:r>
            <a:r>
              <a:rPr lang="en-US" sz="2200" dirty="0">
                <a:solidFill>
                  <a:srgbClr val="D8B25C"/>
                </a:solidFill>
                <a:effectLst>
                  <a:outerShdw blurRad="38100" dist="38100" dir="2700000" algn="tl">
                    <a:srgbClr val="000000">
                      <a:alpha val="43137"/>
                    </a:srgbClr>
                  </a:outerShdw>
                </a:effectLst>
                <a:latin typeface="Calibri"/>
              </a:rPr>
              <a:t>63M</a:t>
            </a:r>
          </a:p>
        </p:txBody>
      </p:sp>
      <p:sp>
        <p:nvSpPr>
          <p:cNvPr id="8" name="TextBox 7"/>
          <p:cNvSpPr txBox="1"/>
          <p:nvPr/>
        </p:nvSpPr>
        <p:spPr>
          <a:xfrm>
            <a:off x="0" y="1295400"/>
            <a:ext cx="9144000" cy="461665"/>
          </a:xfrm>
          <a:prstGeom prst="rect">
            <a:avLst/>
          </a:prstGeom>
        </p:spPr>
        <p:style>
          <a:lnRef idx="0">
            <a:schemeClr val="dk1"/>
          </a:lnRef>
          <a:fillRef idx="3">
            <a:schemeClr val="dk1"/>
          </a:fillRef>
          <a:effectRef idx="3">
            <a:schemeClr val="dk1"/>
          </a:effectRef>
          <a:fontRef idx="minor">
            <a:schemeClr val="lt1"/>
          </a:fontRef>
        </p:style>
        <p:txBody>
          <a:bodyPr wrap="square" rtlCol="0">
            <a:spAutoFit/>
          </a:bodyPr>
          <a:lstStyle>
            <a:defPPr>
              <a:defRPr lang="en-US"/>
            </a:defPPr>
            <a:lvl1pPr algn="ctr">
              <a:defRPr sz="2400" b="1" i="1">
                <a:solidFill>
                  <a:srgbClr val="FFC000"/>
                </a:solidFill>
                <a:latin typeface="+mn-lt"/>
                <a:cs typeface="+mn-cs"/>
              </a:defRPr>
            </a:lvl1pPr>
            <a:lvl2pPr>
              <a:defRPr>
                <a:solidFill>
                  <a:schemeClr val="lt1"/>
                </a:solidFill>
                <a:latin typeface="+mn-lt"/>
                <a:cs typeface="+mn-cs"/>
              </a:defRPr>
            </a:lvl2pPr>
            <a:lvl3pPr>
              <a:defRPr>
                <a:solidFill>
                  <a:schemeClr val="lt1"/>
                </a:solidFill>
                <a:latin typeface="+mn-lt"/>
                <a:cs typeface="+mn-cs"/>
              </a:defRPr>
            </a:lvl3pPr>
            <a:lvl4pPr>
              <a:defRPr>
                <a:solidFill>
                  <a:schemeClr val="lt1"/>
                </a:solidFill>
                <a:latin typeface="+mn-lt"/>
                <a:cs typeface="+mn-cs"/>
              </a:defRPr>
            </a:lvl4pPr>
            <a:lvl5pPr>
              <a:defRPr>
                <a:solidFill>
                  <a:schemeClr val="lt1"/>
                </a:solidFill>
                <a:latin typeface="+mn-lt"/>
                <a:cs typeface="+mn-cs"/>
              </a:defRPr>
            </a:lvl5pPr>
            <a:lvl6pPr>
              <a:defRPr>
                <a:solidFill>
                  <a:schemeClr val="lt1"/>
                </a:solidFill>
                <a:latin typeface="+mn-lt"/>
                <a:cs typeface="+mn-cs"/>
              </a:defRPr>
            </a:lvl6pPr>
            <a:lvl7pPr>
              <a:defRPr>
                <a:solidFill>
                  <a:schemeClr val="lt1"/>
                </a:solidFill>
                <a:latin typeface="+mn-lt"/>
                <a:cs typeface="+mn-cs"/>
              </a:defRPr>
            </a:lvl7pPr>
            <a:lvl8pPr>
              <a:defRPr>
                <a:solidFill>
                  <a:schemeClr val="lt1"/>
                </a:solidFill>
                <a:latin typeface="+mn-lt"/>
                <a:cs typeface="+mn-cs"/>
              </a:defRPr>
            </a:lvl8pPr>
            <a:lvl9pPr>
              <a:defRPr>
                <a:solidFill>
                  <a:schemeClr val="lt1"/>
                </a:solidFill>
                <a:latin typeface="+mn-lt"/>
                <a:cs typeface="+mn-cs"/>
              </a:defRPr>
            </a:lvl9pPr>
          </a:lstStyle>
          <a:p>
            <a:r>
              <a:rPr lang="en-US" dirty="0"/>
              <a:t>As reported to Board on </a:t>
            </a:r>
            <a:r>
              <a:rPr lang="en-US" dirty="0" smtClean="0"/>
              <a:t>October 27, </a:t>
            </a:r>
            <a:r>
              <a:rPr lang="en-US" dirty="0"/>
              <a:t>2015</a:t>
            </a:r>
          </a:p>
        </p:txBody>
      </p:sp>
    </p:spTree>
    <p:extLst>
      <p:ext uri="{BB962C8B-B14F-4D97-AF65-F5344CB8AC3E}">
        <p14:creationId xmlns:p14="http://schemas.microsoft.com/office/powerpoint/2010/main" val="152204317"/>
      </p:ext>
    </p:extLst>
  </p:cSld>
  <p:clrMapOvr>
    <a:masterClrMapping/>
  </p:clrMapOvr>
  <p:transition spd="slow">
    <p:fade/>
  </p:transition>
  <p:timing>
    <p:tnLst>
      <p:par>
        <p:cTn id="1" dur="indefinite" restart="never" nodeType="tmRoot"/>
      </p:par>
    </p:tnLst>
  </p:timing>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997196"/>
          </a:xfrm>
        </p:spPr>
        <p:txBody>
          <a:bodyPr/>
          <a:lstStyle/>
          <a:p>
            <a:pPr lvl="0" defTabSz="914363" eaLnBrk="1" fontAlgn="auto" hangingPunct="1">
              <a:spcAft>
                <a:spcPts val="0"/>
              </a:spcAft>
              <a:defRPr/>
            </a:pPr>
            <a:r>
              <a:rPr lang="en-US" sz="4000" dirty="0">
                <a:effectLst>
                  <a:outerShdw blurRad="50800" dist="38100" dir="2700000" algn="tl" rotWithShape="0">
                    <a:prstClr val="black">
                      <a:alpha val="40000"/>
                    </a:prstClr>
                  </a:outerShdw>
                </a:effectLst>
              </a:rPr>
              <a:t>Export Water Quality Improvements</a:t>
            </a:r>
            <a:br>
              <a:rPr lang="en-US" sz="4000" dirty="0">
                <a:effectLst>
                  <a:outerShdw blurRad="50800" dist="38100" dir="2700000" algn="tl" rotWithShape="0">
                    <a:prstClr val="black">
                      <a:alpha val="40000"/>
                    </a:prstClr>
                  </a:outerShdw>
                </a:effectLst>
              </a:rPr>
            </a:br>
            <a:r>
              <a:rPr lang="en-US" sz="3200" dirty="0">
                <a:solidFill>
                  <a:schemeClr val="tx1"/>
                </a:solidFill>
                <a:effectLst>
                  <a:outerShdw blurRad="50800" dist="38100" dir="2700000" algn="tl" rotWithShape="0">
                    <a:prstClr val="black">
                      <a:alpha val="40000"/>
                    </a:prstClr>
                  </a:outerShdw>
                </a:effectLst>
              </a:rPr>
              <a:t>Salinity – BDCP Scenario </a:t>
            </a:r>
            <a:r>
              <a:rPr lang="en-US" sz="3200" dirty="0" smtClean="0">
                <a:solidFill>
                  <a:schemeClr val="tx1"/>
                </a:solidFill>
                <a:effectLst>
                  <a:outerShdw blurRad="50800" dist="38100" dir="2700000" algn="tl" rotWithShape="0">
                    <a:prstClr val="black">
                      <a:alpha val="40000"/>
                    </a:prstClr>
                  </a:outerShdw>
                </a:effectLst>
              </a:rPr>
              <a:t>1</a:t>
            </a:r>
            <a:endParaRPr lang="en-US" sz="4000" dirty="0">
              <a:solidFill>
                <a:schemeClr val="tx1"/>
              </a:solidFill>
            </a:endParaRPr>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2301032040"/>
              </p:ext>
            </p:extLst>
          </p:nvPr>
        </p:nvGraphicFramePr>
        <p:xfrm>
          <a:off x="552450" y="1982788"/>
          <a:ext cx="8591550" cy="4494212"/>
        </p:xfrm>
        <a:graphic>
          <a:graphicData uri="http://schemas.openxmlformats.org/drawingml/2006/chart">
            <c:chart xmlns:c="http://schemas.openxmlformats.org/drawingml/2006/chart" xmlns:r="http://schemas.openxmlformats.org/officeDocument/2006/relationships" r:id="rId3"/>
          </a:graphicData>
        </a:graphic>
      </p:graphicFrame>
      <p:sp>
        <p:nvSpPr>
          <p:cNvPr id="19" name="TextBox 18"/>
          <p:cNvSpPr txBox="1"/>
          <p:nvPr/>
        </p:nvSpPr>
        <p:spPr>
          <a:xfrm>
            <a:off x="28902" y="6514720"/>
            <a:ext cx="6705600" cy="307777"/>
          </a:xfrm>
          <a:prstGeom prst="rect">
            <a:avLst/>
          </a:prstGeom>
          <a:noFill/>
        </p:spPr>
        <p:txBody>
          <a:bodyPr wrap="square" rtlCol="0">
            <a:spAutoFit/>
          </a:bodyPr>
          <a:lstStyle/>
          <a:p>
            <a:r>
              <a:rPr lang="en-US" sz="1400" b="1" i="1" dirty="0" smtClean="0">
                <a:solidFill>
                  <a:srgbClr val="FFC000"/>
                </a:solidFill>
                <a:latin typeface="+mn-lt"/>
              </a:rPr>
              <a:t>Based on preliminary operations forwarded by BDCP Steering Comm in 2010 (Scenario 1)</a:t>
            </a:r>
            <a:endParaRPr lang="en-US" sz="1400" b="1" i="1" dirty="0">
              <a:solidFill>
                <a:srgbClr val="FFC000"/>
              </a:solidFill>
              <a:latin typeface="+mn-lt"/>
            </a:endParaRPr>
          </a:p>
        </p:txBody>
      </p:sp>
      <p:pic>
        <p:nvPicPr>
          <p:cNvPr id="6"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Tree>
    <p:extLst>
      <p:ext uri="{BB962C8B-B14F-4D97-AF65-F5344CB8AC3E}">
        <p14:creationId xmlns:p14="http://schemas.microsoft.com/office/powerpoint/2010/main" val="2308611887"/>
      </p:ext>
    </p:extLst>
  </p:cSld>
  <p:clrMapOvr>
    <a:masterClrMapping/>
  </p:clrMapOvr>
  <p:transition spd="slow">
    <p:fade/>
  </p:transition>
  <p:timing>
    <p:tnLst>
      <p:par>
        <p:cTn id="1" dur="indefinite" restart="never" nodeType="tmRoot"/>
      </p:par>
    </p:tnLst>
  </p:timing>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8598" y="304801"/>
            <a:ext cx="8534402" cy="997196"/>
          </a:xfrm>
        </p:spPr>
        <p:txBody>
          <a:bodyPr/>
          <a:lstStyle/>
          <a:p>
            <a:pPr lvl="0" defTabSz="914363" eaLnBrk="1" fontAlgn="auto" hangingPunct="1">
              <a:spcAft>
                <a:spcPts val="0"/>
              </a:spcAft>
              <a:defRPr/>
            </a:pPr>
            <a:r>
              <a:rPr lang="en-US" sz="4000" dirty="0">
                <a:effectLst>
                  <a:outerShdw blurRad="50800" dist="38100" dir="2700000" algn="tl" rotWithShape="0">
                    <a:prstClr val="black">
                      <a:alpha val="40000"/>
                    </a:prstClr>
                  </a:outerShdw>
                </a:effectLst>
              </a:rPr>
              <a:t>Delta Water Supply Analysis</a:t>
            </a:r>
            <a:br>
              <a:rPr lang="en-US" sz="4000" dirty="0">
                <a:effectLst>
                  <a:outerShdw blurRad="50800" dist="38100" dir="2700000" algn="tl" rotWithShape="0">
                    <a:prstClr val="black">
                      <a:alpha val="40000"/>
                    </a:prstClr>
                  </a:outerShdw>
                </a:effectLst>
              </a:rPr>
            </a:br>
            <a:r>
              <a:rPr lang="en-US" sz="3200" dirty="0">
                <a:solidFill>
                  <a:schemeClr val="tx1"/>
                </a:solidFill>
                <a:effectLst>
                  <a:outerShdw blurRad="50800" dist="38100" dir="2700000" algn="tl" rotWithShape="0">
                    <a:prstClr val="black">
                      <a:alpha val="40000"/>
                    </a:prstClr>
                  </a:outerShdw>
                </a:effectLst>
              </a:rPr>
              <a:t>Alt. 1 – BDCP Steering Committee 2010 </a:t>
            </a:r>
            <a:r>
              <a:rPr lang="en-US" sz="3200" dirty="0" smtClean="0">
                <a:solidFill>
                  <a:schemeClr val="tx1"/>
                </a:solidFill>
                <a:effectLst>
                  <a:outerShdw blurRad="50800" dist="38100" dir="2700000" algn="tl" rotWithShape="0">
                    <a:prstClr val="black">
                      <a:alpha val="40000"/>
                    </a:prstClr>
                  </a:outerShdw>
                </a:effectLst>
              </a:rPr>
              <a:t>Proposal</a:t>
            </a:r>
            <a:endParaRPr lang="en-US" sz="3200" dirty="0">
              <a:solidFill>
                <a:schemeClr val="tx1"/>
              </a:solidFill>
            </a:endParaRPr>
          </a:p>
        </p:txBody>
      </p:sp>
      <p:graphicFrame>
        <p:nvGraphicFramePr>
          <p:cNvPr id="14" name="Content Placeholder 13"/>
          <p:cNvGraphicFramePr>
            <a:graphicFrameLocks noGrp="1"/>
          </p:cNvGraphicFramePr>
          <p:nvPr>
            <p:ph idx="4294967295"/>
            <p:extLst>
              <p:ext uri="{D42A27DB-BD31-4B8C-83A1-F6EECF244321}">
                <p14:modId xmlns:p14="http://schemas.microsoft.com/office/powerpoint/2010/main" val="2706936349"/>
              </p:ext>
            </p:extLst>
          </p:nvPr>
        </p:nvGraphicFramePr>
        <p:xfrm>
          <a:off x="381000" y="1447800"/>
          <a:ext cx="8763000" cy="4987925"/>
        </p:xfrm>
        <a:graphic>
          <a:graphicData uri="http://schemas.openxmlformats.org/drawingml/2006/chart">
            <c:chart xmlns:c="http://schemas.openxmlformats.org/drawingml/2006/chart" xmlns:r="http://schemas.openxmlformats.org/officeDocument/2006/relationships" r:id="rId3"/>
          </a:graphicData>
        </a:graphic>
      </p:graphicFrame>
      <p:sp>
        <p:nvSpPr>
          <p:cNvPr id="12" name="TextBox 11"/>
          <p:cNvSpPr txBox="1"/>
          <p:nvPr/>
        </p:nvSpPr>
        <p:spPr>
          <a:xfrm>
            <a:off x="110349" y="6439929"/>
            <a:ext cx="8500251" cy="338554"/>
          </a:xfrm>
          <a:prstGeom prst="rect">
            <a:avLst/>
          </a:prstGeom>
          <a:noFill/>
        </p:spPr>
        <p:txBody>
          <a:bodyPr wrap="square" rtlCol="0">
            <a:spAutoFit/>
          </a:bodyPr>
          <a:lstStyle/>
          <a:p>
            <a:r>
              <a:rPr lang="en-US" sz="1600" i="1" dirty="0" smtClean="0">
                <a:solidFill>
                  <a:srgbClr val="FFC000"/>
                </a:solidFill>
                <a:latin typeface="+mn-lt"/>
              </a:rPr>
              <a:t>Alt 1. BDCP Steering Committee Dec 2010 proposed operations </a:t>
            </a:r>
          </a:p>
        </p:txBody>
      </p:sp>
      <p:sp>
        <p:nvSpPr>
          <p:cNvPr id="7" name="Rounded Rectangle 6"/>
          <p:cNvSpPr/>
          <p:nvPr/>
        </p:nvSpPr>
        <p:spPr bwMode="auto">
          <a:xfrm>
            <a:off x="5379720" y="195524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9</a:t>
            </a:r>
          </a:p>
        </p:txBody>
      </p:sp>
      <p:sp>
        <p:nvSpPr>
          <p:cNvPr id="9" name="Rounded Rectangle 8"/>
          <p:cNvSpPr/>
          <p:nvPr/>
        </p:nvSpPr>
        <p:spPr bwMode="auto">
          <a:xfrm>
            <a:off x="6294456" y="19050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9</a:t>
            </a:r>
          </a:p>
        </p:txBody>
      </p:sp>
      <p:sp>
        <p:nvSpPr>
          <p:cNvPr id="10" name="Rounded Rectangle 9"/>
          <p:cNvSpPr/>
          <p:nvPr/>
        </p:nvSpPr>
        <p:spPr bwMode="auto">
          <a:xfrm>
            <a:off x="7234816" y="19050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9</a:t>
            </a:r>
          </a:p>
        </p:txBody>
      </p:sp>
      <p:sp>
        <p:nvSpPr>
          <p:cNvPr id="11" name="Rounded Rectangle 10"/>
          <p:cNvSpPr/>
          <p:nvPr/>
        </p:nvSpPr>
        <p:spPr bwMode="auto">
          <a:xfrm>
            <a:off x="8157920" y="19050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9</a:t>
            </a:r>
          </a:p>
        </p:txBody>
      </p:sp>
      <p:sp>
        <p:nvSpPr>
          <p:cNvPr id="13" name="Rounded Rectangle 12"/>
          <p:cNvSpPr/>
          <p:nvPr/>
        </p:nvSpPr>
        <p:spPr bwMode="auto">
          <a:xfrm>
            <a:off x="4435512" y="20574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7</a:t>
            </a:r>
          </a:p>
        </p:txBody>
      </p:sp>
      <p:sp>
        <p:nvSpPr>
          <p:cNvPr id="15" name="Rounded Rectangle 14"/>
          <p:cNvSpPr/>
          <p:nvPr/>
        </p:nvSpPr>
        <p:spPr bwMode="auto">
          <a:xfrm rot="16200000">
            <a:off x="-1304193" y="3437792"/>
            <a:ext cx="3446584" cy="38100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200" dirty="0" smtClean="0">
                <a:solidFill>
                  <a:srgbClr val="FFFFFF"/>
                </a:solidFill>
                <a:effectLst>
                  <a:outerShdw blurRad="38100" dist="38100" dir="2700000" algn="tl">
                    <a:srgbClr val="000000">
                      <a:alpha val="43137"/>
                    </a:srgbClr>
                  </a:outerShdw>
                </a:effectLst>
              </a:rPr>
              <a:t>Metropolitan’s share ~ 25%</a:t>
            </a:r>
          </a:p>
        </p:txBody>
      </p:sp>
      <p:pic>
        <p:nvPicPr>
          <p:cNvPr id="16"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Tree>
    <p:extLst>
      <p:ext uri="{BB962C8B-B14F-4D97-AF65-F5344CB8AC3E}">
        <p14:creationId xmlns:p14="http://schemas.microsoft.com/office/powerpoint/2010/main" val="6739145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228600"/>
            <a:ext cx="8229600" cy="1107996"/>
          </a:xfrm>
        </p:spPr>
        <p:txBody>
          <a:bodyPr/>
          <a:lstStyle/>
          <a:p>
            <a:r>
              <a:rPr lang="en-US" dirty="0"/>
              <a:t>Delta Water Supply Analysis</a:t>
            </a:r>
            <a:br>
              <a:rPr lang="en-US" dirty="0"/>
            </a:br>
            <a:r>
              <a:rPr lang="en-US" sz="3600" dirty="0">
                <a:solidFill>
                  <a:schemeClr val="tx1"/>
                </a:solidFill>
              </a:rPr>
              <a:t>Alt. 2 – Additional Fish </a:t>
            </a:r>
            <a:r>
              <a:rPr lang="en-US" sz="3600" dirty="0" smtClean="0">
                <a:solidFill>
                  <a:schemeClr val="tx1"/>
                </a:solidFill>
              </a:rPr>
              <a:t>Restrictions</a:t>
            </a:r>
            <a:endParaRPr lang="en-US" sz="3600" dirty="0">
              <a:solidFill>
                <a:schemeClr val="tx1"/>
              </a:solidFill>
            </a:endParaRPr>
          </a:p>
        </p:txBody>
      </p:sp>
      <p:graphicFrame>
        <p:nvGraphicFramePr>
          <p:cNvPr id="14" name="Content Placeholder 13"/>
          <p:cNvGraphicFramePr>
            <a:graphicFrameLocks noGrp="1"/>
          </p:cNvGraphicFramePr>
          <p:nvPr>
            <p:ph idx="4294967295"/>
            <p:extLst>
              <p:ext uri="{D42A27DB-BD31-4B8C-83A1-F6EECF244321}">
                <p14:modId xmlns:p14="http://schemas.microsoft.com/office/powerpoint/2010/main" val="55536202"/>
              </p:ext>
            </p:extLst>
          </p:nvPr>
        </p:nvGraphicFramePr>
        <p:xfrm>
          <a:off x="381000" y="1447800"/>
          <a:ext cx="8763000" cy="4987925"/>
        </p:xfrm>
        <a:graphic>
          <a:graphicData uri="http://schemas.openxmlformats.org/drawingml/2006/chart">
            <c:chart xmlns:c="http://schemas.openxmlformats.org/drawingml/2006/chart" xmlns:r="http://schemas.openxmlformats.org/officeDocument/2006/relationships" r:id="rId3"/>
          </a:graphicData>
        </a:graphic>
      </p:graphicFrame>
      <p:sp>
        <p:nvSpPr>
          <p:cNvPr id="12" name="TextBox 11"/>
          <p:cNvSpPr txBox="1"/>
          <p:nvPr/>
        </p:nvSpPr>
        <p:spPr>
          <a:xfrm>
            <a:off x="110348" y="6439929"/>
            <a:ext cx="8686800" cy="338554"/>
          </a:xfrm>
          <a:prstGeom prst="rect">
            <a:avLst/>
          </a:prstGeom>
          <a:noFill/>
        </p:spPr>
        <p:txBody>
          <a:bodyPr wrap="square" rtlCol="0">
            <a:spAutoFit/>
          </a:bodyPr>
          <a:lstStyle/>
          <a:p>
            <a:r>
              <a:rPr lang="en-US" sz="1600" i="1" dirty="0" smtClean="0">
                <a:solidFill>
                  <a:srgbClr val="FFC000"/>
                </a:solidFill>
                <a:latin typeface="+mn-lt"/>
              </a:rPr>
              <a:t>Alt 2. – Addtl Fish Restrictions analysis (Old &amp; Middle River flows in Jan-May 0 cfs, Jun-Dec -2,000 cfs)</a:t>
            </a:r>
          </a:p>
        </p:txBody>
      </p:sp>
      <p:sp>
        <p:nvSpPr>
          <p:cNvPr id="7" name="Rounded Rectangle 6"/>
          <p:cNvSpPr/>
          <p:nvPr/>
        </p:nvSpPr>
        <p:spPr bwMode="auto">
          <a:xfrm>
            <a:off x="5359960" y="26670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4.4</a:t>
            </a:r>
          </a:p>
        </p:txBody>
      </p:sp>
      <p:sp>
        <p:nvSpPr>
          <p:cNvPr id="9" name="Rounded Rectangle 8"/>
          <p:cNvSpPr/>
          <p:nvPr/>
        </p:nvSpPr>
        <p:spPr bwMode="auto">
          <a:xfrm>
            <a:off x="6304504" y="2484456"/>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4.9</a:t>
            </a:r>
          </a:p>
        </p:txBody>
      </p:sp>
      <p:sp>
        <p:nvSpPr>
          <p:cNvPr id="10" name="Rounded Rectangle 9"/>
          <p:cNvSpPr/>
          <p:nvPr/>
        </p:nvSpPr>
        <p:spPr bwMode="auto">
          <a:xfrm>
            <a:off x="7233136" y="2378112"/>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1</a:t>
            </a:r>
          </a:p>
        </p:txBody>
      </p:sp>
      <p:sp>
        <p:nvSpPr>
          <p:cNvPr id="11" name="Rounded Rectangle 10"/>
          <p:cNvSpPr/>
          <p:nvPr/>
        </p:nvSpPr>
        <p:spPr bwMode="auto">
          <a:xfrm>
            <a:off x="8153400" y="2352152"/>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5.0</a:t>
            </a:r>
          </a:p>
        </p:txBody>
      </p:sp>
      <p:sp>
        <p:nvSpPr>
          <p:cNvPr id="13" name="Rounded Rectangle 12"/>
          <p:cNvSpPr/>
          <p:nvPr/>
        </p:nvSpPr>
        <p:spPr bwMode="auto">
          <a:xfrm>
            <a:off x="4419600" y="3200400"/>
            <a:ext cx="548640" cy="342900"/>
          </a:xfrm>
          <a:prstGeom prst="roundRect">
            <a:avLst/>
          </a:prstGeom>
          <a:noFill/>
          <a:ln>
            <a:noFill/>
            <a:headEnd type="none" w="med" len="med"/>
            <a:tailEnd type="none" w="med" len="med"/>
          </a:ln>
          <a:effectLst/>
          <a:scene3d>
            <a:camera prst="orthographicFront" fov="0">
              <a:rot lat="0" lon="0" rev="0"/>
            </a:camera>
            <a:lightRig rig="glow" dir="t">
              <a:rot lat="0" lon="0" rev="6360000"/>
            </a:lightRig>
          </a:scene3d>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rPr>
              <a:t>3.5</a:t>
            </a:r>
          </a:p>
        </p:txBody>
      </p:sp>
      <p:sp>
        <p:nvSpPr>
          <p:cNvPr id="16" name="Rounded Rectangle 15"/>
          <p:cNvSpPr/>
          <p:nvPr/>
        </p:nvSpPr>
        <p:spPr bwMode="auto">
          <a:xfrm rot="16200000">
            <a:off x="-1304193" y="3437792"/>
            <a:ext cx="3446584" cy="38100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200" dirty="0" smtClean="0">
                <a:solidFill>
                  <a:srgbClr val="FFFFFF"/>
                </a:solidFill>
                <a:effectLst>
                  <a:outerShdw blurRad="38100" dist="38100" dir="2700000" algn="tl">
                    <a:srgbClr val="000000">
                      <a:alpha val="43137"/>
                    </a:srgbClr>
                  </a:outerShdw>
                </a:effectLst>
              </a:rPr>
              <a:t>Metropolitan’s share ~ 25%</a:t>
            </a:r>
          </a:p>
        </p:txBody>
      </p:sp>
      <p:pic>
        <p:nvPicPr>
          <p:cNvPr id="15"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Tree>
    <p:extLst>
      <p:ext uri="{BB962C8B-B14F-4D97-AF65-F5344CB8AC3E}">
        <p14:creationId xmlns:p14="http://schemas.microsoft.com/office/powerpoint/2010/main" val="6944028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052596"/>
          </a:xfrm>
        </p:spPr>
        <p:txBody>
          <a:bodyPr/>
          <a:lstStyle/>
          <a:p>
            <a:r>
              <a:rPr lang="en-US" dirty="0"/>
              <a:t>Delta Water Supply Analysis</a:t>
            </a:r>
            <a:br>
              <a:rPr lang="en-US" dirty="0"/>
            </a:br>
            <a:r>
              <a:rPr lang="en-US" sz="3200" dirty="0">
                <a:solidFill>
                  <a:schemeClr val="tx1"/>
                </a:solidFill>
              </a:rPr>
              <a:t>Alt. 3 – Earthquake/No South Delta </a:t>
            </a:r>
            <a:r>
              <a:rPr lang="en-US" sz="3200" dirty="0" smtClean="0">
                <a:solidFill>
                  <a:schemeClr val="tx1"/>
                </a:solidFill>
              </a:rPr>
              <a:t>Diversion</a:t>
            </a:r>
            <a:endParaRPr lang="en-US" sz="3200" dirty="0">
              <a:solidFill>
                <a:schemeClr val="tx1"/>
              </a:solidFill>
            </a:endParaRPr>
          </a:p>
        </p:txBody>
      </p:sp>
      <p:graphicFrame>
        <p:nvGraphicFramePr>
          <p:cNvPr id="14" name="Content Placeholder 13"/>
          <p:cNvGraphicFramePr>
            <a:graphicFrameLocks noGrp="1"/>
          </p:cNvGraphicFramePr>
          <p:nvPr>
            <p:ph idx="4294967295"/>
            <p:extLst>
              <p:ext uri="{D42A27DB-BD31-4B8C-83A1-F6EECF244321}">
                <p14:modId xmlns:p14="http://schemas.microsoft.com/office/powerpoint/2010/main" val="3919210836"/>
              </p:ext>
            </p:extLst>
          </p:nvPr>
        </p:nvGraphicFramePr>
        <p:xfrm>
          <a:off x="381000" y="1447800"/>
          <a:ext cx="8763000" cy="4987925"/>
        </p:xfrm>
        <a:graphic>
          <a:graphicData uri="http://schemas.openxmlformats.org/drawingml/2006/chart">
            <c:chart xmlns:c="http://schemas.openxmlformats.org/drawingml/2006/chart" xmlns:r="http://schemas.openxmlformats.org/officeDocument/2006/relationships" r:id="rId3"/>
          </a:graphicData>
        </a:graphic>
      </p:graphicFrame>
      <p:sp>
        <p:nvSpPr>
          <p:cNvPr id="12" name="TextBox 11"/>
          <p:cNvSpPr txBox="1"/>
          <p:nvPr/>
        </p:nvSpPr>
        <p:spPr>
          <a:xfrm>
            <a:off x="110349" y="6439929"/>
            <a:ext cx="8500251" cy="338554"/>
          </a:xfrm>
          <a:prstGeom prst="rect">
            <a:avLst/>
          </a:prstGeom>
          <a:noFill/>
        </p:spPr>
        <p:txBody>
          <a:bodyPr wrap="square" rtlCol="0">
            <a:spAutoFit/>
          </a:bodyPr>
          <a:lstStyle/>
          <a:p>
            <a:r>
              <a:rPr lang="en-US" sz="1600" i="1" dirty="0" smtClean="0">
                <a:solidFill>
                  <a:srgbClr val="FFC000"/>
                </a:solidFill>
                <a:latin typeface="+mn-lt"/>
              </a:rPr>
              <a:t>Alt 3. – Exports will be minimal for1.5 to 3 years following an earthquake</a:t>
            </a:r>
          </a:p>
        </p:txBody>
      </p:sp>
      <p:sp>
        <p:nvSpPr>
          <p:cNvPr id="17" name="Rounded Rectangle 16"/>
          <p:cNvSpPr/>
          <p:nvPr/>
        </p:nvSpPr>
        <p:spPr bwMode="auto">
          <a:xfrm rot="16200000">
            <a:off x="-1304193" y="3437792"/>
            <a:ext cx="3446584" cy="38100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200" dirty="0" smtClean="0">
                <a:solidFill>
                  <a:srgbClr val="FFFFFF"/>
                </a:solidFill>
                <a:effectLst>
                  <a:outerShdw blurRad="38100" dist="38100" dir="2700000" algn="tl">
                    <a:srgbClr val="000000">
                      <a:alpha val="43137"/>
                    </a:srgbClr>
                  </a:outerShdw>
                </a:effectLst>
              </a:rPr>
              <a:t>Metropolitan’s share ~ 25%</a:t>
            </a:r>
          </a:p>
        </p:txBody>
      </p:sp>
    </p:spTree>
    <p:extLst>
      <p:ext uri="{BB962C8B-B14F-4D97-AF65-F5344CB8AC3E}">
        <p14:creationId xmlns:p14="http://schemas.microsoft.com/office/powerpoint/2010/main" val="29658176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997196"/>
          </a:xfrm>
        </p:spPr>
        <p:txBody>
          <a:bodyPr/>
          <a:lstStyle/>
          <a:p>
            <a:r>
              <a:rPr lang="en-US" dirty="0"/>
              <a:t>New Conveyance Improvements</a:t>
            </a:r>
            <a:br>
              <a:rPr lang="en-US" dirty="0"/>
            </a:br>
            <a:r>
              <a:rPr lang="en-US" sz="2800" dirty="0">
                <a:solidFill>
                  <a:schemeClr val="tx1"/>
                </a:solidFill>
              </a:rPr>
              <a:t>Operations forwarded by  Steering Comm (Yr. 2025</a:t>
            </a:r>
            <a:r>
              <a:rPr lang="en-US" sz="2800" dirty="0" smtClean="0">
                <a:solidFill>
                  <a:schemeClr val="tx1"/>
                </a:solidFill>
              </a:rPr>
              <a:t>)</a:t>
            </a:r>
            <a:endParaRPr lang="en-US" sz="2800" dirty="0">
              <a:solidFill>
                <a:schemeClr val="tx1"/>
              </a:solidFill>
            </a:endParaRPr>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2672754111"/>
              </p:ext>
            </p:extLst>
          </p:nvPr>
        </p:nvGraphicFramePr>
        <p:xfrm>
          <a:off x="552450" y="1982788"/>
          <a:ext cx="8591550" cy="4494212"/>
        </p:xfrm>
        <a:graphic>
          <a:graphicData uri="http://schemas.openxmlformats.org/drawingml/2006/chart">
            <c:chart xmlns:c="http://schemas.openxmlformats.org/drawingml/2006/chart" xmlns:r="http://schemas.openxmlformats.org/officeDocument/2006/relationships" r:id="rId3"/>
          </a:graphicData>
        </a:graphic>
      </p:graphicFrame>
      <p:sp>
        <p:nvSpPr>
          <p:cNvPr id="14" name="Rectangle 13"/>
          <p:cNvSpPr/>
          <p:nvPr/>
        </p:nvSpPr>
        <p:spPr bwMode="auto">
          <a:xfrm>
            <a:off x="3048000" y="1615562"/>
            <a:ext cx="381000" cy="381000"/>
          </a:xfrm>
          <a:prstGeom prst="rect">
            <a:avLst/>
          </a:prstGeom>
          <a:gradFill flip="none" rotWithShape="1">
            <a:gsLst>
              <a:gs pos="0">
                <a:srgbClr val="C00000">
                  <a:shade val="30000"/>
                  <a:satMod val="115000"/>
                </a:srgbClr>
              </a:gs>
              <a:gs pos="50000">
                <a:srgbClr val="C00000">
                  <a:shade val="67500"/>
                  <a:satMod val="115000"/>
                </a:srgbClr>
              </a:gs>
              <a:gs pos="100000">
                <a:srgbClr val="C0000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5" name="Rectangle 14"/>
          <p:cNvSpPr/>
          <p:nvPr/>
        </p:nvSpPr>
        <p:spPr bwMode="auto">
          <a:xfrm>
            <a:off x="5257800" y="1615562"/>
            <a:ext cx="381000" cy="381000"/>
          </a:xfrm>
          <a:prstGeom prst="rect">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6" name="TextBox 15"/>
          <p:cNvSpPr txBox="1"/>
          <p:nvPr/>
        </p:nvSpPr>
        <p:spPr>
          <a:xfrm>
            <a:off x="3480666" y="1524000"/>
            <a:ext cx="1700934" cy="615553"/>
          </a:xfrm>
          <a:prstGeom prst="rect">
            <a:avLst/>
          </a:prstGeom>
          <a:noFill/>
        </p:spPr>
        <p:txBody>
          <a:bodyPr wrap="square" rtlCol="0">
            <a:spAutoFit/>
          </a:bodyPr>
          <a:lstStyle/>
          <a:p>
            <a:pPr>
              <a:lnSpc>
                <a:spcPct val="85000"/>
              </a:lnSpc>
            </a:pPr>
            <a:r>
              <a:rPr lang="en-US" sz="2000" b="1" dirty="0" smtClean="0">
                <a:latin typeface="+mn-lt"/>
              </a:rPr>
              <a:t>South</a:t>
            </a:r>
          </a:p>
          <a:p>
            <a:pPr>
              <a:lnSpc>
                <a:spcPct val="85000"/>
              </a:lnSpc>
            </a:pPr>
            <a:r>
              <a:rPr lang="en-US" sz="2000" b="1" dirty="0" smtClean="0">
                <a:latin typeface="+mn-lt"/>
              </a:rPr>
              <a:t>Delta Exports</a:t>
            </a:r>
            <a:endParaRPr lang="en-US" sz="2000" b="1" dirty="0">
              <a:latin typeface="+mn-lt"/>
            </a:endParaRPr>
          </a:p>
        </p:txBody>
      </p:sp>
      <p:sp>
        <p:nvSpPr>
          <p:cNvPr id="17" name="TextBox 16"/>
          <p:cNvSpPr txBox="1"/>
          <p:nvPr/>
        </p:nvSpPr>
        <p:spPr>
          <a:xfrm>
            <a:off x="5690466" y="1524000"/>
            <a:ext cx="1700934" cy="615553"/>
          </a:xfrm>
          <a:prstGeom prst="rect">
            <a:avLst/>
          </a:prstGeom>
          <a:noFill/>
        </p:spPr>
        <p:txBody>
          <a:bodyPr wrap="square" rtlCol="0">
            <a:spAutoFit/>
          </a:bodyPr>
          <a:lstStyle/>
          <a:p>
            <a:pPr>
              <a:lnSpc>
                <a:spcPct val="85000"/>
              </a:lnSpc>
            </a:pPr>
            <a:r>
              <a:rPr lang="en-US" sz="2000" b="1" dirty="0" smtClean="0">
                <a:latin typeface="+mn-lt"/>
              </a:rPr>
              <a:t>North</a:t>
            </a:r>
          </a:p>
          <a:p>
            <a:pPr>
              <a:lnSpc>
                <a:spcPct val="85000"/>
              </a:lnSpc>
            </a:pPr>
            <a:r>
              <a:rPr lang="en-US" sz="2000" b="1" dirty="0" smtClean="0">
                <a:latin typeface="+mn-lt"/>
              </a:rPr>
              <a:t>Delta Exports</a:t>
            </a:r>
            <a:endParaRPr lang="en-US" sz="2000" b="1" dirty="0">
              <a:latin typeface="+mn-lt"/>
            </a:endParaRPr>
          </a:p>
        </p:txBody>
      </p:sp>
      <p:pic>
        <p:nvPicPr>
          <p:cNvPr id="20"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2" name="TextBox 11"/>
          <p:cNvSpPr txBox="1"/>
          <p:nvPr/>
        </p:nvSpPr>
        <p:spPr>
          <a:xfrm>
            <a:off x="0" y="6526797"/>
            <a:ext cx="6019800" cy="307777"/>
          </a:xfrm>
          <a:prstGeom prst="rect">
            <a:avLst/>
          </a:prstGeom>
          <a:noFill/>
        </p:spPr>
        <p:txBody>
          <a:bodyPr wrap="square" rtlCol="0">
            <a:spAutoFit/>
          </a:bodyPr>
          <a:lstStyle/>
          <a:p>
            <a:pPr algn="ctr"/>
            <a:r>
              <a:rPr lang="en-US" sz="1400" b="1" i="1" dirty="0" smtClean="0">
                <a:solidFill>
                  <a:srgbClr val="FFC000"/>
                </a:solidFill>
                <a:latin typeface="+mn-lt"/>
              </a:rPr>
              <a:t>Based on preliminary operations forwarded by BDCP Steering Comm in 2010</a:t>
            </a:r>
            <a:endParaRPr lang="en-US" sz="1400" b="1" i="1" dirty="0">
              <a:solidFill>
                <a:srgbClr val="FFC000"/>
              </a:solidFill>
              <a:latin typeface="+mn-lt"/>
            </a:endParaRPr>
          </a:p>
        </p:txBody>
      </p:sp>
    </p:spTree>
    <p:extLst>
      <p:ext uri="{BB962C8B-B14F-4D97-AF65-F5344CB8AC3E}">
        <p14:creationId xmlns:p14="http://schemas.microsoft.com/office/powerpoint/2010/main" val="3612987745"/>
      </p:ext>
    </p:extLst>
  </p:cSld>
  <p:clrMapOvr>
    <a:masterClrMapping/>
  </p:clrMapOvr>
  <p:transition spd="slow">
    <p:fade/>
  </p:transition>
  <p:timing>
    <p:tnLst>
      <p:par>
        <p:cTn id="1" dur="indefinite" restart="never" nodeType="tmRoot"/>
      </p:par>
    </p:tnLst>
  </p:timing>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052596"/>
          </a:xfrm>
        </p:spPr>
        <p:txBody>
          <a:bodyPr/>
          <a:lstStyle/>
          <a:p>
            <a:r>
              <a:rPr lang="en-US" dirty="0"/>
              <a:t>Worsening Fishery Conditions</a:t>
            </a:r>
            <a:br>
              <a:rPr lang="en-US" dirty="0"/>
            </a:br>
            <a:r>
              <a:rPr lang="en-US" sz="3200" dirty="0">
                <a:solidFill>
                  <a:schemeClr val="tx1"/>
                </a:solidFill>
              </a:rPr>
              <a:t>More restrictive Old &amp; Middle River </a:t>
            </a:r>
            <a:r>
              <a:rPr lang="en-US" sz="3200" dirty="0" smtClean="0">
                <a:solidFill>
                  <a:schemeClr val="tx1"/>
                </a:solidFill>
              </a:rPr>
              <a:t>conditions</a:t>
            </a:r>
            <a:endParaRPr lang="en-US" sz="3200" dirty="0">
              <a:solidFill>
                <a:schemeClr val="tx1"/>
              </a:solidFill>
            </a:endParaRPr>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1934111839"/>
              </p:ext>
            </p:extLst>
          </p:nvPr>
        </p:nvGraphicFramePr>
        <p:xfrm>
          <a:off x="552450" y="1982788"/>
          <a:ext cx="8591550" cy="4494212"/>
        </p:xfrm>
        <a:graphic>
          <a:graphicData uri="http://schemas.openxmlformats.org/drawingml/2006/chart">
            <c:chart xmlns:c="http://schemas.openxmlformats.org/drawingml/2006/chart" xmlns:r="http://schemas.openxmlformats.org/officeDocument/2006/relationships" r:id="rId3"/>
          </a:graphicData>
        </a:graphic>
      </p:graphicFrame>
      <p:sp>
        <p:nvSpPr>
          <p:cNvPr id="14" name="Rectangle 13"/>
          <p:cNvSpPr/>
          <p:nvPr/>
        </p:nvSpPr>
        <p:spPr bwMode="auto">
          <a:xfrm>
            <a:off x="3048000" y="1615562"/>
            <a:ext cx="381000" cy="381000"/>
          </a:xfrm>
          <a:prstGeom prst="rect">
            <a:avLst/>
          </a:prstGeom>
          <a:gradFill flip="none" rotWithShape="1">
            <a:gsLst>
              <a:gs pos="0">
                <a:srgbClr val="C00000">
                  <a:shade val="30000"/>
                  <a:satMod val="115000"/>
                </a:srgbClr>
              </a:gs>
              <a:gs pos="50000">
                <a:srgbClr val="C00000">
                  <a:shade val="67500"/>
                  <a:satMod val="115000"/>
                </a:srgbClr>
              </a:gs>
              <a:gs pos="100000">
                <a:srgbClr val="C0000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5" name="Rectangle 14"/>
          <p:cNvSpPr/>
          <p:nvPr/>
        </p:nvSpPr>
        <p:spPr bwMode="auto">
          <a:xfrm>
            <a:off x="5257800" y="1615562"/>
            <a:ext cx="381000" cy="381000"/>
          </a:xfrm>
          <a:prstGeom prst="rect">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6" name="TextBox 15"/>
          <p:cNvSpPr txBox="1"/>
          <p:nvPr/>
        </p:nvSpPr>
        <p:spPr>
          <a:xfrm>
            <a:off x="3480666" y="1524000"/>
            <a:ext cx="1700934" cy="615553"/>
          </a:xfrm>
          <a:prstGeom prst="rect">
            <a:avLst/>
          </a:prstGeom>
          <a:noFill/>
        </p:spPr>
        <p:txBody>
          <a:bodyPr wrap="square" rtlCol="0">
            <a:spAutoFit/>
          </a:bodyPr>
          <a:lstStyle/>
          <a:p>
            <a:pPr>
              <a:lnSpc>
                <a:spcPct val="85000"/>
              </a:lnSpc>
            </a:pPr>
            <a:r>
              <a:rPr lang="en-US" sz="2000" b="1" dirty="0" smtClean="0">
                <a:latin typeface="+mn-lt"/>
              </a:rPr>
              <a:t>South</a:t>
            </a:r>
          </a:p>
          <a:p>
            <a:pPr>
              <a:lnSpc>
                <a:spcPct val="85000"/>
              </a:lnSpc>
            </a:pPr>
            <a:r>
              <a:rPr lang="en-US" sz="2000" b="1" dirty="0" smtClean="0">
                <a:latin typeface="+mn-lt"/>
              </a:rPr>
              <a:t>Delta Exports</a:t>
            </a:r>
            <a:endParaRPr lang="en-US" sz="2000" b="1" dirty="0">
              <a:latin typeface="+mn-lt"/>
            </a:endParaRPr>
          </a:p>
        </p:txBody>
      </p:sp>
      <p:sp>
        <p:nvSpPr>
          <p:cNvPr id="17" name="TextBox 16"/>
          <p:cNvSpPr txBox="1"/>
          <p:nvPr/>
        </p:nvSpPr>
        <p:spPr>
          <a:xfrm>
            <a:off x="5690466" y="1524000"/>
            <a:ext cx="1700934" cy="615553"/>
          </a:xfrm>
          <a:prstGeom prst="rect">
            <a:avLst/>
          </a:prstGeom>
          <a:noFill/>
        </p:spPr>
        <p:txBody>
          <a:bodyPr wrap="square" rtlCol="0">
            <a:spAutoFit/>
          </a:bodyPr>
          <a:lstStyle/>
          <a:p>
            <a:pPr>
              <a:lnSpc>
                <a:spcPct val="85000"/>
              </a:lnSpc>
            </a:pPr>
            <a:r>
              <a:rPr lang="en-US" sz="2000" b="1" dirty="0" smtClean="0">
                <a:latin typeface="+mn-lt"/>
              </a:rPr>
              <a:t>North</a:t>
            </a:r>
          </a:p>
          <a:p>
            <a:pPr>
              <a:lnSpc>
                <a:spcPct val="85000"/>
              </a:lnSpc>
            </a:pPr>
            <a:r>
              <a:rPr lang="en-US" sz="2000" b="1" dirty="0" smtClean="0">
                <a:latin typeface="+mn-lt"/>
              </a:rPr>
              <a:t>Delta Exports</a:t>
            </a:r>
            <a:endParaRPr lang="en-US" sz="2000" b="1" dirty="0">
              <a:latin typeface="+mn-lt"/>
            </a:endParaRPr>
          </a:p>
        </p:txBody>
      </p:sp>
      <p:pic>
        <p:nvPicPr>
          <p:cNvPr id="13"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8" name="TextBox 17"/>
          <p:cNvSpPr txBox="1"/>
          <p:nvPr/>
        </p:nvSpPr>
        <p:spPr>
          <a:xfrm>
            <a:off x="0" y="6526797"/>
            <a:ext cx="6019800" cy="307777"/>
          </a:xfrm>
          <a:prstGeom prst="rect">
            <a:avLst/>
          </a:prstGeom>
          <a:noFill/>
        </p:spPr>
        <p:txBody>
          <a:bodyPr wrap="square" rtlCol="0">
            <a:spAutoFit/>
          </a:bodyPr>
          <a:lstStyle/>
          <a:p>
            <a:pPr algn="ctr"/>
            <a:r>
              <a:rPr lang="en-US" sz="1400" b="1" i="1" dirty="0" smtClean="0">
                <a:solidFill>
                  <a:srgbClr val="FFC000"/>
                </a:solidFill>
                <a:latin typeface="+mn-lt"/>
              </a:rPr>
              <a:t>Based on preliminary operations forwarded by BDCP Steering Comm in 2010</a:t>
            </a:r>
            <a:endParaRPr lang="en-US" sz="1400" b="1" i="1" dirty="0">
              <a:solidFill>
                <a:srgbClr val="FFC000"/>
              </a:solidFill>
              <a:latin typeface="+mn-lt"/>
            </a:endParaRPr>
          </a:p>
        </p:txBody>
      </p:sp>
    </p:spTree>
    <p:extLst>
      <p:ext uri="{BB962C8B-B14F-4D97-AF65-F5344CB8AC3E}">
        <p14:creationId xmlns:p14="http://schemas.microsoft.com/office/powerpoint/2010/main" val="1585993596"/>
      </p:ext>
    </p:extLst>
  </p:cSld>
  <p:clrMapOvr>
    <a:masterClrMapping/>
  </p:clrMapOvr>
  <p:transition spd="slow">
    <p:fade/>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bwMode="auto">
          <a:xfrm>
            <a:off x="304800" y="1905000"/>
            <a:ext cx="4114800" cy="4617493"/>
          </a:xfrm>
          <a:prstGeom prst="roundRect">
            <a:avLst/>
          </a:prstGeom>
          <a:noFill/>
          <a:ln w="57150">
            <a:solidFill>
              <a:schemeClr val="tx1">
                <a:lumMod val="65000"/>
              </a:schemeClr>
            </a:solidFill>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t" anchorCtr="0" compatLnSpc="1">
            <a:prstTxWarp prst="textNoShape">
              <a:avLst/>
            </a:prstTxWarp>
          </a:bodyPr>
          <a:lstStyle/>
          <a:p>
            <a:pPr algn="ctr" defTabSz="914099"/>
            <a:r>
              <a:rPr lang="en-US" sz="2600" b="1" dirty="0" smtClean="0">
                <a:solidFill>
                  <a:srgbClr val="FFFFFF"/>
                </a:solidFill>
                <a:effectLst>
                  <a:outerShdw blurRad="38100" dist="38100" dir="2700000" algn="tl">
                    <a:srgbClr val="000000">
                      <a:alpha val="43137"/>
                    </a:srgbClr>
                  </a:outerShdw>
                </a:effectLst>
              </a:rPr>
              <a:t>Ecosystem Restoration</a:t>
            </a:r>
          </a:p>
        </p:txBody>
      </p:sp>
      <p:sp>
        <p:nvSpPr>
          <p:cNvPr id="26" name="Rounded Rectangle 25"/>
          <p:cNvSpPr/>
          <p:nvPr/>
        </p:nvSpPr>
        <p:spPr bwMode="auto">
          <a:xfrm>
            <a:off x="4723645" y="1905000"/>
            <a:ext cx="4114800" cy="4617493"/>
          </a:xfrm>
          <a:prstGeom prst="roundRect">
            <a:avLst/>
          </a:prstGeom>
          <a:noFill/>
          <a:ln w="57150">
            <a:solidFill>
              <a:schemeClr val="tx1">
                <a:lumMod val="65000"/>
              </a:schemeClr>
            </a:solidFill>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t" anchorCtr="0" compatLnSpc="1">
            <a:prstTxWarp prst="textNoShape">
              <a:avLst/>
            </a:prstTxWarp>
          </a:bodyPr>
          <a:lstStyle/>
          <a:p>
            <a:pPr algn="ctr" defTabSz="914099"/>
            <a:r>
              <a:rPr lang="en-US" sz="2600" b="1" dirty="0" smtClean="0">
                <a:solidFill>
                  <a:srgbClr val="FFFFFF"/>
                </a:solidFill>
                <a:effectLst>
                  <a:outerShdw blurRad="38100" dist="38100" dir="2700000" algn="tl">
                    <a:srgbClr val="000000">
                      <a:alpha val="43137"/>
                    </a:srgbClr>
                  </a:outerShdw>
                </a:effectLst>
              </a:rPr>
              <a:t>Conveyance &amp; Mitigation</a:t>
            </a:r>
          </a:p>
        </p:txBody>
      </p:sp>
      <p:sp>
        <p:nvSpPr>
          <p:cNvPr id="10247" name="Title 4"/>
          <p:cNvSpPr>
            <a:spLocks noGrp="1"/>
          </p:cNvSpPr>
          <p:nvPr>
            <p:ph type="title"/>
          </p:nvPr>
        </p:nvSpPr>
        <p:spPr>
          <a:xfrm>
            <a:off x="533400" y="381000"/>
            <a:ext cx="8229600" cy="1107996"/>
          </a:xfrm>
        </p:spPr>
        <p:txBody>
          <a:bodyPr/>
          <a:lstStyle/>
          <a:p>
            <a:pPr algn="r"/>
            <a:r>
              <a:rPr lang="en-US" altLang="en-US" dirty="0" smtClean="0"/>
              <a:t>Cost Allocation</a:t>
            </a:r>
            <a:br>
              <a:rPr lang="en-US" altLang="en-US" dirty="0" smtClean="0"/>
            </a:br>
            <a:r>
              <a:rPr lang="en-US" altLang="en-US" sz="3600" dirty="0" smtClean="0">
                <a:solidFill>
                  <a:schemeClr val="tx1"/>
                </a:solidFill>
              </a:rPr>
              <a:t>Funding Agencies</a:t>
            </a:r>
            <a:endParaRPr lang="en-US" altLang="en-US" sz="4800" dirty="0" smtClean="0">
              <a:solidFill>
                <a:schemeClr val="tx1"/>
              </a:solidFill>
            </a:endParaRPr>
          </a:p>
        </p:txBody>
      </p:sp>
      <p:cxnSp>
        <p:nvCxnSpPr>
          <p:cNvPr id="12" name="Gewinkelte Verbindung 33"/>
          <p:cNvCxnSpPr/>
          <p:nvPr/>
        </p:nvCxnSpPr>
        <p:spPr bwMode="gray">
          <a:xfrm rot="10800000" flipV="1">
            <a:off x="5821682" y="2904899"/>
            <a:ext cx="1147181" cy="831850"/>
          </a:xfrm>
          <a:prstGeom prst="bentConnector2">
            <a:avLst/>
          </a:prstGeom>
          <a:ln w="19050">
            <a:solidFill>
              <a:schemeClr val="accent1">
                <a:lumMod val="60000"/>
                <a:lumOff val="40000"/>
              </a:schemeClr>
            </a:solidFill>
            <a:headEnd type="none" w="med" len="med"/>
            <a:tailEnd type="none" w="med" len="med"/>
          </a:ln>
        </p:spPr>
        <p:style>
          <a:lnRef idx="2">
            <a:schemeClr val="accent6"/>
          </a:lnRef>
          <a:fillRef idx="0">
            <a:schemeClr val="accent6"/>
          </a:fillRef>
          <a:effectRef idx="1">
            <a:schemeClr val="accent6"/>
          </a:effectRef>
          <a:fontRef idx="minor">
            <a:schemeClr val="tx1"/>
          </a:fontRef>
        </p:style>
      </p:cxnSp>
      <p:cxnSp>
        <p:nvCxnSpPr>
          <p:cNvPr id="69" name="Elbow Connector 68"/>
          <p:cNvCxnSpPr/>
          <p:nvPr/>
        </p:nvCxnSpPr>
        <p:spPr bwMode="auto">
          <a:xfrm>
            <a:off x="6546318" y="2904899"/>
            <a:ext cx="1138823" cy="831850"/>
          </a:xfrm>
          <a:prstGeom prst="bentConnector2">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cxnSp>
        <p:nvCxnSpPr>
          <p:cNvPr id="71" name="Straight Arrow Connector 70"/>
          <p:cNvCxnSpPr>
            <a:stCxn id="21" idx="2"/>
            <a:endCxn id="64" idx="0"/>
          </p:cNvCxnSpPr>
          <p:nvPr/>
        </p:nvCxnSpPr>
        <p:spPr bwMode="auto">
          <a:xfrm flipH="1">
            <a:off x="5821680" y="4419374"/>
            <a:ext cx="1" cy="152400"/>
          </a:xfrm>
          <a:prstGeom prst="straightConnector1">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cxnSp>
        <p:nvCxnSpPr>
          <p:cNvPr id="72" name="Straight Arrow Connector 71"/>
          <p:cNvCxnSpPr>
            <a:stCxn id="23" idx="2"/>
            <a:endCxn id="60" idx="0"/>
          </p:cNvCxnSpPr>
          <p:nvPr/>
        </p:nvCxnSpPr>
        <p:spPr bwMode="auto">
          <a:xfrm>
            <a:off x="7685141" y="4419374"/>
            <a:ext cx="0" cy="457200"/>
          </a:xfrm>
          <a:prstGeom prst="straightConnector1">
            <a:avLst/>
          </a:prstGeom>
          <a:ln w="19050">
            <a:solidFill>
              <a:schemeClr val="accent1">
                <a:lumMod val="60000"/>
                <a:lumOff val="40000"/>
              </a:schemeClr>
            </a:solidFill>
            <a:headEnd type="none" w="med" len="med"/>
            <a:tailEnd type="none" w="med" len="med"/>
          </a:ln>
          <a:extLst/>
        </p:spPr>
        <p:style>
          <a:lnRef idx="2">
            <a:schemeClr val="accent6"/>
          </a:lnRef>
          <a:fillRef idx="0">
            <a:schemeClr val="accent6"/>
          </a:fillRef>
          <a:effectRef idx="1">
            <a:schemeClr val="accent6"/>
          </a:effectRef>
          <a:fontRef idx="minor">
            <a:schemeClr val="tx1"/>
          </a:fontRef>
        </p:style>
      </p:cxnSp>
      <p:sp>
        <p:nvSpPr>
          <p:cNvPr id="17" name="Rechteck 16"/>
          <p:cNvSpPr/>
          <p:nvPr/>
        </p:nvSpPr>
        <p:spPr bwMode="gray">
          <a:xfrm>
            <a:off x="1795901" y="4324916"/>
            <a:ext cx="2374410" cy="968376"/>
          </a:xfrm>
          <a:prstGeom prst="ellipse">
            <a:avLst/>
          </a:prstGeom>
          <a:solidFill>
            <a:schemeClr val="accent2">
              <a:lumMod val="75000"/>
            </a:schemeClr>
          </a:solidFill>
          <a:ln w="12700">
            <a:noFill/>
            <a:miter lim="800000"/>
            <a:headEnd/>
            <a:tailEnd/>
          </a:ln>
          <a:effectLst>
            <a:outerShdw blurRad="127000" dist="63500" dir="2700000" algn="tl" rotWithShape="0">
              <a:prstClr val="black">
                <a:alpha val="40000"/>
              </a:prstClr>
            </a:outerShdw>
          </a:effectLst>
          <a:scene3d>
            <a:camera prst="orthographicFront"/>
            <a:lightRig rig="threePt" dir="t"/>
          </a:scene3d>
          <a:sp3d>
            <a:bevelT/>
          </a:sp3d>
        </p:spPr>
        <p:txBody>
          <a:bodyPr lIns="0" tIns="0" rIns="0" bIns="0" anchor="ctr"/>
          <a:lstStyle/>
          <a:p>
            <a:pPr algn="ctr">
              <a:spcAft>
                <a:spcPts val="400"/>
              </a:spcAft>
              <a:defRPr/>
            </a:pPr>
            <a:r>
              <a:rPr lang="de-DE" sz="2400" b="1" noProof="1" smtClean="0">
                <a:solidFill>
                  <a:prstClr val="white"/>
                </a:solidFill>
                <a:latin typeface="Calibri"/>
              </a:rPr>
              <a:t>Federal Government</a:t>
            </a:r>
            <a:endParaRPr lang="de-DE" sz="2400" b="1" noProof="1">
              <a:solidFill>
                <a:prstClr val="white"/>
              </a:solidFill>
              <a:latin typeface="Calibri"/>
            </a:endParaRPr>
          </a:p>
        </p:txBody>
      </p:sp>
      <p:sp>
        <p:nvSpPr>
          <p:cNvPr id="18" name="Rechteck 18"/>
          <p:cNvSpPr/>
          <p:nvPr/>
        </p:nvSpPr>
        <p:spPr bwMode="gray">
          <a:xfrm>
            <a:off x="651177" y="2954110"/>
            <a:ext cx="2372602" cy="968376"/>
          </a:xfrm>
          <a:prstGeom prst="ellipse">
            <a:avLst/>
          </a:prstGeom>
          <a:solidFill>
            <a:schemeClr val="accent4">
              <a:lumMod val="75000"/>
            </a:schemeClr>
          </a:solidFill>
          <a:ln w="12700">
            <a:noFill/>
            <a:miter lim="800000"/>
            <a:headEnd/>
            <a:tailEnd/>
          </a:ln>
          <a:effectLst>
            <a:outerShdw blurRad="127000" dist="63500" dir="2700000" algn="tl" rotWithShape="0">
              <a:prstClr val="black">
                <a:alpha val="40000"/>
              </a:prstClr>
            </a:outerShdw>
          </a:effectLst>
          <a:scene3d>
            <a:camera prst="orthographicFront"/>
            <a:lightRig rig="threePt" dir="t"/>
          </a:scene3d>
          <a:sp3d>
            <a:bevelT/>
          </a:sp3d>
        </p:spPr>
        <p:txBody>
          <a:bodyPr lIns="0" tIns="0" rIns="0" bIns="0" anchor="ctr"/>
          <a:lstStyle/>
          <a:p>
            <a:pPr algn="ctr">
              <a:spcAft>
                <a:spcPts val="400"/>
              </a:spcAft>
              <a:defRPr/>
            </a:pPr>
            <a:r>
              <a:rPr lang="de-DE" sz="2400" b="1" noProof="1">
                <a:solidFill>
                  <a:prstClr val="white"/>
                </a:solidFill>
                <a:latin typeface="Calibri"/>
              </a:rPr>
              <a:t>State</a:t>
            </a:r>
            <a:r>
              <a:rPr lang="de-DE" sz="2400" b="1" noProof="1">
                <a:solidFill>
                  <a:prstClr val="black"/>
                </a:solidFill>
                <a:latin typeface="Calibri"/>
              </a:rPr>
              <a:t> </a:t>
            </a:r>
            <a:r>
              <a:rPr lang="de-DE" sz="2400" b="1" noProof="1">
                <a:solidFill>
                  <a:prstClr val="white"/>
                </a:solidFill>
                <a:latin typeface="Calibri"/>
              </a:rPr>
              <a:t>of California</a:t>
            </a:r>
          </a:p>
        </p:txBody>
      </p:sp>
      <p:sp>
        <p:nvSpPr>
          <p:cNvPr id="20" name="Rechteck 17"/>
          <p:cNvSpPr/>
          <p:nvPr/>
        </p:nvSpPr>
        <p:spPr bwMode="gray">
          <a:xfrm>
            <a:off x="4978107" y="2669949"/>
            <a:ext cx="3499514" cy="533400"/>
          </a:xfrm>
          <a:prstGeom prst="roundRect">
            <a:avLst/>
          </a:prstGeom>
          <a:ln>
            <a:headEnd/>
            <a:tailEnd/>
          </a:ln>
        </p:spPr>
        <p:style>
          <a:lnRef idx="1">
            <a:schemeClr val="accent1"/>
          </a:lnRef>
          <a:fillRef idx="2">
            <a:schemeClr val="accent1"/>
          </a:fillRef>
          <a:effectRef idx="1">
            <a:schemeClr val="accent1"/>
          </a:effectRef>
          <a:fontRef idx="minor">
            <a:schemeClr val="dk1"/>
          </a:fontRef>
        </p:style>
        <p:txBody>
          <a:bodyPr lIns="108000" tIns="72000" rIns="108000" bIns="72000" anchor="ctr"/>
          <a:lstStyle/>
          <a:p>
            <a:pPr algn="ctr">
              <a:spcAft>
                <a:spcPts val="400"/>
              </a:spcAft>
              <a:defRPr/>
            </a:pPr>
            <a:r>
              <a:rPr lang="de-DE" sz="2400" b="1" noProof="1">
                <a:solidFill>
                  <a:prstClr val="black"/>
                </a:solidFill>
              </a:rPr>
              <a:t>CVP/SWP </a:t>
            </a:r>
            <a:r>
              <a:rPr lang="de-DE" sz="2400" b="1" noProof="1" smtClean="0">
                <a:solidFill>
                  <a:prstClr val="black"/>
                </a:solidFill>
              </a:rPr>
              <a:t>Contractors</a:t>
            </a:r>
            <a:endParaRPr lang="de-DE" sz="2400" b="1" noProof="1">
              <a:solidFill>
                <a:prstClr val="black"/>
              </a:solidFill>
            </a:endParaRPr>
          </a:p>
        </p:txBody>
      </p:sp>
      <p:sp>
        <p:nvSpPr>
          <p:cNvPr id="64" name="Rechteck 30"/>
          <p:cNvSpPr/>
          <p:nvPr/>
        </p:nvSpPr>
        <p:spPr bwMode="gray">
          <a:xfrm>
            <a:off x="4953000" y="4571774"/>
            <a:ext cx="1737360" cy="1779588"/>
          </a:xfrm>
          <a:prstGeom prst="roundRect">
            <a:avLst/>
          </a:prstGeom>
          <a:ln>
            <a:headEnd/>
            <a:tailEnd/>
          </a:ln>
        </p:spPr>
        <p:style>
          <a:lnRef idx="0">
            <a:schemeClr val="accent3"/>
          </a:lnRef>
          <a:fillRef idx="3">
            <a:schemeClr val="accent3"/>
          </a:fillRef>
          <a:effectRef idx="3">
            <a:schemeClr val="accent3"/>
          </a:effectRef>
          <a:fontRef idx="minor">
            <a:schemeClr val="lt1"/>
          </a:fontRef>
        </p:style>
        <p:txBody>
          <a:bodyPr lIns="108000" tIns="72000" rIns="108000" bIns="72000" anchor="ctr"/>
          <a:lstStyle/>
          <a:p>
            <a:pPr marL="174625" indent="-174625">
              <a:lnSpc>
                <a:spcPct val="90000"/>
              </a:lnSpc>
              <a:buFont typeface="Arial" panose="020B0604020202020204" pitchFamily="34" charset="0"/>
              <a:buChar char="•"/>
              <a:defRPr/>
            </a:pPr>
            <a:r>
              <a:rPr lang="en-US" sz="2000" b="1" noProof="1" smtClean="0">
                <a:solidFill>
                  <a:prstClr val="white"/>
                </a:solidFill>
              </a:rPr>
              <a:t>Ag</a:t>
            </a:r>
          </a:p>
          <a:p>
            <a:pPr marL="174625" indent="-174625">
              <a:lnSpc>
                <a:spcPct val="90000"/>
              </a:lnSpc>
              <a:buFont typeface="Arial" panose="020B0604020202020204" pitchFamily="34" charset="0"/>
              <a:buChar char="•"/>
              <a:defRPr/>
            </a:pPr>
            <a:r>
              <a:rPr lang="en-US" sz="2000" b="1" noProof="1" smtClean="0">
                <a:solidFill>
                  <a:prstClr val="white"/>
                </a:solidFill>
              </a:rPr>
              <a:t>Urban</a:t>
            </a:r>
          </a:p>
          <a:p>
            <a:pPr marL="174625" indent="-174625">
              <a:lnSpc>
                <a:spcPct val="90000"/>
              </a:lnSpc>
              <a:buFont typeface="Arial" panose="020B0604020202020204" pitchFamily="34" charset="0"/>
              <a:buChar char="•"/>
              <a:defRPr/>
            </a:pPr>
            <a:r>
              <a:rPr lang="en-US" sz="2000" b="1" noProof="1" smtClean="0">
                <a:solidFill>
                  <a:prstClr val="white"/>
                </a:solidFill>
              </a:rPr>
              <a:t>Exchange</a:t>
            </a:r>
          </a:p>
          <a:p>
            <a:pPr marL="174625" indent="-174625">
              <a:lnSpc>
                <a:spcPct val="90000"/>
              </a:lnSpc>
              <a:buFont typeface="Arial" panose="020B0604020202020204" pitchFamily="34" charset="0"/>
              <a:buChar char="•"/>
              <a:defRPr/>
            </a:pPr>
            <a:r>
              <a:rPr lang="en-US" sz="2000" b="1" noProof="1" smtClean="0">
                <a:solidFill>
                  <a:prstClr val="white"/>
                </a:solidFill>
              </a:rPr>
              <a:t>Refuge</a:t>
            </a:r>
          </a:p>
          <a:p>
            <a:pPr marL="174625" indent="-174625">
              <a:lnSpc>
                <a:spcPct val="90000"/>
              </a:lnSpc>
              <a:buFont typeface="Arial" panose="020B0604020202020204" pitchFamily="34" charset="0"/>
              <a:buChar char="•"/>
              <a:defRPr/>
            </a:pPr>
            <a:r>
              <a:rPr lang="en-US" sz="2000" b="1" noProof="1" smtClean="0">
                <a:solidFill>
                  <a:prstClr val="white"/>
                </a:solidFill>
              </a:rPr>
              <a:t>Settlement</a:t>
            </a:r>
            <a:endParaRPr lang="en-US" sz="2000" b="1" noProof="1">
              <a:solidFill>
                <a:prstClr val="white"/>
              </a:solidFill>
            </a:endParaRPr>
          </a:p>
        </p:txBody>
      </p:sp>
      <p:sp>
        <p:nvSpPr>
          <p:cNvPr id="60" name="Rechteck 30"/>
          <p:cNvSpPr/>
          <p:nvPr/>
        </p:nvSpPr>
        <p:spPr bwMode="gray">
          <a:xfrm>
            <a:off x="6816461" y="4876574"/>
            <a:ext cx="1737360" cy="833437"/>
          </a:xfrm>
          <a:prstGeom prst="roundRect">
            <a:avLst/>
          </a:prstGeom>
          <a:ln>
            <a:headEnd/>
            <a:tailEnd/>
          </a:ln>
        </p:spPr>
        <p:style>
          <a:lnRef idx="0">
            <a:schemeClr val="accent6"/>
          </a:lnRef>
          <a:fillRef idx="3">
            <a:schemeClr val="accent6"/>
          </a:fillRef>
          <a:effectRef idx="3">
            <a:schemeClr val="accent6"/>
          </a:effectRef>
          <a:fontRef idx="minor">
            <a:schemeClr val="lt1"/>
          </a:fontRef>
        </p:style>
        <p:txBody>
          <a:bodyPr lIns="108000" tIns="72000" rIns="108000" bIns="72000" anchor="ctr"/>
          <a:lstStyle/>
          <a:p>
            <a:pPr marL="174625" indent="-174625">
              <a:lnSpc>
                <a:spcPct val="90000"/>
              </a:lnSpc>
              <a:buFont typeface="Arial" panose="020B0604020202020204" pitchFamily="34" charset="0"/>
              <a:buChar char="•"/>
              <a:defRPr/>
            </a:pPr>
            <a:r>
              <a:rPr lang="en-US" sz="2000" b="1" noProof="1">
                <a:solidFill>
                  <a:prstClr val="white"/>
                </a:solidFill>
              </a:rPr>
              <a:t>Ag</a:t>
            </a:r>
          </a:p>
          <a:p>
            <a:pPr marL="174625" indent="-174625">
              <a:lnSpc>
                <a:spcPct val="90000"/>
              </a:lnSpc>
              <a:buFont typeface="Arial" panose="020B0604020202020204" pitchFamily="34" charset="0"/>
              <a:buChar char="•"/>
              <a:defRPr/>
            </a:pPr>
            <a:r>
              <a:rPr lang="en-US" sz="2000" b="1" noProof="1">
                <a:solidFill>
                  <a:prstClr val="white"/>
                </a:solidFill>
              </a:rPr>
              <a:t>Urban</a:t>
            </a:r>
          </a:p>
        </p:txBody>
      </p:sp>
      <p:sp>
        <p:nvSpPr>
          <p:cNvPr id="21" name="Rechteck 30"/>
          <p:cNvSpPr/>
          <p:nvPr/>
        </p:nvSpPr>
        <p:spPr bwMode="gray">
          <a:xfrm>
            <a:off x="4953001" y="3584349"/>
            <a:ext cx="1737360" cy="835025"/>
          </a:xfrm>
          <a:prstGeom prst="roundRect">
            <a:avLst/>
          </a:prstGeom>
          <a:ln>
            <a:headEnd/>
            <a:tailEnd/>
          </a:ln>
        </p:spPr>
        <p:style>
          <a:lnRef idx="0">
            <a:schemeClr val="accent3"/>
          </a:lnRef>
          <a:fillRef idx="3">
            <a:schemeClr val="accent3"/>
          </a:fillRef>
          <a:effectRef idx="3">
            <a:schemeClr val="accent3"/>
          </a:effectRef>
          <a:fontRef idx="minor">
            <a:schemeClr val="lt1"/>
          </a:fontRef>
        </p:style>
        <p:txBody>
          <a:bodyPr lIns="108000" tIns="72000" rIns="108000" bIns="72000" anchor="ctr"/>
          <a:lstStyle/>
          <a:p>
            <a:pPr algn="ctr">
              <a:spcAft>
                <a:spcPts val="400"/>
              </a:spcAft>
              <a:defRPr/>
            </a:pPr>
            <a:r>
              <a:rPr lang="en-US" sz="2000" b="1" noProof="1">
                <a:solidFill>
                  <a:prstClr val="white"/>
                </a:solidFill>
              </a:rPr>
              <a:t>CVP </a:t>
            </a:r>
            <a:r>
              <a:rPr lang="en-US" sz="2000" b="1" noProof="1" smtClean="0">
                <a:solidFill>
                  <a:prstClr val="white"/>
                </a:solidFill>
              </a:rPr>
              <a:t>Contractors</a:t>
            </a:r>
          </a:p>
        </p:txBody>
      </p:sp>
      <p:sp>
        <p:nvSpPr>
          <p:cNvPr id="23" name="Rechteck 32"/>
          <p:cNvSpPr/>
          <p:nvPr/>
        </p:nvSpPr>
        <p:spPr bwMode="gray">
          <a:xfrm>
            <a:off x="6816461" y="3584349"/>
            <a:ext cx="1737360" cy="835025"/>
          </a:xfrm>
          <a:prstGeom prst="roundRect">
            <a:avLst/>
          </a:prstGeom>
          <a:ln>
            <a:headEnd/>
            <a:tailEnd/>
          </a:ln>
        </p:spPr>
        <p:style>
          <a:lnRef idx="0">
            <a:schemeClr val="accent6"/>
          </a:lnRef>
          <a:fillRef idx="3">
            <a:schemeClr val="accent6"/>
          </a:fillRef>
          <a:effectRef idx="3">
            <a:schemeClr val="accent6"/>
          </a:effectRef>
          <a:fontRef idx="minor">
            <a:schemeClr val="lt1"/>
          </a:fontRef>
        </p:style>
        <p:txBody>
          <a:bodyPr lIns="108000" tIns="72000" rIns="108000" bIns="72000" anchor="ctr"/>
          <a:lstStyle/>
          <a:p>
            <a:pPr algn="ctr">
              <a:spcAft>
                <a:spcPts val="400"/>
              </a:spcAft>
              <a:defRPr/>
            </a:pPr>
            <a:r>
              <a:rPr lang="de-DE" sz="2000" b="1" noProof="1">
                <a:solidFill>
                  <a:prstClr val="white"/>
                </a:solidFill>
              </a:rPr>
              <a:t>SWP Contractors</a:t>
            </a:r>
          </a:p>
        </p:txBody>
      </p:sp>
    </p:spTree>
    <p:extLst>
      <p:ext uri="{BB962C8B-B14F-4D97-AF65-F5344CB8AC3E}">
        <p14:creationId xmlns:p14="http://schemas.microsoft.com/office/powerpoint/2010/main" val="1919202219"/>
      </p:ext>
    </p:extLst>
  </p:cSld>
  <p:clrMapOvr>
    <a:masterClrMapping/>
  </p:clrMapOvr>
  <p:transition spd="slow">
    <p:fade/>
  </p:transition>
  <p:timing>
    <p:tnLst>
      <p:par>
        <p:cTn id="1" dur="indefinite" restart="never" nodeType="tmRoot"/>
      </p:par>
    </p:tnLst>
  </p:timing>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997196"/>
          </a:xfrm>
        </p:spPr>
        <p:txBody>
          <a:bodyPr/>
          <a:lstStyle/>
          <a:p>
            <a:r>
              <a:rPr lang="en-US" dirty="0"/>
              <a:t>No South Delta Diversions</a:t>
            </a:r>
            <a:br>
              <a:rPr lang="en-US" dirty="0"/>
            </a:br>
            <a:r>
              <a:rPr lang="en-US" sz="2800" dirty="0">
                <a:solidFill>
                  <a:schemeClr val="tx1"/>
                </a:solidFill>
              </a:rPr>
              <a:t>Due to sea-level rise, seismic/flood, ESA </a:t>
            </a:r>
            <a:r>
              <a:rPr lang="en-US" sz="2800" dirty="0" smtClean="0">
                <a:solidFill>
                  <a:schemeClr val="tx1"/>
                </a:solidFill>
              </a:rPr>
              <a:t>restrictions</a:t>
            </a:r>
            <a:endParaRPr lang="en-US" sz="2800" dirty="0">
              <a:solidFill>
                <a:schemeClr val="tx1"/>
              </a:solidFill>
            </a:endParaRPr>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633043322"/>
              </p:ext>
            </p:extLst>
          </p:nvPr>
        </p:nvGraphicFramePr>
        <p:xfrm>
          <a:off x="552450" y="1982788"/>
          <a:ext cx="8591550" cy="4494212"/>
        </p:xfrm>
        <a:graphic>
          <a:graphicData uri="http://schemas.openxmlformats.org/drawingml/2006/chart">
            <c:chart xmlns:c="http://schemas.openxmlformats.org/drawingml/2006/chart" xmlns:r="http://schemas.openxmlformats.org/officeDocument/2006/relationships" r:id="rId3"/>
          </a:graphicData>
        </a:graphic>
      </p:graphicFrame>
      <p:sp>
        <p:nvSpPr>
          <p:cNvPr id="11" name="Rectangle 10"/>
          <p:cNvSpPr/>
          <p:nvPr/>
        </p:nvSpPr>
        <p:spPr bwMode="auto">
          <a:xfrm>
            <a:off x="3048000" y="1615562"/>
            <a:ext cx="381000" cy="381000"/>
          </a:xfrm>
          <a:prstGeom prst="rect">
            <a:avLst/>
          </a:prstGeom>
          <a:gradFill flip="none" rotWithShape="1">
            <a:gsLst>
              <a:gs pos="0">
                <a:srgbClr val="C00000">
                  <a:shade val="30000"/>
                  <a:satMod val="115000"/>
                </a:srgbClr>
              </a:gs>
              <a:gs pos="50000">
                <a:srgbClr val="C00000">
                  <a:shade val="67500"/>
                  <a:satMod val="115000"/>
                </a:srgbClr>
              </a:gs>
              <a:gs pos="100000">
                <a:srgbClr val="C0000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2" name="Rectangle 11"/>
          <p:cNvSpPr/>
          <p:nvPr/>
        </p:nvSpPr>
        <p:spPr bwMode="auto">
          <a:xfrm>
            <a:off x="5257800" y="1615562"/>
            <a:ext cx="381000" cy="381000"/>
          </a:xfrm>
          <a:prstGeom prst="rect">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 name="TextBox 12"/>
          <p:cNvSpPr txBox="1"/>
          <p:nvPr/>
        </p:nvSpPr>
        <p:spPr>
          <a:xfrm>
            <a:off x="3480666" y="1524000"/>
            <a:ext cx="1700934" cy="615553"/>
          </a:xfrm>
          <a:prstGeom prst="rect">
            <a:avLst/>
          </a:prstGeom>
          <a:noFill/>
        </p:spPr>
        <p:txBody>
          <a:bodyPr wrap="square" rtlCol="0">
            <a:spAutoFit/>
          </a:bodyPr>
          <a:lstStyle/>
          <a:p>
            <a:pPr>
              <a:lnSpc>
                <a:spcPct val="85000"/>
              </a:lnSpc>
            </a:pPr>
            <a:r>
              <a:rPr lang="en-US" sz="2000" b="1" dirty="0" smtClean="0">
                <a:latin typeface="+mn-lt"/>
              </a:rPr>
              <a:t>South</a:t>
            </a:r>
          </a:p>
          <a:p>
            <a:pPr>
              <a:lnSpc>
                <a:spcPct val="85000"/>
              </a:lnSpc>
            </a:pPr>
            <a:r>
              <a:rPr lang="en-US" sz="2000" b="1" dirty="0" smtClean="0">
                <a:latin typeface="+mn-lt"/>
              </a:rPr>
              <a:t>Delta Exports</a:t>
            </a:r>
            <a:endParaRPr lang="en-US" sz="2000" b="1" dirty="0">
              <a:latin typeface="+mn-lt"/>
            </a:endParaRPr>
          </a:p>
        </p:txBody>
      </p:sp>
      <p:sp>
        <p:nvSpPr>
          <p:cNvPr id="18" name="TextBox 17"/>
          <p:cNvSpPr txBox="1"/>
          <p:nvPr/>
        </p:nvSpPr>
        <p:spPr>
          <a:xfrm>
            <a:off x="5690466" y="1524000"/>
            <a:ext cx="1700934" cy="615553"/>
          </a:xfrm>
          <a:prstGeom prst="rect">
            <a:avLst/>
          </a:prstGeom>
          <a:noFill/>
        </p:spPr>
        <p:txBody>
          <a:bodyPr wrap="square" rtlCol="0">
            <a:spAutoFit/>
          </a:bodyPr>
          <a:lstStyle/>
          <a:p>
            <a:pPr>
              <a:lnSpc>
                <a:spcPct val="85000"/>
              </a:lnSpc>
            </a:pPr>
            <a:r>
              <a:rPr lang="en-US" sz="2000" b="1" dirty="0" smtClean="0">
                <a:latin typeface="+mn-lt"/>
              </a:rPr>
              <a:t>North</a:t>
            </a:r>
          </a:p>
          <a:p>
            <a:pPr>
              <a:lnSpc>
                <a:spcPct val="85000"/>
              </a:lnSpc>
            </a:pPr>
            <a:r>
              <a:rPr lang="en-US" sz="2000" b="1" dirty="0" smtClean="0">
                <a:latin typeface="+mn-lt"/>
              </a:rPr>
              <a:t>Delta Exports</a:t>
            </a:r>
            <a:endParaRPr lang="en-US" sz="2000" b="1" dirty="0">
              <a:latin typeface="+mn-lt"/>
            </a:endParaRPr>
          </a:p>
        </p:txBody>
      </p:sp>
      <p:sp>
        <p:nvSpPr>
          <p:cNvPr id="19" name="TextBox 18"/>
          <p:cNvSpPr txBox="1"/>
          <p:nvPr/>
        </p:nvSpPr>
        <p:spPr>
          <a:xfrm>
            <a:off x="0" y="6526797"/>
            <a:ext cx="6019800" cy="307777"/>
          </a:xfrm>
          <a:prstGeom prst="rect">
            <a:avLst/>
          </a:prstGeom>
          <a:noFill/>
        </p:spPr>
        <p:txBody>
          <a:bodyPr wrap="square" rtlCol="0">
            <a:spAutoFit/>
          </a:bodyPr>
          <a:lstStyle/>
          <a:p>
            <a:pPr algn="ctr"/>
            <a:r>
              <a:rPr lang="en-US" sz="1400" b="1" i="1" dirty="0" smtClean="0">
                <a:solidFill>
                  <a:srgbClr val="FFC000"/>
                </a:solidFill>
                <a:latin typeface="+mn-lt"/>
              </a:rPr>
              <a:t>Based on preliminary operations forwarded by BDCP Steering Comm in 2010</a:t>
            </a:r>
            <a:endParaRPr lang="en-US" sz="1400" b="1" i="1" dirty="0">
              <a:solidFill>
                <a:srgbClr val="FFC000"/>
              </a:solidFill>
              <a:latin typeface="+mn-lt"/>
            </a:endParaRPr>
          </a:p>
        </p:txBody>
      </p:sp>
      <p:pic>
        <p:nvPicPr>
          <p:cNvPr id="20" name="Picture 2"/>
          <p:cNvPicPr>
            <a:picLocks noChangeArrowheads="1"/>
          </p:cNvPicPr>
          <p:nvPr/>
        </p:nvPicPr>
        <p:blipFill>
          <a:blip r:embed="rId4"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spTree>
    <p:extLst>
      <p:ext uri="{BB962C8B-B14F-4D97-AF65-F5344CB8AC3E}">
        <p14:creationId xmlns:p14="http://schemas.microsoft.com/office/powerpoint/2010/main" val="678582069"/>
      </p:ext>
    </p:extLst>
  </p:cSld>
  <p:clrMapOvr>
    <a:masterClrMapping/>
  </p:clrMapOvr>
  <p:transition spd="slow">
    <p:fade/>
  </p:transition>
  <p:timing>
    <p:tnLst>
      <p:par>
        <p:cTn id="1" dur="indefinite" restart="never" nodeType="tmRoot"/>
      </p:par>
    </p:tnLst>
  </p:timing>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6" name="Picture 3"/>
          <p:cNvPicPr>
            <a:picLocks noChangeArrowheads="1"/>
          </p:cNvPicPr>
          <p:nvPr/>
        </p:nvPicPr>
        <p:blipFill>
          <a:blip r:embed="rId3" cstate="print">
            <a:lum bright="-9000" contrast="15000"/>
          </a:blip>
          <a:srcRect/>
          <a:stretch>
            <a:fillRect/>
          </a:stretch>
        </p:blipFill>
        <p:spPr bwMode="auto">
          <a:xfrm>
            <a:off x="228600" y="304800"/>
            <a:ext cx="1097280" cy="1097280"/>
          </a:xfrm>
          <a:prstGeom prst="rect">
            <a:avLst/>
          </a:prstGeom>
          <a:ln>
            <a:noFill/>
          </a:ln>
          <a:effectLst>
            <a:glow rad="101600">
              <a:schemeClr val="accent4">
                <a:satMod val="175000"/>
                <a:alpha val="40000"/>
              </a:schemeClr>
            </a:glow>
            <a:reflection blurRad="6350" stA="50000" endA="300" endPos="55500" dist="50800" dir="5400000" sy="-100000" algn="bl" rotWithShape="0"/>
          </a:effectLst>
          <a:scene3d>
            <a:camera prst="perspectiveContrastingLeftFacing">
              <a:rot lat="300000" lon="19800000" rev="0"/>
            </a:camera>
            <a:lightRig rig="threePt" dir="t">
              <a:rot lat="0" lon="0" rev="2700000"/>
            </a:lightRig>
          </a:scene3d>
          <a:sp3d>
            <a:bevelT w="63500" h="50800"/>
          </a:sp3d>
        </p:spPr>
      </p:pic>
      <p:grpSp>
        <p:nvGrpSpPr>
          <p:cNvPr id="2" name="Group 14"/>
          <p:cNvGrpSpPr>
            <a:grpSpLocks/>
          </p:cNvGrpSpPr>
          <p:nvPr/>
        </p:nvGrpSpPr>
        <p:grpSpPr bwMode="auto">
          <a:xfrm>
            <a:off x="-34925" y="1176338"/>
            <a:ext cx="9178925" cy="5681662"/>
            <a:chOff x="-34506" y="1176338"/>
            <a:chExt cx="9178506"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4" cstate="print">
              <a:grayscl/>
            </a:blip>
            <a:srcRect/>
            <a:stretch>
              <a:fillRect/>
            </a:stretch>
          </p:blipFill>
          <p:spPr bwMode="ltGray">
            <a:xfrm>
              <a:off x="0" y="1176338"/>
              <a:ext cx="9144000"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effectLst>
                  <a:outerShdw blurRad="38100" dist="38100" dir="2700000" algn="tl">
                    <a:srgbClr val="000000">
                      <a:alpha val="43137"/>
                    </a:srgbClr>
                  </a:outerShdw>
                </a:effectLst>
                <a:latin typeface="Arial" charset="0"/>
                <a:cs typeface="Arial" charset="0"/>
              </a:endParaRPr>
            </a:p>
          </p:txBody>
        </p:sp>
      </p:grpSp>
      <p:grpSp>
        <p:nvGrpSpPr>
          <p:cNvPr id="3" name="Group 55"/>
          <p:cNvGrpSpPr>
            <a:grpSpLocks/>
          </p:cNvGrpSpPr>
          <p:nvPr/>
        </p:nvGrpSpPr>
        <p:grpSpPr bwMode="auto">
          <a:xfrm>
            <a:off x="4275138" y="3759200"/>
            <a:ext cx="1368425" cy="2127250"/>
            <a:chOff x="4275138" y="3759200"/>
            <a:chExt cx="1368426" cy="2127250"/>
          </a:xfrm>
        </p:grpSpPr>
        <p:sp>
          <p:nvSpPr>
            <p:cNvPr id="266283" name="Freeform 43"/>
            <p:cNvSpPr>
              <a:spLocks/>
            </p:cNvSpPr>
            <p:nvPr/>
          </p:nvSpPr>
          <p:spPr bwMode="invGray">
            <a:xfrm>
              <a:off x="4489450" y="3803650"/>
              <a:ext cx="1154114"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sp>
          <p:nvSpPr>
            <p:cNvPr id="266282" name="Freeform 42"/>
            <p:cNvSpPr>
              <a:spLocks/>
            </p:cNvSpPr>
            <p:nvPr/>
          </p:nvSpPr>
          <p:spPr bwMode="invGray">
            <a:xfrm>
              <a:off x="4275138" y="3759200"/>
              <a:ext cx="1155701" cy="2076450"/>
            </a:xfrm>
            <a:custGeom>
              <a:avLst/>
              <a:gdLst/>
              <a:ahLst/>
              <a:cxnLst>
                <a:cxn ang="0">
                  <a:pos x="659" y="0"/>
                </a:cxn>
                <a:cxn ang="0">
                  <a:pos x="723" y="8"/>
                </a:cxn>
                <a:cxn ang="0">
                  <a:pos x="719" y="24"/>
                </a:cxn>
                <a:cxn ang="0">
                  <a:pos x="695" y="32"/>
                </a:cxn>
                <a:cxn ang="0">
                  <a:pos x="683" y="44"/>
                </a:cxn>
                <a:cxn ang="0">
                  <a:pos x="667" y="48"/>
                </a:cxn>
                <a:cxn ang="0">
                  <a:pos x="691" y="60"/>
                </a:cxn>
                <a:cxn ang="0">
                  <a:pos x="563" y="100"/>
                </a:cxn>
                <a:cxn ang="0">
                  <a:pos x="563" y="128"/>
                </a:cxn>
                <a:cxn ang="0">
                  <a:pos x="551" y="168"/>
                </a:cxn>
                <a:cxn ang="0">
                  <a:pos x="527" y="172"/>
                </a:cxn>
                <a:cxn ang="0">
                  <a:pos x="503" y="188"/>
                </a:cxn>
                <a:cxn ang="0">
                  <a:pos x="491" y="196"/>
                </a:cxn>
                <a:cxn ang="0">
                  <a:pos x="487" y="208"/>
                </a:cxn>
                <a:cxn ang="0">
                  <a:pos x="343" y="220"/>
                </a:cxn>
                <a:cxn ang="0">
                  <a:pos x="171" y="260"/>
                </a:cxn>
                <a:cxn ang="0">
                  <a:pos x="159" y="292"/>
                </a:cxn>
                <a:cxn ang="0">
                  <a:pos x="231" y="296"/>
                </a:cxn>
                <a:cxn ang="0">
                  <a:pos x="255" y="304"/>
                </a:cxn>
                <a:cxn ang="0">
                  <a:pos x="263" y="328"/>
                </a:cxn>
                <a:cxn ang="0">
                  <a:pos x="267" y="340"/>
                </a:cxn>
                <a:cxn ang="0">
                  <a:pos x="231" y="356"/>
                </a:cxn>
                <a:cxn ang="0">
                  <a:pos x="211" y="400"/>
                </a:cxn>
                <a:cxn ang="0">
                  <a:pos x="155" y="424"/>
                </a:cxn>
                <a:cxn ang="0">
                  <a:pos x="131" y="456"/>
                </a:cxn>
                <a:cxn ang="0">
                  <a:pos x="111" y="532"/>
                </a:cxn>
                <a:cxn ang="0">
                  <a:pos x="123" y="652"/>
                </a:cxn>
                <a:cxn ang="0">
                  <a:pos x="99" y="684"/>
                </a:cxn>
                <a:cxn ang="0">
                  <a:pos x="155" y="708"/>
                </a:cxn>
                <a:cxn ang="0">
                  <a:pos x="143" y="756"/>
                </a:cxn>
                <a:cxn ang="0">
                  <a:pos x="155" y="760"/>
                </a:cxn>
                <a:cxn ang="0">
                  <a:pos x="199" y="776"/>
                </a:cxn>
                <a:cxn ang="0">
                  <a:pos x="135" y="796"/>
                </a:cxn>
                <a:cxn ang="0">
                  <a:pos x="195" y="820"/>
                </a:cxn>
                <a:cxn ang="0">
                  <a:pos x="171" y="852"/>
                </a:cxn>
                <a:cxn ang="0">
                  <a:pos x="219" y="872"/>
                </a:cxn>
                <a:cxn ang="0">
                  <a:pos x="223" y="884"/>
                </a:cxn>
                <a:cxn ang="0">
                  <a:pos x="235" y="892"/>
                </a:cxn>
                <a:cxn ang="0">
                  <a:pos x="243" y="932"/>
                </a:cxn>
                <a:cxn ang="0">
                  <a:pos x="191" y="956"/>
                </a:cxn>
                <a:cxn ang="0">
                  <a:pos x="199" y="992"/>
                </a:cxn>
                <a:cxn ang="0">
                  <a:pos x="111" y="1016"/>
                </a:cxn>
                <a:cxn ang="0">
                  <a:pos x="147" y="1040"/>
                </a:cxn>
                <a:cxn ang="0">
                  <a:pos x="91" y="1084"/>
                </a:cxn>
                <a:cxn ang="0">
                  <a:pos x="67" y="1092"/>
                </a:cxn>
                <a:cxn ang="0">
                  <a:pos x="55" y="1116"/>
                </a:cxn>
                <a:cxn ang="0">
                  <a:pos x="19" y="1148"/>
                </a:cxn>
                <a:cxn ang="0">
                  <a:pos x="3" y="1172"/>
                </a:cxn>
                <a:cxn ang="0">
                  <a:pos x="15" y="1180"/>
                </a:cxn>
                <a:cxn ang="0">
                  <a:pos x="39" y="1188"/>
                </a:cxn>
                <a:cxn ang="0">
                  <a:pos x="119" y="1224"/>
                </a:cxn>
                <a:cxn ang="0">
                  <a:pos x="111" y="1308"/>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sp>
          <p:nvSpPr>
            <p:cNvPr id="266284" name="Freeform 44"/>
            <p:cNvSpPr>
              <a:spLocks/>
            </p:cNvSpPr>
            <p:nvPr/>
          </p:nvSpPr>
          <p:spPr bwMode="invGray">
            <a:xfrm>
              <a:off x="4456113" y="3797300"/>
              <a:ext cx="788988" cy="412750"/>
            </a:xfrm>
            <a:custGeom>
              <a:avLst/>
              <a:gdLst/>
              <a:ahLst/>
              <a:cxnLst>
                <a:cxn ang="0">
                  <a:pos x="497" y="0"/>
                </a:cxn>
                <a:cxn ang="0">
                  <a:pos x="393" y="24"/>
                </a:cxn>
                <a:cxn ang="0">
                  <a:pos x="257" y="80"/>
                </a:cxn>
                <a:cxn ang="0">
                  <a:pos x="197" y="92"/>
                </a:cxn>
                <a:cxn ang="0">
                  <a:pos x="173" y="100"/>
                </a:cxn>
                <a:cxn ang="0">
                  <a:pos x="153" y="104"/>
                </a:cxn>
                <a:cxn ang="0">
                  <a:pos x="129" y="112"/>
                </a:cxn>
                <a:cxn ang="0">
                  <a:pos x="81" y="148"/>
                </a:cxn>
                <a:cxn ang="0">
                  <a:pos x="25" y="156"/>
                </a:cxn>
                <a:cxn ang="0">
                  <a:pos x="21" y="180"/>
                </a:cxn>
                <a:cxn ang="0">
                  <a:pos x="13" y="196"/>
                </a:cxn>
                <a:cxn ang="0">
                  <a:pos x="25" y="220"/>
                </a:cxn>
                <a:cxn ang="0">
                  <a:pos x="45" y="260"/>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grpSp>
      <p:sp>
        <p:nvSpPr>
          <p:cNvPr id="266291" name="Freeform 51"/>
          <p:cNvSpPr>
            <a:spLocks/>
          </p:cNvSpPr>
          <p:nvPr/>
        </p:nvSpPr>
        <p:spPr bwMode="ltGray">
          <a:xfrm>
            <a:off x="2603500" y="4287838"/>
            <a:ext cx="6500813" cy="2311400"/>
          </a:xfrm>
          <a:custGeom>
            <a:avLst/>
            <a:gdLst/>
            <a:ahLst/>
            <a:cxnLst>
              <a:cxn ang="0">
                <a:pos x="4095" y="1456"/>
              </a:cxn>
              <a:cxn ang="0">
                <a:pos x="4082" y="1419"/>
              </a:cxn>
              <a:cxn ang="0">
                <a:pos x="4045" y="1394"/>
              </a:cxn>
              <a:cxn ang="0">
                <a:pos x="4007" y="1356"/>
              </a:cxn>
              <a:cxn ang="0">
                <a:pos x="3945" y="1344"/>
              </a:cxn>
              <a:cxn ang="0">
                <a:pos x="3807" y="1268"/>
              </a:cxn>
              <a:cxn ang="0">
                <a:pos x="3769" y="1168"/>
              </a:cxn>
              <a:cxn ang="0">
                <a:pos x="3657" y="1005"/>
              </a:cxn>
              <a:cxn ang="0">
                <a:pos x="3632" y="968"/>
              </a:cxn>
              <a:cxn ang="0">
                <a:pos x="3594" y="955"/>
              </a:cxn>
              <a:cxn ang="0">
                <a:pos x="3582" y="880"/>
              </a:cxn>
              <a:cxn ang="0">
                <a:pos x="3544" y="868"/>
              </a:cxn>
              <a:cxn ang="0">
                <a:pos x="3431" y="855"/>
              </a:cxn>
              <a:cxn ang="0">
                <a:pos x="3431" y="705"/>
              </a:cxn>
              <a:cxn ang="0">
                <a:pos x="3269" y="605"/>
              </a:cxn>
              <a:cxn ang="0">
                <a:pos x="3118" y="530"/>
              </a:cxn>
              <a:cxn ang="0">
                <a:pos x="2993" y="480"/>
              </a:cxn>
              <a:cxn ang="0">
                <a:pos x="2968" y="454"/>
              </a:cxn>
              <a:cxn ang="0">
                <a:pos x="2793" y="429"/>
              </a:cxn>
              <a:cxn ang="0">
                <a:pos x="2718" y="404"/>
              </a:cxn>
              <a:cxn ang="0">
                <a:pos x="2592" y="304"/>
              </a:cxn>
              <a:cxn ang="0">
                <a:pos x="2204" y="292"/>
              </a:cxn>
              <a:cxn ang="0">
                <a:pos x="2142" y="242"/>
              </a:cxn>
              <a:cxn ang="0">
                <a:pos x="2016" y="204"/>
              </a:cxn>
              <a:cxn ang="0">
                <a:pos x="1979" y="179"/>
              </a:cxn>
              <a:cxn ang="0">
                <a:pos x="1653" y="154"/>
              </a:cxn>
              <a:cxn ang="0">
                <a:pos x="1415" y="116"/>
              </a:cxn>
              <a:cxn ang="0">
                <a:pos x="1353" y="66"/>
              </a:cxn>
              <a:cxn ang="0">
                <a:pos x="1240" y="4"/>
              </a:cxn>
              <a:cxn ang="0">
                <a:pos x="539" y="16"/>
              </a:cxn>
              <a:cxn ang="0">
                <a:pos x="514" y="54"/>
              </a:cxn>
              <a:cxn ang="0">
                <a:pos x="263" y="154"/>
              </a:cxn>
              <a:cxn ang="0">
                <a:pos x="151" y="166"/>
              </a:cxn>
              <a:cxn ang="0">
                <a:pos x="0" y="204"/>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grpSp>
        <p:nvGrpSpPr>
          <p:cNvPr id="4" name="Group 54"/>
          <p:cNvGrpSpPr>
            <a:grpSpLocks/>
          </p:cNvGrpSpPr>
          <p:nvPr/>
        </p:nvGrpSpPr>
        <p:grpSpPr bwMode="auto">
          <a:xfrm>
            <a:off x="2590800" y="1739900"/>
            <a:ext cx="2795588" cy="2616200"/>
            <a:chOff x="2590800" y="1739900"/>
            <a:chExt cx="2795588" cy="2616200"/>
          </a:xfrm>
        </p:grpSpPr>
        <p:sp>
          <p:nvSpPr>
            <p:cNvPr id="35" name="Freeform 47"/>
            <p:cNvSpPr>
              <a:spLocks/>
            </p:cNvSpPr>
            <p:nvPr/>
          </p:nvSpPr>
          <p:spPr bwMode="ltGray">
            <a:xfrm>
              <a:off x="2590800" y="1739900"/>
              <a:ext cx="2795588" cy="2616200"/>
            </a:xfrm>
            <a:custGeom>
              <a:avLst/>
              <a:gdLst/>
              <a:ahLst/>
              <a:cxnLst>
                <a:cxn ang="0">
                  <a:pos x="48" y="1640"/>
                </a:cxn>
                <a:cxn ang="0">
                  <a:pos x="304" y="1576"/>
                </a:cxn>
                <a:cxn ang="0">
                  <a:pos x="564" y="1484"/>
                </a:cxn>
                <a:cxn ang="0">
                  <a:pos x="748" y="1400"/>
                </a:cxn>
                <a:cxn ang="0">
                  <a:pos x="1020" y="1436"/>
                </a:cxn>
                <a:cxn ang="0">
                  <a:pos x="1260" y="1396"/>
                </a:cxn>
                <a:cxn ang="0">
                  <a:pos x="1432" y="1340"/>
                </a:cxn>
                <a:cxn ang="0">
                  <a:pos x="1436" y="1276"/>
                </a:cxn>
                <a:cxn ang="0">
                  <a:pos x="1716" y="1276"/>
                </a:cxn>
                <a:cxn ang="0">
                  <a:pos x="1488" y="1204"/>
                </a:cxn>
                <a:cxn ang="0">
                  <a:pos x="1348" y="1136"/>
                </a:cxn>
                <a:cxn ang="0">
                  <a:pos x="1564" y="1100"/>
                </a:cxn>
                <a:cxn ang="0">
                  <a:pos x="1660" y="1088"/>
                </a:cxn>
                <a:cxn ang="0">
                  <a:pos x="1704" y="1036"/>
                </a:cxn>
                <a:cxn ang="0">
                  <a:pos x="1616" y="980"/>
                </a:cxn>
                <a:cxn ang="0">
                  <a:pos x="1760" y="952"/>
                </a:cxn>
                <a:cxn ang="0">
                  <a:pos x="1660" y="924"/>
                </a:cxn>
                <a:cxn ang="0">
                  <a:pos x="1528" y="916"/>
                </a:cxn>
                <a:cxn ang="0">
                  <a:pos x="1568" y="860"/>
                </a:cxn>
                <a:cxn ang="0">
                  <a:pos x="1716" y="844"/>
                </a:cxn>
                <a:cxn ang="0">
                  <a:pos x="1728" y="788"/>
                </a:cxn>
                <a:cxn ang="0">
                  <a:pos x="1560" y="792"/>
                </a:cxn>
                <a:cxn ang="0">
                  <a:pos x="1500" y="748"/>
                </a:cxn>
                <a:cxn ang="0">
                  <a:pos x="1344" y="732"/>
                </a:cxn>
                <a:cxn ang="0">
                  <a:pos x="1208" y="704"/>
                </a:cxn>
                <a:cxn ang="0">
                  <a:pos x="1236" y="652"/>
                </a:cxn>
                <a:cxn ang="0">
                  <a:pos x="1168" y="644"/>
                </a:cxn>
                <a:cxn ang="0">
                  <a:pos x="1084" y="648"/>
                </a:cxn>
                <a:cxn ang="0">
                  <a:pos x="984" y="624"/>
                </a:cxn>
                <a:cxn ang="0">
                  <a:pos x="832" y="588"/>
                </a:cxn>
                <a:cxn ang="0">
                  <a:pos x="752" y="568"/>
                </a:cxn>
                <a:cxn ang="0">
                  <a:pos x="644" y="584"/>
                </a:cxn>
                <a:cxn ang="0">
                  <a:pos x="440" y="576"/>
                </a:cxn>
                <a:cxn ang="0">
                  <a:pos x="296" y="544"/>
                </a:cxn>
                <a:cxn ang="0">
                  <a:pos x="348" y="492"/>
                </a:cxn>
                <a:cxn ang="0">
                  <a:pos x="232" y="472"/>
                </a:cxn>
                <a:cxn ang="0">
                  <a:pos x="140" y="400"/>
                </a:cxn>
                <a:cxn ang="0">
                  <a:pos x="264" y="316"/>
                </a:cxn>
                <a:cxn ang="0">
                  <a:pos x="360" y="288"/>
                </a:cxn>
                <a:cxn ang="0">
                  <a:pos x="464" y="256"/>
                </a:cxn>
                <a:cxn ang="0">
                  <a:pos x="556" y="208"/>
                </a:cxn>
                <a:cxn ang="0">
                  <a:pos x="536" y="148"/>
                </a:cxn>
                <a:cxn ang="0">
                  <a:pos x="516" y="92"/>
                </a:cxn>
                <a:cxn ang="0">
                  <a:pos x="492" y="60"/>
                </a:cxn>
                <a:cxn ang="0">
                  <a:pos x="448" y="36"/>
                </a:cxn>
                <a:cxn ang="0">
                  <a:pos x="384" y="0"/>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sp>
          <p:nvSpPr>
            <p:cNvPr id="36" name="Freeform 48"/>
            <p:cNvSpPr>
              <a:spLocks/>
            </p:cNvSpPr>
            <p:nvPr/>
          </p:nvSpPr>
          <p:spPr bwMode="ltGray">
            <a:xfrm>
              <a:off x="4527550" y="2044700"/>
              <a:ext cx="730250" cy="723900"/>
            </a:xfrm>
            <a:custGeom>
              <a:avLst/>
              <a:gdLst/>
              <a:ahLst/>
              <a:cxnLst>
                <a:cxn ang="0">
                  <a:pos x="8" y="440"/>
                </a:cxn>
                <a:cxn ang="0">
                  <a:pos x="8" y="392"/>
                </a:cxn>
                <a:cxn ang="0">
                  <a:pos x="56" y="344"/>
                </a:cxn>
                <a:cxn ang="0">
                  <a:pos x="104" y="344"/>
                </a:cxn>
                <a:cxn ang="0">
                  <a:pos x="200" y="344"/>
                </a:cxn>
                <a:cxn ang="0">
                  <a:pos x="248" y="296"/>
                </a:cxn>
                <a:cxn ang="0">
                  <a:pos x="200" y="296"/>
                </a:cxn>
                <a:cxn ang="0">
                  <a:pos x="152" y="248"/>
                </a:cxn>
                <a:cxn ang="0">
                  <a:pos x="200" y="200"/>
                </a:cxn>
                <a:cxn ang="0">
                  <a:pos x="200" y="152"/>
                </a:cxn>
                <a:cxn ang="0">
                  <a:pos x="152" y="104"/>
                </a:cxn>
                <a:cxn ang="0">
                  <a:pos x="104" y="104"/>
                </a:cxn>
                <a:cxn ang="0">
                  <a:pos x="56" y="56"/>
                </a:cxn>
                <a:cxn ang="0">
                  <a:pos x="104" y="56"/>
                </a:cxn>
                <a:cxn ang="0">
                  <a:pos x="200" y="56"/>
                </a:cxn>
                <a:cxn ang="0">
                  <a:pos x="296" y="56"/>
                </a:cxn>
                <a:cxn ang="0">
                  <a:pos x="344" y="8"/>
                </a:cxn>
                <a:cxn ang="0">
                  <a:pos x="392" y="8"/>
                </a:cxn>
                <a:cxn ang="0">
                  <a:pos x="440" y="8"/>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latin typeface="Arial" charset="0"/>
                <a:cs typeface="Arial" charset="0"/>
              </a:endParaRPr>
            </a:p>
          </p:txBody>
        </p:sp>
      </p:grpSp>
      <p:sp>
        <p:nvSpPr>
          <p:cNvPr id="116" name="Oval 115"/>
          <p:cNvSpPr/>
          <p:nvPr/>
        </p:nvSpPr>
        <p:spPr bwMode="auto">
          <a:xfrm>
            <a:off x="4495800" y="4495800"/>
            <a:ext cx="762000" cy="1295400"/>
          </a:xfrm>
          <a:prstGeom prst="ellipse">
            <a:avLst/>
          </a:prstGeom>
          <a:solidFill>
            <a:srgbClr val="00B050">
              <a:alpha val="65098"/>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0" name="Title 5"/>
          <p:cNvSpPr txBox="1">
            <a:spLocks/>
          </p:cNvSpPr>
          <p:nvPr/>
        </p:nvSpPr>
        <p:spPr>
          <a:xfrm>
            <a:off x="1219200" y="304800"/>
            <a:ext cx="7741920" cy="1606594"/>
          </a:xfrm>
          <a:prstGeom prst="rect">
            <a:avLst/>
          </a:prstGeom>
        </p:spPr>
        <p:txBody>
          <a:bodyPr/>
          <a:lstStyle/>
          <a:p>
            <a:pPr marL="0" marR="0" lvl="0" indent="0" algn="ctr" defTabSz="912813" rtl="0" eaLnBrk="0" fontAlgn="base" latinLnBrk="0" hangingPunct="0">
              <a:lnSpc>
                <a:spcPct val="90000"/>
              </a:lnSpc>
              <a:spcBef>
                <a:spcPct val="0"/>
              </a:spcBef>
              <a:spcAft>
                <a:spcPct val="0"/>
              </a:spcAft>
              <a:buClrTx/>
              <a:buSzTx/>
              <a:buFontTx/>
              <a:buNone/>
              <a:defRPr/>
            </a:pPr>
            <a:r>
              <a:rPr kumimoji="0" lang="en-US" sz="4000" b="1" i="0" u="none" strike="noStrike" kern="1200" cap="none" spc="-150" normalizeH="0" baseline="0" noProof="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uLnTx/>
                <a:uFillTx/>
                <a:latin typeface="+mj-lt"/>
                <a:ea typeface="+mn-ea"/>
                <a:cs typeface="Arial" charset="0"/>
              </a:rPr>
              <a:t>Goal – In-Delta Rivers Flowing Forward</a:t>
            </a:r>
            <a:r>
              <a:rPr kumimoji="0" lang="en-US" sz="4400" b="1" i="0" u="none" strike="noStrike" kern="1200" cap="none" spc="-150" normalizeH="0" baseline="0" noProof="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uLnTx/>
                <a:uFillTx/>
                <a:latin typeface="+mj-lt"/>
                <a:ea typeface="+mn-ea"/>
                <a:cs typeface="Arial" charset="0"/>
              </a:rPr>
              <a:t/>
            </a:r>
            <a:br>
              <a:rPr kumimoji="0" lang="en-US" sz="4400" b="1" i="0" u="none" strike="noStrike" kern="1200" cap="none" spc="-150" normalizeH="0" baseline="0" noProof="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uLnTx/>
                <a:uFillTx/>
                <a:latin typeface="+mj-lt"/>
                <a:ea typeface="+mn-ea"/>
                <a:cs typeface="Arial" charset="0"/>
              </a:rPr>
            </a:br>
            <a:r>
              <a:rPr kumimoji="0" lang="en-US" sz="3600" b="1" i="0" u="none" strike="noStrike" kern="1200" cap="none" spc="-150" normalizeH="0" baseline="0" noProof="0" dirty="0" smtClean="0">
                <a:ln w="3175">
                  <a:noFill/>
                </a:ln>
                <a:solidFill>
                  <a:schemeClr val="tx1"/>
                </a:solidFill>
                <a:effectLst>
                  <a:outerShdw blurRad="50800" dist="38100" dir="2700000" algn="tl" rotWithShape="0">
                    <a:prstClr val="black">
                      <a:alpha val="40000"/>
                    </a:prstClr>
                  </a:outerShdw>
                </a:effectLst>
                <a:uLnTx/>
                <a:uFillTx/>
                <a:latin typeface="+mj-lt"/>
                <a:ea typeface="+mn-ea"/>
                <a:cs typeface="Arial" charset="0"/>
              </a:rPr>
              <a:t>Old &amp; Middle River Flows*</a:t>
            </a:r>
            <a:endParaRPr kumimoji="0" lang="en-US" sz="4400" b="1" i="0" u="none" strike="noStrike" kern="1200" cap="none" spc="-150" normalizeH="0" baseline="0" noProof="0" dirty="0">
              <a:ln w="3175">
                <a:noFill/>
              </a:ln>
              <a:solidFill>
                <a:schemeClr val="tx1"/>
              </a:solidFill>
              <a:effectLst>
                <a:outerShdw blurRad="50800" dist="38100" dir="2700000" algn="tl" rotWithShape="0">
                  <a:prstClr val="black">
                    <a:alpha val="40000"/>
                  </a:prstClr>
                </a:outerShdw>
              </a:effectLst>
              <a:uLnTx/>
              <a:uFillTx/>
              <a:latin typeface="+mj-lt"/>
              <a:ea typeface="+mn-ea"/>
              <a:cs typeface="Arial" charset="0"/>
            </a:endParaRPr>
          </a:p>
        </p:txBody>
      </p:sp>
      <p:grpSp>
        <p:nvGrpSpPr>
          <p:cNvPr id="5" name="Group 28"/>
          <p:cNvGrpSpPr/>
          <p:nvPr/>
        </p:nvGrpSpPr>
        <p:grpSpPr>
          <a:xfrm>
            <a:off x="304800" y="1828800"/>
            <a:ext cx="8534400" cy="4724400"/>
            <a:chOff x="304800" y="1905000"/>
            <a:chExt cx="8534400" cy="4724400"/>
          </a:xfrm>
        </p:grpSpPr>
        <p:sp>
          <p:nvSpPr>
            <p:cNvPr id="27" name="Rectangle 26"/>
            <p:cNvSpPr/>
            <p:nvPr/>
          </p:nvSpPr>
          <p:spPr bwMode="auto">
            <a:xfrm>
              <a:off x="304800" y="1905000"/>
              <a:ext cx="8534400" cy="4648200"/>
            </a:xfrm>
            <a:prstGeom prst="rect">
              <a:avLst/>
            </a:prstGeom>
            <a:solidFill>
              <a:srgbClr val="0D0D0D">
                <a:alpha val="69804"/>
              </a:srgbClr>
            </a:solidFill>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dirty="0"/>
            </a:p>
          </p:txBody>
        </p:sp>
        <p:grpSp>
          <p:nvGrpSpPr>
            <p:cNvPr id="6" name="Group 20"/>
            <p:cNvGrpSpPr/>
            <p:nvPr/>
          </p:nvGrpSpPr>
          <p:grpSpPr>
            <a:xfrm>
              <a:off x="304800" y="1981200"/>
              <a:ext cx="8534400" cy="4648200"/>
              <a:chOff x="304800" y="1981200"/>
              <a:chExt cx="8534400" cy="4648200"/>
            </a:xfrm>
          </p:grpSpPr>
          <p:grpSp>
            <p:nvGrpSpPr>
              <p:cNvPr id="7" name="Group 16"/>
              <p:cNvGrpSpPr/>
              <p:nvPr/>
            </p:nvGrpSpPr>
            <p:grpSpPr>
              <a:xfrm>
                <a:off x="1828800" y="2133600"/>
                <a:ext cx="6172199" cy="4038600"/>
                <a:chOff x="1828800" y="2133600"/>
                <a:chExt cx="6172200" cy="4038600"/>
              </a:xfrm>
            </p:grpSpPr>
            <p:sp>
              <p:nvSpPr>
                <p:cNvPr id="24" name="Red Background"/>
                <p:cNvSpPr/>
                <p:nvPr/>
              </p:nvSpPr>
              <p:spPr bwMode="auto">
                <a:xfrm>
                  <a:off x="1828800" y="4419600"/>
                  <a:ext cx="6172200" cy="1752600"/>
                </a:xfrm>
                <a:prstGeom prst="rect">
                  <a:avLst/>
                </a:prstGeom>
                <a:solidFill>
                  <a:srgbClr val="FF00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6" name="Green Background"/>
                <p:cNvSpPr/>
                <p:nvPr/>
              </p:nvSpPr>
              <p:spPr bwMode="auto">
                <a:xfrm>
                  <a:off x="1828800" y="2133600"/>
                  <a:ext cx="6172200" cy="2286000"/>
                </a:xfrm>
                <a:prstGeom prst="rect">
                  <a:avLst/>
                </a:prstGeom>
                <a:solidFill>
                  <a:srgbClr val="92D05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graphicFrame>
            <p:nvGraphicFramePr>
              <p:cNvPr id="23" name="Chart 22"/>
              <p:cNvGraphicFramePr/>
              <p:nvPr/>
            </p:nvGraphicFramePr>
            <p:xfrm>
              <a:off x="304800" y="1981200"/>
              <a:ext cx="8534400" cy="4648200"/>
            </p:xfrm>
            <a:graphic>
              <a:graphicData uri="http://schemas.openxmlformats.org/drawingml/2006/chart">
                <c:chart xmlns:c="http://schemas.openxmlformats.org/drawingml/2006/chart" xmlns:r="http://schemas.openxmlformats.org/officeDocument/2006/relationships" r:id="rId5"/>
              </a:graphicData>
            </a:graphic>
          </p:graphicFrame>
        </p:grpSp>
      </p:grpSp>
      <p:sp>
        <p:nvSpPr>
          <p:cNvPr id="30" name="Text Box 24"/>
          <p:cNvSpPr txBox="1">
            <a:spLocks noChangeArrowheads="1"/>
          </p:cNvSpPr>
          <p:nvPr/>
        </p:nvSpPr>
        <p:spPr bwMode="invGray">
          <a:xfrm>
            <a:off x="1" y="6400800"/>
            <a:ext cx="5334000" cy="457200"/>
          </a:xfrm>
          <a:prstGeom prst="rect">
            <a:avLst/>
          </a:prstGeom>
          <a:noFill/>
          <a:ln w="9525">
            <a:noFill/>
            <a:miter lim="800000"/>
            <a:headEnd/>
            <a:tailEnd/>
          </a:ln>
          <a:effectLst>
            <a:outerShdw dist="35921" dir="2700000" algn="ctr" rotWithShape="0">
              <a:srgbClr val="000000"/>
            </a:outerShdw>
          </a:effectLst>
        </p:spPr>
        <p:txBody>
          <a:bodyPr anchor="ctr"/>
          <a:lstStyle/>
          <a:p>
            <a:pPr defTabSz="914363" fontAlgn="auto">
              <a:spcAft>
                <a:spcPts val="0"/>
              </a:spcAft>
              <a:defRPr/>
            </a:pPr>
            <a:r>
              <a:rPr lang="en-US" sz="2000" b="1" i="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j-lt"/>
                <a:cs typeface="Arial" charset="0"/>
              </a:rPr>
              <a:t> * Average Old &amp; Middle River flows January  thru June </a:t>
            </a:r>
          </a:p>
        </p:txBody>
      </p:sp>
      <p:sp>
        <p:nvSpPr>
          <p:cNvPr id="28" name="Right Arrow 27"/>
          <p:cNvSpPr/>
          <p:nvPr/>
        </p:nvSpPr>
        <p:spPr bwMode="ltGray">
          <a:xfrm>
            <a:off x="2514600" y="5757333"/>
            <a:ext cx="5029200" cy="795867"/>
          </a:xfrm>
          <a:prstGeom prst="rightArrow">
            <a:avLst>
              <a:gd name="adj1" fmla="val 64685"/>
              <a:gd name="adj2" fmla="val 50000"/>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lnSpc>
                <a:spcPct val="90000"/>
              </a:lnSpc>
              <a:spcBef>
                <a:spcPct val="0"/>
              </a:spcBef>
              <a:spcAft>
                <a:spcPct val="0"/>
              </a:spcAft>
            </a:pPr>
            <a:r>
              <a:rPr lang="en-US" sz="2200" b="1" dirty="0" smtClean="0">
                <a:solidFill>
                  <a:schemeClr val="tx1"/>
                </a:solidFill>
                <a:effectLst>
                  <a:glow rad="101600">
                    <a:schemeClr val="bg1">
                      <a:alpha val="60000"/>
                    </a:schemeClr>
                  </a:glow>
                </a:effectLst>
              </a:rPr>
              <a:t>Larger tunnels eliminate reverse flows</a:t>
            </a:r>
          </a:p>
        </p:txBody>
      </p:sp>
      <p:sp>
        <p:nvSpPr>
          <p:cNvPr id="29" name="Right Arrow 28"/>
          <p:cNvSpPr/>
          <p:nvPr/>
        </p:nvSpPr>
        <p:spPr bwMode="ltGray">
          <a:xfrm rot="16200000">
            <a:off x="6265334" y="3793066"/>
            <a:ext cx="4572001" cy="795867"/>
          </a:xfrm>
          <a:prstGeom prst="rightArrow">
            <a:avLst>
              <a:gd name="adj1" fmla="val 64685"/>
              <a:gd name="adj2" fmla="val 50000"/>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lnSpc>
                <a:spcPct val="90000"/>
              </a:lnSpc>
              <a:spcBef>
                <a:spcPct val="0"/>
              </a:spcBef>
              <a:spcAft>
                <a:spcPct val="0"/>
              </a:spcAft>
            </a:pPr>
            <a:r>
              <a:rPr lang="en-US" sz="2200" b="1" dirty="0" smtClean="0">
                <a:solidFill>
                  <a:schemeClr val="tx1"/>
                </a:solidFill>
                <a:effectLst>
                  <a:glow rad="101600">
                    <a:schemeClr val="bg1">
                      <a:alpha val="60000"/>
                    </a:schemeClr>
                  </a:glow>
                </a:effectLst>
              </a:rPr>
              <a:t>Better Fish Flow Conditions</a:t>
            </a:r>
          </a:p>
        </p:txBody>
      </p:sp>
      <p:sp>
        <p:nvSpPr>
          <p:cNvPr id="31"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191</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19387556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3" presetClass="entr" presetSubtype="32" fill="hold" grpId="0" nodeType="clickEffect">
                                  <p:stCondLst>
                                    <p:cond delay="0"/>
                                  </p:stCondLst>
                                  <p:childTnLst>
                                    <p:set>
                                      <p:cBhvr>
                                        <p:cTn id="6" dur="1" fill="hold">
                                          <p:stCondLst>
                                            <p:cond delay="0"/>
                                          </p:stCondLst>
                                        </p:cTn>
                                        <p:tgtEl>
                                          <p:spTgt spid="116"/>
                                        </p:tgtEl>
                                        <p:attrNameLst>
                                          <p:attrName>style.visibility</p:attrName>
                                        </p:attrNameLst>
                                      </p:cBhvr>
                                      <p:to>
                                        <p:strVal val="visible"/>
                                      </p:to>
                                    </p:set>
                                    <p:anim calcmode="lin" valueType="num">
                                      <p:cBhvr>
                                        <p:cTn id="7" dur="500" fill="hold"/>
                                        <p:tgtEl>
                                          <p:spTgt spid="116"/>
                                        </p:tgtEl>
                                        <p:attrNameLst>
                                          <p:attrName>ppt_w</p:attrName>
                                        </p:attrNameLst>
                                      </p:cBhvr>
                                      <p:tavLst>
                                        <p:tav tm="0">
                                          <p:val>
                                            <p:strVal val="4*#ppt_w"/>
                                          </p:val>
                                        </p:tav>
                                        <p:tav tm="100000">
                                          <p:val>
                                            <p:strVal val="#ppt_w"/>
                                          </p:val>
                                        </p:tav>
                                      </p:tavLst>
                                    </p:anim>
                                    <p:anim calcmode="lin" valueType="num">
                                      <p:cBhvr>
                                        <p:cTn id="8" dur="500" fill="hold"/>
                                        <p:tgtEl>
                                          <p:spTgt spid="116"/>
                                        </p:tgtEl>
                                        <p:attrNameLst>
                                          <p:attrName>ppt_h</p:attrName>
                                        </p:attrNameLst>
                                      </p:cBhvr>
                                      <p:tavLst>
                                        <p:tav tm="0">
                                          <p:val>
                                            <p:strVal val="4*#ppt_h"/>
                                          </p:val>
                                        </p:tav>
                                        <p:tav tm="100000">
                                          <p:val>
                                            <p:strVal val="#ppt_h"/>
                                          </p:val>
                                        </p:tav>
                                      </p:tavLst>
                                    </p:anim>
                                  </p:childTnLst>
                                </p:cTn>
                              </p:par>
                            </p:childTnLst>
                          </p:cTn>
                        </p:par>
                      </p:childTnLst>
                    </p:cTn>
                  </p:par>
                  <p:par>
                    <p:cTn id="9" fill="hold">
                      <p:stCondLst>
                        <p:cond delay="indefinite"/>
                      </p:stCondLst>
                      <p:childTnLst>
                        <p:par>
                          <p:cTn id="10" fill="hold">
                            <p:stCondLst>
                              <p:cond delay="0"/>
                            </p:stCondLst>
                            <p:childTnLst>
                              <p:par>
                                <p:cTn id="11" presetID="23" presetClass="entr" presetSubtype="16" fill="hold" nodeType="clickEffect">
                                  <p:stCondLst>
                                    <p:cond delay="0"/>
                                  </p:stCondLst>
                                  <p:childTnLst>
                                    <p:set>
                                      <p:cBhvr>
                                        <p:cTn id="12" dur="1" fill="hold">
                                          <p:stCondLst>
                                            <p:cond delay="0"/>
                                          </p:stCondLst>
                                        </p:cTn>
                                        <p:tgtEl>
                                          <p:spTgt spid="5"/>
                                        </p:tgtEl>
                                        <p:attrNameLst>
                                          <p:attrName>style.visibility</p:attrName>
                                        </p:attrNameLst>
                                      </p:cBhvr>
                                      <p:to>
                                        <p:strVal val="visible"/>
                                      </p:to>
                                    </p:set>
                                    <p:anim calcmode="lin" valueType="num">
                                      <p:cBhvr>
                                        <p:cTn id="13" dur="1000" fill="hold"/>
                                        <p:tgtEl>
                                          <p:spTgt spid="5"/>
                                        </p:tgtEl>
                                        <p:attrNameLst>
                                          <p:attrName>ppt_w</p:attrName>
                                        </p:attrNameLst>
                                      </p:cBhvr>
                                      <p:tavLst>
                                        <p:tav tm="0">
                                          <p:val>
                                            <p:fltVal val="0"/>
                                          </p:val>
                                        </p:tav>
                                        <p:tav tm="100000">
                                          <p:val>
                                            <p:strVal val="#ppt_w"/>
                                          </p:val>
                                        </p:tav>
                                      </p:tavLst>
                                    </p:anim>
                                    <p:anim calcmode="lin" valueType="num">
                                      <p:cBhvr>
                                        <p:cTn id="14" dur="1000" fill="hold"/>
                                        <p:tgtEl>
                                          <p:spTgt spid="5"/>
                                        </p:tgtEl>
                                        <p:attrNameLst>
                                          <p:attrName>ppt_h</p:attrName>
                                        </p:attrNameLst>
                                      </p:cBhvr>
                                      <p:tavLst>
                                        <p:tav tm="0">
                                          <p:val>
                                            <p:fltVal val="0"/>
                                          </p:val>
                                        </p:tav>
                                        <p:tav tm="100000">
                                          <p:val>
                                            <p:strVal val="#ppt_h"/>
                                          </p:val>
                                        </p:tav>
                                      </p:tavLst>
                                    </p:anim>
                                  </p:childTnLst>
                                </p:cTn>
                              </p:par>
                            </p:childTnLst>
                          </p:cTn>
                        </p:par>
                      </p:childTnLst>
                    </p:cTn>
                  </p:par>
                  <p:par>
                    <p:cTn id="15" fill="hold">
                      <p:stCondLst>
                        <p:cond delay="indefinite"/>
                      </p:stCondLst>
                      <p:childTnLst>
                        <p:par>
                          <p:cTn id="16" fill="hold">
                            <p:stCondLst>
                              <p:cond delay="0"/>
                            </p:stCondLst>
                            <p:childTnLst>
                              <p:par>
                                <p:cTn id="17" presetID="22" presetClass="entr" presetSubtype="8" fill="hold" grpId="0" nodeType="clickEffect">
                                  <p:stCondLst>
                                    <p:cond delay="0"/>
                                  </p:stCondLst>
                                  <p:childTnLst>
                                    <p:set>
                                      <p:cBhvr>
                                        <p:cTn id="18" dur="1" fill="hold">
                                          <p:stCondLst>
                                            <p:cond delay="0"/>
                                          </p:stCondLst>
                                        </p:cTn>
                                        <p:tgtEl>
                                          <p:spTgt spid="28"/>
                                        </p:tgtEl>
                                        <p:attrNameLst>
                                          <p:attrName>style.visibility</p:attrName>
                                        </p:attrNameLst>
                                      </p:cBhvr>
                                      <p:to>
                                        <p:strVal val="visible"/>
                                      </p:to>
                                    </p:set>
                                    <p:animEffect transition="in" filter="wipe(left)">
                                      <p:cBhvr>
                                        <p:cTn id="19" dur="500"/>
                                        <p:tgtEl>
                                          <p:spTgt spid="28"/>
                                        </p:tgtEl>
                                      </p:cBhvr>
                                    </p:animEffect>
                                  </p:childTnLst>
                                </p:cTn>
                              </p:par>
                            </p:childTnLst>
                          </p:cTn>
                        </p:par>
                      </p:childTnLst>
                    </p:cTn>
                  </p:par>
                  <p:par>
                    <p:cTn id="20" fill="hold">
                      <p:stCondLst>
                        <p:cond delay="indefinite"/>
                      </p:stCondLst>
                      <p:childTnLst>
                        <p:par>
                          <p:cTn id="21" fill="hold">
                            <p:stCondLst>
                              <p:cond delay="0"/>
                            </p:stCondLst>
                            <p:childTnLst>
                              <p:par>
                                <p:cTn id="22" presetID="22" presetClass="entr" presetSubtype="8" fill="hold" grpId="0" nodeType="clickEffect">
                                  <p:stCondLst>
                                    <p:cond delay="0"/>
                                  </p:stCondLst>
                                  <p:childTnLst>
                                    <p:set>
                                      <p:cBhvr>
                                        <p:cTn id="23" dur="1" fill="hold">
                                          <p:stCondLst>
                                            <p:cond delay="0"/>
                                          </p:stCondLst>
                                        </p:cTn>
                                        <p:tgtEl>
                                          <p:spTgt spid="29"/>
                                        </p:tgtEl>
                                        <p:attrNameLst>
                                          <p:attrName>style.visibility</p:attrName>
                                        </p:attrNameLst>
                                      </p:cBhvr>
                                      <p:to>
                                        <p:strVal val="visible"/>
                                      </p:to>
                                    </p:set>
                                    <p:animEffect transition="in" filter="wipe(left)">
                                      <p:cBhvr>
                                        <p:cTn id="24" dur="500"/>
                                        <p:tgtEl>
                                          <p:spTgt spid="2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6" grpId="0" animBg="1"/>
      <p:bldP spid="28" grpId="0" animBg="1"/>
      <p:bldP spid="29" grpId="0" animBg="1"/>
    </p:bldLst>
  </p:timing>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152400" y="381000"/>
            <a:ext cx="8610600" cy="886397"/>
          </a:xfrm>
        </p:spPr>
        <p:txBody>
          <a:bodyPr/>
          <a:lstStyle/>
          <a:p>
            <a:pPr>
              <a:tabLst>
                <a:tab pos="5029200" algn="l"/>
              </a:tabLst>
            </a:pPr>
            <a:r>
              <a:rPr lang="en-US" sz="3600" dirty="0" smtClean="0"/>
              <a:t>Biological Opinions for SWP/CVP Operations</a:t>
            </a:r>
            <a:br>
              <a:rPr lang="en-US" sz="3600" dirty="0" smtClean="0"/>
            </a:br>
            <a:r>
              <a:rPr lang="en-US" sz="2800" dirty="0" smtClean="0">
                <a:solidFill>
                  <a:schemeClr val="tx1"/>
                </a:solidFill>
              </a:rPr>
              <a:t>National Marine Fishery Service &amp; US Fish &amp; Wildlife Service</a:t>
            </a:r>
            <a:endParaRPr lang="en-US" sz="2800" dirty="0">
              <a:solidFill>
                <a:schemeClr val="tx1"/>
              </a:solidFill>
            </a:endParaRPr>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522944606"/>
      </p:ext>
    </p:extLst>
  </p:cSld>
  <p:clrMapOvr>
    <a:masterClrMapping/>
  </p:clrMapOvr>
  <p:transition spd="slow">
    <p:fade/>
  </p:transition>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endParaRPr lang="en-US" dirty="0"/>
          </a:p>
        </p:txBody>
      </p:sp>
      <p:pic>
        <p:nvPicPr>
          <p:cNvPr id="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39382" cy="6858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Slide Number Placeholder 3"/>
          <p:cNvSpPr>
            <a:spLocks noGrp="1"/>
          </p:cNvSpPr>
          <p:nvPr>
            <p:ph type="sldNum" sz="quarter" idx="4294967295"/>
          </p:nvPr>
        </p:nvSpPr>
        <p:spPr>
          <a:xfrm>
            <a:off x="8458200" y="6427788"/>
            <a:ext cx="685800" cy="365125"/>
          </a:xfrm>
          <a:prstGeom prst="rect">
            <a:avLst/>
          </a:prstGeom>
        </p:spPr>
        <p:txBody>
          <a:bodyPr/>
          <a:lstStyle/>
          <a:p>
            <a:pPr>
              <a:defRPr/>
            </a:pPr>
            <a:fld id="{B85647AE-C94D-417D-88F1-3513C67FAE37}" type="slidenum">
              <a:rPr lang="en-US" smtClean="0">
                <a:solidFill>
                  <a:schemeClr val="bg1"/>
                </a:solidFill>
              </a:rPr>
              <a:pPr>
                <a:defRPr/>
              </a:pPr>
              <a:t>193</a:t>
            </a:fld>
            <a:endParaRPr lang="en-US" dirty="0">
              <a:solidFill>
                <a:schemeClr val="bg1"/>
              </a:solidFill>
            </a:endParaRPr>
          </a:p>
        </p:txBody>
      </p:sp>
    </p:spTree>
    <p:extLst>
      <p:ext uri="{BB962C8B-B14F-4D97-AF65-F5344CB8AC3E}">
        <p14:creationId xmlns:p14="http://schemas.microsoft.com/office/powerpoint/2010/main" val="3033685960"/>
      </p:ext>
    </p:extLst>
  </p:cSld>
  <p:clrMapOvr>
    <a:masterClrMapping/>
  </p:clrMapOvr>
  <p:transition>
    <p:fade/>
  </p:transition>
  <p:timing>
    <p:tnLst>
      <p:par>
        <p:cTn id="1" dur="indefinite" restart="never" nodeType="tmRoot"/>
      </p:par>
    </p:tnLst>
  </p:timing>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Key Delta Operational Standards</a:t>
            </a:r>
            <a:endParaRPr lang="en-US" dirty="0"/>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1149911594"/>
              </p:ext>
            </p:extLst>
          </p:nvPr>
        </p:nvGraphicFramePr>
        <p:xfrm>
          <a:off x="609600" y="1600200"/>
          <a:ext cx="8382000" cy="4800606"/>
        </p:xfrm>
        <a:graphic>
          <a:graphicData uri="http://schemas.openxmlformats.org/drawingml/2006/table">
            <a:tbl>
              <a:tblPr firstRow="1" bandRow="1">
                <a:tableStyleId>{5C22544A-7EE6-4342-B048-85BDC9FD1C3A}</a:tableStyleId>
              </a:tblPr>
              <a:tblGrid>
                <a:gridCol w="1676400"/>
                <a:gridCol w="4038600"/>
                <a:gridCol w="2667000"/>
              </a:tblGrid>
              <a:tr h="463489">
                <a:tc>
                  <a:txBody>
                    <a:bodyPr/>
                    <a:lstStyle/>
                    <a:p>
                      <a:pPr marL="0" marR="0" algn="ctr">
                        <a:lnSpc>
                          <a:spcPct val="115000"/>
                        </a:lnSpc>
                        <a:spcBef>
                          <a:spcPts val="0"/>
                        </a:spcBef>
                        <a:spcAft>
                          <a:spcPts val="0"/>
                        </a:spcAft>
                      </a:pPr>
                      <a:r>
                        <a:rPr lang="en-US" sz="1800" b="1" u="none" dirty="0">
                          <a:effectLst/>
                          <a:latin typeface="Calibri"/>
                          <a:ea typeface="Calibri"/>
                          <a:cs typeface="Times New Roman"/>
                        </a:rPr>
                        <a:t>Source</a:t>
                      </a:r>
                      <a:endParaRPr lang="en-US" sz="1800" u="none" dirty="0">
                        <a:effectLst/>
                        <a:latin typeface="Calibri"/>
                        <a:ea typeface="Calibri"/>
                        <a:cs typeface="Times New Roman"/>
                      </a:endParaRPr>
                    </a:p>
                  </a:txBody>
                  <a:tcPr marL="68580" marR="68580" marT="0" marB="0" anchor="ctr"/>
                </a:tc>
                <a:tc>
                  <a:txBody>
                    <a:bodyPr/>
                    <a:lstStyle/>
                    <a:p>
                      <a:pPr marL="0" marR="0" algn="ctr">
                        <a:lnSpc>
                          <a:spcPct val="115000"/>
                        </a:lnSpc>
                        <a:spcBef>
                          <a:spcPts val="0"/>
                        </a:spcBef>
                        <a:spcAft>
                          <a:spcPts val="0"/>
                        </a:spcAft>
                      </a:pPr>
                      <a:r>
                        <a:rPr lang="en-US" sz="1800" b="1" u="none" dirty="0">
                          <a:effectLst/>
                          <a:latin typeface="Calibri"/>
                          <a:ea typeface="Calibri"/>
                          <a:cs typeface="Times New Roman"/>
                        </a:rPr>
                        <a:t>Action</a:t>
                      </a:r>
                      <a:endParaRPr lang="en-US" sz="1800" u="none" dirty="0">
                        <a:effectLst/>
                        <a:latin typeface="Calibri"/>
                        <a:ea typeface="Calibri"/>
                        <a:cs typeface="Times New Roman"/>
                      </a:endParaRPr>
                    </a:p>
                  </a:txBody>
                  <a:tcPr marL="68580" marR="68580" marT="0" marB="0" anchor="ctr"/>
                </a:tc>
                <a:tc>
                  <a:txBody>
                    <a:bodyPr/>
                    <a:lstStyle/>
                    <a:p>
                      <a:pPr marL="0" marR="0" algn="ctr">
                        <a:lnSpc>
                          <a:spcPct val="115000"/>
                        </a:lnSpc>
                        <a:spcBef>
                          <a:spcPts val="0"/>
                        </a:spcBef>
                        <a:spcAft>
                          <a:spcPts val="0"/>
                        </a:spcAft>
                      </a:pPr>
                      <a:r>
                        <a:rPr lang="en-US" sz="1800" b="1" u="none" dirty="0">
                          <a:effectLst/>
                          <a:latin typeface="Calibri"/>
                          <a:ea typeface="Calibri"/>
                          <a:cs typeface="Times New Roman"/>
                        </a:rPr>
                        <a:t>Applicable Time Frame</a:t>
                      </a:r>
                      <a:endParaRPr lang="en-US" sz="1800" u="none" dirty="0">
                        <a:effectLst/>
                        <a:latin typeface="Calibri"/>
                        <a:ea typeface="Calibri"/>
                        <a:cs typeface="Times New Roman"/>
                      </a:endParaRPr>
                    </a:p>
                  </a:txBody>
                  <a:tcPr marL="68580" marR="68580" marT="0" marB="0" anchor="ctr"/>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Habitation Protection Flows between 7,100-29,200 cfs</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February –June</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Export/Inflow Ratio 35 % of Delta Inflow</a:t>
                      </a:r>
                    </a:p>
                  </a:txBody>
                  <a:tcPr marL="68580" marR="68580" marT="0" marB="0"/>
                </a:tc>
                <a:tc>
                  <a:txBody>
                    <a:bodyPr/>
                    <a:lstStyle/>
                    <a:p>
                      <a:pPr marL="0" marR="0">
                        <a:lnSpc>
                          <a:spcPct val="115000"/>
                        </a:lnSpc>
                        <a:spcBef>
                          <a:spcPts val="0"/>
                        </a:spcBef>
                        <a:spcAft>
                          <a:spcPts val="0"/>
                        </a:spcAft>
                      </a:pPr>
                      <a:r>
                        <a:rPr lang="en-US" sz="1100" dirty="0" smtClean="0">
                          <a:effectLst/>
                          <a:latin typeface="Calibri"/>
                          <a:ea typeface="Calibri"/>
                          <a:cs typeface="Times New Roman"/>
                        </a:rPr>
                        <a:t>February-June</a:t>
                      </a:r>
                      <a:endParaRPr lang="en-US" sz="1100" dirty="0">
                        <a:effectLst/>
                        <a:latin typeface="Calibri"/>
                        <a:ea typeface="Calibri"/>
                        <a:cs typeface="Times New Roman"/>
                      </a:endParaRP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San Joaquin River Inflow-to-Export Ratio of 1: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31 days in April and May</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Delta Cross Channel Gates Closed</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February-May</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Delta Cross Channel Gates conditionally closed</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November - December</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Minimum Delta Outflow</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July - December</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Minimum Sacramento River flow at Rio Vista</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September - December</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Minimum San Joaquin River flow at Vernalis</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Additional releases up to 28 taf during </a:t>
                      </a:r>
                      <a:r>
                        <a:rPr lang="en-US" sz="1100" dirty="0" smtClean="0">
                          <a:effectLst/>
                          <a:latin typeface="Calibri"/>
                          <a:ea typeface="Calibri"/>
                          <a:cs typeface="Times New Roman"/>
                        </a:rPr>
                        <a:t>Oct</a:t>
                      </a:r>
                      <a:endParaRPr lang="en-US" sz="1100" dirty="0">
                        <a:effectLst/>
                        <a:latin typeface="Calibri"/>
                        <a:ea typeface="Calibri"/>
                        <a:cs typeface="Times New Roman"/>
                      </a:endParaRP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150 mg/l of chloride for Contra Costa Canal</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Total of 150 days during a critically dry year</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Southern Delta Electrical Conductivity</a:t>
                      </a:r>
                    </a:p>
                  </a:txBody>
                  <a:tcPr marL="68580" marR="68580" marT="0" marB="0"/>
                </a:tc>
                <a:tc>
                  <a:txBody>
                    <a:bodyPr/>
                    <a:lstStyle/>
                    <a:p>
                      <a:pPr marL="0" marR="0">
                        <a:lnSpc>
                          <a:spcPct val="115000"/>
                        </a:lnSpc>
                        <a:spcBef>
                          <a:spcPts val="0"/>
                        </a:spcBef>
                        <a:spcAft>
                          <a:spcPts val="0"/>
                        </a:spcAft>
                      </a:pPr>
                      <a:r>
                        <a:rPr lang="en-US" sz="1100" u="sng" dirty="0">
                          <a:effectLst/>
                          <a:latin typeface="Calibri"/>
                          <a:ea typeface="Calibri"/>
                          <a:cs typeface="Times New Roman"/>
                        </a:rPr>
                        <a:t>&lt; </a:t>
                      </a:r>
                      <a:r>
                        <a:rPr lang="en-US" sz="1100" dirty="0">
                          <a:effectLst/>
                          <a:latin typeface="Calibri"/>
                          <a:ea typeface="Calibri"/>
                          <a:cs typeface="Times New Roman"/>
                        </a:rPr>
                        <a:t>0.7 EC during April - August</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D-1641</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Suisun Marsh Electrical Conductivity</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October - May</a:t>
                      </a:r>
                    </a:p>
                  </a:txBody>
                  <a:tcPr marL="68580" marR="68580" marT="0" marB="0"/>
                </a:tc>
              </a:tr>
              <a:tr h="481901">
                <a:tc>
                  <a:txBody>
                    <a:bodyPr/>
                    <a:lstStyle/>
                    <a:p>
                      <a:pPr marL="0" marR="0">
                        <a:lnSpc>
                          <a:spcPct val="115000"/>
                        </a:lnSpc>
                        <a:spcBef>
                          <a:spcPts val="0"/>
                        </a:spcBef>
                        <a:spcAft>
                          <a:spcPts val="0"/>
                        </a:spcAft>
                      </a:pPr>
                      <a:r>
                        <a:rPr lang="en-US" sz="1100" dirty="0">
                          <a:effectLst/>
                          <a:latin typeface="Calibri"/>
                          <a:ea typeface="Calibri"/>
                          <a:cs typeface="Times New Roman"/>
                        </a:rPr>
                        <a:t>NMFS BiOp Action IV.2.3</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OMR (-5000- -2500) until after June 1; Water Temperature at Mossdale less than or equal to 72 degrees for 7 days</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January – mid May</a:t>
                      </a:r>
                    </a:p>
                    <a:p>
                      <a:pPr marL="0" marR="0">
                        <a:lnSpc>
                          <a:spcPct val="115000"/>
                        </a:lnSpc>
                        <a:spcBef>
                          <a:spcPts val="0"/>
                        </a:spcBef>
                        <a:spcAft>
                          <a:spcPts val="0"/>
                        </a:spcAft>
                      </a:pPr>
                      <a:r>
                        <a:rPr lang="en-US" sz="1100" dirty="0">
                          <a:effectLst/>
                          <a:latin typeface="Calibri"/>
                          <a:ea typeface="Calibri"/>
                          <a:cs typeface="Times New Roman"/>
                        </a:rPr>
                        <a:t> </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NMFS BiOp Action IV.2.1</a:t>
                      </a:r>
                    </a:p>
                  </a:txBody>
                  <a:tcPr marL="68580" marR="68580" marT="0" marB="0"/>
                </a:tc>
                <a:tc>
                  <a:txBody>
                    <a:bodyPr/>
                    <a:lstStyle/>
                    <a:p>
                      <a:pPr marL="0" marR="0">
                        <a:lnSpc>
                          <a:spcPct val="115000"/>
                        </a:lnSpc>
                        <a:spcBef>
                          <a:spcPts val="0"/>
                        </a:spcBef>
                        <a:spcAft>
                          <a:spcPts val="0"/>
                        </a:spcAft>
                      </a:pPr>
                      <a:r>
                        <a:rPr lang="en-US" sz="1100" dirty="0" smtClean="0">
                          <a:effectLst/>
                          <a:latin typeface="Calibri"/>
                          <a:ea typeface="Calibri"/>
                          <a:cs typeface="Times New Roman"/>
                        </a:rPr>
                        <a:t>SJR - Inflow/Export  </a:t>
                      </a:r>
                      <a:r>
                        <a:rPr lang="en-US" sz="1100" dirty="0">
                          <a:effectLst/>
                          <a:latin typeface="Calibri"/>
                          <a:ea typeface="Calibri"/>
                          <a:cs typeface="Times New Roman"/>
                        </a:rPr>
                        <a:t>ratio</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April 1—May 31</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NMFS BiOp Action IV.1.2</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Delta Cross Channel Gates Conditionally closed</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October - January</a:t>
                      </a: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NMFS BiOp Action IV.1.2</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Delta Cross Channel Gates Closed</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February - May</a:t>
                      </a:r>
                    </a:p>
                  </a:txBody>
                  <a:tcPr marL="68580" marR="68580" marT="0" marB="0"/>
                </a:tc>
              </a:tr>
              <a:tr h="240951">
                <a:tc>
                  <a:txBody>
                    <a:bodyPr/>
                    <a:lstStyle/>
                    <a:p>
                      <a:pPr marL="0" marR="0" indent="0" algn="l" defTabSz="914363" rtl="0" eaLnBrk="1" fontAlgn="auto" latinLnBrk="0" hangingPunct="1">
                        <a:lnSpc>
                          <a:spcPct val="115000"/>
                        </a:lnSpc>
                        <a:spcBef>
                          <a:spcPts val="0"/>
                        </a:spcBef>
                        <a:spcAft>
                          <a:spcPts val="0"/>
                        </a:spcAft>
                        <a:buClrTx/>
                        <a:buSzTx/>
                        <a:buFontTx/>
                        <a:buNone/>
                        <a:tabLst/>
                        <a:defRPr/>
                      </a:pPr>
                      <a:r>
                        <a:rPr lang="en-US" sz="1100" dirty="0" smtClean="0">
                          <a:effectLst/>
                          <a:latin typeface="+mn-lt"/>
                          <a:ea typeface="Calibri"/>
                          <a:cs typeface="Times New Roman"/>
                        </a:rPr>
                        <a:t>USFWS BiOp Action 1, 2, 3</a:t>
                      </a:r>
                      <a:endParaRPr lang="en-US" sz="1100" dirty="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100" dirty="0" smtClean="0">
                          <a:effectLst/>
                          <a:latin typeface="Calibri"/>
                          <a:ea typeface="Calibri"/>
                          <a:cs typeface="Times New Roman"/>
                        </a:rPr>
                        <a:t>OMR Flow Restrictions &amp; </a:t>
                      </a:r>
                      <a:r>
                        <a:rPr lang="en-US" sz="1100" baseline="0" dirty="0" smtClean="0">
                          <a:effectLst/>
                          <a:latin typeface="Calibri"/>
                          <a:ea typeface="Calibri"/>
                          <a:cs typeface="Times New Roman"/>
                        </a:rPr>
                        <a:t>Turbidity Triggers(-1,250 to -5,000 cfs)</a:t>
                      </a:r>
                      <a:endParaRPr lang="en-US" sz="1100" dirty="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100" dirty="0" smtClean="0">
                          <a:effectLst/>
                          <a:latin typeface="Calibri"/>
                          <a:ea typeface="Calibri"/>
                          <a:cs typeface="Times New Roman"/>
                        </a:rPr>
                        <a:t>Dec - Jun</a:t>
                      </a:r>
                      <a:endParaRPr lang="en-US" sz="1100" dirty="0">
                        <a:effectLst/>
                        <a:latin typeface="Calibri"/>
                        <a:ea typeface="Calibri"/>
                        <a:cs typeface="Times New Roman"/>
                      </a:endParaRPr>
                    </a:p>
                  </a:txBody>
                  <a:tcPr marL="68580" marR="68580" marT="0" marB="0"/>
                </a:tc>
              </a:tr>
              <a:tr h="240951">
                <a:tc>
                  <a:txBody>
                    <a:bodyPr/>
                    <a:lstStyle/>
                    <a:p>
                      <a:pPr marL="0" marR="0">
                        <a:lnSpc>
                          <a:spcPct val="115000"/>
                        </a:lnSpc>
                        <a:spcBef>
                          <a:spcPts val="0"/>
                        </a:spcBef>
                        <a:spcAft>
                          <a:spcPts val="0"/>
                        </a:spcAft>
                      </a:pPr>
                      <a:r>
                        <a:rPr lang="en-US" sz="1100" dirty="0">
                          <a:effectLst/>
                          <a:latin typeface="Calibri"/>
                          <a:ea typeface="Calibri"/>
                          <a:cs typeface="Times New Roman"/>
                        </a:rPr>
                        <a:t>USFWS BiOp Action 5</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Install a barrier at the head of Old River</a:t>
                      </a:r>
                    </a:p>
                  </a:txBody>
                  <a:tcPr marL="68580" marR="68580" marT="0" marB="0"/>
                </a:tc>
                <a:tc>
                  <a:txBody>
                    <a:bodyPr/>
                    <a:lstStyle/>
                    <a:p>
                      <a:pPr marL="0" marR="0">
                        <a:lnSpc>
                          <a:spcPct val="115000"/>
                        </a:lnSpc>
                        <a:spcBef>
                          <a:spcPts val="0"/>
                        </a:spcBef>
                        <a:spcAft>
                          <a:spcPts val="0"/>
                        </a:spcAft>
                      </a:pPr>
                      <a:r>
                        <a:rPr lang="en-US" sz="1100" dirty="0">
                          <a:effectLst/>
                          <a:latin typeface="Calibri"/>
                          <a:ea typeface="Calibri"/>
                          <a:cs typeface="Times New Roman"/>
                        </a:rPr>
                        <a:t>Spring</a:t>
                      </a:r>
                    </a:p>
                  </a:txBody>
                  <a:tcPr marL="68580" marR="68580" marT="0" marB="0"/>
                </a:tc>
              </a:tr>
            </a:tbl>
          </a:graphicData>
        </a:graphic>
      </p:graphicFrame>
    </p:spTree>
    <p:extLst>
      <p:ext uri="{BB962C8B-B14F-4D97-AF65-F5344CB8AC3E}">
        <p14:creationId xmlns:p14="http://schemas.microsoft.com/office/powerpoint/2010/main" val="2383686089"/>
      </p:ext>
    </p:extLst>
  </p:cSld>
  <p:clrMapOvr>
    <a:masterClrMapping/>
  </p:clrMapOvr>
  <p:transition spd="slow">
    <p:fade/>
  </p:transition>
  <p:timing>
    <p:tnLst>
      <p:par>
        <p:cTn id="1" dur="indefinite" restart="never" nodeType="tmRoot"/>
      </p:par>
    </p:tnLst>
  </p:timing>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Content Placeholder 6"/>
          <p:cNvGraphicFramePr>
            <a:graphicFrameLocks noGrp="1"/>
          </p:cNvGraphicFramePr>
          <p:nvPr>
            <p:ph idx="4294967295"/>
            <p:extLst>
              <p:ext uri="{D42A27DB-BD31-4B8C-83A1-F6EECF244321}">
                <p14:modId xmlns:p14="http://schemas.microsoft.com/office/powerpoint/2010/main" val="3485906233"/>
              </p:ext>
            </p:extLst>
          </p:nvPr>
        </p:nvGraphicFramePr>
        <p:xfrm>
          <a:off x="107373" y="1662684"/>
          <a:ext cx="8915401" cy="4809744"/>
        </p:xfrm>
        <a:graphic>
          <a:graphicData uri="http://schemas.openxmlformats.org/drawingml/2006/table">
            <a:tbl>
              <a:tblPr firstRow="1" bandRow="1">
                <a:tableStyleId>{46F890A9-2807-4EBB-B81D-B2AA78EC7F39}</a:tableStyleId>
              </a:tblPr>
              <a:tblGrid>
                <a:gridCol w="4388427"/>
                <a:gridCol w="1447800"/>
                <a:gridCol w="1295400"/>
                <a:gridCol w="1783774"/>
              </a:tblGrid>
              <a:tr h="242248">
                <a:tc rowSpan="2">
                  <a:txBody>
                    <a:bodyPr/>
                    <a:lstStyle/>
                    <a:p>
                      <a:pPr algn="ctr">
                        <a:lnSpc>
                          <a:spcPct val="80000"/>
                        </a:lnSpc>
                      </a:pPr>
                      <a:r>
                        <a:rPr lang="en-US" sz="1500" b="1" dirty="0" smtClean="0">
                          <a:solidFill>
                            <a:schemeClr val="tx1"/>
                          </a:solidFill>
                        </a:rPr>
                        <a:t>Regulations (Existing &amp; Proposed)</a:t>
                      </a:r>
                      <a:endParaRPr lang="en-US" sz="1500" b="1" dirty="0">
                        <a:solidFill>
                          <a:schemeClr val="tx1"/>
                        </a:solidFill>
                      </a:endParaRPr>
                    </a:p>
                  </a:txBody>
                  <a:tcPr marT="9144" marB="9144" anchor="ctr">
                    <a:lnR w="12700" cap="flat" cmpd="sng" algn="ctr">
                      <a:solidFill>
                        <a:schemeClr val="tx1"/>
                      </a:solidFill>
                      <a:prstDash val="solid"/>
                      <a:round/>
                      <a:headEnd type="none" w="med" len="med"/>
                      <a:tailEnd type="none" w="med" len="med"/>
                    </a:lnR>
                    <a:solidFill>
                      <a:schemeClr val="bg1">
                        <a:lumMod val="85000"/>
                        <a:lumOff val="15000"/>
                      </a:schemeClr>
                    </a:solidFill>
                  </a:tcPr>
                </a:tc>
                <a:tc gridSpan="2">
                  <a:txBody>
                    <a:bodyPr/>
                    <a:lstStyle/>
                    <a:p>
                      <a:pPr algn="ctr">
                        <a:lnSpc>
                          <a:spcPct val="80000"/>
                        </a:lnSpc>
                      </a:pPr>
                      <a:r>
                        <a:rPr lang="en-US" sz="1500" b="1" dirty="0" smtClean="0">
                          <a:solidFill>
                            <a:schemeClr val="tx1"/>
                          </a:solidFill>
                        </a:rPr>
                        <a:t>BDCP</a:t>
                      </a:r>
                      <a:r>
                        <a:rPr lang="en-US" sz="1500" b="1" baseline="0" dirty="0" smtClean="0">
                          <a:solidFill>
                            <a:schemeClr val="tx1"/>
                          </a:solidFill>
                        </a:rPr>
                        <a:t> </a:t>
                      </a:r>
                      <a:br>
                        <a:rPr lang="en-US" sz="1500" b="1" baseline="0" dirty="0" smtClean="0">
                          <a:solidFill>
                            <a:schemeClr val="tx1"/>
                          </a:solidFill>
                        </a:rPr>
                      </a:br>
                      <a:r>
                        <a:rPr lang="en-US" sz="1500" b="1" baseline="0" dirty="0" smtClean="0">
                          <a:solidFill>
                            <a:schemeClr val="tx1"/>
                          </a:solidFill>
                        </a:rPr>
                        <a:t>Preferred Alternative</a:t>
                      </a:r>
                      <a:endParaRPr lang="en-US" sz="1500" b="1" dirty="0">
                        <a:solidFill>
                          <a:schemeClr val="tx1"/>
                        </a:solidFill>
                      </a:endParaRPr>
                    </a:p>
                  </a:txBody>
                  <a:tcPr marT="9144" marB="914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solidFill>
                      <a:schemeClr val="bg1">
                        <a:lumMod val="85000"/>
                        <a:lumOff val="15000"/>
                      </a:schemeClr>
                    </a:solidFill>
                  </a:tcPr>
                </a:tc>
                <a:tc hMerge="1">
                  <a:txBody>
                    <a:bodyPr/>
                    <a:lstStyle/>
                    <a:p>
                      <a:pPr algn="ctr">
                        <a:lnSpc>
                          <a:spcPct val="80000"/>
                        </a:lnSpc>
                      </a:pPr>
                      <a:endParaRPr lang="en-US" sz="1600" b="1" dirty="0">
                        <a:solidFill>
                          <a:schemeClr val="tx1"/>
                        </a:solidFill>
                      </a:endParaRPr>
                    </a:p>
                  </a:txBody>
                  <a:tcPr marT="18288" marB="18288" anchor="ct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u="none" dirty="0" smtClean="0">
                          <a:solidFill>
                            <a:schemeClr val="tx1"/>
                          </a:solidFill>
                        </a:rPr>
                        <a:t>NEW</a:t>
                      </a:r>
                      <a:r>
                        <a:rPr lang="en-US" sz="1500" b="1" dirty="0" smtClean="0">
                          <a:solidFill>
                            <a:schemeClr val="tx1"/>
                          </a:solidFill>
                        </a:rPr>
                        <a:t> Cal WaterFix Preferred Alt.</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r>
              <a:tr h="0">
                <a:tc vMerge="1">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endParaRPr lang="en-US" sz="1500" b="1" dirty="0" smtClean="0">
                        <a:solidFill>
                          <a:schemeClr val="tx1"/>
                        </a:solidFill>
                      </a:endParaRPr>
                    </a:p>
                  </a:txBody>
                  <a:tcPr marT="18288" marB="18288" anchor="ct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tx1"/>
                          </a:solidFill>
                        </a:rPr>
                        <a:t>Alt. 4-H3</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c>
                  <a:txBody>
                    <a:bodyPr/>
                    <a:lstStyle/>
                    <a:p>
                      <a:pPr algn="ctr">
                        <a:lnSpc>
                          <a:spcPct val="80000"/>
                        </a:lnSpc>
                      </a:pPr>
                      <a:r>
                        <a:rPr lang="en-US" sz="1500" b="1" dirty="0" smtClean="0">
                          <a:solidFill>
                            <a:schemeClr val="tx1"/>
                          </a:solidFill>
                        </a:rPr>
                        <a:t>Alt. 4-H4</a:t>
                      </a:r>
                      <a:endParaRPr lang="en-US" sz="1500" b="1" dirty="0">
                        <a:solidFill>
                          <a:schemeClr val="tx1"/>
                        </a:solidFill>
                      </a:endParaRPr>
                    </a:p>
                  </a:txBody>
                  <a:tcPr marT="9144" marB="9144" anchor="ctr">
                    <a:lnR w="12700" cap="flat" cmpd="sng" algn="ctr">
                      <a:solidFill>
                        <a:schemeClr val="tx1"/>
                      </a:solidFill>
                      <a:prstDash val="solid"/>
                      <a:round/>
                      <a:headEnd type="none" w="med" len="med"/>
                      <a:tailEnd type="none" w="med" len="med"/>
                    </a:ln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tx1"/>
                          </a:solidFill>
                        </a:rPr>
                        <a:t>Alt. 4A</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t>Existing SWP/CVP Diversions (in 2015)</a:t>
                      </a:r>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WRCB D-1641</a:t>
                      </a:r>
                      <a:r>
                        <a:rPr lang="en-US" sz="1500" b="0" baseline="0" dirty="0" smtClean="0"/>
                        <a:t> Regulations – Diversion Capacity</a:t>
                      </a:r>
                      <a:endParaRPr lang="en-US" sz="1500" b="0" dirty="0" smtClean="0"/>
                    </a:p>
                  </a:txBody>
                  <a:tcPr marT="9144" marB="9144" anchor="ctr">
                    <a:solidFill>
                      <a:srgbClr val="F0EEEB"/>
                    </a:solidFill>
                  </a:tcPr>
                </a:tc>
                <a:tc>
                  <a:txBody>
                    <a:bodyPr/>
                    <a:lstStyle/>
                    <a:p>
                      <a:pPr algn="r">
                        <a:lnSpc>
                          <a:spcPct val="80000"/>
                        </a:lnSpc>
                        <a:tabLst>
                          <a:tab pos="1828800" algn="r"/>
                        </a:tabLst>
                      </a:pPr>
                      <a:r>
                        <a:rPr lang="en-US" sz="1500" b="0" dirty="0" smtClean="0"/>
                        <a:t>6,000,000 af</a:t>
                      </a:r>
                      <a:endParaRPr lang="en-US" sz="1500" b="0" dirty="0"/>
                    </a:p>
                  </a:txBody>
                  <a:tcPr marT="9144" marB="9144" anchor="ctr">
                    <a:solidFill>
                      <a:srgbClr val="F0EEEB"/>
                    </a:solidFill>
                  </a:tcPr>
                </a:tc>
                <a:tc>
                  <a:txBody>
                    <a:bodyPr/>
                    <a:lstStyle/>
                    <a:p>
                      <a:pPr algn="r">
                        <a:lnSpc>
                          <a:spcPct val="80000"/>
                        </a:lnSpc>
                        <a:tabLst>
                          <a:tab pos="1828800" algn="r"/>
                        </a:tabLst>
                      </a:pPr>
                      <a:r>
                        <a:rPr lang="en-US" sz="1500" b="0" dirty="0" smtClean="0"/>
                        <a:t>6,000,000 af</a:t>
                      </a:r>
                      <a:endParaRPr lang="en-US" sz="1500" b="0" dirty="0"/>
                    </a:p>
                  </a:txBody>
                  <a:tcPr marT="9144" marB="9144" anchor="ctr">
                    <a:solidFill>
                      <a:srgbClr val="F0EEEB"/>
                    </a:solidFill>
                  </a:tcPr>
                </a:tc>
                <a:tc>
                  <a:txBody>
                    <a:bodyPr/>
                    <a:lstStyle/>
                    <a:p>
                      <a:pPr algn="r">
                        <a:lnSpc>
                          <a:spcPct val="80000"/>
                        </a:lnSpc>
                        <a:tabLst>
                          <a:tab pos="1828800" algn="r"/>
                        </a:tabLst>
                      </a:pPr>
                      <a:r>
                        <a:rPr lang="en-US" sz="1500" b="0" dirty="0" smtClean="0"/>
                        <a:t>6,000,000 af</a:t>
                      </a:r>
                      <a:endParaRPr lang="en-US" sz="1500" b="0" dirty="0"/>
                    </a:p>
                  </a:txBody>
                  <a:tcPr marT="9144" marB="9144" anchor="ctr">
                    <a:solidFill>
                      <a:srgbClr val="F0EEEB"/>
                    </a:solidFill>
                  </a:tcPr>
                </a:tc>
              </a:tr>
              <a:tr h="91440">
                <a:tc>
                  <a:txBody>
                    <a:bodyPr/>
                    <a:lstStyle/>
                    <a:p>
                      <a:pPr marL="176213" indent="-176213" algn="l">
                        <a:lnSpc>
                          <a:spcPct val="80000"/>
                        </a:lnSpc>
                        <a:buFont typeface="Arial" panose="020B0604020202020204" pitchFamily="34" charset="0"/>
                        <a:buChar char="•"/>
                      </a:pPr>
                      <a:r>
                        <a:rPr lang="en-US" sz="1500" dirty="0" smtClean="0"/>
                        <a:t>2008 – Old &amp; Middle River (USFWS BioOp)</a:t>
                      </a:r>
                      <a:endParaRPr lang="en-US" sz="1500" dirty="0"/>
                    </a:p>
                  </a:txBody>
                  <a:tcPr marT="9144" marB="9144" anchor="ctr"/>
                </a:tc>
                <a:tc>
                  <a:txBody>
                    <a:bodyPr/>
                    <a:lstStyle/>
                    <a:p>
                      <a:pPr algn="r">
                        <a:lnSpc>
                          <a:spcPct val="80000"/>
                        </a:lnSpc>
                        <a:tabLst>
                          <a:tab pos="1828800" algn="r"/>
                        </a:tabLst>
                      </a:pPr>
                      <a:r>
                        <a:rPr lang="en-US" sz="1500" dirty="0" smtClean="0"/>
                        <a:t>- 700,000 af</a:t>
                      </a:r>
                      <a:endParaRPr lang="en-US" sz="1500" dirty="0"/>
                    </a:p>
                  </a:txBody>
                  <a:tcPr marT="9144" marB="9144" anchor="ctr"/>
                </a:tc>
                <a:tc>
                  <a:txBody>
                    <a:bodyPr/>
                    <a:lstStyle/>
                    <a:p>
                      <a:pPr algn="r">
                        <a:lnSpc>
                          <a:spcPct val="80000"/>
                        </a:lnSpc>
                        <a:tabLst>
                          <a:tab pos="1828800" algn="r"/>
                        </a:tabLst>
                      </a:pPr>
                      <a:r>
                        <a:rPr lang="en-US" sz="1500" dirty="0" smtClean="0"/>
                        <a:t>- 700,000 af</a:t>
                      </a:r>
                      <a:endParaRPr lang="en-US" sz="1500" dirty="0"/>
                    </a:p>
                  </a:txBody>
                  <a:tcPr marT="9144" marB="9144" anchor="ctr"/>
                </a:tc>
                <a:tc>
                  <a:txBody>
                    <a:bodyPr/>
                    <a:lstStyle/>
                    <a:p>
                      <a:pPr algn="r">
                        <a:lnSpc>
                          <a:spcPct val="80000"/>
                        </a:lnSpc>
                        <a:tabLst>
                          <a:tab pos="1828800" algn="r"/>
                        </a:tabLst>
                      </a:pPr>
                      <a:r>
                        <a:rPr lang="en-US" sz="1500" dirty="0" smtClean="0"/>
                        <a:t>- 700,000 af</a:t>
                      </a:r>
                      <a:endParaRPr lang="en-US" sz="1500"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2008 –</a:t>
                      </a:r>
                      <a:r>
                        <a:rPr lang="en-US" sz="1500" baseline="0" dirty="0" smtClean="0"/>
                        <a:t> Fall X2 Outflow</a:t>
                      </a:r>
                      <a:r>
                        <a:rPr lang="en-US" sz="1500" dirty="0" smtClean="0"/>
                        <a:t> (USFWS BioOp)</a:t>
                      </a:r>
                    </a:p>
                  </a:txBody>
                  <a:tcPr marT="9144" marB="9144" anchor="ctr">
                    <a:solidFill>
                      <a:srgbClr val="F0EEEB"/>
                    </a:solidFill>
                  </a:tcPr>
                </a:tc>
                <a:tc>
                  <a:txBody>
                    <a:bodyPr/>
                    <a:lstStyle/>
                    <a:p>
                      <a:pPr algn="r">
                        <a:lnSpc>
                          <a:spcPct val="80000"/>
                        </a:lnSpc>
                        <a:tabLst>
                          <a:tab pos="1828800" algn="r"/>
                        </a:tabLst>
                      </a:pPr>
                      <a:r>
                        <a:rPr lang="en-US" sz="1500" dirty="0" smtClean="0"/>
                        <a:t>- 200,000 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200,000 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200,000 af</a:t>
                      </a:r>
                      <a:endParaRPr lang="en-US" sz="1500" dirty="0"/>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2009 –</a:t>
                      </a:r>
                      <a:r>
                        <a:rPr lang="en-US" sz="1500" baseline="0" dirty="0" smtClean="0"/>
                        <a:t> </a:t>
                      </a:r>
                      <a:r>
                        <a:rPr lang="en-US" sz="1500" dirty="0" smtClean="0"/>
                        <a:t>San Joaquin River I/E Ratio (NMFS)</a:t>
                      </a:r>
                    </a:p>
                  </a:txBody>
                  <a:tcPr marT="9144" marB="9144" anchor="ctr"/>
                </a:tc>
                <a:tc>
                  <a:txBody>
                    <a:bodyPr/>
                    <a:lstStyle/>
                    <a:p>
                      <a:pPr algn="r">
                        <a:lnSpc>
                          <a:spcPct val="80000"/>
                        </a:lnSpc>
                        <a:tabLst>
                          <a:tab pos="1828800" algn="r"/>
                        </a:tabLst>
                      </a:pPr>
                      <a:r>
                        <a:rPr lang="en-US" sz="1500" dirty="0" smtClean="0"/>
                        <a:t>- 300,000 af</a:t>
                      </a:r>
                      <a:endParaRPr lang="en-US" sz="1500" dirty="0"/>
                    </a:p>
                  </a:txBody>
                  <a:tcPr marT="9144" marB="9144" anchor="ctr">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dirty="0" smtClean="0"/>
                        <a:t>- 300,000 af</a:t>
                      </a:r>
                      <a:endParaRPr lang="en-US" sz="1500" dirty="0"/>
                    </a:p>
                  </a:txBody>
                  <a:tcPr marT="9144" marB="9144" anchor="ctr">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dirty="0" smtClean="0"/>
                        <a:t>- 300,000 af</a:t>
                      </a:r>
                      <a:endParaRPr lang="en-US" sz="1500" dirty="0"/>
                    </a:p>
                  </a:txBody>
                  <a:tcPr marT="9144" marB="9144" anchor="ctr">
                    <a:lnB w="12700" cap="flat" cmpd="sng" algn="ctr">
                      <a:solidFill>
                        <a:schemeClr val="bg1"/>
                      </a:solidFill>
                      <a:prstDash val="solid"/>
                      <a:round/>
                      <a:headEnd type="none" w="med" len="med"/>
                      <a:tailEnd type="none" w="med" len="med"/>
                    </a:lnB>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in 2015) </a:t>
                      </a:r>
                    </a:p>
                  </a:txBody>
                  <a:tcPr marT="9144" marB="9144" anchor="ctr">
                    <a:solidFill>
                      <a:srgbClr val="F0EEEB"/>
                    </a:solidFill>
                  </a:tcPr>
                </a:tc>
                <a:tc>
                  <a:txBody>
                    <a:bodyPr/>
                    <a:lstStyle/>
                    <a:p>
                      <a:pPr algn="r">
                        <a:lnSpc>
                          <a:spcPct val="80000"/>
                        </a:lnSpc>
                        <a:tabLst>
                          <a:tab pos="1828800" algn="r"/>
                        </a:tabLst>
                      </a:pPr>
                      <a:r>
                        <a:rPr lang="en-US" sz="1500" b="1" dirty="0" smtClean="0"/>
                        <a:t>4,9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4,9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4,9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solidFill>
                            <a:schemeClr val="bg1"/>
                          </a:solidFill>
                        </a:rPr>
                        <a:t>Proposed Fish Ops </a:t>
                      </a:r>
                      <a:r>
                        <a:rPr lang="en-US" sz="1500" b="1" i="1" u="sng" dirty="0" smtClean="0">
                          <a:solidFill>
                            <a:schemeClr val="bg1"/>
                          </a:solidFill>
                        </a:rPr>
                        <a:t>without</a:t>
                      </a:r>
                      <a:r>
                        <a:rPr lang="en-US" sz="1500" b="1" dirty="0" smtClean="0">
                          <a:solidFill>
                            <a:schemeClr val="bg1"/>
                          </a:solidFill>
                        </a:rPr>
                        <a:t> North Intake (in 2025)</a:t>
                      </a:r>
                    </a:p>
                  </a:txBody>
                  <a:tcPr marT="9144" marB="9144" anchor="ctr">
                    <a:solidFill>
                      <a:schemeClr val="tx1">
                        <a:lumMod val="65000"/>
                      </a:schemeClr>
                    </a:solidFill>
                  </a:tcPr>
                </a:tc>
                <a:tc>
                  <a:txBody>
                    <a:bodyPr/>
                    <a:lstStyle/>
                    <a:p>
                      <a:pPr algn="r">
                        <a:lnSpc>
                          <a:spcPct val="80000"/>
                        </a:lnSpc>
                        <a:tabLst>
                          <a:tab pos="1828800" algn="r"/>
                        </a:tabLst>
                      </a:pPr>
                      <a:endParaRPr lang="en-US" sz="1500" dirty="0">
                        <a:solidFill>
                          <a:schemeClr val="bg1"/>
                        </a:solidFill>
                      </a:endParaRPr>
                    </a:p>
                  </a:txBody>
                  <a:tcPr marT="9144" marB="9144" anchor="ctr">
                    <a:solidFill>
                      <a:schemeClr val="tx1">
                        <a:lumMod val="65000"/>
                      </a:schemeClr>
                    </a:solidFill>
                  </a:tcPr>
                </a:tc>
                <a:tc>
                  <a:txBody>
                    <a:bodyPr/>
                    <a:lstStyle/>
                    <a:p>
                      <a:pPr algn="r">
                        <a:lnSpc>
                          <a:spcPct val="80000"/>
                        </a:lnSpc>
                        <a:tabLst>
                          <a:tab pos="1828800" algn="r"/>
                        </a:tabLst>
                      </a:pPr>
                      <a:endParaRPr lang="en-US" sz="1500" dirty="0">
                        <a:solidFill>
                          <a:schemeClr val="bg1"/>
                        </a:solidFill>
                      </a:endParaRPr>
                    </a:p>
                  </a:txBody>
                  <a:tcPr marT="9144" marB="9144" anchor="ctr">
                    <a:solidFill>
                      <a:schemeClr val="tx1">
                        <a:lumMod val="65000"/>
                      </a:schemeClr>
                    </a:solidFill>
                  </a:tcPr>
                </a:tc>
                <a:tc>
                  <a:txBody>
                    <a:bodyPr/>
                    <a:lstStyle/>
                    <a:p>
                      <a:pPr algn="r">
                        <a:lnSpc>
                          <a:spcPct val="80000"/>
                        </a:lnSpc>
                      </a:pPr>
                      <a:endParaRPr lang="en-US" sz="1500" dirty="0">
                        <a:solidFill>
                          <a:schemeClr val="bg1"/>
                        </a:solidFill>
                      </a:endParaRPr>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Existing SWP/CVP Diversions (in 2015) </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 4,900,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 4,900,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 4,900,000 af</a:t>
                      </a:r>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u="none" dirty="0" smtClean="0"/>
                        <a:t>Potential </a:t>
                      </a:r>
                      <a:r>
                        <a:rPr lang="en-US" sz="1500" b="0" dirty="0" smtClean="0"/>
                        <a:t>– </a:t>
                      </a:r>
                      <a:r>
                        <a:rPr lang="en-US" sz="1500" b="0" u="none" dirty="0" smtClean="0"/>
                        <a:t>Climate Change Impacts by 2025</a:t>
                      </a:r>
                    </a:p>
                  </a:txBody>
                  <a:tcPr marT="9144" marB="9144" anchor="ctr"/>
                </a:tc>
                <a:tc>
                  <a:txBody>
                    <a:bodyPr/>
                    <a:lstStyle/>
                    <a:p>
                      <a:pPr algn="r">
                        <a:lnSpc>
                          <a:spcPct val="80000"/>
                        </a:lnSpc>
                        <a:tabLst>
                          <a:tab pos="1828800" algn="r"/>
                        </a:tabLst>
                      </a:pPr>
                      <a:r>
                        <a:rPr lang="en-US" sz="1500" b="0" u="none" dirty="0" smtClean="0"/>
                        <a:t>- 200,000 af</a:t>
                      </a:r>
                      <a:endParaRPr lang="en-US" sz="1500" b="0" u="none" dirty="0"/>
                    </a:p>
                  </a:txBody>
                  <a:tcPr marT="9144" marB="9144" anchor="ctr"/>
                </a:tc>
                <a:tc>
                  <a:txBody>
                    <a:bodyPr/>
                    <a:lstStyle/>
                    <a:p>
                      <a:pPr algn="r">
                        <a:lnSpc>
                          <a:spcPct val="80000"/>
                        </a:lnSpc>
                        <a:tabLst>
                          <a:tab pos="1828800" algn="r"/>
                        </a:tabLst>
                      </a:pPr>
                      <a:r>
                        <a:rPr lang="en-US" sz="1500" b="0" u="none" dirty="0" smtClean="0"/>
                        <a:t>- 200,000 af</a:t>
                      </a:r>
                      <a:endParaRPr lang="en-US" sz="1500" b="0" u="none" dirty="0"/>
                    </a:p>
                  </a:txBody>
                  <a:tcPr marT="9144" marB="9144" anchor="ctr"/>
                </a:tc>
                <a:tc>
                  <a:txBody>
                    <a:bodyPr/>
                    <a:lstStyle/>
                    <a:p>
                      <a:pPr algn="r">
                        <a:lnSpc>
                          <a:spcPct val="80000"/>
                        </a:lnSpc>
                      </a:pPr>
                      <a:r>
                        <a:rPr lang="en-US" sz="1500" b="0" u="none" dirty="0" smtClean="0"/>
                        <a:t>- 200,000 af</a:t>
                      </a:r>
                      <a:endParaRPr lang="en-US" sz="1500" b="0" u="none"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Enhanced Spring Outflow</a:t>
                      </a:r>
                    </a:p>
                  </a:txBody>
                  <a:tcPr marT="9144" marB="9144" anchor="ctr">
                    <a:solidFill>
                      <a:srgbClr val="F0EEEB"/>
                    </a:solidFill>
                  </a:tcPr>
                </a:tc>
                <a:tc>
                  <a:txBody>
                    <a:bodyPr/>
                    <a:lstStyle/>
                    <a:p>
                      <a:pPr algn="r">
                        <a:lnSpc>
                          <a:spcPct val="80000"/>
                        </a:lnSpc>
                        <a:tabLst>
                          <a:tab pos="1828800" algn="r"/>
                        </a:tabLst>
                      </a:pPr>
                      <a:r>
                        <a:rPr lang="en-US" sz="1500" dirty="0" smtClean="0"/>
                        <a:t>- 0</a:t>
                      </a:r>
                      <a:r>
                        <a:rPr lang="en-US" sz="1500" baseline="0" dirty="0" smtClean="0"/>
                        <a:t> </a:t>
                      </a:r>
                      <a:r>
                        <a:rPr lang="en-US" sz="1500" dirty="0" smtClean="0"/>
                        <a:t>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600,000</a:t>
                      </a:r>
                      <a:r>
                        <a:rPr lang="en-US" sz="1500" baseline="0" dirty="0" smtClean="0"/>
                        <a:t> </a:t>
                      </a:r>
                      <a:r>
                        <a:rPr lang="en-US" sz="1500" dirty="0" smtClean="0"/>
                        <a:t>af</a:t>
                      </a:r>
                      <a:endParaRPr lang="en-US" sz="1500" dirty="0"/>
                    </a:p>
                  </a:txBody>
                  <a:tcPr marT="9144" marB="9144" anchor="ctr">
                    <a:solidFill>
                      <a:srgbClr val="F0EEEB"/>
                    </a:solidFill>
                  </a:tcPr>
                </a:tc>
                <a:tc>
                  <a:txBody>
                    <a:bodyPr/>
                    <a:lstStyle/>
                    <a:p>
                      <a:pPr algn="r">
                        <a:lnSpc>
                          <a:spcPct val="80000"/>
                        </a:lnSpc>
                      </a:pPr>
                      <a:r>
                        <a:rPr lang="en-US" sz="1500" dirty="0" smtClean="0"/>
                        <a:t>- </a:t>
                      </a:r>
                      <a:r>
                        <a:rPr lang="en-US" sz="1500" baseline="0" dirty="0" smtClean="0"/>
                        <a:t>300,000 </a:t>
                      </a:r>
                      <a:r>
                        <a:rPr lang="en-US" sz="1500" dirty="0" smtClean="0"/>
                        <a:t>af </a:t>
                      </a:r>
                      <a:endParaRPr lang="en-US" sz="1500" dirty="0"/>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Add. OMR Restrictions (Scenario 6 )</a:t>
                      </a:r>
                    </a:p>
                  </a:txBody>
                  <a:tcPr marT="9144" marB="9144" anchor="ctr"/>
                </a:tc>
                <a:tc>
                  <a:txBody>
                    <a:bodyPr/>
                    <a:lstStyle/>
                    <a:p>
                      <a:pPr marL="0" algn="r" defTabSz="914363" rtl="0" eaLnBrk="1" latinLnBrk="0" hangingPunct="1">
                        <a:lnSpc>
                          <a:spcPct val="80000"/>
                        </a:lnSpc>
                        <a:tabLst>
                          <a:tab pos="1828800" algn="r"/>
                        </a:tabLst>
                      </a:pPr>
                      <a:r>
                        <a:rPr lang="en-US" sz="1500" kern="1200" dirty="0" smtClean="0">
                          <a:solidFill>
                            <a:schemeClr val="dk1"/>
                          </a:solidFill>
                          <a:latin typeface="+mn-lt"/>
                          <a:ea typeface="+mn-ea"/>
                          <a:cs typeface="+mn-cs"/>
                        </a:rPr>
                        <a:t>- 900,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c>
                  <a:txBody>
                    <a:bodyPr/>
                    <a:lstStyle/>
                    <a:p>
                      <a:pPr marL="0" algn="r" defTabSz="914363" rtl="0" eaLnBrk="1" latinLnBrk="0" hangingPunct="1">
                        <a:lnSpc>
                          <a:spcPct val="80000"/>
                        </a:lnSpc>
                        <a:tabLst>
                          <a:tab pos="1828800" algn="r"/>
                        </a:tabLst>
                      </a:pPr>
                      <a:r>
                        <a:rPr lang="en-US" sz="1500" kern="1200" dirty="0" smtClean="0">
                          <a:solidFill>
                            <a:schemeClr val="dk1"/>
                          </a:solidFill>
                          <a:latin typeface="+mn-lt"/>
                          <a:ea typeface="+mn-ea"/>
                          <a:cs typeface="+mn-cs"/>
                        </a:rPr>
                        <a:t>- 700,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c>
                  <a:txBody>
                    <a:bodyPr/>
                    <a:lstStyle/>
                    <a:p>
                      <a:pPr marL="0" algn="r" defTabSz="914363" rtl="0" eaLnBrk="1" latinLnBrk="0" hangingPunct="1">
                        <a:lnSpc>
                          <a:spcPct val="80000"/>
                        </a:lnSpc>
                      </a:pPr>
                      <a:r>
                        <a:rPr lang="en-US" sz="1500" kern="1200" dirty="0" smtClean="0">
                          <a:solidFill>
                            <a:schemeClr val="dk1"/>
                          </a:solidFill>
                          <a:latin typeface="+mn-lt"/>
                          <a:ea typeface="+mn-ea"/>
                          <a:cs typeface="+mn-cs"/>
                        </a:rPr>
                        <a:t>- 900,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a:t>
                      </a:r>
                      <a:r>
                        <a:rPr lang="en-US" sz="1500" b="1" i="1" u="sng" dirty="0" smtClean="0"/>
                        <a:t>without </a:t>
                      </a:r>
                      <a:r>
                        <a:rPr lang="en-US" sz="1500" b="1" dirty="0" smtClean="0"/>
                        <a:t>Fix (in 2025)</a:t>
                      </a:r>
                    </a:p>
                  </a:txBody>
                  <a:tcPr marT="9144" marB="9144" anchor="ctr">
                    <a:solidFill>
                      <a:srgbClr val="F0EEEB"/>
                    </a:solidFill>
                  </a:tcPr>
                </a:tc>
                <a:tc>
                  <a:txBody>
                    <a:bodyPr/>
                    <a:lstStyle/>
                    <a:p>
                      <a:pPr algn="r">
                        <a:lnSpc>
                          <a:spcPct val="80000"/>
                        </a:lnSpc>
                        <a:tabLst>
                          <a:tab pos="1828800" algn="r"/>
                        </a:tabLst>
                      </a:pPr>
                      <a:r>
                        <a:rPr lang="en-US" sz="1500" b="1" dirty="0" smtClean="0"/>
                        <a:t>3,8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3,4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pPr>
                      <a:r>
                        <a:rPr lang="en-US" sz="1500" b="1" dirty="0" smtClean="0"/>
                        <a:t>3,500,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FC000"/>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solidFill>
                            <a:schemeClr val="bg1"/>
                          </a:solidFill>
                        </a:rPr>
                        <a:t>Proposed Fish Ops </a:t>
                      </a:r>
                      <a:r>
                        <a:rPr lang="en-US" sz="1500" b="1" i="1" u="sng" dirty="0" smtClean="0">
                          <a:solidFill>
                            <a:schemeClr val="bg1"/>
                          </a:solidFill>
                        </a:rPr>
                        <a:t>with</a:t>
                      </a:r>
                      <a:r>
                        <a:rPr lang="en-US" sz="1500" b="1" dirty="0" smtClean="0">
                          <a:solidFill>
                            <a:schemeClr val="bg1"/>
                          </a:solidFill>
                        </a:rPr>
                        <a:t> North Intake (in 2025)</a:t>
                      </a: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endParaRPr lang="en-US" sz="1500" b="1" dirty="0" smtClean="0">
                        <a:solidFill>
                          <a:schemeClr val="bg1"/>
                        </a:solidFill>
                      </a:endParaRP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endParaRPr lang="en-US" sz="1500" b="1" dirty="0" smtClean="0">
                        <a:solidFill>
                          <a:schemeClr val="bg1"/>
                        </a:solidFill>
                      </a:endParaRP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dirty="0" smtClean="0">
                        <a:solidFill>
                          <a:schemeClr val="bg1"/>
                        </a:solidFill>
                      </a:endParaRPr>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WP/CVP without North Intake (in 2025)</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3,800,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3,400,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0" dirty="0" smtClean="0"/>
                        <a:t>3,500,000 af</a:t>
                      </a:r>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North Delta Restrictions</a:t>
                      </a:r>
                    </a:p>
                  </a:txBody>
                  <a:tcPr marT="9144" marB="9144" anchor="ctr"/>
                </a:tc>
                <a:tc>
                  <a:txBody>
                    <a:bodyPr/>
                    <a:lstStyle/>
                    <a:p>
                      <a:pPr algn="r">
                        <a:lnSpc>
                          <a:spcPct val="80000"/>
                        </a:lnSpc>
                        <a:tabLst>
                          <a:tab pos="1828800" algn="r"/>
                        </a:tabLst>
                      </a:pPr>
                      <a:r>
                        <a:rPr lang="en-US" sz="1500" dirty="0" smtClean="0"/>
                        <a:t> - 400,000</a:t>
                      </a:r>
                      <a:r>
                        <a:rPr lang="en-US" sz="1500" baseline="0" dirty="0" smtClean="0"/>
                        <a:t> af</a:t>
                      </a:r>
                      <a:endParaRPr lang="en-US" sz="1500" dirty="0"/>
                    </a:p>
                  </a:txBody>
                  <a:tcPr marT="9144" marB="9144" anchor="ctr"/>
                </a:tc>
                <a:tc>
                  <a:txBody>
                    <a:bodyPr/>
                    <a:lstStyle/>
                    <a:p>
                      <a:pPr algn="r">
                        <a:lnSpc>
                          <a:spcPct val="80000"/>
                        </a:lnSpc>
                        <a:tabLst>
                          <a:tab pos="1828800" algn="r"/>
                        </a:tabLst>
                      </a:pPr>
                      <a:r>
                        <a:rPr lang="en-US" sz="1500" dirty="0" smtClean="0"/>
                        <a:t> - 400,000</a:t>
                      </a:r>
                      <a:r>
                        <a:rPr lang="en-US" sz="1500" baseline="0" dirty="0" smtClean="0"/>
                        <a:t> af</a:t>
                      </a:r>
                      <a:endParaRPr lang="en-US" sz="1500" dirty="0"/>
                    </a:p>
                  </a:txBody>
                  <a:tcPr marT="9144" marB="9144" anchor="ctr"/>
                </a:tc>
                <a:tc>
                  <a:txBody>
                    <a:bodyPr/>
                    <a:lstStyle/>
                    <a:p>
                      <a:pPr algn="r">
                        <a:lnSpc>
                          <a:spcPct val="80000"/>
                        </a:lnSpc>
                      </a:pPr>
                      <a:r>
                        <a:rPr lang="en-US" sz="1500" dirty="0" smtClean="0"/>
                        <a:t>- 400,000 af</a:t>
                      </a:r>
                      <a:endParaRPr lang="en-US" sz="1500"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North Delta Intake</a:t>
                      </a:r>
                      <a:endParaRPr lang="en-US" sz="1500" b="1" dirty="0" smtClean="0"/>
                    </a:p>
                  </a:txBody>
                  <a:tcPr marT="9144" marB="9144" anchor="ctr">
                    <a:solidFill>
                      <a:srgbClr val="F0EEEB"/>
                    </a:solidFill>
                  </a:tcPr>
                </a:tc>
                <a:tc>
                  <a:txBody>
                    <a:bodyPr/>
                    <a:lstStyle/>
                    <a:p>
                      <a:pPr algn="r">
                        <a:lnSpc>
                          <a:spcPct val="80000"/>
                        </a:lnSpc>
                        <a:tabLst>
                          <a:tab pos="1828800" algn="r"/>
                        </a:tabLst>
                      </a:pPr>
                      <a:r>
                        <a:rPr lang="en-US" sz="1500" dirty="0" smtClean="0"/>
                        <a:t>+ 1,900,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c>
                  <a:txBody>
                    <a:bodyPr/>
                    <a:lstStyle/>
                    <a:p>
                      <a:pPr algn="r">
                        <a:lnSpc>
                          <a:spcPct val="80000"/>
                        </a:lnSpc>
                        <a:tabLst>
                          <a:tab pos="1828800" algn="r"/>
                        </a:tabLst>
                      </a:pPr>
                      <a:r>
                        <a:rPr lang="en-US" sz="1500" dirty="0" smtClean="0"/>
                        <a:t>+ 1,700,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c>
                  <a:txBody>
                    <a:bodyPr/>
                    <a:lstStyle/>
                    <a:p>
                      <a:pPr algn="r">
                        <a:lnSpc>
                          <a:spcPct val="80000"/>
                        </a:lnSpc>
                      </a:pPr>
                      <a:r>
                        <a:rPr lang="en-US" sz="1500" dirty="0" smtClean="0"/>
                        <a:t>+ 1,800,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a:t>
                      </a:r>
                      <a:r>
                        <a:rPr lang="en-US" sz="1500" b="1" i="1" u="sng" dirty="0" smtClean="0"/>
                        <a:t>with</a:t>
                      </a:r>
                      <a:r>
                        <a:rPr lang="en-US" sz="1500" b="1" dirty="0" smtClean="0"/>
                        <a:t> Fix (in 2025)</a:t>
                      </a:r>
                    </a:p>
                  </a:txBody>
                  <a:tcPr marT="9144" marB="9144" anchor="ctr"/>
                </a:tc>
                <a:tc>
                  <a:txBody>
                    <a:bodyPr/>
                    <a:lstStyle/>
                    <a:p>
                      <a:pPr algn="r">
                        <a:lnSpc>
                          <a:spcPct val="80000"/>
                        </a:lnSpc>
                        <a:tabLst>
                          <a:tab pos="1828800" algn="r"/>
                        </a:tabLst>
                      </a:pPr>
                      <a:r>
                        <a:rPr lang="en-US" sz="1500" b="1" dirty="0" smtClean="0"/>
                        <a:t>5,300,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b="1" dirty="0" smtClean="0"/>
                        <a:t>4,700,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pPr>
                      <a:r>
                        <a:rPr lang="en-US" sz="1500" b="1" dirty="0" smtClean="0"/>
                        <a:t>4,900,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FC000"/>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bg1"/>
                          </a:solidFill>
                        </a:rPr>
                        <a:t>Proposed </a:t>
                      </a:r>
                      <a:r>
                        <a:rPr lang="en-US" sz="1500" b="1" kern="1200" dirty="0" smtClean="0">
                          <a:solidFill>
                            <a:schemeClr val="bg1"/>
                          </a:solidFill>
                          <a:latin typeface="+mn-lt"/>
                          <a:ea typeface="+mn-ea"/>
                          <a:cs typeface="+mn-cs"/>
                        </a:rPr>
                        <a:t>Fish Ops </a:t>
                      </a:r>
                      <a:r>
                        <a:rPr lang="en-US" sz="1500" b="1" i="1" u="sng" kern="1200" dirty="0" smtClean="0">
                          <a:solidFill>
                            <a:schemeClr val="bg1"/>
                          </a:solidFill>
                          <a:latin typeface="+mn-lt"/>
                          <a:ea typeface="+mn-ea"/>
                          <a:cs typeface="+mn-cs"/>
                        </a:rPr>
                        <a:t>with</a:t>
                      </a:r>
                      <a:r>
                        <a:rPr lang="en-US" sz="1500" b="1" kern="1200" dirty="0" smtClean="0">
                          <a:solidFill>
                            <a:schemeClr val="bg1"/>
                          </a:solidFill>
                          <a:latin typeface="+mn-lt"/>
                          <a:ea typeface="+mn-ea"/>
                          <a:cs typeface="+mn-cs"/>
                        </a:rPr>
                        <a:t> North Intake &amp; New Storage</a:t>
                      </a: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r>
              <a:tr h="91440">
                <a:tc>
                  <a:txBody>
                    <a:bodyPr/>
                    <a:lstStyle/>
                    <a:p>
                      <a:pPr marL="177800" marR="0" indent="-177800"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North-of-Delta</a:t>
                      </a:r>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r">
                        <a:lnSpc>
                          <a:spcPct val="80000"/>
                        </a:lnSpc>
                      </a:pPr>
                      <a:r>
                        <a:rPr lang="en-US" sz="1500" b="0" dirty="0" smtClean="0"/>
                        <a:t>300,000 af</a:t>
                      </a:r>
                      <a:endParaRPr lang="en-US" sz="1500" b="0"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r>
              <a:tr h="91440">
                <a:tc>
                  <a:txBody>
                    <a:bodyPr/>
                    <a:lstStyle/>
                    <a:p>
                      <a:pPr marL="177800" marR="0" indent="-177800"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outh-of-Delta</a:t>
                      </a:r>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pPr>
                      <a:r>
                        <a:rPr lang="en-US" sz="1500" b="0" dirty="0" smtClean="0"/>
                        <a:t> 200,000 af</a:t>
                      </a:r>
                      <a:endParaRPr lang="en-US" sz="1500" b="0"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DFDCD5"/>
                    </a:solidFill>
                  </a:tcPr>
                </a:tc>
              </a:tr>
              <a:tr h="91440">
                <a:tc>
                  <a:txBody>
                    <a:bodyPr/>
                    <a:lstStyle/>
                    <a:p>
                      <a:pPr marL="0" marR="0" indent="0" algn="r"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t>SWP/CVP</a:t>
                      </a:r>
                      <a:r>
                        <a:rPr lang="en-US" sz="1500" b="1" baseline="0" dirty="0" smtClean="0"/>
                        <a:t> Diversions </a:t>
                      </a:r>
                      <a:r>
                        <a:rPr lang="en-US" sz="1500" b="1" i="1" u="sng" baseline="0" dirty="0" smtClean="0"/>
                        <a:t>with</a:t>
                      </a:r>
                      <a:r>
                        <a:rPr lang="en-US" sz="1500" b="1" baseline="0" dirty="0" smtClean="0"/>
                        <a:t> Fix &amp; Storage (in 2025)</a:t>
                      </a:r>
                      <a:endParaRPr lang="en-US" sz="1500" b="1" dirty="0" smtClean="0"/>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bg1"/>
                      </a:solidFill>
                      <a:prstDash val="solid"/>
                      <a:round/>
                      <a:headEnd type="none" w="med" len="med"/>
                      <a:tailEnd type="none" w="med" len="med"/>
                    </a:lnT>
                  </a:tcPr>
                </a:tc>
                <a:tc>
                  <a:txBody>
                    <a:bodyPr/>
                    <a:lstStyle/>
                    <a:p>
                      <a:pPr algn="r">
                        <a:lnSpc>
                          <a:spcPct val="80000"/>
                        </a:lnSpc>
                        <a:tabLst>
                          <a:tab pos="1828800" algn="r"/>
                        </a:tabLst>
                      </a:pPr>
                      <a:endParaRPr lang="en-US" sz="1500" b="1" dirty="0"/>
                    </a:p>
                  </a:txBody>
                  <a:tcPr marT="9144" marB="9144" anchor="ctr">
                    <a:lnT w="12700" cap="flat" cmpd="sng" algn="ctr">
                      <a:solidFill>
                        <a:schemeClr val="bg1"/>
                      </a:solidFill>
                      <a:prstDash val="solid"/>
                      <a:round/>
                      <a:headEnd type="none" w="med" len="med"/>
                      <a:tailEnd type="none" w="med" len="med"/>
                    </a:lnT>
                  </a:tcPr>
                </a:tc>
                <a:tc>
                  <a:txBody>
                    <a:bodyPr/>
                    <a:lstStyle/>
                    <a:p>
                      <a:pPr marL="0" algn="r" defTabSz="914363" rtl="0" eaLnBrk="1" latinLnBrk="0" hangingPunct="1">
                        <a:lnSpc>
                          <a:spcPct val="80000"/>
                        </a:lnSpc>
                      </a:pPr>
                      <a:r>
                        <a:rPr lang="en-US" sz="1500" b="1" kern="1200" dirty="0" smtClean="0">
                          <a:solidFill>
                            <a:schemeClr val="dk1"/>
                          </a:solidFill>
                          <a:latin typeface="+mn-lt"/>
                          <a:ea typeface="+mn-ea"/>
                          <a:cs typeface="+mn-cs"/>
                        </a:rPr>
                        <a:t>  5,400,000 af</a:t>
                      </a:r>
                      <a:endParaRPr lang="en-US" sz="1500" b="1" kern="1200" dirty="0">
                        <a:solidFill>
                          <a:schemeClr val="dk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solidFill>
                      <a:srgbClr val="CC9900"/>
                    </a:solidFill>
                  </a:tcPr>
                </a:tc>
              </a:tr>
            </a:tbl>
          </a:graphicData>
        </a:graphic>
      </p:graphicFrame>
      <p:sp>
        <p:nvSpPr>
          <p:cNvPr id="6" name="Title 5"/>
          <p:cNvSpPr txBox="1">
            <a:spLocks/>
          </p:cNvSpPr>
          <p:nvPr/>
        </p:nvSpPr>
        <p:spPr bwMode="ltGray">
          <a:xfrm>
            <a:off x="71897" y="258354"/>
            <a:ext cx="8691103" cy="10802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Delta Conveyance</a:t>
            </a:r>
          </a:p>
          <a:p>
            <a:pPr algn="r" defTabSz="914363" fontAlgn="auto">
              <a:lnSpc>
                <a:spcPct val="90000"/>
              </a:lnSpc>
              <a:spcAft>
                <a:spcPts val="0"/>
              </a:spcAft>
              <a:defRPr/>
            </a:pPr>
            <a:r>
              <a:rPr lang="en-US" sz="3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Existing &amp; Proposed SWP/CVP Diversion Regulations</a:t>
            </a:r>
          </a:p>
        </p:txBody>
      </p:sp>
      <p:sp>
        <p:nvSpPr>
          <p:cNvPr id="9" name="TextBox 8"/>
          <p:cNvSpPr txBox="1"/>
          <p:nvPr/>
        </p:nvSpPr>
        <p:spPr>
          <a:xfrm>
            <a:off x="109428" y="6581001"/>
            <a:ext cx="3513654" cy="276999"/>
          </a:xfrm>
          <a:prstGeom prst="rect">
            <a:avLst/>
          </a:prstGeom>
          <a:noFill/>
        </p:spPr>
        <p:txBody>
          <a:bodyPr wrap="none" rtlCol="0">
            <a:spAutoFit/>
          </a:bodyPr>
          <a:lstStyle/>
          <a:p>
            <a:r>
              <a:rPr lang="en-US" sz="1200" i="1" dirty="0" smtClean="0">
                <a:solidFill>
                  <a:srgbClr val="FFC000"/>
                </a:solidFill>
                <a:latin typeface="Calibri"/>
              </a:rPr>
              <a:t>Information produced by CH2M; Updated 11-25-2015</a:t>
            </a:r>
            <a:endParaRPr lang="en-US" sz="1200" i="1" dirty="0">
              <a:solidFill>
                <a:srgbClr val="FFC000"/>
              </a:solidFill>
              <a:latin typeface="Calibri"/>
            </a:endParaRPr>
          </a:p>
        </p:txBody>
      </p:sp>
      <p:grpSp>
        <p:nvGrpSpPr>
          <p:cNvPr id="8" name="Group 7"/>
          <p:cNvGrpSpPr/>
          <p:nvPr/>
        </p:nvGrpSpPr>
        <p:grpSpPr>
          <a:xfrm>
            <a:off x="1" y="-86886"/>
            <a:ext cx="1219199" cy="1306088"/>
            <a:chOff x="1" y="-87245"/>
            <a:chExt cx="1219199" cy="1313681"/>
          </a:xfrm>
        </p:grpSpPr>
        <p:sp>
          <p:nvSpPr>
            <p:cNvPr id="10" name="Isosceles Triangle 9"/>
            <p:cNvSpPr/>
            <p:nvPr/>
          </p:nvSpPr>
          <p:spPr bwMode="auto">
            <a:xfrm rot="5400000">
              <a:off x="-16128" y="-8892"/>
              <a:ext cx="1251457" cy="1219199"/>
            </a:xfrm>
            <a:prstGeom prst="triangle">
              <a:avLst>
                <a:gd name="adj" fmla="val 0"/>
              </a:avLst>
            </a:prstGeom>
            <a:solidFill>
              <a:srgbClr val="FFFF00"/>
            </a:solidFill>
            <a:ln>
              <a:headEnd type="none" w="med" len="med"/>
              <a:tailEnd type="none" w="med" len="med"/>
            </a:ln>
          </p:spPr>
          <p:style>
            <a:lnRef idx="1">
              <a:schemeClr val="accent3"/>
            </a:lnRef>
            <a:fillRef idx="2">
              <a:schemeClr val="accent3"/>
            </a:fillRef>
            <a:effectRef idx="1">
              <a:schemeClr val="accent3"/>
            </a:effectRef>
            <a:fontRef idx="minor">
              <a:schemeClr val="dk1"/>
            </a:fontRef>
          </p:style>
          <p:txBody>
            <a:bodyPr vert="horz" wrap="square" lIns="91436" tIns="45718" rIns="91436" bIns="45718" numCol="1" rtlCol="0" anchor="ctr" anchorCtr="0" compatLnSpc="1">
              <a:prstTxWarp prst="textNoShape">
                <a:avLst/>
              </a:prstTxWarp>
            </a:bodyPr>
            <a:lstStyle/>
            <a:p>
              <a:pPr algn="ctr" defTabSz="914099"/>
              <a:endParaRPr lang="en-US" sz="20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TextBox 10"/>
            <p:cNvSpPr txBox="1"/>
            <p:nvPr/>
          </p:nvSpPr>
          <p:spPr>
            <a:xfrm rot="18851404">
              <a:off x="-89786" y="121767"/>
              <a:ext cx="1002800" cy="584775"/>
            </a:xfrm>
            <a:prstGeom prst="rect">
              <a:avLst/>
            </a:prstGeom>
            <a:noFill/>
          </p:spPr>
          <p:txBody>
            <a:bodyPr wrap="none" rtlCol="0">
              <a:spAutoFit/>
            </a:bodyPr>
            <a:lstStyle/>
            <a:p>
              <a:pPr algn="ctr"/>
              <a:endParaRPr lang="en-US" sz="1600" b="1" dirty="0" smtClean="0">
                <a:solidFill>
                  <a:prstClr val="black"/>
                </a:solidFill>
                <a:latin typeface="Calibri"/>
              </a:endParaRPr>
            </a:p>
            <a:p>
              <a:pPr algn="ctr"/>
              <a:r>
                <a:rPr lang="en-US" sz="1600" b="1" dirty="0" smtClean="0">
                  <a:solidFill>
                    <a:prstClr val="black"/>
                  </a:solidFill>
                  <a:latin typeface="Calibri"/>
                </a:rPr>
                <a:t>Rounding</a:t>
              </a:r>
              <a:endParaRPr lang="en-US" sz="1600" b="1" dirty="0">
                <a:solidFill>
                  <a:prstClr val="black"/>
                </a:solidFill>
                <a:latin typeface="Calibri"/>
              </a:endParaRPr>
            </a:p>
          </p:txBody>
        </p:sp>
      </p:grpSp>
    </p:spTree>
    <p:extLst>
      <p:ext uri="{BB962C8B-B14F-4D97-AF65-F5344CB8AC3E}">
        <p14:creationId xmlns:p14="http://schemas.microsoft.com/office/powerpoint/2010/main" val="858565498"/>
      </p:ext>
    </p:extLst>
  </p:cSld>
  <p:clrMapOvr>
    <a:masterClrMapping/>
  </p:clrMapOvr>
  <p:transition>
    <p:fade/>
  </p:transition>
  <p:timing>
    <p:tnLst>
      <p:par>
        <p:cTn id="1" dur="indefinite" restart="never" nodeType="tmRoot"/>
      </p:par>
    </p:tnLst>
  </p:timing>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Content Placeholder 6"/>
          <p:cNvGraphicFramePr>
            <a:graphicFrameLocks noGrp="1"/>
          </p:cNvGraphicFramePr>
          <p:nvPr>
            <p:ph idx="4294967295"/>
            <p:extLst>
              <p:ext uri="{D42A27DB-BD31-4B8C-83A1-F6EECF244321}">
                <p14:modId xmlns:p14="http://schemas.microsoft.com/office/powerpoint/2010/main" val="914135716"/>
              </p:ext>
            </p:extLst>
          </p:nvPr>
        </p:nvGraphicFramePr>
        <p:xfrm>
          <a:off x="107373" y="1662684"/>
          <a:ext cx="8915401" cy="4809744"/>
        </p:xfrm>
        <a:graphic>
          <a:graphicData uri="http://schemas.openxmlformats.org/drawingml/2006/table">
            <a:tbl>
              <a:tblPr firstRow="1" bandRow="1">
                <a:tableStyleId>{46F890A9-2807-4EBB-B81D-B2AA78EC7F39}</a:tableStyleId>
              </a:tblPr>
              <a:tblGrid>
                <a:gridCol w="4388427"/>
                <a:gridCol w="1447800"/>
                <a:gridCol w="1295400"/>
                <a:gridCol w="1783774"/>
              </a:tblGrid>
              <a:tr h="242248">
                <a:tc rowSpan="2">
                  <a:txBody>
                    <a:bodyPr/>
                    <a:lstStyle/>
                    <a:p>
                      <a:pPr algn="ctr">
                        <a:lnSpc>
                          <a:spcPct val="80000"/>
                        </a:lnSpc>
                      </a:pPr>
                      <a:r>
                        <a:rPr lang="en-US" sz="1500" b="1" dirty="0" smtClean="0">
                          <a:solidFill>
                            <a:schemeClr val="tx1"/>
                          </a:solidFill>
                        </a:rPr>
                        <a:t>Regulations (Existing &amp; Proposed)</a:t>
                      </a:r>
                      <a:endParaRPr lang="en-US" sz="1500" b="1" dirty="0">
                        <a:solidFill>
                          <a:schemeClr val="tx1"/>
                        </a:solidFill>
                      </a:endParaRPr>
                    </a:p>
                  </a:txBody>
                  <a:tcPr marT="9144" marB="9144" anchor="ctr">
                    <a:lnR w="12700" cap="flat" cmpd="sng" algn="ctr">
                      <a:solidFill>
                        <a:schemeClr val="tx1"/>
                      </a:solidFill>
                      <a:prstDash val="solid"/>
                      <a:round/>
                      <a:headEnd type="none" w="med" len="med"/>
                      <a:tailEnd type="none" w="med" len="med"/>
                    </a:lnR>
                    <a:solidFill>
                      <a:schemeClr val="bg1">
                        <a:lumMod val="85000"/>
                        <a:lumOff val="15000"/>
                      </a:schemeClr>
                    </a:solidFill>
                  </a:tcPr>
                </a:tc>
                <a:tc gridSpan="2">
                  <a:txBody>
                    <a:bodyPr/>
                    <a:lstStyle/>
                    <a:p>
                      <a:pPr algn="ctr">
                        <a:lnSpc>
                          <a:spcPct val="80000"/>
                        </a:lnSpc>
                      </a:pPr>
                      <a:r>
                        <a:rPr lang="en-US" sz="1500" b="1" dirty="0" smtClean="0">
                          <a:solidFill>
                            <a:schemeClr val="tx1"/>
                          </a:solidFill>
                        </a:rPr>
                        <a:t>BDCP</a:t>
                      </a:r>
                      <a:r>
                        <a:rPr lang="en-US" sz="1500" b="1" baseline="0" dirty="0" smtClean="0">
                          <a:solidFill>
                            <a:schemeClr val="tx1"/>
                          </a:solidFill>
                        </a:rPr>
                        <a:t> </a:t>
                      </a:r>
                      <a:br>
                        <a:rPr lang="en-US" sz="1500" b="1" baseline="0" dirty="0" smtClean="0">
                          <a:solidFill>
                            <a:schemeClr val="tx1"/>
                          </a:solidFill>
                        </a:rPr>
                      </a:br>
                      <a:r>
                        <a:rPr lang="en-US" sz="1500" b="1" baseline="0" dirty="0" smtClean="0">
                          <a:solidFill>
                            <a:schemeClr val="tx1"/>
                          </a:solidFill>
                        </a:rPr>
                        <a:t>Preferred Alternative</a:t>
                      </a:r>
                      <a:endParaRPr lang="en-US" sz="1500" b="1" dirty="0">
                        <a:solidFill>
                          <a:schemeClr val="tx1"/>
                        </a:solidFill>
                      </a:endParaRPr>
                    </a:p>
                  </a:txBody>
                  <a:tcPr marT="9144" marB="914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solidFill>
                      <a:schemeClr val="bg1">
                        <a:lumMod val="85000"/>
                        <a:lumOff val="15000"/>
                      </a:schemeClr>
                    </a:solidFill>
                  </a:tcPr>
                </a:tc>
                <a:tc hMerge="1">
                  <a:txBody>
                    <a:bodyPr/>
                    <a:lstStyle/>
                    <a:p>
                      <a:pPr algn="ctr">
                        <a:lnSpc>
                          <a:spcPct val="80000"/>
                        </a:lnSpc>
                      </a:pPr>
                      <a:endParaRPr lang="en-US" sz="1600" b="1" dirty="0">
                        <a:solidFill>
                          <a:schemeClr val="tx1"/>
                        </a:solidFill>
                      </a:endParaRPr>
                    </a:p>
                  </a:txBody>
                  <a:tcPr marT="18288" marB="18288" anchor="ct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u="none" dirty="0" smtClean="0">
                          <a:solidFill>
                            <a:schemeClr val="tx1"/>
                          </a:solidFill>
                        </a:rPr>
                        <a:t>NEW</a:t>
                      </a:r>
                      <a:r>
                        <a:rPr lang="en-US" sz="1500" b="1" dirty="0" smtClean="0">
                          <a:solidFill>
                            <a:schemeClr val="tx1"/>
                          </a:solidFill>
                        </a:rPr>
                        <a:t> Cal WaterFix Preferred Alt.</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r>
              <a:tr h="0">
                <a:tc vMerge="1">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endParaRPr lang="en-US" sz="1500" b="1" dirty="0" smtClean="0">
                        <a:solidFill>
                          <a:schemeClr val="tx1"/>
                        </a:solidFill>
                      </a:endParaRPr>
                    </a:p>
                  </a:txBody>
                  <a:tcPr marT="18288" marB="18288" anchor="ct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tx1"/>
                          </a:solidFill>
                        </a:rPr>
                        <a:t>Alt. 4-H3</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c>
                  <a:txBody>
                    <a:bodyPr/>
                    <a:lstStyle/>
                    <a:p>
                      <a:pPr algn="ctr">
                        <a:lnSpc>
                          <a:spcPct val="80000"/>
                        </a:lnSpc>
                      </a:pPr>
                      <a:r>
                        <a:rPr lang="en-US" sz="1500" b="1" dirty="0" smtClean="0">
                          <a:solidFill>
                            <a:schemeClr val="tx1"/>
                          </a:solidFill>
                        </a:rPr>
                        <a:t>Alt. 4-H4</a:t>
                      </a:r>
                      <a:endParaRPr lang="en-US" sz="1500" b="1" dirty="0">
                        <a:solidFill>
                          <a:schemeClr val="tx1"/>
                        </a:solidFill>
                      </a:endParaRPr>
                    </a:p>
                  </a:txBody>
                  <a:tcPr marT="9144" marB="9144" anchor="ctr">
                    <a:lnR w="12700" cap="flat" cmpd="sng" algn="ctr">
                      <a:solidFill>
                        <a:schemeClr val="tx1"/>
                      </a:solidFill>
                      <a:prstDash val="solid"/>
                      <a:round/>
                      <a:headEnd type="none" w="med" len="med"/>
                      <a:tailEnd type="none" w="med" len="med"/>
                    </a:lnR>
                    <a:solidFill>
                      <a:schemeClr val="bg1">
                        <a:lumMod val="85000"/>
                        <a:lumOff val="15000"/>
                      </a:schemeClr>
                    </a:solidFill>
                  </a:tcPr>
                </a:tc>
                <a:tc>
                  <a:txBody>
                    <a:bodyPr/>
                    <a:lstStyle/>
                    <a:p>
                      <a:pPr marL="0" marR="0" indent="0" algn="ctr"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tx1"/>
                          </a:solidFill>
                        </a:rPr>
                        <a:t>Alt. 4A</a:t>
                      </a:r>
                    </a:p>
                  </a:txBody>
                  <a:tcPr marT="9144" marB="9144" anchor="ctr">
                    <a:lnL w="12700" cap="flat" cmpd="sng" algn="ctr">
                      <a:solidFill>
                        <a:schemeClr val="tx1"/>
                      </a:solidFill>
                      <a:prstDash val="solid"/>
                      <a:round/>
                      <a:headEnd type="none" w="med" len="med"/>
                      <a:tailEnd type="none" w="med" len="med"/>
                    </a:lnL>
                    <a:solidFill>
                      <a:schemeClr val="bg1">
                        <a:lumMod val="85000"/>
                        <a:lumOff val="15000"/>
                      </a:schemeClr>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t>Existing SWP/CVP Diversions (in 2015)</a:t>
                      </a:r>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c>
                  <a:txBody>
                    <a:bodyPr/>
                    <a:lstStyle/>
                    <a:p>
                      <a:pPr algn="r">
                        <a:lnSpc>
                          <a:spcPct val="80000"/>
                        </a:lnSpc>
                        <a:tabLst>
                          <a:tab pos="1828800" algn="r"/>
                        </a:tabLst>
                      </a:pPr>
                      <a:endParaRPr lang="en-US" sz="1500" b="1" dirty="0"/>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WRCB D-1641</a:t>
                      </a:r>
                      <a:r>
                        <a:rPr lang="en-US" sz="1500" b="0" baseline="0" dirty="0" smtClean="0"/>
                        <a:t> Regulations – Diversion Capacity</a:t>
                      </a:r>
                      <a:endParaRPr lang="en-US" sz="1500" b="0" dirty="0" smtClean="0"/>
                    </a:p>
                  </a:txBody>
                  <a:tcPr marT="9144" marB="9144" anchor="ctr">
                    <a:solidFill>
                      <a:srgbClr val="F0EEEB"/>
                    </a:solidFill>
                  </a:tcPr>
                </a:tc>
                <a:tc>
                  <a:txBody>
                    <a:bodyPr/>
                    <a:lstStyle/>
                    <a:p>
                      <a:pPr algn="r">
                        <a:lnSpc>
                          <a:spcPct val="80000"/>
                        </a:lnSpc>
                        <a:tabLst>
                          <a:tab pos="1828800" algn="r"/>
                        </a:tabLst>
                      </a:pPr>
                      <a:r>
                        <a:rPr lang="en-US" sz="1500" b="0" dirty="0" smtClean="0"/>
                        <a:t>6,051,000 af</a:t>
                      </a:r>
                      <a:endParaRPr lang="en-US" sz="1500" b="0" dirty="0"/>
                    </a:p>
                  </a:txBody>
                  <a:tcPr marT="9144" marB="9144" anchor="ctr">
                    <a:solidFill>
                      <a:srgbClr val="F0EEEB"/>
                    </a:solidFill>
                  </a:tcPr>
                </a:tc>
                <a:tc>
                  <a:txBody>
                    <a:bodyPr/>
                    <a:lstStyle/>
                    <a:p>
                      <a:pPr algn="r">
                        <a:lnSpc>
                          <a:spcPct val="80000"/>
                        </a:lnSpc>
                        <a:tabLst>
                          <a:tab pos="1828800" algn="r"/>
                        </a:tabLst>
                      </a:pPr>
                      <a:r>
                        <a:rPr lang="en-US" sz="1500" b="0" dirty="0" smtClean="0"/>
                        <a:t>6,051,000 af</a:t>
                      </a:r>
                      <a:endParaRPr lang="en-US" sz="1500" b="0" dirty="0"/>
                    </a:p>
                  </a:txBody>
                  <a:tcPr marT="9144" marB="9144" anchor="ctr">
                    <a:solidFill>
                      <a:srgbClr val="F0EEEB"/>
                    </a:solidFill>
                  </a:tcPr>
                </a:tc>
                <a:tc>
                  <a:txBody>
                    <a:bodyPr/>
                    <a:lstStyle/>
                    <a:p>
                      <a:pPr algn="r">
                        <a:lnSpc>
                          <a:spcPct val="80000"/>
                        </a:lnSpc>
                        <a:tabLst>
                          <a:tab pos="1828800" algn="r"/>
                        </a:tabLst>
                      </a:pPr>
                      <a:r>
                        <a:rPr lang="en-US" sz="1500" b="0" dirty="0" smtClean="0"/>
                        <a:t>6,051,000 af</a:t>
                      </a:r>
                      <a:endParaRPr lang="en-US" sz="1500" b="0" dirty="0"/>
                    </a:p>
                  </a:txBody>
                  <a:tcPr marT="9144" marB="9144" anchor="ctr">
                    <a:solidFill>
                      <a:srgbClr val="F0EEEB"/>
                    </a:solidFill>
                  </a:tcPr>
                </a:tc>
              </a:tr>
              <a:tr h="91440">
                <a:tc>
                  <a:txBody>
                    <a:bodyPr/>
                    <a:lstStyle/>
                    <a:p>
                      <a:pPr marL="176213" indent="-176213" algn="l">
                        <a:lnSpc>
                          <a:spcPct val="80000"/>
                        </a:lnSpc>
                        <a:buFont typeface="Arial" panose="020B0604020202020204" pitchFamily="34" charset="0"/>
                        <a:buChar char="•"/>
                      </a:pPr>
                      <a:r>
                        <a:rPr lang="en-US" sz="1500" dirty="0" smtClean="0"/>
                        <a:t>2008 – Old &amp; Middle River (USFWS BioOp)</a:t>
                      </a:r>
                      <a:endParaRPr lang="en-US" sz="1500" dirty="0"/>
                    </a:p>
                  </a:txBody>
                  <a:tcPr marT="9144" marB="9144" anchor="ctr"/>
                </a:tc>
                <a:tc>
                  <a:txBody>
                    <a:bodyPr/>
                    <a:lstStyle/>
                    <a:p>
                      <a:pPr algn="r">
                        <a:lnSpc>
                          <a:spcPct val="80000"/>
                        </a:lnSpc>
                        <a:tabLst>
                          <a:tab pos="1828800" algn="r"/>
                        </a:tabLst>
                      </a:pPr>
                      <a:r>
                        <a:rPr lang="en-US" sz="1500" dirty="0" smtClean="0"/>
                        <a:t>- 651,000 af</a:t>
                      </a:r>
                      <a:endParaRPr lang="en-US" sz="1500" dirty="0"/>
                    </a:p>
                  </a:txBody>
                  <a:tcPr marT="9144" marB="9144" anchor="ctr"/>
                </a:tc>
                <a:tc>
                  <a:txBody>
                    <a:bodyPr/>
                    <a:lstStyle/>
                    <a:p>
                      <a:pPr algn="r">
                        <a:lnSpc>
                          <a:spcPct val="80000"/>
                        </a:lnSpc>
                        <a:tabLst>
                          <a:tab pos="1828800" algn="r"/>
                        </a:tabLst>
                      </a:pPr>
                      <a:r>
                        <a:rPr lang="en-US" sz="1500" dirty="0" smtClean="0"/>
                        <a:t>- 651,000 af</a:t>
                      </a:r>
                      <a:endParaRPr lang="en-US" sz="1500" dirty="0"/>
                    </a:p>
                  </a:txBody>
                  <a:tcPr marT="9144" marB="9144" anchor="ctr"/>
                </a:tc>
                <a:tc>
                  <a:txBody>
                    <a:bodyPr/>
                    <a:lstStyle/>
                    <a:p>
                      <a:pPr algn="r">
                        <a:lnSpc>
                          <a:spcPct val="80000"/>
                        </a:lnSpc>
                        <a:tabLst>
                          <a:tab pos="1828800" algn="r"/>
                        </a:tabLst>
                      </a:pPr>
                      <a:r>
                        <a:rPr lang="en-US" sz="1500" dirty="0" smtClean="0"/>
                        <a:t>- 651,000 af</a:t>
                      </a:r>
                      <a:endParaRPr lang="en-US" sz="1500"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2008 –</a:t>
                      </a:r>
                      <a:r>
                        <a:rPr lang="en-US" sz="1500" baseline="0" dirty="0" smtClean="0"/>
                        <a:t> Fall X2 Outflow</a:t>
                      </a:r>
                      <a:r>
                        <a:rPr lang="en-US" sz="1500" dirty="0" smtClean="0"/>
                        <a:t> (USFWS BioOp)</a:t>
                      </a:r>
                    </a:p>
                  </a:txBody>
                  <a:tcPr marT="9144" marB="9144" anchor="ctr">
                    <a:solidFill>
                      <a:srgbClr val="F0EEEB"/>
                    </a:solidFill>
                  </a:tcPr>
                </a:tc>
                <a:tc>
                  <a:txBody>
                    <a:bodyPr/>
                    <a:lstStyle/>
                    <a:p>
                      <a:pPr algn="r">
                        <a:lnSpc>
                          <a:spcPct val="80000"/>
                        </a:lnSpc>
                        <a:tabLst>
                          <a:tab pos="1828800" algn="r"/>
                        </a:tabLst>
                      </a:pPr>
                      <a:r>
                        <a:rPr lang="en-US" sz="1500" dirty="0" smtClean="0"/>
                        <a:t>- 183,000 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183,000 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183,000 af</a:t>
                      </a:r>
                      <a:endParaRPr lang="en-US" sz="1500" dirty="0"/>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2009 –</a:t>
                      </a:r>
                      <a:r>
                        <a:rPr lang="en-US" sz="1500" baseline="0" dirty="0" smtClean="0"/>
                        <a:t> </a:t>
                      </a:r>
                      <a:r>
                        <a:rPr lang="en-US" sz="1500" dirty="0" smtClean="0"/>
                        <a:t>San Joaquin River I/E Ratio (NMFS)</a:t>
                      </a:r>
                    </a:p>
                  </a:txBody>
                  <a:tcPr marT="9144" marB="9144" anchor="ctr"/>
                </a:tc>
                <a:tc>
                  <a:txBody>
                    <a:bodyPr/>
                    <a:lstStyle/>
                    <a:p>
                      <a:pPr algn="r">
                        <a:lnSpc>
                          <a:spcPct val="80000"/>
                        </a:lnSpc>
                        <a:tabLst>
                          <a:tab pos="1828800" algn="r"/>
                        </a:tabLst>
                      </a:pPr>
                      <a:r>
                        <a:rPr lang="en-US" sz="1500" dirty="0" smtClean="0"/>
                        <a:t>- 319,000 af</a:t>
                      </a:r>
                      <a:endParaRPr lang="en-US" sz="1500" dirty="0"/>
                    </a:p>
                  </a:txBody>
                  <a:tcPr marT="9144" marB="9144" anchor="ctr">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dirty="0" smtClean="0"/>
                        <a:t>- 319,000 af</a:t>
                      </a:r>
                      <a:endParaRPr lang="en-US" sz="1500" dirty="0"/>
                    </a:p>
                  </a:txBody>
                  <a:tcPr marT="9144" marB="9144" anchor="ctr">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dirty="0" smtClean="0"/>
                        <a:t>- 319,000 af</a:t>
                      </a:r>
                      <a:endParaRPr lang="en-US" sz="1500" dirty="0"/>
                    </a:p>
                  </a:txBody>
                  <a:tcPr marT="9144" marB="9144" anchor="ctr">
                    <a:lnB w="12700" cap="flat" cmpd="sng" algn="ctr">
                      <a:solidFill>
                        <a:schemeClr val="bg1"/>
                      </a:solidFill>
                      <a:prstDash val="solid"/>
                      <a:round/>
                      <a:headEnd type="none" w="med" len="med"/>
                      <a:tailEnd type="none" w="med" len="med"/>
                    </a:lnB>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in 2015) </a:t>
                      </a:r>
                    </a:p>
                  </a:txBody>
                  <a:tcPr marT="9144" marB="9144" anchor="ctr">
                    <a:solidFill>
                      <a:srgbClr val="F0EEEB"/>
                    </a:solidFill>
                  </a:tcPr>
                </a:tc>
                <a:tc>
                  <a:txBody>
                    <a:bodyPr/>
                    <a:lstStyle/>
                    <a:p>
                      <a:pPr algn="r">
                        <a:lnSpc>
                          <a:spcPct val="80000"/>
                        </a:lnSpc>
                        <a:tabLst>
                          <a:tab pos="1828800" algn="r"/>
                        </a:tabLst>
                      </a:pPr>
                      <a:r>
                        <a:rPr lang="en-US" sz="1500" b="1" dirty="0" smtClean="0"/>
                        <a:t>4,898,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4,898,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4,898,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solidFill>
                            <a:schemeClr val="bg1"/>
                          </a:solidFill>
                        </a:rPr>
                        <a:t>Proposed Fish Ops </a:t>
                      </a:r>
                      <a:r>
                        <a:rPr lang="en-US" sz="1500" b="1" i="1" u="sng" dirty="0" smtClean="0">
                          <a:solidFill>
                            <a:schemeClr val="bg1"/>
                          </a:solidFill>
                        </a:rPr>
                        <a:t>without</a:t>
                      </a:r>
                      <a:r>
                        <a:rPr lang="en-US" sz="1500" b="1" dirty="0" smtClean="0">
                          <a:solidFill>
                            <a:schemeClr val="bg1"/>
                          </a:solidFill>
                        </a:rPr>
                        <a:t> North Intake (in 2025)</a:t>
                      </a:r>
                    </a:p>
                  </a:txBody>
                  <a:tcPr marT="9144" marB="9144" anchor="ctr">
                    <a:solidFill>
                      <a:schemeClr val="tx1">
                        <a:lumMod val="65000"/>
                      </a:schemeClr>
                    </a:solidFill>
                  </a:tcPr>
                </a:tc>
                <a:tc>
                  <a:txBody>
                    <a:bodyPr/>
                    <a:lstStyle/>
                    <a:p>
                      <a:pPr algn="r">
                        <a:lnSpc>
                          <a:spcPct val="80000"/>
                        </a:lnSpc>
                        <a:tabLst>
                          <a:tab pos="1828800" algn="r"/>
                        </a:tabLst>
                      </a:pPr>
                      <a:endParaRPr lang="en-US" sz="1500" dirty="0">
                        <a:solidFill>
                          <a:schemeClr val="bg1"/>
                        </a:solidFill>
                      </a:endParaRPr>
                    </a:p>
                  </a:txBody>
                  <a:tcPr marT="9144" marB="9144" anchor="ctr">
                    <a:solidFill>
                      <a:schemeClr val="tx1">
                        <a:lumMod val="65000"/>
                      </a:schemeClr>
                    </a:solidFill>
                  </a:tcPr>
                </a:tc>
                <a:tc>
                  <a:txBody>
                    <a:bodyPr/>
                    <a:lstStyle/>
                    <a:p>
                      <a:pPr algn="r">
                        <a:lnSpc>
                          <a:spcPct val="80000"/>
                        </a:lnSpc>
                        <a:tabLst>
                          <a:tab pos="1828800" algn="r"/>
                        </a:tabLst>
                      </a:pPr>
                      <a:endParaRPr lang="en-US" sz="1500" dirty="0">
                        <a:solidFill>
                          <a:schemeClr val="bg1"/>
                        </a:solidFill>
                      </a:endParaRPr>
                    </a:p>
                  </a:txBody>
                  <a:tcPr marT="9144" marB="9144" anchor="ctr">
                    <a:solidFill>
                      <a:schemeClr val="tx1">
                        <a:lumMod val="65000"/>
                      </a:schemeClr>
                    </a:solidFill>
                  </a:tcPr>
                </a:tc>
                <a:tc>
                  <a:txBody>
                    <a:bodyPr/>
                    <a:lstStyle/>
                    <a:p>
                      <a:pPr algn="r">
                        <a:lnSpc>
                          <a:spcPct val="80000"/>
                        </a:lnSpc>
                      </a:pPr>
                      <a:endParaRPr lang="en-US" sz="1500" dirty="0">
                        <a:solidFill>
                          <a:schemeClr val="bg1"/>
                        </a:solidFill>
                      </a:endParaRPr>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Existing SWP/CVP Diversions (in 2015) </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4,898,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 4,898,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4,898,000 af</a:t>
                      </a:r>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u="none" dirty="0" smtClean="0"/>
                        <a:t>Potential </a:t>
                      </a:r>
                      <a:r>
                        <a:rPr lang="en-US" sz="1500" b="0" dirty="0" smtClean="0"/>
                        <a:t>– </a:t>
                      </a:r>
                      <a:r>
                        <a:rPr lang="en-US" sz="1500" b="0" u="none" dirty="0" smtClean="0"/>
                        <a:t>Climate Change Impacts by 2025</a:t>
                      </a:r>
                    </a:p>
                  </a:txBody>
                  <a:tcPr marT="9144" marB="9144" anchor="ctr"/>
                </a:tc>
                <a:tc>
                  <a:txBody>
                    <a:bodyPr/>
                    <a:lstStyle/>
                    <a:p>
                      <a:pPr algn="r">
                        <a:lnSpc>
                          <a:spcPct val="80000"/>
                        </a:lnSpc>
                        <a:tabLst>
                          <a:tab pos="1828800" algn="r"/>
                        </a:tabLst>
                      </a:pPr>
                      <a:r>
                        <a:rPr lang="en-US" sz="1500" b="0" u="none" dirty="0" smtClean="0"/>
                        <a:t>- 170,000 af</a:t>
                      </a:r>
                      <a:endParaRPr lang="en-US" sz="1500" b="0" u="none" dirty="0"/>
                    </a:p>
                  </a:txBody>
                  <a:tcPr marT="9144" marB="9144" anchor="ctr"/>
                </a:tc>
                <a:tc>
                  <a:txBody>
                    <a:bodyPr/>
                    <a:lstStyle/>
                    <a:p>
                      <a:pPr algn="r">
                        <a:lnSpc>
                          <a:spcPct val="80000"/>
                        </a:lnSpc>
                        <a:tabLst>
                          <a:tab pos="1828800" algn="r"/>
                        </a:tabLst>
                      </a:pPr>
                      <a:r>
                        <a:rPr lang="en-US" sz="1500" b="0" u="none" dirty="0" smtClean="0"/>
                        <a:t>- 170,000 af</a:t>
                      </a:r>
                      <a:endParaRPr lang="en-US" sz="1500" b="0" u="none" dirty="0"/>
                    </a:p>
                  </a:txBody>
                  <a:tcPr marT="9144" marB="9144" anchor="ctr"/>
                </a:tc>
                <a:tc>
                  <a:txBody>
                    <a:bodyPr/>
                    <a:lstStyle/>
                    <a:p>
                      <a:pPr algn="r">
                        <a:lnSpc>
                          <a:spcPct val="80000"/>
                        </a:lnSpc>
                      </a:pPr>
                      <a:r>
                        <a:rPr lang="en-US" sz="1500" b="0" u="none" dirty="0" smtClean="0"/>
                        <a:t>- 170,000 af</a:t>
                      </a:r>
                      <a:endParaRPr lang="en-US" sz="1500" b="0" u="none"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Enhanced Spring Outflow</a:t>
                      </a:r>
                    </a:p>
                  </a:txBody>
                  <a:tcPr marT="9144" marB="9144" anchor="ctr">
                    <a:solidFill>
                      <a:srgbClr val="F0EEEB"/>
                    </a:solidFill>
                  </a:tcPr>
                </a:tc>
                <a:tc>
                  <a:txBody>
                    <a:bodyPr/>
                    <a:lstStyle/>
                    <a:p>
                      <a:pPr algn="r">
                        <a:lnSpc>
                          <a:spcPct val="80000"/>
                        </a:lnSpc>
                        <a:tabLst>
                          <a:tab pos="1828800" algn="r"/>
                        </a:tabLst>
                      </a:pPr>
                      <a:r>
                        <a:rPr lang="en-US" sz="1500" dirty="0" smtClean="0"/>
                        <a:t>- 0</a:t>
                      </a:r>
                      <a:r>
                        <a:rPr lang="en-US" sz="1500" baseline="0" dirty="0" smtClean="0"/>
                        <a:t> </a:t>
                      </a:r>
                      <a:r>
                        <a:rPr lang="en-US" sz="1500" dirty="0" smtClean="0"/>
                        <a:t>af</a:t>
                      </a:r>
                      <a:endParaRPr lang="en-US" sz="1500" dirty="0"/>
                    </a:p>
                  </a:txBody>
                  <a:tcPr marT="9144" marB="9144" anchor="ctr">
                    <a:solidFill>
                      <a:srgbClr val="F0EEEB"/>
                    </a:solidFill>
                  </a:tcPr>
                </a:tc>
                <a:tc>
                  <a:txBody>
                    <a:bodyPr/>
                    <a:lstStyle/>
                    <a:p>
                      <a:pPr algn="r">
                        <a:lnSpc>
                          <a:spcPct val="80000"/>
                        </a:lnSpc>
                        <a:tabLst>
                          <a:tab pos="1828800" algn="r"/>
                        </a:tabLst>
                      </a:pPr>
                      <a:r>
                        <a:rPr lang="en-US" sz="1500" dirty="0" smtClean="0"/>
                        <a:t>- 615,000</a:t>
                      </a:r>
                      <a:r>
                        <a:rPr lang="en-US" sz="1500" baseline="0" dirty="0" smtClean="0"/>
                        <a:t> </a:t>
                      </a:r>
                      <a:r>
                        <a:rPr lang="en-US" sz="1500" dirty="0" smtClean="0"/>
                        <a:t>af</a:t>
                      </a:r>
                      <a:endParaRPr lang="en-US" sz="1500" dirty="0"/>
                    </a:p>
                  </a:txBody>
                  <a:tcPr marT="9144" marB="9144" anchor="ctr">
                    <a:solidFill>
                      <a:srgbClr val="F0EEEB"/>
                    </a:solidFill>
                  </a:tcPr>
                </a:tc>
                <a:tc>
                  <a:txBody>
                    <a:bodyPr/>
                    <a:lstStyle/>
                    <a:p>
                      <a:pPr algn="r">
                        <a:lnSpc>
                          <a:spcPct val="80000"/>
                        </a:lnSpc>
                      </a:pPr>
                      <a:r>
                        <a:rPr lang="en-US" sz="1500" dirty="0" smtClean="0"/>
                        <a:t>- 265</a:t>
                      </a:r>
                      <a:r>
                        <a:rPr lang="en-US" sz="1500" baseline="0" dirty="0" smtClean="0"/>
                        <a:t>,000 </a:t>
                      </a:r>
                      <a:r>
                        <a:rPr lang="en-US" sz="1500" dirty="0" smtClean="0"/>
                        <a:t>af </a:t>
                      </a:r>
                      <a:endParaRPr lang="en-US" sz="1500" dirty="0"/>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Add. OMR Restrictions (Scenario 6 )</a:t>
                      </a:r>
                    </a:p>
                  </a:txBody>
                  <a:tcPr marT="9144" marB="9144" anchor="ctr"/>
                </a:tc>
                <a:tc>
                  <a:txBody>
                    <a:bodyPr/>
                    <a:lstStyle/>
                    <a:p>
                      <a:pPr marL="0" algn="r" defTabSz="914363" rtl="0" eaLnBrk="1" latinLnBrk="0" hangingPunct="1">
                        <a:lnSpc>
                          <a:spcPct val="80000"/>
                        </a:lnSpc>
                        <a:tabLst>
                          <a:tab pos="1828800" algn="r"/>
                        </a:tabLst>
                      </a:pPr>
                      <a:r>
                        <a:rPr lang="en-US" sz="1500" kern="1200" dirty="0" smtClean="0">
                          <a:solidFill>
                            <a:schemeClr val="dk1"/>
                          </a:solidFill>
                          <a:latin typeface="+mn-lt"/>
                          <a:ea typeface="+mn-ea"/>
                          <a:cs typeface="+mn-cs"/>
                        </a:rPr>
                        <a:t>- 914,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c>
                  <a:txBody>
                    <a:bodyPr/>
                    <a:lstStyle/>
                    <a:p>
                      <a:pPr marL="0" algn="r" defTabSz="914363" rtl="0" eaLnBrk="1" latinLnBrk="0" hangingPunct="1">
                        <a:lnSpc>
                          <a:spcPct val="80000"/>
                        </a:lnSpc>
                        <a:tabLst>
                          <a:tab pos="1828800" algn="r"/>
                        </a:tabLst>
                      </a:pPr>
                      <a:r>
                        <a:rPr lang="en-US" sz="1500" kern="1200" dirty="0" smtClean="0">
                          <a:solidFill>
                            <a:schemeClr val="dk1"/>
                          </a:solidFill>
                          <a:latin typeface="+mn-lt"/>
                          <a:ea typeface="+mn-ea"/>
                          <a:cs typeface="+mn-cs"/>
                        </a:rPr>
                        <a:t>- 667,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c>
                  <a:txBody>
                    <a:bodyPr/>
                    <a:lstStyle/>
                    <a:p>
                      <a:pPr marL="0" algn="r" defTabSz="914363" rtl="0" eaLnBrk="1" latinLnBrk="0" hangingPunct="1">
                        <a:lnSpc>
                          <a:spcPct val="80000"/>
                        </a:lnSpc>
                      </a:pPr>
                      <a:r>
                        <a:rPr lang="en-US" sz="1500" kern="1200" dirty="0" smtClean="0">
                          <a:solidFill>
                            <a:schemeClr val="dk1"/>
                          </a:solidFill>
                          <a:latin typeface="+mn-lt"/>
                          <a:ea typeface="+mn-ea"/>
                          <a:cs typeface="+mn-cs"/>
                        </a:rPr>
                        <a:t>- 914,000 af</a:t>
                      </a:r>
                      <a:endParaRPr lang="en-US" sz="1500" kern="1200" dirty="0">
                        <a:solidFill>
                          <a:schemeClr val="dk1"/>
                        </a:solidFill>
                        <a:latin typeface="+mn-lt"/>
                        <a:ea typeface="+mn-ea"/>
                        <a:cs typeface="+mn-cs"/>
                      </a:endParaRPr>
                    </a:p>
                  </a:txBody>
                  <a:tcPr marT="9144" marB="9144" anchor="ctr">
                    <a:lnB w="12700" cap="flat" cmpd="sng" algn="ctr">
                      <a:solidFill>
                        <a:schemeClr val="bg1"/>
                      </a:solidFill>
                      <a:prstDash val="solid"/>
                      <a:round/>
                      <a:headEnd type="none" w="med" len="med"/>
                      <a:tailEnd type="none" w="med" len="med"/>
                    </a:lnB>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a:t>
                      </a:r>
                      <a:r>
                        <a:rPr lang="en-US" sz="1500" b="1" i="1" u="sng" dirty="0" smtClean="0"/>
                        <a:t>without </a:t>
                      </a:r>
                      <a:r>
                        <a:rPr lang="en-US" sz="1500" b="1" dirty="0" smtClean="0"/>
                        <a:t>Fix (in 2025)</a:t>
                      </a:r>
                    </a:p>
                  </a:txBody>
                  <a:tcPr marT="9144" marB="9144" anchor="ctr">
                    <a:solidFill>
                      <a:srgbClr val="F0EEEB"/>
                    </a:solidFill>
                  </a:tcPr>
                </a:tc>
                <a:tc>
                  <a:txBody>
                    <a:bodyPr/>
                    <a:lstStyle/>
                    <a:p>
                      <a:pPr algn="r">
                        <a:lnSpc>
                          <a:spcPct val="80000"/>
                        </a:lnSpc>
                        <a:tabLst>
                          <a:tab pos="1828800" algn="r"/>
                        </a:tabLst>
                      </a:pPr>
                      <a:r>
                        <a:rPr lang="en-US" sz="1500" b="1" dirty="0" smtClean="0"/>
                        <a:t>3,814,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tabLst>
                          <a:tab pos="1828800" algn="r"/>
                        </a:tabLst>
                      </a:pPr>
                      <a:r>
                        <a:rPr lang="en-US" sz="1500" b="1" dirty="0" smtClean="0"/>
                        <a:t>3,446,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0EEEB"/>
                    </a:solidFill>
                  </a:tcPr>
                </a:tc>
                <a:tc>
                  <a:txBody>
                    <a:bodyPr/>
                    <a:lstStyle/>
                    <a:p>
                      <a:pPr algn="r">
                        <a:lnSpc>
                          <a:spcPct val="80000"/>
                        </a:lnSpc>
                      </a:pPr>
                      <a:r>
                        <a:rPr lang="en-US" sz="1500" b="1" dirty="0" smtClean="0"/>
                        <a:t>3,549,000 af</a:t>
                      </a:r>
                      <a:endParaRPr lang="en-US" sz="1500" b="1" dirty="0"/>
                    </a:p>
                  </a:txBody>
                  <a:tcPr marT="9144" marB="9144" anchor="ctr">
                    <a:lnT w="12700" cap="flat" cmpd="sng" algn="ctr">
                      <a:solidFill>
                        <a:schemeClr val="bg1"/>
                      </a:solidFill>
                      <a:prstDash val="solid"/>
                      <a:round/>
                      <a:headEnd type="none" w="med" len="med"/>
                      <a:tailEnd type="none" w="med" len="med"/>
                    </a:lnT>
                    <a:solidFill>
                      <a:srgbClr val="FFC000"/>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solidFill>
                            <a:schemeClr val="bg1"/>
                          </a:solidFill>
                        </a:rPr>
                        <a:t>Proposed Fish Ops </a:t>
                      </a:r>
                      <a:r>
                        <a:rPr lang="en-US" sz="1500" b="1" i="1" u="sng" dirty="0" smtClean="0">
                          <a:solidFill>
                            <a:schemeClr val="bg1"/>
                          </a:solidFill>
                        </a:rPr>
                        <a:t>with</a:t>
                      </a:r>
                      <a:r>
                        <a:rPr lang="en-US" sz="1500" b="1" dirty="0" smtClean="0">
                          <a:solidFill>
                            <a:schemeClr val="bg1"/>
                          </a:solidFill>
                        </a:rPr>
                        <a:t> North Intake (in 2025)</a:t>
                      </a: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endParaRPr lang="en-US" sz="1500" b="1" dirty="0" smtClean="0">
                        <a:solidFill>
                          <a:schemeClr val="bg1"/>
                        </a:solidFill>
                      </a:endParaRP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endParaRPr lang="en-US" sz="1500" b="1" dirty="0" smtClean="0">
                        <a:solidFill>
                          <a:schemeClr val="bg1"/>
                        </a:solidFill>
                      </a:endParaRP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dirty="0" smtClean="0">
                        <a:solidFill>
                          <a:schemeClr val="bg1"/>
                        </a:solidFill>
                      </a:endParaRPr>
                    </a:p>
                  </a:txBody>
                  <a:tcPr marT="9144" marB="9144" anchor="ctr">
                    <a:solidFill>
                      <a:schemeClr val="tx1">
                        <a:lumMod val="65000"/>
                      </a:schemeClr>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WP/CVP without North Intake (in 2025)</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3,814,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tab pos="1828800" algn="r"/>
                        </a:tabLst>
                        <a:defRPr/>
                      </a:pPr>
                      <a:r>
                        <a:rPr lang="en-US" sz="1500" b="0" dirty="0" smtClean="0"/>
                        <a:t>3,446,000 af</a:t>
                      </a:r>
                    </a:p>
                  </a:txBody>
                  <a:tcPr marT="9144" marB="9144" anchor="ctr">
                    <a:solidFill>
                      <a:srgbClr val="F0EEEB"/>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0" dirty="0" smtClean="0"/>
                        <a:t>3,549,000 af</a:t>
                      </a:r>
                    </a:p>
                  </a:txBody>
                  <a:tcPr marT="9144" marB="9144" anchor="ctr">
                    <a:solidFill>
                      <a:srgbClr val="F0EEEB"/>
                    </a:solidFill>
                  </a:tcP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North Delta Restrictions</a:t>
                      </a:r>
                    </a:p>
                  </a:txBody>
                  <a:tcPr marT="9144" marB="9144" anchor="ctr"/>
                </a:tc>
                <a:tc>
                  <a:txBody>
                    <a:bodyPr/>
                    <a:lstStyle/>
                    <a:p>
                      <a:pPr algn="r">
                        <a:lnSpc>
                          <a:spcPct val="80000"/>
                        </a:lnSpc>
                        <a:tabLst>
                          <a:tab pos="1828800" algn="r"/>
                        </a:tabLst>
                      </a:pPr>
                      <a:r>
                        <a:rPr lang="en-US" sz="1500" dirty="0" smtClean="0"/>
                        <a:t> - 419,000</a:t>
                      </a:r>
                      <a:r>
                        <a:rPr lang="en-US" sz="1500" baseline="0" dirty="0" smtClean="0"/>
                        <a:t> af</a:t>
                      </a:r>
                      <a:endParaRPr lang="en-US" sz="1500" dirty="0"/>
                    </a:p>
                  </a:txBody>
                  <a:tcPr marT="9144" marB="9144" anchor="ctr"/>
                </a:tc>
                <a:tc>
                  <a:txBody>
                    <a:bodyPr/>
                    <a:lstStyle/>
                    <a:p>
                      <a:pPr algn="r">
                        <a:lnSpc>
                          <a:spcPct val="80000"/>
                        </a:lnSpc>
                        <a:tabLst>
                          <a:tab pos="1828800" algn="r"/>
                        </a:tabLst>
                      </a:pPr>
                      <a:r>
                        <a:rPr lang="en-US" sz="1500" dirty="0" smtClean="0"/>
                        <a:t> - 419,000</a:t>
                      </a:r>
                      <a:r>
                        <a:rPr lang="en-US" sz="1500" baseline="0" dirty="0" smtClean="0"/>
                        <a:t> af</a:t>
                      </a:r>
                      <a:endParaRPr lang="en-US" sz="1500" dirty="0"/>
                    </a:p>
                  </a:txBody>
                  <a:tcPr marT="9144" marB="9144" anchor="ctr"/>
                </a:tc>
                <a:tc>
                  <a:txBody>
                    <a:bodyPr/>
                    <a:lstStyle/>
                    <a:p>
                      <a:pPr algn="r">
                        <a:lnSpc>
                          <a:spcPct val="80000"/>
                        </a:lnSpc>
                      </a:pPr>
                      <a:r>
                        <a:rPr lang="en-US" sz="1500" dirty="0" smtClean="0"/>
                        <a:t>- 419,000 af</a:t>
                      </a:r>
                      <a:endParaRPr lang="en-US" sz="1500" dirty="0"/>
                    </a:p>
                  </a:txBody>
                  <a:tcPr marT="9144" marB="9144" anchor="ctr"/>
                </a:tc>
              </a:tr>
              <a:tr h="91440">
                <a:tc>
                  <a:txBody>
                    <a:bodyPr/>
                    <a:lstStyle/>
                    <a:p>
                      <a:pPr marL="176213" marR="0" indent="-176213"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dirty="0" smtClean="0"/>
                        <a:t>Proposed – North Delta Intake</a:t>
                      </a:r>
                      <a:endParaRPr lang="en-US" sz="1500" b="1" dirty="0" smtClean="0"/>
                    </a:p>
                  </a:txBody>
                  <a:tcPr marT="9144" marB="9144" anchor="ctr">
                    <a:solidFill>
                      <a:srgbClr val="F0EEEB"/>
                    </a:solidFill>
                  </a:tcPr>
                </a:tc>
                <a:tc>
                  <a:txBody>
                    <a:bodyPr/>
                    <a:lstStyle/>
                    <a:p>
                      <a:pPr algn="r">
                        <a:lnSpc>
                          <a:spcPct val="80000"/>
                        </a:lnSpc>
                        <a:tabLst>
                          <a:tab pos="1828800" algn="r"/>
                        </a:tabLst>
                      </a:pPr>
                      <a:r>
                        <a:rPr lang="en-US" sz="1500" dirty="0" smtClean="0"/>
                        <a:t>+ 1,869,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c>
                  <a:txBody>
                    <a:bodyPr/>
                    <a:lstStyle/>
                    <a:p>
                      <a:pPr algn="r">
                        <a:lnSpc>
                          <a:spcPct val="80000"/>
                        </a:lnSpc>
                        <a:tabLst>
                          <a:tab pos="1828800" algn="r"/>
                        </a:tabLst>
                      </a:pPr>
                      <a:r>
                        <a:rPr lang="en-US" sz="1500" dirty="0" smtClean="0"/>
                        <a:t>+ 1,678,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c>
                  <a:txBody>
                    <a:bodyPr/>
                    <a:lstStyle/>
                    <a:p>
                      <a:pPr algn="r">
                        <a:lnSpc>
                          <a:spcPct val="80000"/>
                        </a:lnSpc>
                      </a:pPr>
                      <a:r>
                        <a:rPr lang="en-US" sz="1500" dirty="0" smtClean="0"/>
                        <a:t>+ 1,768,000 af</a:t>
                      </a:r>
                      <a:endParaRPr lang="en-US" sz="1500" dirty="0"/>
                    </a:p>
                  </a:txBody>
                  <a:tcPr marT="9144" marB="9144" anchor="ctr">
                    <a:lnB w="12700" cap="flat" cmpd="sng" algn="ctr">
                      <a:solidFill>
                        <a:schemeClr val="bg1"/>
                      </a:solidFill>
                      <a:prstDash val="solid"/>
                      <a:round/>
                      <a:headEnd type="none" w="med" len="med"/>
                      <a:tailEnd type="none" w="med" len="med"/>
                    </a:lnB>
                    <a:solidFill>
                      <a:srgbClr val="F0EEEB"/>
                    </a:solidFill>
                  </a:tcPr>
                </a:tc>
              </a:tr>
              <a:tr h="91440">
                <a:tc>
                  <a:txBody>
                    <a:bodyPr/>
                    <a:lstStyle/>
                    <a:p>
                      <a:pPr marL="0" marR="0" indent="0" algn="r" defTabSz="914363" rtl="0" eaLnBrk="1" fontAlgn="auto" latinLnBrk="0" hangingPunct="1">
                        <a:lnSpc>
                          <a:spcPct val="80000"/>
                        </a:lnSpc>
                        <a:spcBef>
                          <a:spcPts val="0"/>
                        </a:spcBef>
                        <a:spcAft>
                          <a:spcPts val="0"/>
                        </a:spcAft>
                        <a:buClrTx/>
                        <a:buSzTx/>
                        <a:buFontTx/>
                        <a:buNone/>
                        <a:tabLst/>
                        <a:defRPr/>
                      </a:pPr>
                      <a:r>
                        <a:rPr lang="en-US" sz="1500" b="1" dirty="0" smtClean="0"/>
                        <a:t>SWP/CVP Diversions </a:t>
                      </a:r>
                      <a:r>
                        <a:rPr lang="en-US" sz="1500" b="1" i="1" u="sng" dirty="0" smtClean="0"/>
                        <a:t>with</a:t>
                      </a:r>
                      <a:r>
                        <a:rPr lang="en-US" sz="1500" b="1" dirty="0" smtClean="0"/>
                        <a:t> Fix (in 2025)</a:t>
                      </a:r>
                    </a:p>
                  </a:txBody>
                  <a:tcPr marT="9144" marB="9144" anchor="ctr"/>
                </a:tc>
                <a:tc>
                  <a:txBody>
                    <a:bodyPr/>
                    <a:lstStyle/>
                    <a:p>
                      <a:pPr algn="r">
                        <a:lnSpc>
                          <a:spcPct val="80000"/>
                        </a:lnSpc>
                        <a:tabLst>
                          <a:tab pos="1828800" algn="r"/>
                        </a:tabLst>
                      </a:pPr>
                      <a:r>
                        <a:rPr lang="en-US" sz="1500" b="1" dirty="0" smtClean="0"/>
                        <a:t>5,265,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r>
                        <a:rPr lang="en-US" sz="1500" b="1" dirty="0" smtClean="0"/>
                        <a:t>4,705,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pPr>
                      <a:r>
                        <a:rPr lang="en-US" sz="1500" b="1" dirty="0" smtClean="0"/>
                        <a:t>4,898,000 af</a:t>
                      </a:r>
                      <a:endParaRPr lang="en-US" sz="1500" b="1" dirty="0"/>
                    </a:p>
                  </a:txBody>
                  <a:tcPr marT="9144" marB="9144"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FC000"/>
                    </a:solidFill>
                  </a:tcPr>
                </a:tc>
              </a:tr>
              <a:tr h="91440">
                <a:tc>
                  <a:txBody>
                    <a:bodyPr/>
                    <a:lstStyle/>
                    <a:p>
                      <a:pPr marL="0" marR="0" indent="0" algn="l" defTabSz="914363" rtl="0" eaLnBrk="1" fontAlgn="auto" latinLnBrk="0" hangingPunct="1">
                        <a:lnSpc>
                          <a:spcPct val="80000"/>
                        </a:lnSpc>
                        <a:spcBef>
                          <a:spcPts val="0"/>
                        </a:spcBef>
                        <a:spcAft>
                          <a:spcPts val="0"/>
                        </a:spcAft>
                        <a:buClrTx/>
                        <a:buSzTx/>
                        <a:buFontTx/>
                        <a:buNone/>
                        <a:tabLst/>
                        <a:defRPr/>
                      </a:pPr>
                      <a:r>
                        <a:rPr lang="en-US" sz="1500" b="1" dirty="0" smtClean="0">
                          <a:solidFill>
                            <a:schemeClr val="bg1"/>
                          </a:solidFill>
                        </a:rPr>
                        <a:t>Proposed </a:t>
                      </a:r>
                      <a:r>
                        <a:rPr lang="en-US" sz="1500" b="1" kern="1200" dirty="0" smtClean="0">
                          <a:solidFill>
                            <a:schemeClr val="bg1"/>
                          </a:solidFill>
                          <a:latin typeface="+mn-lt"/>
                          <a:ea typeface="+mn-ea"/>
                          <a:cs typeface="+mn-cs"/>
                        </a:rPr>
                        <a:t>Fish Ops </a:t>
                      </a:r>
                      <a:r>
                        <a:rPr lang="en-US" sz="1500" b="1" i="1" u="sng" kern="1200" dirty="0" smtClean="0">
                          <a:solidFill>
                            <a:schemeClr val="bg1"/>
                          </a:solidFill>
                          <a:latin typeface="+mn-lt"/>
                          <a:ea typeface="+mn-ea"/>
                          <a:cs typeface="+mn-cs"/>
                        </a:rPr>
                        <a:t>with</a:t>
                      </a:r>
                      <a:r>
                        <a:rPr lang="en-US" sz="1500" b="1" kern="1200" dirty="0" smtClean="0">
                          <a:solidFill>
                            <a:schemeClr val="bg1"/>
                          </a:solidFill>
                          <a:latin typeface="+mn-lt"/>
                          <a:ea typeface="+mn-ea"/>
                          <a:cs typeface="+mn-cs"/>
                        </a:rPr>
                        <a:t> North Intake &amp; New Storage</a:t>
                      </a:r>
                    </a:p>
                  </a:txBody>
                  <a:tcPr marT="9144" marB="9144" anchor="ctr">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c>
                  <a:txBody>
                    <a:bodyPr/>
                    <a:lstStyle/>
                    <a:p>
                      <a:pPr marL="0" marR="0" indent="0" algn="r" defTabSz="914363" rtl="0" eaLnBrk="1" fontAlgn="auto" latinLnBrk="0" hangingPunct="1">
                        <a:lnSpc>
                          <a:spcPct val="80000"/>
                        </a:lnSpc>
                        <a:spcBef>
                          <a:spcPts val="0"/>
                        </a:spcBef>
                        <a:spcAft>
                          <a:spcPts val="0"/>
                        </a:spcAft>
                        <a:buClrTx/>
                        <a:buSzTx/>
                        <a:buFontTx/>
                        <a:buNone/>
                        <a:tabLst/>
                        <a:defRPr/>
                      </a:pPr>
                      <a:endParaRPr lang="en-US" sz="1500" b="1" kern="1200" dirty="0">
                        <a:solidFill>
                          <a:schemeClr val="bg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lumMod val="65000"/>
                      </a:schemeClr>
                    </a:solidFill>
                  </a:tcPr>
                </a:tc>
              </a:tr>
              <a:tr h="91440">
                <a:tc>
                  <a:txBody>
                    <a:bodyPr/>
                    <a:lstStyle/>
                    <a:p>
                      <a:pPr marL="177800" marR="0" indent="-177800"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North-of-Delta</a:t>
                      </a:r>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r">
                        <a:lnSpc>
                          <a:spcPct val="80000"/>
                        </a:lnSpc>
                      </a:pPr>
                      <a:r>
                        <a:rPr lang="en-US" sz="1500" b="0" dirty="0" smtClean="0"/>
                        <a:t>292,000 af</a:t>
                      </a:r>
                      <a:endParaRPr lang="en-US" sz="1500" b="0"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r>
              <a:tr h="91440">
                <a:tc>
                  <a:txBody>
                    <a:bodyPr/>
                    <a:lstStyle/>
                    <a:p>
                      <a:pPr marL="177800" marR="0" indent="-177800" algn="l" defTabSz="914363" rtl="0" eaLnBrk="1" fontAlgn="auto" latinLnBrk="0" hangingPunct="1">
                        <a:lnSpc>
                          <a:spcPct val="80000"/>
                        </a:lnSpc>
                        <a:spcBef>
                          <a:spcPts val="0"/>
                        </a:spcBef>
                        <a:spcAft>
                          <a:spcPts val="0"/>
                        </a:spcAft>
                        <a:buClrTx/>
                        <a:buSzTx/>
                        <a:buFont typeface="Arial" panose="020B0604020202020204" pitchFamily="34" charset="0"/>
                        <a:buChar char="•"/>
                        <a:tabLst/>
                        <a:defRPr/>
                      </a:pPr>
                      <a:r>
                        <a:rPr lang="en-US" sz="1500" b="0" dirty="0" smtClean="0"/>
                        <a:t>South-of-Delta</a:t>
                      </a:r>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tabLst>
                          <a:tab pos="1828800" algn="r"/>
                        </a:tabLst>
                      </a:pPr>
                      <a:endParaRPr lang="en-US" sz="1500" b="1"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r">
                        <a:lnSpc>
                          <a:spcPct val="80000"/>
                        </a:lnSpc>
                      </a:pPr>
                      <a:r>
                        <a:rPr lang="en-US" sz="1500" b="0" dirty="0" smtClean="0"/>
                        <a:t>156,000 af</a:t>
                      </a:r>
                      <a:endParaRPr lang="en-US" sz="1500" b="0" dirty="0"/>
                    </a:p>
                  </a:txBody>
                  <a:tcPr marT="9144" marB="9144" anchor="ctr">
                    <a:lnT w="12700" cap="flat" cmpd="sng" algn="ctr">
                      <a:solidFill>
                        <a:schemeClr val="tx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DFDCD5"/>
                    </a:solidFill>
                  </a:tcPr>
                </a:tc>
              </a:tr>
              <a:tr h="91440">
                <a:tc>
                  <a:txBody>
                    <a:bodyPr/>
                    <a:lstStyle/>
                    <a:p>
                      <a:pPr marL="0" marR="0" indent="0" algn="r" defTabSz="914363" rtl="0" eaLnBrk="1" fontAlgn="auto" latinLnBrk="0" hangingPunct="1">
                        <a:lnSpc>
                          <a:spcPct val="80000"/>
                        </a:lnSpc>
                        <a:spcBef>
                          <a:spcPts val="0"/>
                        </a:spcBef>
                        <a:spcAft>
                          <a:spcPts val="0"/>
                        </a:spcAft>
                        <a:buClrTx/>
                        <a:buSzTx/>
                        <a:buFont typeface="Arial" panose="020B0604020202020204" pitchFamily="34" charset="0"/>
                        <a:buNone/>
                        <a:tabLst/>
                        <a:defRPr/>
                      </a:pPr>
                      <a:r>
                        <a:rPr lang="en-US" sz="1500" b="1" dirty="0" smtClean="0"/>
                        <a:t>SWP/CVP</a:t>
                      </a:r>
                      <a:r>
                        <a:rPr lang="en-US" sz="1500" b="1" baseline="0" dirty="0" smtClean="0"/>
                        <a:t> Diversions </a:t>
                      </a:r>
                      <a:r>
                        <a:rPr lang="en-US" sz="1500" b="1" i="1" u="sng" baseline="0" dirty="0" smtClean="0"/>
                        <a:t>with</a:t>
                      </a:r>
                      <a:r>
                        <a:rPr lang="en-US" sz="1500" b="1" baseline="0" dirty="0" smtClean="0"/>
                        <a:t> Fix &amp; Storage (in 2025)</a:t>
                      </a:r>
                      <a:endParaRPr lang="en-US" sz="1500" b="1" dirty="0" smtClean="0"/>
                    </a:p>
                  </a:txBody>
                  <a:tcPr marT="9144" marB="9144" anchor="ctr"/>
                </a:tc>
                <a:tc>
                  <a:txBody>
                    <a:bodyPr/>
                    <a:lstStyle/>
                    <a:p>
                      <a:pPr algn="r">
                        <a:lnSpc>
                          <a:spcPct val="80000"/>
                        </a:lnSpc>
                        <a:tabLst>
                          <a:tab pos="1828800" algn="r"/>
                        </a:tabLst>
                      </a:pPr>
                      <a:endParaRPr lang="en-US" sz="1500" b="1" dirty="0"/>
                    </a:p>
                  </a:txBody>
                  <a:tcPr marT="9144" marB="9144" anchor="ctr">
                    <a:lnT w="12700" cap="flat" cmpd="sng" algn="ctr">
                      <a:solidFill>
                        <a:schemeClr val="bg1"/>
                      </a:solidFill>
                      <a:prstDash val="solid"/>
                      <a:round/>
                      <a:headEnd type="none" w="med" len="med"/>
                      <a:tailEnd type="none" w="med" len="med"/>
                    </a:lnT>
                  </a:tcPr>
                </a:tc>
                <a:tc>
                  <a:txBody>
                    <a:bodyPr/>
                    <a:lstStyle/>
                    <a:p>
                      <a:pPr algn="r">
                        <a:lnSpc>
                          <a:spcPct val="80000"/>
                        </a:lnSpc>
                        <a:tabLst>
                          <a:tab pos="1828800" algn="r"/>
                        </a:tabLst>
                      </a:pPr>
                      <a:endParaRPr lang="en-US" sz="1500" b="1" dirty="0"/>
                    </a:p>
                  </a:txBody>
                  <a:tcPr marT="9144" marB="9144" anchor="ctr">
                    <a:lnT w="12700" cap="flat" cmpd="sng" algn="ctr">
                      <a:solidFill>
                        <a:schemeClr val="bg1"/>
                      </a:solidFill>
                      <a:prstDash val="solid"/>
                      <a:round/>
                      <a:headEnd type="none" w="med" len="med"/>
                      <a:tailEnd type="none" w="med" len="med"/>
                    </a:lnT>
                  </a:tcPr>
                </a:tc>
                <a:tc>
                  <a:txBody>
                    <a:bodyPr/>
                    <a:lstStyle/>
                    <a:p>
                      <a:pPr marL="0" algn="r" defTabSz="914363" rtl="0" eaLnBrk="1" latinLnBrk="0" hangingPunct="1">
                        <a:lnSpc>
                          <a:spcPct val="80000"/>
                        </a:lnSpc>
                      </a:pPr>
                      <a:r>
                        <a:rPr lang="en-US" sz="1500" b="1" kern="1200" dirty="0" smtClean="0">
                          <a:solidFill>
                            <a:schemeClr val="dk1"/>
                          </a:solidFill>
                          <a:latin typeface="+mn-lt"/>
                          <a:ea typeface="+mn-ea"/>
                          <a:cs typeface="+mn-cs"/>
                        </a:rPr>
                        <a:t>5,346,000 af</a:t>
                      </a:r>
                      <a:endParaRPr lang="en-US" sz="1500" b="1" kern="1200" dirty="0">
                        <a:solidFill>
                          <a:schemeClr val="dk1"/>
                        </a:solidFill>
                        <a:latin typeface="+mn-lt"/>
                        <a:ea typeface="+mn-ea"/>
                        <a:cs typeface="+mn-cs"/>
                      </a:endParaRPr>
                    </a:p>
                  </a:txBody>
                  <a:tcPr marT="9144" marB="9144" anchor="ctr">
                    <a:lnT w="12700" cap="flat" cmpd="sng" algn="ctr">
                      <a:solidFill>
                        <a:schemeClr val="bg1"/>
                      </a:solidFill>
                      <a:prstDash val="solid"/>
                      <a:round/>
                      <a:headEnd type="none" w="med" len="med"/>
                      <a:tailEnd type="none" w="med" len="med"/>
                    </a:lnT>
                    <a:solidFill>
                      <a:srgbClr val="CC9900"/>
                    </a:solidFill>
                  </a:tcPr>
                </a:tc>
              </a:tr>
            </a:tbl>
          </a:graphicData>
        </a:graphic>
      </p:graphicFrame>
      <p:sp>
        <p:nvSpPr>
          <p:cNvPr id="6" name="Title 5"/>
          <p:cNvSpPr txBox="1">
            <a:spLocks/>
          </p:cNvSpPr>
          <p:nvPr/>
        </p:nvSpPr>
        <p:spPr bwMode="ltGray">
          <a:xfrm>
            <a:off x="71897" y="258354"/>
            <a:ext cx="8691103" cy="10802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Delta Conveyance</a:t>
            </a:r>
          </a:p>
          <a:p>
            <a:pPr algn="r" defTabSz="914363" fontAlgn="auto">
              <a:lnSpc>
                <a:spcPct val="90000"/>
              </a:lnSpc>
              <a:spcAft>
                <a:spcPts val="0"/>
              </a:spcAft>
              <a:defRPr/>
            </a:pPr>
            <a:r>
              <a:rPr lang="en-US" sz="3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Existing &amp; Proposed SWP/CVP Diversion Regulations</a:t>
            </a:r>
          </a:p>
        </p:txBody>
      </p:sp>
      <p:sp>
        <p:nvSpPr>
          <p:cNvPr id="9" name="TextBox 8"/>
          <p:cNvSpPr txBox="1"/>
          <p:nvPr/>
        </p:nvSpPr>
        <p:spPr>
          <a:xfrm>
            <a:off x="109428" y="6581001"/>
            <a:ext cx="3513654" cy="276999"/>
          </a:xfrm>
          <a:prstGeom prst="rect">
            <a:avLst/>
          </a:prstGeom>
          <a:noFill/>
        </p:spPr>
        <p:txBody>
          <a:bodyPr wrap="none" rtlCol="0">
            <a:spAutoFit/>
          </a:bodyPr>
          <a:lstStyle/>
          <a:p>
            <a:r>
              <a:rPr lang="en-US" sz="1200" i="1" dirty="0" smtClean="0">
                <a:solidFill>
                  <a:srgbClr val="FFC000"/>
                </a:solidFill>
                <a:latin typeface="Calibri"/>
              </a:rPr>
              <a:t>Information produced by CH2M; Updated 11-25-2015</a:t>
            </a:r>
            <a:endParaRPr lang="en-US" sz="1200" i="1" dirty="0">
              <a:solidFill>
                <a:srgbClr val="FFC000"/>
              </a:solidFill>
              <a:latin typeface="Calibri"/>
            </a:endParaRPr>
          </a:p>
        </p:txBody>
      </p:sp>
      <p:grpSp>
        <p:nvGrpSpPr>
          <p:cNvPr id="8" name="Group 7"/>
          <p:cNvGrpSpPr/>
          <p:nvPr/>
        </p:nvGrpSpPr>
        <p:grpSpPr>
          <a:xfrm>
            <a:off x="1" y="-232760"/>
            <a:ext cx="1219199" cy="1451962"/>
            <a:chOff x="1" y="-233966"/>
            <a:chExt cx="1219199" cy="1460402"/>
          </a:xfrm>
        </p:grpSpPr>
        <p:sp>
          <p:nvSpPr>
            <p:cNvPr id="10" name="Isosceles Triangle 9"/>
            <p:cNvSpPr/>
            <p:nvPr/>
          </p:nvSpPr>
          <p:spPr bwMode="auto">
            <a:xfrm rot="5400000">
              <a:off x="-16128" y="-8892"/>
              <a:ext cx="1251457" cy="1219199"/>
            </a:xfrm>
            <a:prstGeom prst="triangle">
              <a:avLst>
                <a:gd name="adj" fmla="val 0"/>
              </a:avLst>
            </a:prstGeom>
            <a:solidFill>
              <a:srgbClr val="FFFF00"/>
            </a:solidFill>
            <a:ln>
              <a:headEnd type="none" w="med" len="med"/>
              <a:tailEnd type="none" w="med" len="med"/>
            </a:ln>
          </p:spPr>
          <p:style>
            <a:lnRef idx="1">
              <a:schemeClr val="accent3"/>
            </a:lnRef>
            <a:fillRef idx="2">
              <a:schemeClr val="accent3"/>
            </a:fillRef>
            <a:effectRef idx="1">
              <a:schemeClr val="accent3"/>
            </a:effectRef>
            <a:fontRef idx="minor">
              <a:schemeClr val="dk1"/>
            </a:fontRef>
          </p:style>
          <p:txBody>
            <a:bodyPr vert="horz" wrap="square" lIns="91436" tIns="45718" rIns="91436" bIns="45718" numCol="1" rtlCol="0" anchor="ctr" anchorCtr="0" compatLnSpc="1">
              <a:prstTxWarp prst="textNoShape">
                <a:avLst/>
              </a:prstTxWarp>
            </a:bodyPr>
            <a:lstStyle/>
            <a:p>
              <a:pPr algn="ctr" defTabSz="914099"/>
              <a:endParaRPr lang="en-US" sz="20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TextBox 10"/>
            <p:cNvSpPr txBox="1"/>
            <p:nvPr/>
          </p:nvSpPr>
          <p:spPr>
            <a:xfrm rot="18851404">
              <a:off x="-236506" y="121767"/>
              <a:ext cx="1296242" cy="584775"/>
            </a:xfrm>
            <a:prstGeom prst="rect">
              <a:avLst/>
            </a:prstGeom>
            <a:noFill/>
          </p:spPr>
          <p:txBody>
            <a:bodyPr wrap="none" rtlCol="0">
              <a:spAutoFit/>
            </a:bodyPr>
            <a:lstStyle/>
            <a:p>
              <a:pPr algn="ctr"/>
              <a:endParaRPr lang="en-US" sz="1600" b="1" dirty="0" smtClean="0">
                <a:solidFill>
                  <a:prstClr val="black"/>
                </a:solidFill>
                <a:latin typeface="Calibri"/>
              </a:endParaRPr>
            </a:p>
            <a:p>
              <a:pPr algn="ctr"/>
              <a:r>
                <a:rPr lang="en-US" sz="1600" b="1" dirty="0" smtClean="0">
                  <a:solidFill>
                    <a:prstClr val="black"/>
                  </a:solidFill>
                  <a:latin typeface="Calibri"/>
                </a:rPr>
                <a:t>No Rounding</a:t>
              </a:r>
              <a:endParaRPr lang="en-US" sz="1600" b="1" dirty="0">
                <a:solidFill>
                  <a:prstClr val="black"/>
                </a:solidFill>
                <a:latin typeface="Calibri"/>
              </a:endParaRPr>
            </a:p>
          </p:txBody>
        </p:sp>
      </p:grpSp>
    </p:spTree>
    <p:extLst>
      <p:ext uri="{BB962C8B-B14F-4D97-AF65-F5344CB8AC3E}">
        <p14:creationId xmlns:p14="http://schemas.microsoft.com/office/powerpoint/2010/main" val="4092238374"/>
      </p:ext>
    </p:extLst>
  </p:cSld>
  <p:clrMapOvr>
    <a:masterClrMapping/>
  </p:clrMapOvr>
  <p:transition>
    <p:fade/>
  </p:transition>
  <p:timing>
    <p:tnLst>
      <p:par>
        <p:cTn id="1" dur="indefinite" restart="never" nodeType="tmRoot"/>
      </p:par>
    </p:tnLst>
  </p:timing>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p:cNvGraphicFramePr>
            <a:graphicFrameLocks noGrp="1"/>
          </p:cNvGraphicFramePr>
          <p:nvPr>
            <p:ph idx="1"/>
            <p:extLst>
              <p:ext uri="{D42A27DB-BD31-4B8C-83A1-F6EECF244321}">
                <p14:modId xmlns:p14="http://schemas.microsoft.com/office/powerpoint/2010/main" val="1709104770"/>
              </p:ext>
            </p:extLst>
          </p:nvPr>
        </p:nvGraphicFramePr>
        <p:xfrm>
          <a:off x="228600" y="2209801"/>
          <a:ext cx="8763000" cy="3378200"/>
        </p:xfrm>
        <a:graphic>
          <a:graphicData uri="http://schemas.openxmlformats.org/drawingml/2006/table">
            <a:tbl>
              <a:tblPr firstRow="1" bandRow="1">
                <a:tableStyleId>{93296810-A885-4BE3-A3E7-6D5BEEA58F35}</a:tableStyleId>
              </a:tblPr>
              <a:tblGrid>
                <a:gridCol w="990600"/>
                <a:gridCol w="2743200"/>
                <a:gridCol w="1371600"/>
                <a:gridCol w="1371600"/>
                <a:gridCol w="2286000"/>
              </a:tblGrid>
              <a:tr h="579120">
                <a:tc rowSpan="2">
                  <a:txBody>
                    <a:bodyPr/>
                    <a:lstStyle/>
                    <a:p>
                      <a:pPr marL="0" algn="ctr" defTabSz="914363" rtl="0" eaLnBrk="1" latinLnBrk="0" hangingPunct="1"/>
                      <a:r>
                        <a:rPr lang="en-US" sz="2000" kern="1200" dirty="0" smtClean="0">
                          <a:solidFill>
                            <a:schemeClr val="tx1"/>
                          </a:solidFill>
                          <a:latin typeface="+mn-lt"/>
                          <a:ea typeface="+mn-ea"/>
                          <a:cs typeface="+mn-cs"/>
                        </a:rPr>
                        <a:t>Month</a:t>
                      </a:r>
                      <a:endParaRPr lang="en-US" sz="2000" kern="1200" dirty="0">
                        <a:solidFill>
                          <a:schemeClr val="tx1"/>
                        </a:solidFill>
                        <a:latin typeface="+mn-lt"/>
                        <a:ea typeface="+mn-ea"/>
                        <a:cs typeface="+mn-cs"/>
                      </a:endParaRPr>
                    </a:p>
                  </a:txBody>
                  <a:tcPr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rowSpan="2">
                  <a:txBody>
                    <a:bodyPr/>
                    <a:lstStyle/>
                    <a:p>
                      <a:pPr marL="0" algn="ctr" defTabSz="914363" rtl="0" eaLnBrk="1" latinLnBrk="0" hangingPunct="1"/>
                      <a:r>
                        <a:rPr lang="en-US" sz="2000" kern="1200" dirty="0" smtClean="0">
                          <a:solidFill>
                            <a:schemeClr val="tx1"/>
                          </a:solidFill>
                          <a:latin typeface="+mn-lt"/>
                          <a:ea typeface="+mn-ea"/>
                          <a:cs typeface="+mn-cs"/>
                        </a:rPr>
                        <a:t>Old &amp; Middle River Criteria (Scenario 6)</a:t>
                      </a:r>
                      <a:endParaRPr lang="en-US" sz="2000" kern="1200" dirty="0">
                        <a:solidFill>
                          <a:schemeClr val="tx1"/>
                        </a:solidFill>
                        <a:latin typeface="+mn-lt"/>
                        <a:ea typeface="+mn-ea"/>
                        <a:cs typeface="+mn-cs"/>
                      </a:endParaRPr>
                    </a:p>
                  </a:txBody>
                  <a:tcPr anchor="ct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gridSpan="2">
                  <a:txBody>
                    <a:bodyPr/>
                    <a:lstStyle/>
                    <a:p>
                      <a:pPr marL="0" algn="ctr" rtl="0" eaLnBrk="1" fontAlgn="ctr" latinLnBrk="0" hangingPunct="1">
                        <a:lnSpc>
                          <a:spcPct val="80000"/>
                        </a:lnSpc>
                        <a:spcBef>
                          <a:spcPts val="0"/>
                        </a:spcBef>
                        <a:spcAft>
                          <a:spcPts val="0"/>
                        </a:spcAft>
                      </a:pPr>
                      <a:r>
                        <a:rPr lang="en-US" sz="2000" b="1" i="0" u="none" strike="noStrike" kern="1200" dirty="0" smtClean="0">
                          <a:solidFill>
                            <a:srgbClr val="FFFFFF"/>
                          </a:solidFill>
                          <a:effectLst/>
                          <a:latin typeface="Calibri"/>
                        </a:rPr>
                        <a:t>BDCP</a:t>
                      </a:r>
                      <a:r>
                        <a:rPr lang="en-US" sz="2000" b="1" i="0" u="none" strike="noStrike" kern="1200" baseline="0" dirty="0" smtClean="0">
                          <a:solidFill>
                            <a:srgbClr val="FFFFFF"/>
                          </a:solidFill>
                          <a:effectLst/>
                          <a:latin typeface="Calibri"/>
                        </a:rPr>
                        <a:t> </a:t>
                      </a:r>
                      <a:r>
                        <a:rPr lang="en-US" sz="2000" b="1" i="0" u="none" strike="noStrike" kern="1200" baseline="0" dirty="0">
                          <a:solidFill>
                            <a:srgbClr val="FFFFFF"/>
                          </a:solidFill>
                          <a:effectLst/>
                          <a:latin typeface="Calibri"/>
                        </a:rPr>
                        <a:t/>
                      </a:r>
                      <a:br>
                        <a:rPr lang="en-US" sz="2000" b="1" i="0" u="none" strike="noStrike" kern="1200" baseline="0" dirty="0">
                          <a:solidFill>
                            <a:srgbClr val="FFFFFF"/>
                          </a:solidFill>
                          <a:effectLst/>
                          <a:latin typeface="Calibri"/>
                        </a:rPr>
                      </a:br>
                      <a:r>
                        <a:rPr lang="en-US" sz="2000" b="1" i="0" u="none" strike="noStrike" kern="1200" baseline="0" dirty="0">
                          <a:solidFill>
                            <a:srgbClr val="FFFFFF"/>
                          </a:solidFill>
                          <a:effectLst/>
                          <a:latin typeface="Calibri"/>
                        </a:rPr>
                        <a:t>Preferred Alternative</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hMerge="1">
                  <a:txBody>
                    <a:bodyPr/>
                    <a:lstStyle/>
                    <a:p>
                      <a:endParaRPr lang="en-US"/>
                    </a:p>
                  </a:txBody>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smtClean="0">
                          <a:solidFill>
                            <a:srgbClr val="FFFFFF"/>
                          </a:solidFill>
                          <a:effectLst/>
                          <a:latin typeface="Calibri"/>
                        </a:rPr>
                        <a:t>California </a:t>
                      </a:r>
                      <a:r>
                        <a:rPr lang="en-US" sz="2000" b="1" i="0" u="none" strike="noStrike" kern="1200" dirty="0">
                          <a:solidFill>
                            <a:srgbClr val="FFFFFF"/>
                          </a:solidFill>
                          <a:effectLst/>
                          <a:latin typeface="Calibri"/>
                        </a:rPr>
                        <a:t>WaterFix Preferred Alt.</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r>
              <a:tr h="370840">
                <a:tc vMerge="1">
                  <a:txBody>
                    <a:bodyPr/>
                    <a:lstStyle/>
                    <a:p>
                      <a:pPr marL="0" algn="ctr" defTabSz="914363" rtl="0" eaLnBrk="1" latinLnBrk="0" hangingPunct="1"/>
                      <a:endParaRPr lang="en-US" sz="2000" kern="1200" dirty="0">
                        <a:solidFill>
                          <a:schemeClr val="dk1"/>
                        </a:solidFill>
                        <a:latin typeface="+mn-lt"/>
                        <a:ea typeface="+mn-ea"/>
                        <a:cs typeface="+mn-cs"/>
                      </a:endParaRPr>
                    </a:p>
                  </a:txBody>
                  <a:tcPr anchor="ctr">
                    <a:lnT w="12700" cap="flat" cmpd="sng" algn="ctr">
                      <a:solidFill>
                        <a:schemeClr val="tx1"/>
                      </a:solidFill>
                      <a:prstDash val="solid"/>
                      <a:round/>
                      <a:headEnd type="none" w="med" len="med"/>
                      <a:tailEnd type="none" w="med" len="med"/>
                    </a:lnT>
                    <a:solidFill>
                      <a:srgbClr val="7E848D"/>
                    </a:solidFill>
                  </a:tcPr>
                </a:tc>
                <a:tc vMerge="1">
                  <a:txBody>
                    <a:bodyPr/>
                    <a:lstStyle/>
                    <a:p>
                      <a:pPr marL="0" algn="ctr" defTabSz="914363" rtl="0" eaLnBrk="1" latinLnBrk="0" hangingPunct="1"/>
                      <a:endParaRPr lang="en-US" sz="2000" kern="1200" dirty="0">
                        <a:solidFill>
                          <a:schemeClr val="dk1"/>
                        </a:solidFill>
                        <a:latin typeface="+mn-lt"/>
                        <a:ea typeface="+mn-ea"/>
                        <a:cs typeface="+mn-cs"/>
                      </a:endParaRPr>
                    </a:p>
                  </a:txBody>
                  <a:tcPr anchor="ctr">
                    <a:lnT w="12700" cap="flat" cmpd="sng" algn="ctr">
                      <a:solidFill>
                        <a:schemeClr val="tx1"/>
                      </a:solidFill>
                      <a:prstDash val="solid"/>
                      <a:round/>
                      <a:headEnd type="none" w="med" len="med"/>
                      <a:tailEnd type="none" w="med" len="med"/>
                    </a:lnT>
                    <a:solidFill>
                      <a:srgbClr val="7E848D"/>
                    </a:solidFill>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a:solidFill>
                            <a:srgbClr val="FFFFFF"/>
                          </a:solidFill>
                          <a:effectLst/>
                          <a:latin typeface="Calibri"/>
                        </a:rPr>
                        <a:t>Alt. 4-H3</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a:txBody>
                    <a:bodyPr/>
                    <a:lstStyle/>
                    <a:p>
                      <a:pPr marL="0" algn="ctr" rtl="0" eaLnBrk="1" fontAlgn="ctr" latinLnBrk="0" hangingPunct="1">
                        <a:lnSpc>
                          <a:spcPct val="80000"/>
                        </a:lnSpc>
                        <a:spcBef>
                          <a:spcPts val="0"/>
                        </a:spcBef>
                        <a:spcAft>
                          <a:spcPts val="0"/>
                        </a:spcAft>
                      </a:pPr>
                      <a:r>
                        <a:rPr lang="en-US" sz="2000" b="1" i="0" u="none" strike="noStrike" kern="1200" dirty="0">
                          <a:solidFill>
                            <a:srgbClr val="FFFFFF"/>
                          </a:solidFill>
                          <a:effectLst/>
                          <a:latin typeface="Calibri"/>
                        </a:rPr>
                        <a:t>Alt. 4-H4</a:t>
                      </a:r>
                      <a:endParaRPr lang="en-US" sz="2800" b="0" i="0" u="none" strike="noStrike" dirty="0">
                        <a:effectLst/>
                        <a:latin typeface="Arial"/>
                      </a:endParaRPr>
                    </a:p>
                  </a:txBody>
                  <a:tcPr marT="18288" marB="18288"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a:solidFill>
                            <a:srgbClr val="FFFFFF"/>
                          </a:solidFill>
                          <a:effectLst/>
                          <a:latin typeface="Calibri"/>
                        </a:rPr>
                        <a:t>Alt. 4A</a:t>
                      </a:r>
                      <a:endParaRPr lang="en-US" sz="2800" b="0" i="0" u="none" strike="noStrike" dirty="0">
                        <a:effectLst/>
                        <a:latin typeface="Arial"/>
                      </a:endParaRPr>
                    </a:p>
                  </a:txBody>
                  <a:tcPr marT="18288" marB="18288" anchor="ct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r>
              <a:tr h="370840">
                <a:tc>
                  <a:txBody>
                    <a:bodyPr/>
                    <a:lstStyle/>
                    <a:p>
                      <a:pPr algn="ctr"/>
                      <a:r>
                        <a:rPr lang="en-US" sz="1500" dirty="0" smtClean="0"/>
                        <a:t>Oct - Nov</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marL="0" indent="0" algn="ctr">
                        <a:buFont typeface="Arial" panose="020B0604020202020204" pitchFamily="34" charset="0"/>
                        <a:buNone/>
                      </a:pPr>
                      <a:r>
                        <a:rPr lang="en-US" sz="1500" dirty="0" smtClean="0"/>
                        <a:t>No</a:t>
                      </a:r>
                      <a:r>
                        <a:rPr lang="en-US" sz="1500" baseline="0" dirty="0" smtClean="0"/>
                        <a:t> diversion during pulse flow</a:t>
                      </a:r>
                      <a:endParaRPr lang="en-US" sz="1500" dirty="0" smtClean="0"/>
                    </a:p>
                    <a:p>
                      <a:pPr marL="0" indent="0" algn="ctr">
                        <a:buFont typeface="Arial" panose="020B0604020202020204" pitchFamily="34" charset="0"/>
                        <a:buNone/>
                      </a:pPr>
                      <a:r>
                        <a:rPr lang="en-US" sz="1500" dirty="0" smtClean="0"/>
                        <a:t>-5,000</a:t>
                      </a:r>
                      <a:r>
                        <a:rPr lang="en-US" sz="1500" baseline="0" dirty="0" smtClean="0"/>
                        <a:t> cfs in Nov</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313,000 af</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231,000 af</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313,000 af</a:t>
                      </a:r>
                      <a:endParaRPr lang="en-US" sz="1500" dirty="0"/>
                    </a:p>
                  </a:txBody>
                  <a:tcPr anchor="ctr">
                    <a:lnT w="12700" cap="flat" cmpd="sng" algn="ctr">
                      <a:solidFill>
                        <a:schemeClr val="tx1"/>
                      </a:solidFill>
                      <a:prstDash val="solid"/>
                      <a:round/>
                      <a:headEnd type="none" w="med" len="med"/>
                      <a:tailEnd type="none" w="med" len="med"/>
                    </a:lnT>
                  </a:tcP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Dec - Mar</a:t>
                      </a:r>
                    </a:p>
                  </a:txBody>
                  <a:tcPr anchor="ctr"/>
                </a:tc>
                <a:tc>
                  <a:txBody>
                    <a:bodyPr/>
                    <a:lstStyle/>
                    <a:p>
                      <a:pPr marL="0" indent="0" algn="ctr">
                        <a:buFont typeface="Arial" panose="020B0604020202020204" pitchFamily="34" charset="0"/>
                        <a:buNone/>
                      </a:pPr>
                      <a:r>
                        <a:rPr lang="en-US" sz="1500" dirty="0" smtClean="0"/>
                        <a:t>-5,000</a:t>
                      </a:r>
                      <a:r>
                        <a:rPr lang="en-US" sz="1500" baseline="0" dirty="0" smtClean="0"/>
                        <a:t> to -3,000 cfs </a:t>
                      </a:r>
                      <a:endParaRPr lang="en-US" sz="1500" dirty="0"/>
                    </a:p>
                  </a:txBody>
                  <a:tcPr anchor="ctr"/>
                </a:tc>
                <a:tc>
                  <a:txBody>
                    <a:bodyPr/>
                    <a:lstStyle/>
                    <a:p>
                      <a:pPr algn="r"/>
                      <a:r>
                        <a:rPr lang="en-US" sz="1500" dirty="0" smtClean="0"/>
                        <a:t>-454,000 af</a:t>
                      </a:r>
                      <a:endParaRPr lang="en-US" sz="1500" dirty="0"/>
                    </a:p>
                  </a:txBody>
                  <a:tcPr anchor="ctr"/>
                </a:tc>
                <a:tc>
                  <a:txBody>
                    <a:bodyPr/>
                    <a:lstStyle/>
                    <a:p>
                      <a:pPr algn="r"/>
                      <a:r>
                        <a:rPr lang="en-US" sz="1500" dirty="0" smtClean="0"/>
                        <a:t>- 379,000 af</a:t>
                      </a:r>
                      <a:endParaRPr lang="en-US" sz="1500" dirty="0"/>
                    </a:p>
                  </a:txBody>
                  <a:tcPr anchor="ctr"/>
                </a:tc>
                <a:tc>
                  <a:txBody>
                    <a:bodyPr/>
                    <a:lstStyle/>
                    <a:p>
                      <a:pPr algn="r"/>
                      <a:r>
                        <a:rPr lang="en-US" sz="1500" dirty="0" smtClean="0"/>
                        <a:t>-454,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Apr - May</a:t>
                      </a:r>
                    </a:p>
                  </a:txBody>
                  <a:tcPr anchor="ctr"/>
                </a:tc>
                <a:tc>
                  <a:txBody>
                    <a:bodyPr/>
                    <a:lstStyle/>
                    <a:p>
                      <a:pPr marL="0" indent="0" algn="ctr">
                        <a:buFont typeface="Arial" panose="020B0604020202020204" pitchFamily="34" charset="0"/>
                        <a:buNone/>
                      </a:pPr>
                      <a:r>
                        <a:rPr lang="en-US" sz="1500" dirty="0" smtClean="0"/>
                        <a:t>-2,000 to +3,000 cfs</a:t>
                      </a:r>
                      <a:endParaRPr lang="en-US" sz="1500" dirty="0"/>
                    </a:p>
                  </a:txBody>
                  <a:tcPr anchor="ctr"/>
                </a:tc>
                <a:tc>
                  <a:txBody>
                    <a:bodyPr/>
                    <a:lstStyle/>
                    <a:p>
                      <a:pPr algn="r"/>
                      <a:r>
                        <a:rPr lang="en-US" sz="1500" dirty="0" smtClean="0"/>
                        <a:t>-60,000 af</a:t>
                      </a:r>
                      <a:endParaRPr lang="en-US" sz="1500" dirty="0"/>
                    </a:p>
                  </a:txBody>
                  <a:tcPr anchor="ctr"/>
                </a:tc>
                <a:tc>
                  <a:txBody>
                    <a:bodyPr/>
                    <a:lstStyle/>
                    <a:p>
                      <a:pPr algn="r"/>
                      <a:r>
                        <a:rPr lang="en-US" sz="1500" dirty="0" smtClean="0"/>
                        <a:t>- 51,000 af</a:t>
                      </a:r>
                      <a:endParaRPr lang="en-US" sz="1500" dirty="0"/>
                    </a:p>
                  </a:txBody>
                  <a:tcPr anchor="ctr"/>
                </a:tc>
                <a:tc>
                  <a:txBody>
                    <a:bodyPr/>
                    <a:lstStyle/>
                    <a:p>
                      <a:pPr algn="r"/>
                      <a:r>
                        <a:rPr lang="en-US" sz="1500" dirty="0" smtClean="0"/>
                        <a:t>-60,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Jun</a:t>
                      </a:r>
                    </a:p>
                  </a:txBody>
                  <a:tcPr anchor="ctr"/>
                </a:tc>
                <a:tc>
                  <a:txBody>
                    <a:bodyPr/>
                    <a:lstStyle/>
                    <a:p>
                      <a:pPr marL="0" indent="0" algn="ctr">
                        <a:buFont typeface="Arial" panose="020B0604020202020204" pitchFamily="34" charset="0"/>
                        <a:buNone/>
                      </a:pPr>
                      <a:r>
                        <a:rPr lang="en-US" sz="1500" dirty="0" smtClean="0"/>
                        <a:t>- 3,500  to + 1,000 cfs</a:t>
                      </a:r>
                      <a:endParaRPr lang="en-US" sz="1500" dirty="0"/>
                    </a:p>
                  </a:txBody>
                  <a:tcPr anchor="ctr"/>
                </a:tc>
                <a:tc>
                  <a:txBody>
                    <a:bodyPr/>
                    <a:lstStyle/>
                    <a:p>
                      <a:pPr algn="r"/>
                      <a:r>
                        <a:rPr lang="en-US" sz="1500" dirty="0" smtClean="0"/>
                        <a:t>-113,000 af</a:t>
                      </a:r>
                      <a:endParaRPr lang="en-US" sz="1500" dirty="0"/>
                    </a:p>
                  </a:txBody>
                  <a:tcPr anchor="ctr"/>
                </a:tc>
                <a:tc>
                  <a:txBody>
                    <a:bodyPr/>
                    <a:lstStyle/>
                    <a:p>
                      <a:pPr algn="r"/>
                      <a:r>
                        <a:rPr lang="en-US" sz="1500" dirty="0" smtClean="0"/>
                        <a:t>- 95,000 af</a:t>
                      </a:r>
                      <a:endParaRPr lang="en-US" sz="1500" dirty="0"/>
                    </a:p>
                  </a:txBody>
                  <a:tcPr anchor="ctr"/>
                </a:tc>
                <a:tc>
                  <a:txBody>
                    <a:bodyPr/>
                    <a:lstStyle/>
                    <a:p>
                      <a:pPr algn="r"/>
                      <a:r>
                        <a:rPr lang="en-US" sz="1500" dirty="0" smtClean="0"/>
                        <a:t>-113,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Jul – Sep</a:t>
                      </a:r>
                    </a:p>
                  </a:txBody>
                  <a:tcPr anchor="ctr"/>
                </a:tc>
                <a:tc>
                  <a:txBody>
                    <a:bodyPr/>
                    <a:lstStyle/>
                    <a:p>
                      <a:pPr marL="0" indent="0" algn="ctr">
                        <a:buFont typeface="Arial" panose="020B0604020202020204" pitchFamily="34" charset="0"/>
                        <a:buNone/>
                      </a:pPr>
                      <a:r>
                        <a:rPr lang="en-US" sz="1500" dirty="0" smtClean="0"/>
                        <a:t>No flow restrictions</a:t>
                      </a:r>
                      <a:endParaRPr lang="en-US" sz="1500" dirty="0"/>
                    </a:p>
                  </a:txBody>
                  <a:tcPr anchor="ctr"/>
                </a:tc>
                <a:tc>
                  <a:txBody>
                    <a:bodyPr/>
                    <a:lstStyle/>
                    <a:p>
                      <a:pPr algn="r"/>
                      <a:r>
                        <a:rPr lang="en-US" sz="1500" dirty="0" smtClean="0"/>
                        <a:t>+26,000 af</a:t>
                      </a:r>
                    </a:p>
                  </a:txBody>
                  <a:tcPr anchor="ctr"/>
                </a:tc>
                <a:tc>
                  <a:txBody>
                    <a:bodyPr/>
                    <a:lstStyle/>
                    <a:p>
                      <a:pPr algn="r"/>
                      <a:r>
                        <a:rPr lang="en-US" sz="1500" dirty="0" smtClean="0"/>
                        <a:t>+89,000 af</a:t>
                      </a:r>
                      <a:endParaRPr lang="en-US" sz="1500" dirty="0"/>
                    </a:p>
                  </a:txBody>
                  <a:tcPr anchor="ctr"/>
                </a:tc>
                <a:tc>
                  <a:txBody>
                    <a:bodyPr/>
                    <a:lstStyle/>
                    <a:p>
                      <a:pPr algn="r"/>
                      <a:r>
                        <a:rPr lang="en-US" sz="1500" dirty="0" smtClean="0"/>
                        <a:t>+26,000 af</a:t>
                      </a:r>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endParaRPr lang="en-US" sz="1400" dirty="0" smtClean="0"/>
                    </a:p>
                  </a:txBody>
                  <a:tcPr anchor="ctr">
                    <a:solidFill>
                      <a:schemeClr val="accent6"/>
                    </a:solidFill>
                  </a:tcPr>
                </a:tc>
                <a:tc>
                  <a:txBody>
                    <a:bodyPr/>
                    <a:lstStyle/>
                    <a:p>
                      <a:pPr marL="0" indent="0" algn="r">
                        <a:buFont typeface="Arial" panose="020B0604020202020204" pitchFamily="34" charset="0"/>
                        <a:buNone/>
                      </a:pPr>
                      <a:r>
                        <a:rPr lang="en-US" sz="2000" b="1" dirty="0" smtClean="0">
                          <a:solidFill>
                            <a:schemeClr val="tx1"/>
                          </a:solidFill>
                        </a:rPr>
                        <a:t>TOTAL Annual Impacts</a:t>
                      </a:r>
                      <a:endParaRPr lang="en-US" sz="20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 914,000 af</a:t>
                      </a:r>
                      <a:endParaRPr lang="en-US" sz="18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a:t>
                      </a:r>
                      <a:r>
                        <a:rPr lang="en-US" sz="1800" b="1" baseline="0" dirty="0" smtClean="0">
                          <a:solidFill>
                            <a:schemeClr val="tx1"/>
                          </a:solidFill>
                        </a:rPr>
                        <a:t> 667,000 af</a:t>
                      </a:r>
                      <a:endParaRPr lang="en-US" sz="18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 914,000 af</a:t>
                      </a:r>
                      <a:endParaRPr lang="en-US" sz="1800" b="1" dirty="0">
                        <a:solidFill>
                          <a:schemeClr val="tx1"/>
                        </a:solidFill>
                      </a:endParaRPr>
                    </a:p>
                  </a:txBody>
                  <a:tcPr anchor="ctr">
                    <a:solidFill>
                      <a:schemeClr val="accent6"/>
                    </a:solidFill>
                  </a:tcPr>
                </a:tc>
              </a:tr>
            </a:tbl>
          </a:graphicData>
        </a:graphic>
      </p:graphicFrame>
      <p:pic>
        <p:nvPicPr>
          <p:cNvPr id="5"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5"/>
          <p:cNvSpPr txBox="1">
            <a:spLocks/>
          </p:cNvSpPr>
          <p:nvPr/>
        </p:nvSpPr>
        <p:spPr bwMode="ltGray">
          <a:xfrm>
            <a:off x="301625" y="258354"/>
            <a:ext cx="8534400" cy="10525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Delta Conveyance</a:t>
            </a:r>
          </a:p>
          <a:p>
            <a:pPr algn="r" defTabSz="914363" fontAlgn="auto">
              <a:lnSpc>
                <a:spcPct val="90000"/>
              </a:lnSpc>
              <a:spcAft>
                <a:spcPts val="0"/>
              </a:spcAft>
              <a:defRPr/>
            </a:pPr>
            <a:r>
              <a:rPr lang="en-US" sz="3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Additional Old &amp; Middle River Reverse Flow Restrictions</a:t>
            </a:r>
          </a:p>
        </p:txBody>
      </p:sp>
      <p:sp>
        <p:nvSpPr>
          <p:cNvPr id="9" name="TextBox 8"/>
          <p:cNvSpPr txBox="1"/>
          <p:nvPr/>
        </p:nvSpPr>
        <p:spPr>
          <a:xfrm>
            <a:off x="109428" y="6477000"/>
            <a:ext cx="4175310" cy="307777"/>
          </a:xfrm>
          <a:prstGeom prst="rect">
            <a:avLst/>
          </a:prstGeom>
          <a:noFill/>
        </p:spPr>
        <p:txBody>
          <a:bodyPr wrap="none" rtlCol="0">
            <a:spAutoFit/>
          </a:bodyPr>
          <a:lstStyle/>
          <a:p>
            <a:r>
              <a:rPr lang="en-US" sz="1400" i="1" dirty="0" smtClean="0">
                <a:solidFill>
                  <a:srgbClr val="FFC000"/>
                </a:solidFill>
                <a:latin typeface="Calibri"/>
              </a:rPr>
              <a:t>Information produced by CH2M; Scenario 6 Breakdown</a:t>
            </a:r>
            <a:endParaRPr lang="en-US" sz="1400" i="1" dirty="0">
              <a:solidFill>
                <a:srgbClr val="FFC000"/>
              </a:solidFill>
              <a:latin typeface="Calibri"/>
            </a:endParaRPr>
          </a:p>
        </p:txBody>
      </p:sp>
    </p:spTree>
    <p:extLst>
      <p:ext uri="{BB962C8B-B14F-4D97-AF65-F5344CB8AC3E}">
        <p14:creationId xmlns:p14="http://schemas.microsoft.com/office/powerpoint/2010/main" val="14822950"/>
      </p:ext>
    </p:extLst>
  </p:cSld>
  <p:clrMapOvr>
    <a:masterClrMapping/>
  </p:clrMapOvr>
  <p:transition>
    <p:fade/>
  </p:transition>
  <p:timing>
    <p:tnLst>
      <p:par>
        <p:cTn id="1" dur="indefinite" restart="never" nodeType="tmRoot"/>
      </p:par>
    </p:tnLst>
  </p:timing>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Content Placeholder 6"/>
          <p:cNvGraphicFramePr>
            <a:graphicFrameLocks noGrp="1"/>
          </p:cNvGraphicFramePr>
          <p:nvPr>
            <p:ph idx="1"/>
            <p:extLst>
              <p:ext uri="{D42A27DB-BD31-4B8C-83A1-F6EECF244321}">
                <p14:modId xmlns:p14="http://schemas.microsoft.com/office/powerpoint/2010/main" val="638248469"/>
              </p:ext>
            </p:extLst>
          </p:nvPr>
        </p:nvGraphicFramePr>
        <p:xfrm>
          <a:off x="99151" y="1981200"/>
          <a:ext cx="8945697" cy="4724400"/>
        </p:xfrm>
        <a:graphic>
          <a:graphicData uri="http://schemas.openxmlformats.org/drawingml/2006/chart">
            <c:chart xmlns:c="http://schemas.openxmlformats.org/drawingml/2006/chart" xmlns:r="http://schemas.openxmlformats.org/officeDocument/2006/relationships" r:id="rId3"/>
          </a:graphicData>
        </a:graphic>
      </p:graphicFrame>
      <p:sp>
        <p:nvSpPr>
          <p:cNvPr id="15" name="Title 5"/>
          <p:cNvSpPr txBox="1">
            <a:spLocks/>
          </p:cNvSpPr>
          <p:nvPr/>
        </p:nvSpPr>
        <p:spPr bwMode="invGray">
          <a:xfrm>
            <a:off x="3048000" y="2023003"/>
            <a:ext cx="5725804" cy="664797"/>
          </a:xfrm>
          <a:prstGeom prst="rect">
            <a:avLst/>
          </a:prstGeom>
        </p:spPr>
        <p:txBody>
          <a:bodyPr vert="horz" wrap="square" lIns="0" tIns="0" rIns="0" bIns="0" rtlCol="0" anchor="t">
            <a:spAutoFit/>
          </a:bodyPr>
          <a:lstStyle/>
          <a:p>
            <a:pPr algn="ctr" defTabSz="914363" fontAlgn="auto">
              <a:lnSpc>
                <a:spcPct val="90000"/>
              </a:lnSpc>
              <a:spcAft>
                <a:spcPts val="0"/>
              </a:spcAft>
              <a:defRPr/>
            </a:pPr>
            <a: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SWP/CVP Export Capacity </a:t>
            </a:r>
            <a:b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br>
            <a: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Restrictions Due to Environmental Regulations</a:t>
            </a:r>
          </a:p>
        </p:txBody>
      </p:sp>
      <p:pic>
        <p:nvPicPr>
          <p:cNvPr id="8" name="Picture 7"/>
          <p:cNvPicPr>
            <a:picLocks noChangeAspect="1" noChangeArrowheads="1"/>
          </p:cNvPicPr>
          <p:nvPr/>
        </p:nvPicPr>
        <p:blipFill rotWithShape="1">
          <a:blip r:embed="rId4">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itle 5"/>
          <p:cNvSpPr txBox="1">
            <a:spLocks/>
          </p:cNvSpPr>
          <p:nvPr/>
        </p:nvSpPr>
        <p:spPr bwMode="ltGray">
          <a:xfrm>
            <a:off x="152400" y="220254"/>
            <a:ext cx="86106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2813" eaLnBrk="0" hangingPunct="0">
              <a:lnSpc>
                <a:spcPct val="90000"/>
              </a:lnSpc>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a:t>
            </a: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Project Supplies</a:t>
            </a:r>
            <a:endPar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a:p>
            <a:pPr algn="r" defTabSz="914363">
              <a:lnSpc>
                <a:spcPct val="90000"/>
              </a:lnSpc>
              <a:defRPr/>
            </a:pPr>
            <a:r>
              <a:rPr lang="en-US" sz="3600" b="1" spc="-150" dirty="0" smtClean="0">
                <a:ln w="3175">
                  <a:noFill/>
                </a:ln>
                <a:solidFill>
                  <a:prstClr val="white"/>
                </a:solidFill>
                <a:effectLst>
                  <a:outerShdw blurRad="50800" dist="38100" dir="2700000" algn="tl" rotWithShape="0">
                    <a:prstClr val="black">
                      <a:alpha val="40000"/>
                    </a:prstClr>
                  </a:outerShdw>
                </a:effectLst>
                <a:cs typeface="Arial" charset="0"/>
              </a:rPr>
              <a:t>History of Regulatory Restrictions</a:t>
            </a:r>
            <a:endPar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2" name="Rectangle 1"/>
          <p:cNvSpPr/>
          <p:nvPr/>
        </p:nvSpPr>
        <p:spPr bwMode="auto">
          <a:xfrm>
            <a:off x="7954368" y="4002634"/>
            <a:ext cx="685800" cy="1521965"/>
          </a:xfrm>
          <a:prstGeom prst="rect">
            <a:avLst/>
          </a:prstGeom>
          <a:noFill/>
          <a:ln w="57150">
            <a:solidFill>
              <a:schemeClr val="accent1"/>
            </a:solidFill>
            <a:prstDash val="sysDash"/>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latin typeface="Segoe" pitchFamily="34" charset="0"/>
            </a:endParaRPr>
          </a:p>
        </p:txBody>
      </p:sp>
      <p:sp>
        <p:nvSpPr>
          <p:cNvPr id="4" name="TextBox 3"/>
          <p:cNvSpPr txBox="1"/>
          <p:nvPr/>
        </p:nvSpPr>
        <p:spPr>
          <a:xfrm>
            <a:off x="8042528" y="4256495"/>
            <a:ext cx="512136" cy="1015663"/>
          </a:xfrm>
          <a:prstGeom prst="rect">
            <a:avLst/>
          </a:prstGeom>
          <a:noFill/>
          <a:ln>
            <a:noFill/>
          </a:ln>
        </p:spPr>
        <p:txBody>
          <a:bodyPr wrap="square" rtlCol="0">
            <a:spAutoFit/>
          </a:bodyPr>
          <a:lstStyle/>
          <a:p>
            <a:r>
              <a:rPr lang="en-US" sz="6000" dirty="0" smtClean="0">
                <a:solidFill>
                  <a:srgbClr val="94B6D2"/>
                </a:solidFill>
              </a:rPr>
              <a:t>?</a:t>
            </a:r>
            <a:endParaRPr lang="en-US" sz="6000" dirty="0">
              <a:solidFill>
                <a:srgbClr val="94B6D2"/>
              </a:solidFill>
            </a:endParaRPr>
          </a:p>
        </p:txBody>
      </p:sp>
    </p:spTree>
    <p:extLst>
      <p:ext uri="{BB962C8B-B14F-4D97-AF65-F5344CB8AC3E}">
        <p14:creationId xmlns:p14="http://schemas.microsoft.com/office/powerpoint/2010/main" val="448434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TextBox 29"/>
          <p:cNvSpPr txBox="1"/>
          <p:nvPr/>
        </p:nvSpPr>
        <p:spPr>
          <a:xfrm>
            <a:off x="76200" y="5949738"/>
            <a:ext cx="8995903" cy="908262"/>
          </a:xfrm>
          <a:prstGeom prst="rect">
            <a:avLst/>
          </a:prstGeom>
          <a:noFill/>
        </p:spPr>
        <p:txBody>
          <a:bodyPr wrap="square" rtlCol="0">
            <a:spAutoFit/>
          </a:bodyPr>
          <a:lstStyle/>
          <a:p>
            <a:pPr>
              <a:lnSpc>
                <a:spcPct val="80000"/>
              </a:lnSpc>
            </a:pP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Data b</a:t>
            </a: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ased on hydrological period (1922-2003); indicates average annual SWP </a:t>
            </a: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amp; CVP </a:t>
            </a: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water supply exports with climate change in 2025</a:t>
            </a:r>
          </a:p>
          <a:p>
            <a:pPr marL="171450" indent="-171450">
              <a:lnSpc>
                <a:spcPct val="80000"/>
              </a:lnSpc>
              <a:buFont typeface="Arial" panose="020B0604020202020204" pitchFamily="34" charset="0"/>
              <a:buChar char="•"/>
            </a:pP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4.7 maf/yr</a:t>
            </a: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 – </a:t>
            </a: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Existing </a:t>
            </a: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Regulations (No Action Alternative) represents no new conveyance and no new/additional restrictions </a:t>
            </a:r>
          </a:p>
          <a:p>
            <a:pPr marL="171450" indent="-171450">
              <a:lnSpc>
                <a:spcPct val="80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3.5 maf/yr – BDCP Proposed Regulations without Northern Intake (Existing Conditions High Outflow Scenario); BDCP Chapter 9 </a:t>
            </a:r>
          </a:p>
          <a:p>
            <a:pPr marL="171450" indent="-171450">
              <a:lnSpc>
                <a:spcPct val="80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1.5 maf/yr – Earthquake scenario BDCP Chapter 9; analyzed by Dr. David Sunding; minimal exports 1.5 to 3 years after earthquake</a:t>
            </a:r>
          </a:p>
          <a:p>
            <a:pPr marL="171450" indent="-171450">
              <a:lnSpc>
                <a:spcPct val="80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4.7 – 5.3 maf/yr  – NEW BDCP / Cal Water Fix Preferred Alternative (evaluated in Draft EIR/S as Alternative 4A </a:t>
            </a: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H3-H4)</a:t>
            </a:r>
            <a:endParaRPr lang="en-US" sz="1100" i="1" kern="0" dirty="0">
              <a:ln w="3175">
                <a:noFill/>
              </a:ln>
              <a:solidFill>
                <a:srgbClr val="FFC000"/>
              </a:solidFill>
              <a:effectLst>
                <a:outerShdw blurRad="50800" dist="38100" dir="2700000" algn="tl" rotWithShape="0">
                  <a:prstClr val="black">
                    <a:alpha val="40000"/>
                  </a:prstClr>
                </a:outerShdw>
              </a:effectLst>
              <a:cs typeface="Arial" charset="0"/>
            </a:endParaRPr>
          </a:p>
          <a:p>
            <a:pPr marL="171450" indent="-171450">
              <a:lnSpc>
                <a:spcPct val="80000"/>
              </a:lnSpc>
              <a:buFont typeface="Arial" panose="020B0604020202020204" pitchFamily="34" charset="0"/>
              <a:buChar char="•"/>
            </a:pPr>
            <a:r>
              <a:rPr lang="en-US" sz="1100" i="1" kern="0" dirty="0">
                <a:ln w="3175">
                  <a:noFill/>
                </a:ln>
                <a:solidFill>
                  <a:srgbClr val="FFC000"/>
                </a:solidFill>
                <a:effectLst>
                  <a:outerShdw blurRad="50800" dist="38100" dir="2700000" algn="tl" rotWithShape="0">
                    <a:prstClr val="black">
                      <a:alpha val="40000"/>
                    </a:prstClr>
                  </a:outerShdw>
                </a:effectLst>
                <a:cs typeface="Arial" charset="0"/>
              </a:rPr>
              <a:t>4.7 – 5.6 maf/yr  – PREVIOUS BDCP Preferred Alternative (evaluated in Draft EIR/S as Alternative 4 H1-H4 at early long-term 2025</a:t>
            </a:r>
            <a:r>
              <a:rPr lang="en-US" sz="1100" i="1" kern="0" dirty="0" smtClean="0">
                <a:ln w="3175">
                  <a:noFill/>
                </a:ln>
                <a:solidFill>
                  <a:srgbClr val="FFC000"/>
                </a:solidFill>
                <a:effectLst>
                  <a:outerShdw blurRad="50800" dist="38100" dir="2700000" algn="tl" rotWithShape="0">
                    <a:prstClr val="black">
                      <a:alpha val="40000"/>
                    </a:prstClr>
                  </a:outerShdw>
                </a:effectLst>
                <a:cs typeface="Arial" charset="0"/>
              </a:rPr>
              <a:t>)</a:t>
            </a:r>
            <a:endParaRPr lang="en-US" sz="1100" i="1" kern="0" dirty="0">
              <a:ln w="3175">
                <a:noFill/>
              </a:ln>
              <a:solidFill>
                <a:srgbClr val="FFC000"/>
              </a:solidFill>
              <a:effectLst>
                <a:outerShdw blurRad="50800" dist="38100" dir="2700000" algn="tl" rotWithShape="0">
                  <a:prstClr val="black">
                    <a:alpha val="40000"/>
                  </a:prstClr>
                </a:outerShdw>
              </a:effectLst>
              <a:cs typeface="Arial" charset="0"/>
            </a:endParaRPr>
          </a:p>
        </p:txBody>
      </p:sp>
      <p:pic>
        <p:nvPicPr>
          <p:cNvPr id="15" name="Picture 1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Content Placeholder 6"/>
          <p:cNvGraphicFramePr>
            <a:graphicFrameLocks noGrp="1"/>
          </p:cNvGraphicFramePr>
          <p:nvPr>
            <p:ph idx="1"/>
            <p:extLst>
              <p:ext uri="{D42A27DB-BD31-4B8C-83A1-F6EECF244321}">
                <p14:modId xmlns:p14="http://schemas.microsoft.com/office/powerpoint/2010/main" val="1524050362"/>
              </p:ext>
            </p:extLst>
          </p:nvPr>
        </p:nvGraphicFramePr>
        <p:xfrm>
          <a:off x="130175" y="1371600"/>
          <a:ext cx="8839200" cy="4693446"/>
        </p:xfrm>
        <a:graphic>
          <a:graphicData uri="http://schemas.openxmlformats.org/drawingml/2006/chart">
            <c:chart xmlns:c="http://schemas.openxmlformats.org/drawingml/2006/chart" xmlns:r="http://schemas.openxmlformats.org/officeDocument/2006/relationships" r:id="rId4"/>
          </a:graphicData>
        </a:graphic>
      </p:graphicFrame>
      <p:sp>
        <p:nvSpPr>
          <p:cNvPr id="6" name="Title 5"/>
          <p:cNvSpPr txBox="1">
            <a:spLocks/>
          </p:cNvSpPr>
          <p:nvPr/>
        </p:nvSpPr>
        <p:spPr bwMode="ltGray">
          <a:xfrm>
            <a:off x="228600" y="220254"/>
            <a:ext cx="85344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2813" eaLnBrk="0" hangingPunct="0">
              <a:lnSpc>
                <a:spcPct val="90000"/>
              </a:lnSpc>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a:t>
            </a: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Project Supplies</a:t>
            </a:r>
            <a:endPar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a:p>
            <a:pPr algn="r" defTabSz="914363">
              <a:lnSpc>
                <a:spcPct val="90000"/>
              </a:lnSpc>
              <a:defRPr/>
            </a:pPr>
            <a:r>
              <a:rPr lang="en-US" sz="3600" b="1" spc="-150" dirty="0" smtClean="0">
                <a:ln w="3175">
                  <a:noFill/>
                </a:ln>
                <a:solidFill>
                  <a:prstClr val="white"/>
                </a:solidFill>
                <a:effectLst>
                  <a:outerShdw blurRad="50800" dist="38100" dir="2700000" algn="tl" rotWithShape="0">
                    <a:prstClr val="black">
                      <a:alpha val="40000"/>
                    </a:prstClr>
                  </a:outerShdw>
                </a:effectLst>
                <a:cs typeface="Arial" charset="0"/>
              </a:rPr>
              <a:t>Annual </a:t>
            </a:r>
            <a:r>
              <a:rPr lang="en-US" sz="3600" b="1" spc="-150" dirty="0">
                <a:ln w="3175">
                  <a:noFill/>
                </a:ln>
                <a:solidFill>
                  <a:prstClr val="white"/>
                </a:solidFill>
                <a:effectLst>
                  <a:outerShdw blurRad="50800" dist="38100" dir="2700000" algn="tl" rotWithShape="0">
                    <a:prstClr val="black">
                      <a:alpha val="40000"/>
                    </a:prstClr>
                  </a:outerShdw>
                </a:effectLst>
                <a:cs typeface="Arial" charset="0"/>
              </a:rPr>
              <a:t>Average </a:t>
            </a:r>
            <a:r>
              <a:rPr lang="en-US" sz="3600" b="1" spc="-150" dirty="0" smtClean="0">
                <a:ln w="3175">
                  <a:noFill/>
                </a:ln>
                <a:solidFill>
                  <a:prstClr val="white"/>
                </a:solidFill>
                <a:effectLst>
                  <a:outerShdw blurRad="50800" dist="38100" dir="2700000" algn="tl" rotWithShape="0">
                    <a:prstClr val="black">
                      <a:alpha val="40000"/>
                    </a:prstClr>
                  </a:outerShdw>
                </a:effectLst>
                <a:cs typeface="Arial" charset="0"/>
              </a:rPr>
              <a:t>(in 2025</a:t>
            </a:r>
            <a:r>
              <a:rPr lang="en-US" sz="3600" b="1" spc="-150" dirty="0">
                <a:ln w="3175">
                  <a:noFill/>
                </a:ln>
                <a:solidFill>
                  <a:prstClr val="white"/>
                </a:solidFill>
                <a:effectLst>
                  <a:outerShdw blurRad="50800" dist="38100" dir="2700000" algn="tl" rotWithShape="0">
                    <a:prstClr val="black">
                      <a:alpha val="40000"/>
                    </a:prstClr>
                  </a:outerShdw>
                </a:effectLst>
                <a:cs typeface="Arial" charset="0"/>
              </a:rPr>
              <a:t>) </a:t>
            </a:r>
            <a:endPar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grpSp>
        <p:nvGrpSpPr>
          <p:cNvPr id="33" name="Group 8"/>
          <p:cNvGrpSpPr/>
          <p:nvPr/>
        </p:nvGrpSpPr>
        <p:grpSpPr>
          <a:xfrm>
            <a:off x="7696200" y="2088570"/>
            <a:ext cx="918095" cy="370851"/>
            <a:chOff x="6368142" y="4646953"/>
            <a:chExt cx="936380" cy="640198"/>
          </a:xfrm>
        </p:grpSpPr>
        <p:sp>
          <p:nvSpPr>
            <p:cNvPr id="34" name="Rectangle 33"/>
            <p:cNvSpPr/>
            <p:nvPr/>
          </p:nvSpPr>
          <p:spPr bwMode="auto">
            <a:xfrm>
              <a:off x="6413864" y="4646953"/>
              <a:ext cx="855772" cy="640198"/>
            </a:xfrm>
            <a:prstGeom prst="rect">
              <a:avLst/>
            </a:prstGeom>
            <a:gradFill flip="none" rotWithShape="1">
              <a:gsLst>
                <a:gs pos="0">
                  <a:srgbClr val="002148"/>
                </a:gs>
                <a:gs pos="13000">
                  <a:srgbClr val="558BB8"/>
                </a:gs>
                <a:gs pos="28000">
                  <a:srgbClr val="002148"/>
                </a:gs>
                <a:gs pos="42999">
                  <a:srgbClr val="558BB8"/>
                </a:gs>
                <a:gs pos="58000">
                  <a:srgbClr val="002148"/>
                </a:gs>
                <a:gs pos="72000">
                  <a:srgbClr val="558BB8"/>
                </a:gs>
                <a:gs pos="87000">
                  <a:srgbClr val="002148"/>
                </a:gs>
                <a:gs pos="100000">
                  <a:srgbClr val="558BB8"/>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
          <p:nvSpPr>
            <p:cNvPr id="35" name="TextBox 34"/>
            <p:cNvSpPr txBox="1"/>
            <p:nvPr/>
          </p:nvSpPr>
          <p:spPr>
            <a:xfrm>
              <a:off x="6368142" y="4769342"/>
              <a:ext cx="936380" cy="312693"/>
            </a:xfrm>
            <a:prstGeom prst="rect">
              <a:avLst/>
            </a:prstGeom>
            <a:noFill/>
            <a:scene3d>
              <a:camera prst="orthographicFront"/>
              <a:lightRig rig="threePt" dir="t"/>
            </a:scene3d>
            <a:sp3d>
              <a:bevelT w="101600" h="101600"/>
            </a:sp3d>
          </p:spPr>
          <p:txBody>
            <a:bodyPr wrap="square" rtlCol="0">
              <a:spAutoFit/>
            </a:bodyPr>
            <a:lstStyle/>
            <a:p>
              <a:pPr algn="ctr"/>
              <a:r>
                <a:rPr lang="en-US" sz="1600" dirty="0" smtClean="0">
                  <a:solidFill>
                    <a:prstClr val="white"/>
                  </a:solidFill>
                </a:rPr>
                <a:t> </a:t>
              </a:r>
              <a:endParaRPr lang="en-US" sz="1600" dirty="0">
                <a:solidFill>
                  <a:prstClr val="white"/>
                </a:solidFill>
              </a:endParaRPr>
            </a:p>
          </p:txBody>
        </p:sp>
      </p:grpSp>
      <p:grpSp>
        <p:nvGrpSpPr>
          <p:cNvPr id="12" name="Group 8"/>
          <p:cNvGrpSpPr/>
          <p:nvPr/>
        </p:nvGrpSpPr>
        <p:grpSpPr>
          <a:xfrm>
            <a:off x="6107875" y="2209800"/>
            <a:ext cx="918095" cy="252032"/>
            <a:chOff x="6368142" y="4646955"/>
            <a:chExt cx="936380" cy="435081"/>
          </a:xfrm>
        </p:grpSpPr>
        <p:sp>
          <p:nvSpPr>
            <p:cNvPr id="13" name="Rectangle 12"/>
            <p:cNvSpPr/>
            <p:nvPr/>
          </p:nvSpPr>
          <p:spPr bwMode="auto">
            <a:xfrm>
              <a:off x="6413864" y="4646955"/>
              <a:ext cx="855772" cy="435081"/>
            </a:xfrm>
            <a:prstGeom prst="rect">
              <a:avLst/>
            </a:prstGeom>
            <a:gradFill flip="none" rotWithShape="1">
              <a:gsLst>
                <a:gs pos="0">
                  <a:srgbClr val="002148"/>
                </a:gs>
                <a:gs pos="13000">
                  <a:srgbClr val="558BB8"/>
                </a:gs>
                <a:gs pos="28000">
                  <a:srgbClr val="002148"/>
                </a:gs>
                <a:gs pos="42999">
                  <a:srgbClr val="558BB8"/>
                </a:gs>
                <a:gs pos="58000">
                  <a:srgbClr val="002148"/>
                </a:gs>
                <a:gs pos="72000">
                  <a:srgbClr val="558BB8"/>
                </a:gs>
                <a:gs pos="87000">
                  <a:srgbClr val="002148"/>
                </a:gs>
                <a:gs pos="100000">
                  <a:srgbClr val="558BB8"/>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
          <p:nvSpPr>
            <p:cNvPr id="14" name="TextBox 13"/>
            <p:cNvSpPr txBox="1"/>
            <p:nvPr/>
          </p:nvSpPr>
          <p:spPr>
            <a:xfrm>
              <a:off x="6368142" y="4769342"/>
              <a:ext cx="936380" cy="312693"/>
            </a:xfrm>
            <a:prstGeom prst="rect">
              <a:avLst/>
            </a:prstGeom>
            <a:noFill/>
            <a:scene3d>
              <a:camera prst="orthographicFront"/>
              <a:lightRig rig="threePt" dir="t"/>
            </a:scene3d>
            <a:sp3d>
              <a:bevelT w="101600" h="101600"/>
            </a:sp3d>
          </p:spPr>
          <p:txBody>
            <a:bodyPr wrap="square" rtlCol="0">
              <a:spAutoFit/>
            </a:bodyPr>
            <a:lstStyle/>
            <a:p>
              <a:pPr algn="ctr"/>
              <a:r>
                <a:rPr lang="en-US" sz="1600" dirty="0" smtClean="0">
                  <a:solidFill>
                    <a:prstClr val="white"/>
                  </a:solidFill>
                </a:rPr>
                <a:t> </a:t>
              </a:r>
              <a:endParaRPr lang="en-US" sz="1600" dirty="0">
                <a:solidFill>
                  <a:prstClr val="white"/>
                </a:solidFill>
              </a:endParaRPr>
            </a:p>
          </p:txBody>
        </p:sp>
      </p:grpSp>
    </p:spTree>
    <p:extLst>
      <p:ext uri="{BB962C8B-B14F-4D97-AF65-F5344CB8AC3E}">
        <p14:creationId xmlns:p14="http://schemas.microsoft.com/office/powerpoint/2010/main" val="6479339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Straight Connector 41"/>
          <p:cNvCxnSpPr/>
          <p:nvPr/>
        </p:nvCxnSpPr>
        <p:spPr>
          <a:xfrm>
            <a:off x="7483439"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p:nvCxnSpPr>
        <p:spPr>
          <a:xfrm>
            <a:off x="469199"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3274895"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72047"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6080591"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4677743"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8886286" y="1706880"/>
            <a:ext cx="0" cy="466344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sp>
        <p:nvSpPr>
          <p:cNvPr id="19" name="Rounded Rectangle 18"/>
          <p:cNvSpPr/>
          <p:nvPr/>
        </p:nvSpPr>
        <p:spPr bwMode="auto">
          <a:xfrm>
            <a:off x="495300" y="1676400"/>
            <a:ext cx="8385048" cy="1083118"/>
          </a:xfrm>
          <a:prstGeom prst="roundRect">
            <a:avLst/>
          </a:prstGeom>
          <a:noFill/>
          <a:ln w="38100">
            <a:solidFill>
              <a:schemeClr val="accent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 name="Title 1"/>
          <p:cNvSpPr>
            <a:spLocks noGrp="1"/>
          </p:cNvSpPr>
          <p:nvPr>
            <p:ph type="title"/>
          </p:nvPr>
        </p:nvSpPr>
        <p:spPr>
          <a:xfrm>
            <a:off x="533400" y="381000"/>
            <a:ext cx="8229600" cy="1107996"/>
          </a:xfrm>
        </p:spPr>
        <p:txBody>
          <a:bodyPr/>
          <a:lstStyle/>
          <a:p>
            <a:pPr algn="r"/>
            <a:r>
              <a:rPr lang="en-US" sz="4000" b="1" dirty="0" smtClean="0"/>
              <a:t>Draft Schedule </a:t>
            </a:r>
            <a:br>
              <a:rPr lang="en-US" sz="4000" b="1" dirty="0" smtClean="0"/>
            </a:br>
            <a:r>
              <a:rPr lang="en-US" sz="4000" b="1" dirty="0" smtClean="0"/>
              <a:t>California </a:t>
            </a:r>
            <a:r>
              <a:rPr lang="en-US" sz="4000" b="1" dirty="0" err="1"/>
              <a:t>WaterFix</a:t>
            </a:r>
            <a:r>
              <a:rPr lang="en-US" sz="4000" b="1" dirty="0"/>
              <a:t> </a:t>
            </a:r>
          </a:p>
        </p:txBody>
      </p:sp>
      <p:sp>
        <p:nvSpPr>
          <p:cNvPr id="5" name="Rounded Rectangle 4"/>
          <p:cNvSpPr/>
          <p:nvPr/>
        </p:nvSpPr>
        <p:spPr bwMode="auto">
          <a:xfrm>
            <a:off x="413834" y="6324600"/>
            <a:ext cx="8472452" cy="381000"/>
          </a:xfrm>
          <a:prstGeom prst="roundRect">
            <a:avLst/>
          </a:prstGeom>
          <a:solidFill>
            <a:schemeClr val="accent4">
              <a:lumMod val="75000"/>
            </a:scheme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b"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6" name="Title 1"/>
          <p:cNvSpPr txBox="1">
            <a:spLocks/>
          </p:cNvSpPr>
          <p:nvPr/>
        </p:nvSpPr>
        <p:spPr bwMode="ltGray">
          <a:xfrm>
            <a:off x="482065" y="6348900"/>
            <a:ext cx="762000" cy="332399"/>
          </a:xfrm>
          <a:prstGeom prst="rect">
            <a:avLst/>
          </a:prstGeom>
        </p:spPr>
        <p:txBody>
          <a:bodyPr vert="horz" wrap="square" lIns="0" tIns="0" rIns="0" bIns="0" rtlCol="0" anchor="b">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r>
              <a:rPr sz="2400" dirty="0" smtClean="0">
                <a:solidFill>
                  <a:prstClr val="white"/>
                </a:solidFill>
                <a:effectLst>
                  <a:outerShdw blurRad="50800" dist="38100" dir="2700000" algn="tl" rotWithShape="0">
                    <a:prstClr val="black">
                      <a:alpha val="80000"/>
                    </a:prstClr>
                  </a:outerShdw>
                </a:effectLst>
              </a:rPr>
              <a:t>2015</a:t>
            </a:r>
            <a:endParaRPr sz="2400" dirty="0">
              <a:solidFill>
                <a:prstClr val="white"/>
              </a:solidFill>
              <a:effectLst>
                <a:outerShdw blurRad="50800" dist="38100" dir="2700000" algn="tl" rotWithShape="0">
                  <a:prstClr val="black">
                    <a:alpha val="80000"/>
                  </a:prstClr>
                </a:outerShdw>
              </a:effectLst>
            </a:endParaRPr>
          </a:p>
        </p:txBody>
      </p:sp>
      <p:sp>
        <p:nvSpPr>
          <p:cNvPr id="7" name="Title 1"/>
          <p:cNvSpPr txBox="1">
            <a:spLocks/>
          </p:cNvSpPr>
          <p:nvPr/>
        </p:nvSpPr>
        <p:spPr bwMode="ltGray">
          <a:xfrm>
            <a:off x="2837329" y="6348899"/>
            <a:ext cx="762000" cy="332399"/>
          </a:xfrm>
          <a:prstGeom prst="rect">
            <a:avLst/>
          </a:prstGeom>
        </p:spPr>
        <p:txBody>
          <a:bodyPr vert="horz" wrap="square" lIns="0" tIns="0" rIns="0" bIns="0" rtlCol="0" anchor="b">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r>
              <a:rPr sz="2400" dirty="0" smtClean="0">
                <a:solidFill>
                  <a:prstClr val="white"/>
                </a:solidFill>
                <a:effectLst>
                  <a:outerShdw blurRad="50800" dist="38100" dir="2700000" algn="tl" rotWithShape="0">
                    <a:prstClr val="black">
                      <a:alpha val="80000"/>
                    </a:prstClr>
                  </a:outerShdw>
                </a:effectLst>
              </a:rPr>
              <a:t>2016</a:t>
            </a:r>
            <a:endParaRPr sz="2400" dirty="0">
              <a:solidFill>
                <a:prstClr val="white"/>
              </a:solidFill>
              <a:effectLst>
                <a:outerShdw blurRad="50800" dist="38100" dir="2700000" algn="tl" rotWithShape="0">
                  <a:prstClr val="black">
                    <a:alpha val="80000"/>
                  </a:prstClr>
                </a:outerShdw>
              </a:effectLst>
            </a:endParaRPr>
          </a:p>
        </p:txBody>
      </p:sp>
      <p:sp>
        <p:nvSpPr>
          <p:cNvPr id="8" name="Title 1"/>
          <p:cNvSpPr txBox="1">
            <a:spLocks/>
          </p:cNvSpPr>
          <p:nvPr/>
        </p:nvSpPr>
        <p:spPr bwMode="ltGray">
          <a:xfrm>
            <a:off x="5715000" y="6373201"/>
            <a:ext cx="762000" cy="332399"/>
          </a:xfrm>
          <a:prstGeom prst="rect">
            <a:avLst/>
          </a:prstGeom>
        </p:spPr>
        <p:txBody>
          <a:bodyPr vert="horz" wrap="square" lIns="0" tIns="0" rIns="0" bIns="0" rtlCol="0" anchor="b">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r>
              <a:rPr sz="2400" dirty="0" smtClean="0">
                <a:solidFill>
                  <a:prstClr val="white"/>
                </a:solidFill>
                <a:effectLst>
                  <a:outerShdw blurRad="50800" dist="38100" dir="2700000" algn="tl" rotWithShape="0">
                    <a:prstClr val="black">
                      <a:alpha val="80000"/>
                    </a:prstClr>
                  </a:outerShdw>
                </a:effectLst>
              </a:rPr>
              <a:t>2017</a:t>
            </a:r>
            <a:endParaRPr sz="2400" dirty="0">
              <a:solidFill>
                <a:prstClr val="white"/>
              </a:solidFill>
              <a:effectLst>
                <a:outerShdw blurRad="50800" dist="38100" dir="2700000" algn="tl" rotWithShape="0">
                  <a:prstClr val="black">
                    <a:alpha val="80000"/>
                  </a:prstClr>
                </a:outerShdw>
              </a:effectLst>
            </a:endParaRPr>
          </a:p>
        </p:txBody>
      </p:sp>
      <p:sp>
        <p:nvSpPr>
          <p:cNvPr id="9" name="TextBox 8"/>
          <p:cNvSpPr txBox="1"/>
          <p:nvPr/>
        </p:nvSpPr>
        <p:spPr>
          <a:xfrm>
            <a:off x="457200" y="2850608"/>
            <a:ext cx="4011662" cy="461665"/>
          </a:xfrm>
          <a:prstGeom prst="rect">
            <a:avLst/>
          </a:prstGeom>
          <a:noFill/>
        </p:spPr>
        <p:txBody>
          <a:bodyPr wrap="square" rtlCol="0">
            <a:spAutoFit/>
          </a:bodyPr>
          <a:lstStyle/>
          <a:p>
            <a:r>
              <a:rPr lang="en-US" sz="2400" b="1" spc="-150" dirty="0" smtClean="0">
                <a:ln w="3175">
                  <a:noFill/>
                </a:ln>
                <a:solidFill>
                  <a:prstClr val="white"/>
                </a:solidFill>
                <a:latin typeface="Calibri"/>
                <a:cs typeface="Arial" charset="0"/>
              </a:rPr>
              <a:t>USBR|DWR – Environmental Docs</a:t>
            </a:r>
            <a:endParaRPr lang="en-US" sz="2400" b="1" spc="-150" dirty="0">
              <a:ln w="3175">
                <a:noFill/>
              </a:ln>
              <a:solidFill>
                <a:prstClr val="white"/>
              </a:solidFill>
              <a:latin typeface="Calibri"/>
              <a:cs typeface="Arial" charset="0"/>
            </a:endParaRPr>
          </a:p>
        </p:txBody>
      </p:sp>
      <p:sp>
        <p:nvSpPr>
          <p:cNvPr id="10" name="TextBox 9"/>
          <p:cNvSpPr txBox="1"/>
          <p:nvPr/>
        </p:nvSpPr>
        <p:spPr>
          <a:xfrm>
            <a:off x="457200" y="4019528"/>
            <a:ext cx="5561330" cy="461665"/>
          </a:xfrm>
          <a:prstGeom prst="rect">
            <a:avLst/>
          </a:prstGeom>
          <a:noFill/>
        </p:spPr>
        <p:txBody>
          <a:bodyPr wrap="square" rtlCol="0">
            <a:spAutoFit/>
          </a:bodyPr>
          <a:lstStyle/>
          <a:p>
            <a:r>
              <a:rPr lang="en-US" sz="2400" b="1" spc="-150" dirty="0">
                <a:ln w="3175">
                  <a:noFill/>
                </a:ln>
                <a:solidFill>
                  <a:prstClr val="white"/>
                </a:solidFill>
                <a:latin typeface="Calibri"/>
                <a:cs typeface="Arial" charset="0"/>
              </a:rPr>
              <a:t>SWRCB </a:t>
            </a:r>
            <a:r>
              <a:rPr lang="en-US" sz="2400" b="1" spc="-150" dirty="0" smtClean="0">
                <a:ln w="3175">
                  <a:noFill/>
                </a:ln>
                <a:solidFill>
                  <a:prstClr val="white"/>
                </a:solidFill>
                <a:latin typeface="Calibri"/>
                <a:cs typeface="Arial" charset="0"/>
              </a:rPr>
              <a:t>– Water Rights | Water Quality</a:t>
            </a:r>
            <a:endParaRPr lang="en-US" sz="2400" b="1" spc="-150" dirty="0">
              <a:ln w="3175">
                <a:noFill/>
              </a:ln>
              <a:solidFill>
                <a:prstClr val="white"/>
              </a:solidFill>
              <a:latin typeface="Calibri"/>
              <a:cs typeface="Arial" charset="0"/>
            </a:endParaRPr>
          </a:p>
        </p:txBody>
      </p:sp>
      <p:sp>
        <p:nvSpPr>
          <p:cNvPr id="11" name="TextBox 10"/>
          <p:cNvSpPr txBox="1"/>
          <p:nvPr/>
        </p:nvSpPr>
        <p:spPr>
          <a:xfrm>
            <a:off x="457200" y="5328893"/>
            <a:ext cx="4189729" cy="461665"/>
          </a:xfrm>
          <a:prstGeom prst="rect">
            <a:avLst/>
          </a:prstGeom>
          <a:noFill/>
        </p:spPr>
        <p:txBody>
          <a:bodyPr wrap="square" rtlCol="0">
            <a:spAutoFit/>
          </a:bodyPr>
          <a:lstStyle/>
          <a:p>
            <a:r>
              <a:rPr lang="en-US" sz="2400" b="1" spc="-150" dirty="0">
                <a:ln w="3175">
                  <a:noFill/>
                </a:ln>
                <a:solidFill>
                  <a:prstClr val="white"/>
                </a:solidFill>
                <a:latin typeface="Calibri"/>
                <a:cs typeface="Arial" charset="0"/>
              </a:rPr>
              <a:t>USACE  </a:t>
            </a:r>
            <a:r>
              <a:rPr lang="en-US" sz="2400" b="1" spc="-150" dirty="0" smtClean="0">
                <a:ln w="3175">
                  <a:noFill/>
                </a:ln>
                <a:solidFill>
                  <a:prstClr val="white"/>
                </a:solidFill>
                <a:latin typeface="Calibri"/>
                <a:cs typeface="Arial" charset="0"/>
              </a:rPr>
              <a:t>–  Permits</a:t>
            </a:r>
            <a:endParaRPr lang="en-US" sz="2400" b="1" spc="-150" dirty="0">
              <a:ln w="3175">
                <a:noFill/>
              </a:ln>
              <a:solidFill>
                <a:prstClr val="white"/>
              </a:solidFill>
              <a:latin typeface="Calibri"/>
              <a:cs typeface="Arial" charset="0"/>
            </a:endParaRPr>
          </a:p>
        </p:txBody>
      </p:sp>
      <p:sp>
        <p:nvSpPr>
          <p:cNvPr id="12" name="TextBox 11"/>
          <p:cNvSpPr txBox="1"/>
          <p:nvPr/>
        </p:nvSpPr>
        <p:spPr>
          <a:xfrm>
            <a:off x="457200" y="1676400"/>
            <a:ext cx="7924800" cy="381541"/>
          </a:xfrm>
          <a:prstGeom prst="rect">
            <a:avLst/>
          </a:prstGeom>
          <a:noFill/>
        </p:spPr>
        <p:txBody>
          <a:bodyPr wrap="square" rtlCol="0">
            <a:spAutoFit/>
          </a:bodyPr>
          <a:lstStyle/>
          <a:p>
            <a:r>
              <a:rPr lang="en-US" sz="2400" b="1" spc="-150" dirty="0" smtClean="0">
                <a:ln w="3175">
                  <a:noFill/>
                </a:ln>
                <a:solidFill>
                  <a:prstClr val="white"/>
                </a:solidFill>
                <a:latin typeface="Calibri"/>
                <a:cs typeface="Arial" charset="0"/>
              </a:rPr>
              <a:t>USFWS|NOAA|CDFW – Endangered Species Act Authorizations</a:t>
            </a:r>
            <a:endParaRPr lang="en-US" sz="2400" b="1" spc="-150" dirty="0">
              <a:ln w="3175">
                <a:noFill/>
              </a:ln>
              <a:solidFill>
                <a:prstClr val="white"/>
              </a:solidFill>
              <a:latin typeface="Calibri"/>
              <a:cs typeface="Arial" charset="0"/>
            </a:endParaRPr>
          </a:p>
        </p:txBody>
      </p:sp>
      <p:sp>
        <p:nvSpPr>
          <p:cNvPr id="13" name="Rounded Rectangle 12"/>
          <p:cNvSpPr/>
          <p:nvPr/>
        </p:nvSpPr>
        <p:spPr bwMode="auto">
          <a:xfrm>
            <a:off x="3429000" y="3241551"/>
            <a:ext cx="1143000" cy="290945"/>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a:ln w="3175">
                  <a:noFill/>
                </a:ln>
                <a:solidFill>
                  <a:prstClr val="white"/>
                </a:solidFill>
                <a:effectLst>
                  <a:outerShdw blurRad="38100" dist="38100" dir="2700000" algn="tl">
                    <a:srgbClr val="000000">
                      <a:alpha val="43137"/>
                    </a:srgbClr>
                  </a:outerShdw>
                </a:effectLst>
                <a:cs typeface="Arial" charset="0"/>
              </a:rPr>
              <a:t>Final EIR/EIS</a:t>
            </a:r>
          </a:p>
        </p:txBody>
      </p:sp>
      <p:sp>
        <p:nvSpPr>
          <p:cNvPr id="15" name="Rounded Rectangle 14"/>
          <p:cNvSpPr/>
          <p:nvPr/>
        </p:nvSpPr>
        <p:spPr bwMode="auto">
          <a:xfrm>
            <a:off x="4953000" y="3203089"/>
            <a:ext cx="685960" cy="606911"/>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smtClean="0">
                <a:ln w="3175">
                  <a:noFill/>
                </a:ln>
                <a:solidFill>
                  <a:prstClr val="white"/>
                </a:solidFill>
                <a:effectLst>
                  <a:outerShdw blurRad="38100" dist="38100" dir="2700000" algn="tl">
                    <a:srgbClr val="000000">
                      <a:alpha val="43137"/>
                    </a:srgbClr>
                  </a:outerShdw>
                </a:effectLst>
                <a:cs typeface="Arial" charset="0"/>
              </a:rPr>
              <a:t>ROD/NOD</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16" name="Rounded Rectangle 15"/>
          <p:cNvSpPr/>
          <p:nvPr/>
        </p:nvSpPr>
        <p:spPr bwMode="auto">
          <a:xfrm>
            <a:off x="2057400" y="4480560"/>
            <a:ext cx="6095999" cy="320040"/>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smtClean="0">
                <a:ln w="3175">
                  <a:noFill/>
                </a:ln>
                <a:solidFill>
                  <a:prstClr val="white"/>
                </a:solidFill>
                <a:effectLst>
                  <a:outerShdw blurRad="38100" dist="38100" dir="2700000" algn="tl">
                    <a:srgbClr val="000000">
                      <a:alpha val="43137"/>
                    </a:srgbClr>
                  </a:outerShdw>
                </a:effectLst>
                <a:cs typeface="Arial" charset="0"/>
              </a:rPr>
              <a:t>Water Right New Point of Diversion</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17" name="Rounded Rectangle 16"/>
          <p:cNvSpPr/>
          <p:nvPr/>
        </p:nvSpPr>
        <p:spPr bwMode="auto">
          <a:xfrm>
            <a:off x="2362200" y="5714358"/>
            <a:ext cx="4648200" cy="320040"/>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tabLst>
                <a:tab pos="2001838" algn="l"/>
              </a:tabLst>
            </a:pPr>
            <a:r>
              <a:rPr lang="en-US" spc="-150" dirty="0" smtClean="0">
                <a:ln w="3175">
                  <a:noFill/>
                </a:ln>
                <a:solidFill>
                  <a:prstClr val="white"/>
                </a:solidFill>
                <a:effectLst>
                  <a:outerShdw blurRad="38100" dist="38100" dir="2700000" algn="tl">
                    <a:srgbClr val="000000">
                      <a:alpha val="43137"/>
                    </a:srgbClr>
                  </a:outerShdw>
                </a:effectLst>
                <a:cs typeface="Arial" charset="0"/>
              </a:rPr>
              <a:t>Clean Water Act 404</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18" name="Rounded Rectangle 17"/>
          <p:cNvSpPr/>
          <p:nvPr/>
        </p:nvSpPr>
        <p:spPr bwMode="auto">
          <a:xfrm>
            <a:off x="2057400" y="2108493"/>
            <a:ext cx="3531301" cy="264495"/>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smtClean="0">
                <a:ln w="3175">
                  <a:noFill/>
                </a:ln>
                <a:solidFill>
                  <a:prstClr val="white"/>
                </a:solidFill>
                <a:effectLst>
                  <a:outerShdw blurRad="38100" dist="38100" dir="2700000" algn="tl">
                    <a:srgbClr val="000000">
                      <a:alpha val="43137"/>
                    </a:srgbClr>
                  </a:outerShdw>
                </a:effectLst>
                <a:cs typeface="Arial" charset="0"/>
              </a:rPr>
              <a:t>Bio. Assessment/Biological Op. (Sect. 7) </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20" name="Rounded Rectangle 19"/>
          <p:cNvSpPr/>
          <p:nvPr/>
        </p:nvSpPr>
        <p:spPr bwMode="auto">
          <a:xfrm>
            <a:off x="495300" y="2850608"/>
            <a:ext cx="8385048" cy="1035592"/>
          </a:xfrm>
          <a:prstGeom prst="roundRect">
            <a:avLst/>
          </a:prstGeom>
          <a:noFill/>
          <a:ln w="38100">
            <a:solidFill>
              <a:schemeClr val="accent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1" name="Rounded Rectangle 20"/>
          <p:cNvSpPr/>
          <p:nvPr/>
        </p:nvSpPr>
        <p:spPr bwMode="auto">
          <a:xfrm>
            <a:off x="495300" y="3966972"/>
            <a:ext cx="8385048" cy="1290828"/>
          </a:xfrm>
          <a:prstGeom prst="roundRect">
            <a:avLst/>
          </a:prstGeom>
          <a:noFill/>
          <a:ln w="38100">
            <a:solidFill>
              <a:schemeClr val="accent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2" name="Rounded Rectangle 21"/>
          <p:cNvSpPr/>
          <p:nvPr/>
        </p:nvSpPr>
        <p:spPr bwMode="auto">
          <a:xfrm>
            <a:off x="495300" y="5362903"/>
            <a:ext cx="8385048" cy="809297"/>
          </a:xfrm>
          <a:prstGeom prst="roundRect">
            <a:avLst/>
          </a:prstGeom>
          <a:noFill/>
          <a:ln w="38100">
            <a:solidFill>
              <a:schemeClr val="accent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3" name="Rounded Rectangle 22"/>
          <p:cNvSpPr/>
          <p:nvPr/>
        </p:nvSpPr>
        <p:spPr bwMode="auto">
          <a:xfrm>
            <a:off x="2057400" y="2418823"/>
            <a:ext cx="3657600" cy="264495"/>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smtClean="0">
                <a:ln w="3175">
                  <a:noFill/>
                </a:ln>
                <a:solidFill>
                  <a:prstClr val="white"/>
                </a:solidFill>
                <a:effectLst>
                  <a:outerShdw blurRad="38100" dist="38100" dir="2700000" algn="tl">
                    <a:srgbClr val="000000">
                      <a:alpha val="43137"/>
                    </a:srgbClr>
                  </a:outerShdw>
                </a:effectLst>
                <a:cs typeface="Arial" charset="0"/>
              </a:rPr>
              <a:t>2081(b)</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43" name="Rounded Rectangle 42"/>
          <p:cNvSpPr/>
          <p:nvPr/>
        </p:nvSpPr>
        <p:spPr bwMode="auto">
          <a:xfrm>
            <a:off x="2362200" y="4861560"/>
            <a:ext cx="4648199" cy="320040"/>
          </a:xfrm>
          <a:prstGeom prst="roundRect">
            <a:avLst/>
          </a:prstGeom>
          <a:solidFill>
            <a:schemeClr val="accent2">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pc="-150" dirty="0" smtClean="0">
                <a:ln w="3175">
                  <a:noFill/>
                </a:ln>
                <a:solidFill>
                  <a:prstClr val="white"/>
                </a:solidFill>
                <a:effectLst>
                  <a:outerShdw blurRad="38100" dist="38100" dir="2700000" algn="tl">
                    <a:srgbClr val="000000">
                      <a:alpha val="43137"/>
                    </a:srgbClr>
                  </a:outerShdw>
                </a:effectLst>
                <a:cs typeface="Arial" charset="0"/>
              </a:rPr>
              <a:t>401 Water Quality Certification</a:t>
            </a:r>
            <a:endParaRPr lang="en-US" spc="-150" dirty="0">
              <a:ln w="3175">
                <a:noFill/>
              </a:ln>
              <a:solidFill>
                <a:prstClr val="white"/>
              </a:solidFill>
              <a:effectLst>
                <a:outerShdw blurRad="38100" dist="38100" dir="2700000" algn="tl">
                  <a:srgbClr val="000000">
                    <a:alpha val="43137"/>
                  </a:srgbClr>
                </a:outerShdw>
              </a:effectLst>
              <a:cs typeface="Arial" charset="0"/>
            </a:endParaRPr>
          </a:p>
        </p:txBody>
      </p:sp>
      <p:sp>
        <p:nvSpPr>
          <p:cNvPr id="29" name="Title 1"/>
          <p:cNvSpPr txBox="1">
            <a:spLocks/>
          </p:cNvSpPr>
          <p:nvPr/>
        </p:nvSpPr>
        <p:spPr bwMode="ltGray">
          <a:xfrm>
            <a:off x="8153399" y="6354532"/>
            <a:ext cx="762000" cy="332399"/>
          </a:xfrm>
          <a:prstGeom prst="rect">
            <a:avLst/>
          </a:prstGeom>
        </p:spPr>
        <p:txBody>
          <a:bodyPr vert="horz" wrap="square" lIns="0" tIns="0" rIns="0" bIns="0" rtlCol="0" anchor="b">
            <a:sp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ctr"/>
            <a:r>
              <a:rPr sz="2400" dirty="0" smtClean="0">
                <a:solidFill>
                  <a:prstClr val="white"/>
                </a:solidFill>
                <a:effectLst>
                  <a:outerShdw blurRad="50800" dist="38100" dir="2700000" algn="tl" rotWithShape="0">
                    <a:prstClr val="black">
                      <a:alpha val="80000"/>
                    </a:prstClr>
                  </a:outerShdw>
                </a:effectLst>
              </a:rPr>
              <a:t>2018</a:t>
            </a:r>
            <a:endParaRPr sz="2400" dirty="0">
              <a:solidFill>
                <a:prstClr val="white"/>
              </a:solidFill>
              <a:effectLst>
                <a:outerShdw blurRad="50800" dist="38100" dir="2700000" algn="tl" rotWithShape="0">
                  <a:prstClr val="black">
                    <a:alpha val="80000"/>
                  </a:prstClr>
                </a:outerShdw>
              </a:effectLst>
            </a:endParaRPr>
          </a:p>
        </p:txBody>
      </p:sp>
    </p:spTree>
    <p:extLst>
      <p:ext uri="{BB962C8B-B14F-4D97-AF65-F5344CB8AC3E}">
        <p14:creationId xmlns:p14="http://schemas.microsoft.com/office/powerpoint/2010/main" val="1031803338"/>
      </p:ext>
    </p:extLst>
  </p:cSld>
  <p:clrMapOvr>
    <a:masterClrMapping/>
  </p:clrMapOvr>
  <p:transition spd="slow">
    <p:fade/>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7" name="Title 4"/>
          <p:cNvSpPr>
            <a:spLocks noGrp="1"/>
          </p:cNvSpPr>
          <p:nvPr>
            <p:ph type="title"/>
          </p:nvPr>
        </p:nvSpPr>
        <p:spPr>
          <a:xfrm>
            <a:off x="533400" y="381000"/>
            <a:ext cx="8229600" cy="1606594"/>
          </a:xfrm>
        </p:spPr>
        <p:txBody>
          <a:bodyPr/>
          <a:lstStyle/>
          <a:p>
            <a:r>
              <a:rPr lang="en-US" altLang="en-US" sz="4000" dirty="0" smtClean="0"/>
              <a:t>Central Valley Project / State Water Project</a:t>
            </a:r>
            <a:r>
              <a:rPr lang="en-US" altLang="en-US" dirty="0" smtClean="0"/>
              <a:t> </a:t>
            </a:r>
            <a:br>
              <a:rPr lang="en-US" altLang="en-US" dirty="0" smtClean="0"/>
            </a:br>
            <a:r>
              <a:rPr lang="en-US" altLang="en-US" sz="3600" dirty="0" smtClean="0">
                <a:solidFill>
                  <a:schemeClr val="tx1"/>
                </a:solidFill>
              </a:rPr>
              <a:t>Estimated Costs &amp; Split – </a:t>
            </a:r>
            <a:br>
              <a:rPr lang="en-US" altLang="en-US" sz="3600" dirty="0" smtClean="0">
                <a:solidFill>
                  <a:schemeClr val="tx1"/>
                </a:solidFill>
              </a:rPr>
            </a:br>
            <a:r>
              <a:rPr lang="en-US" altLang="en-US" sz="3600" dirty="0" smtClean="0">
                <a:solidFill>
                  <a:schemeClr val="tx1"/>
                </a:solidFill>
              </a:rPr>
              <a:t>Capital,  O&amp;M  and Mitigation</a:t>
            </a:r>
            <a:endParaRPr lang="en-US" altLang="en-US" dirty="0" smtClean="0">
              <a:solidFill>
                <a:schemeClr val="tx1"/>
              </a:solidFill>
            </a:endParaRPr>
          </a:p>
        </p:txBody>
      </p:sp>
      <p:sp>
        <p:nvSpPr>
          <p:cNvPr id="58" name="TextBox 57"/>
          <p:cNvSpPr txBox="1"/>
          <p:nvPr/>
        </p:nvSpPr>
        <p:spPr>
          <a:xfrm>
            <a:off x="194498" y="6443822"/>
            <a:ext cx="4834702" cy="292388"/>
          </a:xfrm>
          <a:prstGeom prst="rect">
            <a:avLst/>
          </a:prstGeom>
          <a:noFill/>
          <a:ln w="12700" algn="ctr">
            <a:noFill/>
            <a:miter lim="800000"/>
            <a:headEnd/>
            <a:tailEnd/>
          </a:ln>
          <a:effectLst/>
        </p:spPr>
        <p:txBody>
          <a:bodyPr lIns="0" tIns="0" rIns="0" bIns="0" anchor="ctr"/>
          <a:lstStyle>
            <a:defPPr>
              <a:defRPr lang="de-DE"/>
            </a:defPPr>
            <a:lvl1pPr algn="ctr" defTabSz="801688" eaLnBrk="0" hangingPunct="0">
              <a:defRPr sz="1600" b="1">
                <a:solidFill>
                  <a:srgbClr val="000000"/>
                </a:solidFill>
                <a:latin typeface="Arial" charset="0"/>
                <a:cs typeface="Arial" charset="0"/>
              </a:defRPr>
            </a:lvl1pPr>
            <a:lvl2pPr>
              <a:defRPr>
                <a:solidFill>
                  <a:schemeClr val="tx1"/>
                </a:solidFill>
                <a:latin typeface="Arial" charset="0"/>
                <a:cs typeface="Arial" charset="0"/>
              </a:defRPr>
            </a:lvl2pPr>
            <a:lvl3pPr>
              <a:defRPr>
                <a:solidFill>
                  <a:schemeClr val="tx1"/>
                </a:solidFill>
                <a:latin typeface="Arial" charset="0"/>
                <a:cs typeface="Arial" charset="0"/>
              </a:defRPr>
            </a:lvl3pPr>
            <a:lvl4pPr>
              <a:defRPr>
                <a:solidFill>
                  <a:schemeClr val="tx1"/>
                </a:solidFill>
                <a:latin typeface="Arial" charset="0"/>
                <a:cs typeface="Arial" charset="0"/>
              </a:defRPr>
            </a:lvl4pPr>
            <a:lvl5pPr>
              <a:defRPr>
                <a:solidFill>
                  <a:schemeClr val="tx1"/>
                </a:solidFill>
                <a:latin typeface="Arial" charset="0"/>
                <a:cs typeface="Arial" charset="0"/>
              </a:defRPr>
            </a:lvl5pPr>
            <a:lvl6pPr>
              <a:defRPr>
                <a:solidFill>
                  <a:schemeClr val="tx1"/>
                </a:solidFill>
                <a:latin typeface="Arial" charset="0"/>
                <a:cs typeface="Arial" charset="0"/>
              </a:defRPr>
            </a:lvl6pPr>
            <a:lvl7pPr>
              <a:defRPr>
                <a:solidFill>
                  <a:schemeClr val="tx1"/>
                </a:solidFill>
                <a:latin typeface="Arial" charset="0"/>
                <a:cs typeface="Arial" charset="0"/>
              </a:defRPr>
            </a:lvl7pPr>
            <a:lvl8pPr>
              <a:defRPr>
                <a:solidFill>
                  <a:schemeClr val="tx1"/>
                </a:solidFill>
                <a:latin typeface="Arial" charset="0"/>
                <a:cs typeface="Arial" charset="0"/>
              </a:defRPr>
            </a:lvl8pPr>
            <a:lvl9pPr>
              <a:defRPr>
                <a:solidFill>
                  <a:schemeClr val="tx1"/>
                </a:solidFill>
                <a:latin typeface="Arial" charset="0"/>
                <a:cs typeface="Arial" charset="0"/>
              </a:defRPr>
            </a:lvl9pPr>
          </a:lstStyle>
          <a:p>
            <a:pPr algn="l"/>
            <a:r>
              <a:rPr lang="en-US" sz="1400" b="0" i="1" dirty="0" smtClean="0">
                <a:solidFill>
                  <a:srgbClr val="FFC000"/>
                </a:solidFill>
                <a:effectLst>
                  <a:outerShdw blurRad="38100" dist="38100" dir="2700000" algn="tl">
                    <a:srgbClr val="000000">
                      <a:alpha val="43137"/>
                    </a:srgbClr>
                  </a:outerShdw>
                </a:effectLst>
                <a:latin typeface="Calibri"/>
              </a:rPr>
              <a:t> Based on 2015 assumptions</a:t>
            </a:r>
            <a:endParaRPr lang="en-US" sz="1400" b="0" i="1" dirty="0">
              <a:solidFill>
                <a:srgbClr val="FFC000"/>
              </a:solidFill>
              <a:effectLst>
                <a:outerShdw blurRad="38100" dist="38100" dir="2700000" algn="tl">
                  <a:srgbClr val="000000">
                    <a:alpha val="43137"/>
                  </a:srgbClr>
                </a:outerShdw>
              </a:effectLst>
              <a:latin typeface="Calibri"/>
            </a:endParaRPr>
          </a:p>
        </p:txBody>
      </p:sp>
      <p:sp>
        <p:nvSpPr>
          <p:cNvPr id="32" name="Slide Number Placeholder 3"/>
          <p:cNvSpPr txBox="1">
            <a:spLocks/>
          </p:cNvSpPr>
          <p:nvPr/>
        </p:nvSpPr>
        <p:spPr>
          <a:xfrm>
            <a:off x="8458200" y="6427789"/>
            <a:ext cx="685800" cy="365125"/>
          </a:xfrm>
          <a:prstGeom prst="rect">
            <a:avLst/>
          </a:prstGeom>
        </p:spPr>
        <p:txBody>
          <a:bodyPr/>
          <a:lstStyle/>
          <a:p>
            <a:pPr algn="ctr">
              <a:defRPr/>
            </a:pPr>
            <a:fld id="{7A37C76E-89DA-4ED5-A436-13A1ABC61839}" type="slidenum">
              <a:rPr lang="en-US" sz="1400" smtClean="0">
                <a:solidFill>
                  <a:prstClr val="white"/>
                </a:solidFill>
              </a:rPr>
              <a:pPr algn="ctr">
                <a:defRPr/>
              </a:pPr>
              <a:t>20</a:t>
            </a:fld>
            <a:endParaRPr lang="en-US" sz="1400" dirty="0">
              <a:solidFill>
                <a:prstClr val="white"/>
              </a:solidFill>
            </a:endParaRPr>
          </a:p>
        </p:txBody>
      </p:sp>
      <p:graphicFrame>
        <p:nvGraphicFramePr>
          <p:cNvPr id="14" name="Chart 13"/>
          <p:cNvGraphicFramePr/>
          <p:nvPr>
            <p:extLst>
              <p:ext uri="{D42A27DB-BD31-4B8C-83A1-F6EECF244321}">
                <p14:modId xmlns:p14="http://schemas.microsoft.com/office/powerpoint/2010/main" val="4133271686"/>
              </p:ext>
            </p:extLst>
          </p:nvPr>
        </p:nvGraphicFramePr>
        <p:xfrm>
          <a:off x="160848" y="1143000"/>
          <a:ext cx="5477952" cy="5447016"/>
        </p:xfrm>
        <a:graphic>
          <a:graphicData uri="http://schemas.openxmlformats.org/drawingml/2006/chart">
            <c:chart xmlns:c="http://schemas.openxmlformats.org/drawingml/2006/chart" xmlns:r="http://schemas.openxmlformats.org/officeDocument/2006/relationships" r:id="rId3"/>
          </a:graphicData>
        </a:graphic>
      </p:graphicFrame>
      <p:sp>
        <p:nvSpPr>
          <p:cNvPr id="39" name="Title 1"/>
          <p:cNvSpPr txBox="1">
            <a:spLocks/>
          </p:cNvSpPr>
          <p:nvPr/>
        </p:nvSpPr>
        <p:spPr bwMode="ltGray">
          <a:xfrm>
            <a:off x="3099332" y="3377726"/>
            <a:ext cx="2158468" cy="889474"/>
          </a:xfrm>
          <a:prstGeom prst="rect">
            <a:avLst/>
          </a:prstGeom>
        </p:spPr>
        <p:txBody>
          <a:bodyPr wrap="square" lIns="0" tIns="0" rIns="0" bIns="0">
            <a:spAutoFit/>
          </a:bodyPr>
          <a:lstStyle/>
          <a:p>
            <a:pPr algn="ctr" defTabSz="914363">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State Water  Project</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a:p>
            <a:pPr algn="ctr" defTabSz="914363">
              <a:lnSpc>
                <a:spcPct val="85000"/>
              </a:lnSpc>
              <a:defRPr/>
            </a:pPr>
            <a:r>
              <a:rPr lang="en-US" sz="2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 9.6 – 10.5 B</a:t>
            </a:r>
          </a:p>
          <a:p>
            <a:pPr algn="ctr" defTabSz="914363">
              <a:lnSpc>
                <a:spcPct val="85000"/>
              </a:lnSpc>
              <a:defRPr/>
            </a:pPr>
            <a:r>
              <a:rPr lang="en-US" sz="2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55 - 60% share)</a:t>
            </a:r>
            <a:endParaRPr lang="en-US" sz="22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18" name="Title 1"/>
          <p:cNvSpPr txBox="1">
            <a:spLocks/>
          </p:cNvSpPr>
          <p:nvPr/>
        </p:nvSpPr>
        <p:spPr bwMode="ltGray">
          <a:xfrm>
            <a:off x="443132" y="3377726"/>
            <a:ext cx="2489732" cy="889474"/>
          </a:xfrm>
          <a:prstGeom prst="rect">
            <a:avLst/>
          </a:prstGeom>
        </p:spPr>
        <p:txBody>
          <a:bodyPr wrap="square" lIns="0" tIns="0" rIns="0" bIns="0">
            <a:spAutoFit/>
          </a:bodyPr>
          <a:lstStyle/>
          <a:p>
            <a:pPr algn="ctr" defTabSz="914363">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Central Valley  Project</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a:p>
            <a:pPr algn="ctr" defTabSz="914363">
              <a:lnSpc>
                <a:spcPct val="85000"/>
              </a:lnSpc>
              <a:defRPr/>
            </a:pPr>
            <a:r>
              <a:rPr lang="en-US" sz="2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 7.0 – 7.9 B</a:t>
            </a:r>
          </a:p>
          <a:p>
            <a:pPr algn="ctr" defTabSz="914363">
              <a:lnSpc>
                <a:spcPct val="85000"/>
              </a:lnSpc>
              <a:defRPr/>
            </a:pPr>
            <a:r>
              <a:rPr lang="en-US" sz="2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40 – 45% share)</a:t>
            </a:r>
            <a:endParaRPr lang="en-US" sz="22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grpSp>
        <p:nvGrpSpPr>
          <p:cNvPr id="3" name="Group 2"/>
          <p:cNvGrpSpPr/>
          <p:nvPr/>
        </p:nvGrpSpPr>
        <p:grpSpPr>
          <a:xfrm>
            <a:off x="3664846" y="4051278"/>
            <a:ext cx="4945282" cy="2120922"/>
            <a:chOff x="3664846" y="4051278"/>
            <a:chExt cx="4945282" cy="2120922"/>
          </a:xfrm>
        </p:grpSpPr>
        <p:grpSp>
          <p:nvGrpSpPr>
            <p:cNvPr id="4" name="Group 3"/>
            <p:cNvGrpSpPr/>
            <p:nvPr/>
          </p:nvGrpSpPr>
          <p:grpSpPr>
            <a:xfrm>
              <a:off x="5562600" y="4800600"/>
              <a:ext cx="3047528" cy="1371600"/>
              <a:chOff x="2737876" y="4625198"/>
              <a:chExt cx="2081212" cy="1371600"/>
            </a:xfrm>
            <a:effectLst/>
          </p:grpSpPr>
          <p:sp>
            <p:nvSpPr>
              <p:cNvPr id="37" name="Rectangle 5"/>
              <p:cNvSpPr>
                <a:spLocks noChangeArrowheads="1"/>
              </p:cNvSpPr>
              <p:nvPr/>
            </p:nvSpPr>
            <p:spPr bwMode="gray">
              <a:xfrm>
                <a:off x="2737876" y="5102150"/>
                <a:ext cx="2081212" cy="894648"/>
              </a:xfrm>
              <a:prstGeom prst="roundRect">
                <a:avLst/>
              </a:prstGeom>
              <a:ln>
                <a:headEnd/>
                <a:tailEnd/>
              </a:ln>
            </p:spPr>
            <p:style>
              <a:lnRef idx="1">
                <a:schemeClr val="dk1"/>
              </a:lnRef>
              <a:fillRef idx="2">
                <a:schemeClr val="dk1"/>
              </a:fillRef>
              <a:effectRef idx="1">
                <a:schemeClr val="dk1"/>
              </a:effectRef>
              <a:fontRef idx="minor">
                <a:schemeClr val="dk1"/>
              </a:fontRef>
            </p:style>
            <p:txBody>
              <a:bodyPr lIns="108000" tIns="108000" rIns="91440" bIns="72000" anchor="ctr"/>
              <a:lstStyle/>
              <a:p>
                <a:pPr algn="ctr">
                  <a:lnSpc>
                    <a:spcPct val="85000"/>
                  </a:lnSpc>
                  <a:spcAft>
                    <a:spcPts val="0"/>
                  </a:spcAft>
                  <a:buClr>
                    <a:srgbClr val="969696"/>
                  </a:buClr>
                  <a:defRPr/>
                </a:pPr>
                <a:r>
                  <a:rPr lang="en-US" sz="2000" noProof="1" smtClean="0">
                    <a:solidFill>
                      <a:srgbClr val="000000"/>
                    </a:solidFill>
                    <a:cs typeface="Arial" charset="0"/>
                  </a:rPr>
                  <a:t>$4.4 – 5.2 billion</a:t>
                </a:r>
              </a:p>
              <a:p>
                <a:pPr algn="ctr">
                  <a:lnSpc>
                    <a:spcPct val="85000"/>
                  </a:lnSpc>
                  <a:spcAft>
                    <a:spcPts val="0"/>
                  </a:spcAft>
                  <a:buClr>
                    <a:srgbClr val="969696"/>
                  </a:buClr>
                  <a:defRPr/>
                </a:pPr>
                <a:r>
                  <a:rPr lang="en-US" sz="2000" noProof="1" smtClean="0">
                    <a:solidFill>
                      <a:srgbClr val="000000"/>
                    </a:solidFill>
                    <a:cs typeface="Arial" charset="0"/>
                  </a:rPr>
                  <a:t>$249 – 299 million/yr.</a:t>
                </a:r>
                <a:br>
                  <a:rPr lang="en-US" sz="2000" noProof="1" smtClean="0">
                    <a:solidFill>
                      <a:srgbClr val="000000"/>
                    </a:solidFill>
                    <a:cs typeface="Arial" charset="0"/>
                  </a:rPr>
                </a:br>
                <a:r>
                  <a:rPr lang="en-US" sz="2000" noProof="1" smtClean="0">
                    <a:solidFill>
                      <a:srgbClr val="000000"/>
                    </a:solidFill>
                    <a:cs typeface="Arial" charset="0"/>
                  </a:rPr>
                  <a:t>(25 – 30% share)</a:t>
                </a:r>
                <a:endParaRPr lang="en-US" sz="2000" noProof="1">
                  <a:solidFill>
                    <a:prstClr val="black"/>
                  </a:solidFill>
                  <a:cs typeface="Arial" charset="0"/>
                </a:endParaRPr>
              </a:p>
            </p:txBody>
          </p:sp>
          <p:sp>
            <p:nvSpPr>
              <p:cNvPr id="21" name="Rechteck 30"/>
              <p:cNvSpPr/>
              <p:nvPr/>
            </p:nvSpPr>
            <p:spPr bwMode="gray">
              <a:xfrm>
                <a:off x="2737876" y="4625198"/>
                <a:ext cx="2079625" cy="480205"/>
              </a:xfrm>
              <a:prstGeom prst="roundRect">
                <a:avLst/>
              </a:prstGeom>
              <a:ln>
                <a:headEnd/>
                <a:tailEnd/>
              </a:ln>
            </p:spPr>
            <p:style>
              <a:lnRef idx="1">
                <a:schemeClr val="accent1"/>
              </a:lnRef>
              <a:fillRef idx="3">
                <a:schemeClr val="accent1"/>
              </a:fillRef>
              <a:effectRef idx="2">
                <a:schemeClr val="accent1"/>
              </a:effectRef>
              <a:fontRef idx="minor">
                <a:schemeClr val="lt1"/>
              </a:fontRef>
            </p:style>
            <p:txBody>
              <a:bodyPr lIns="108000" tIns="72000" rIns="108000" bIns="72000" anchor="ctr"/>
              <a:lstStyle/>
              <a:p>
                <a:pPr algn="ctr">
                  <a:spcAft>
                    <a:spcPts val="400"/>
                  </a:spcAft>
                  <a:defRPr/>
                </a:pPr>
                <a:r>
                  <a:rPr lang="en-US" sz="2200" b="1" spc="-150" noProof="1" smtClean="0">
                    <a:ln w="3175">
                      <a:noFill/>
                    </a:ln>
                    <a:solidFill>
                      <a:prstClr val="white"/>
                    </a:solidFill>
                    <a:effectLst>
                      <a:outerShdw blurRad="50800" dist="38100" dir="2700000" algn="tl" rotWithShape="0">
                        <a:prstClr val="black"/>
                      </a:outerShdw>
                    </a:effectLst>
                    <a:cs typeface="Arial" charset="0"/>
                  </a:rPr>
                  <a:t>Metropolitan Water District</a:t>
                </a:r>
                <a:endParaRPr lang="en-US" sz="2200" b="1" spc="-150" noProof="1">
                  <a:ln w="3175">
                    <a:noFill/>
                  </a:ln>
                  <a:solidFill>
                    <a:prstClr val="white"/>
                  </a:solidFill>
                  <a:effectLst>
                    <a:outerShdw blurRad="50800" dist="38100" dir="2700000" algn="tl" rotWithShape="0">
                      <a:prstClr val="black"/>
                    </a:outerShdw>
                  </a:effectLst>
                  <a:cs typeface="Arial" charset="0"/>
                </a:endParaRPr>
              </a:p>
            </p:txBody>
          </p:sp>
        </p:grpSp>
        <p:sp>
          <p:nvSpPr>
            <p:cNvPr id="2" name="Arc 1"/>
            <p:cNvSpPr/>
            <p:nvPr/>
          </p:nvSpPr>
          <p:spPr>
            <a:xfrm rot="1120905">
              <a:off x="3664846" y="4051278"/>
              <a:ext cx="2650596" cy="1170285"/>
            </a:xfrm>
            <a:prstGeom prst="arc">
              <a:avLst>
                <a:gd name="adj1" fmla="val 2118653"/>
                <a:gd name="adj2" fmla="val 7597850"/>
              </a:avLst>
            </a:prstGeom>
            <a:ln w="381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spTree>
    <p:extLst>
      <p:ext uri="{BB962C8B-B14F-4D97-AF65-F5344CB8AC3E}">
        <p14:creationId xmlns:p14="http://schemas.microsoft.com/office/powerpoint/2010/main" val="3140605158"/>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2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Content Placeholder 6"/>
          <p:cNvGraphicFramePr>
            <a:graphicFrameLocks noGrp="1"/>
          </p:cNvGraphicFramePr>
          <p:nvPr>
            <p:ph idx="1"/>
            <p:extLst>
              <p:ext uri="{D42A27DB-BD31-4B8C-83A1-F6EECF244321}">
                <p14:modId xmlns:p14="http://schemas.microsoft.com/office/powerpoint/2010/main" val="2817150764"/>
              </p:ext>
            </p:extLst>
          </p:nvPr>
        </p:nvGraphicFramePr>
        <p:xfrm>
          <a:off x="228600" y="2000656"/>
          <a:ext cx="8738590" cy="4493455"/>
        </p:xfrm>
        <a:graphic>
          <a:graphicData uri="http://schemas.openxmlformats.org/drawingml/2006/chart">
            <c:chart xmlns:c="http://schemas.openxmlformats.org/drawingml/2006/chart" xmlns:r="http://schemas.openxmlformats.org/officeDocument/2006/relationships" r:id="rId4"/>
          </a:graphicData>
        </a:graphic>
      </p:graphicFrame>
      <p:sp>
        <p:nvSpPr>
          <p:cNvPr id="6" name="Title 5"/>
          <p:cNvSpPr txBox="1">
            <a:spLocks/>
          </p:cNvSpPr>
          <p:nvPr/>
        </p:nvSpPr>
        <p:spPr bwMode="ltGray">
          <a:xfrm>
            <a:off x="152400" y="258354"/>
            <a:ext cx="86106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Project Supplies </a:t>
            </a:r>
          </a:p>
          <a:p>
            <a:pPr algn="r" defTabSz="914363" fontAlgn="auto">
              <a:lnSpc>
                <a:spcPct val="90000"/>
              </a:lnSpc>
              <a:spcAft>
                <a:spcPts val="0"/>
              </a:spcAft>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Existing Regulations vs. BDCP Cal Water Fix</a:t>
            </a:r>
          </a:p>
        </p:txBody>
      </p:sp>
      <p:sp>
        <p:nvSpPr>
          <p:cNvPr id="3" name="TextBox 2"/>
          <p:cNvSpPr txBox="1"/>
          <p:nvPr/>
        </p:nvSpPr>
        <p:spPr>
          <a:xfrm>
            <a:off x="71898" y="6494111"/>
            <a:ext cx="7543800" cy="276999"/>
          </a:xfrm>
          <a:prstGeom prst="rect">
            <a:avLst/>
          </a:prstGeom>
          <a:noFill/>
        </p:spPr>
        <p:txBody>
          <a:bodyPr wrap="square" rtlCol="0">
            <a:spAutoFit/>
          </a:bodyPr>
          <a:lstStyle/>
          <a:p>
            <a:r>
              <a:rPr lang="en-US" sz="1200" i="1"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SWP </a:t>
            </a:r>
            <a:r>
              <a:rPr lang="en-US" sz="1200" i="1" dirty="0">
                <a:ln w="3175">
                  <a:noFill/>
                </a:ln>
                <a:solidFill>
                  <a:srgbClr val="FFC000"/>
                </a:solidFill>
                <a:effectLst>
                  <a:outerShdw blurRad="50800" dist="38100" dir="2700000" algn="tl" rotWithShape="0">
                    <a:prstClr val="black">
                      <a:alpha val="40000"/>
                    </a:prstClr>
                  </a:outerShdw>
                </a:effectLst>
                <a:latin typeface="Calibri"/>
                <a:cs typeface="Arial" charset="0"/>
              </a:rPr>
              <a:t>&amp; CVP </a:t>
            </a:r>
            <a:r>
              <a:rPr lang="en-US" sz="1200" i="1"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average annual water supply in 2025; Data from Recirculated Draft EIR/S</a:t>
            </a:r>
            <a:endParaRPr lang="en-US" sz="1200" i="1" dirty="0">
              <a:solidFill>
                <a:srgbClr val="FFC000"/>
              </a:solidFill>
            </a:endParaRPr>
          </a:p>
        </p:txBody>
      </p:sp>
      <p:sp>
        <p:nvSpPr>
          <p:cNvPr id="30" name="Title 5"/>
          <p:cNvSpPr txBox="1">
            <a:spLocks/>
          </p:cNvSpPr>
          <p:nvPr/>
        </p:nvSpPr>
        <p:spPr bwMode="gray">
          <a:xfrm rot="16200000">
            <a:off x="3747490" y="4357301"/>
            <a:ext cx="1828800" cy="2769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0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Existing Regulations</a:t>
            </a:r>
            <a:endParaRPr lang="en-US" sz="3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31" name="Title 5"/>
          <p:cNvSpPr txBox="1">
            <a:spLocks/>
          </p:cNvSpPr>
          <p:nvPr/>
        </p:nvSpPr>
        <p:spPr bwMode="gray">
          <a:xfrm rot="16200000">
            <a:off x="4568410" y="4357301"/>
            <a:ext cx="1828800" cy="2769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0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Cal Water Fix  - Alt 4a</a:t>
            </a:r>
            <a:endParaRPr lang="en-US" sz="3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10" name="Rectangle 9"/>
          <p:cNvSpPr/>
          <p:nvPr/>
        </p:nvSpPr>
        <p:spPr bwMode="auto">
          <a:xfrm>
            <a:off x="7433885" y="2505269"/>
            <a:ext cx="863445" cy="252032"/>
          </a:xfrm>
          <a:prstGeom prst="rect">
            <a:avLst/>
          </a:prstGeom>
          <a:gradFill flip="none" rotWithShape="1">
            <a:gsLst>
              <a:gs pos="0">
                <a:schemeClr val="accent5">
                  <a:lumMod val="10000"/>
                </a:schemeClr>
              </a:gs>
              <a:gs pos="13000">
                <a:srgbClr val="796F54"/>
              </a:gs>
              <a:gs pos="28000">
                <a:schemeClr val="accent5">
                  <a:lumMod val="10000"/>
                </a:schemeClr>
              </a:gs>
              <a:gs pos="42999">
                <a:srgbClr val="796F54"/>
              </a:gs>
              <a:gs pos="58000">
                <a:schemeClr val="accent5">
                  <a:lumMod val="10000"/>
                </a:schemeClr>
              </a:gs>
              <a:gs pos="72000">
                <a:schemeClr val="accent5">
                  <a:lumMod val="75000"/>
                </a:schemeClr>
              </a:gs>
              <a:gs pos="87000">
                <a:schemeClr val="accent5">
                  <a:lumMod val="10000"/>
                </a:schemeClr>
              </a:gs>
              <a:gs pos="100000">
                <a:schemeClr val="accent5">
                  <a:lumMod val="75000"/>
                </a:schemeClr>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
        <p:nvSpPr>
          <p:cNvPr id="12" name="Rectangle 11"/>
          <p:cNvSpPr/>
          <p:nvPr/>
        </p:nvSpPr>
        <p:spPr bwMode="auto">
          <a:xfrm>
            <a:off x="5012987" y="3133725"/>
            <a:ext cx="863445" cy="252032"/>
          </a:xfrm>
          <a:prstGeom prst="rect">
            <a:avLst/>
          </a:prstGeom>
          <a:gradFill flip="none" rotWithShape="1">
            <a:gsLst>
              <a:gs pos="0">
                <a:schemeClr val="accent5">
                  <a:lumMod val="10000"/>
                </a:schemeClr>
              </a:gs>
              <a:gs pos="13000">
                <a:srgbClr val="796F54"/>
              </a:gs>
              <a:gs pos="28000">
                <a:schemeClr val="accent5">
                  <a:lumMod val="10000"/>
                </a:schemeClr>
              </a:gs>
              <a:gs pos="42999">
                <a:srgbClr val="796F54"/>
              </a:gs>
              <a:gs pos="58000">
                <a:schemeClr val="accent5">
                  <a:lumMod val="10000"/>
                </a:schemeClr>
              </a:gs>
              <a:gs pos="72000">
                <a:schemeClr val="accent5">
                  <a:lumMod val="75000"/>
                </a:schemeClr>
              </a:gs>
              <a:gs pos="87000">
                <a:schemeClr val="accent5">
                  <a:lumMod val="10000"/>
                </a:schemeClr>
              </a:gs>
              <a:gs pos="100000">
                <a:schemeClr val="accent5">
                  <a:lumMod val="75000"/>
                </a:schemeClr>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
        <p:nvSpPr>
          <p:cNvPr id="15" name="Rectangle 14"/>
          <p:cNvSpPr/>
          <p:nvPr/>
        </p:nvSpPr>
        <p:spPr bwMode="auto">
          <a:xfrm>
            <a:off x="2590800" y="3886200"/>
            <a:ext cx="863445" cy="126016"/>
          </a:xfrm>
          <a:prstGeom prst="rect">
            <a:avLst/>
          </a:prstGeom>
          <a:gradFill flip="none" rotWithShape="1">
            <a:gsLst>
              <a:gs pos="0">
                <a:schemeClr val="accent5">
                  <a:lumMod val="10000"/>
                </a:schemeClr>
              </a:gs>
              <a:gs pos="13000">
                <a:srgbClr val="796F54"/>
              </a:gs>
              <a:gs pos="28000">
                <a:schemeClr val="accent5">
                  <a:lumMod val="10000"/>
                </a:schemeClr>
              </a:gs>
              <a:gs pos="42999">
                <a:srgbClr val="796F54"/>
              </a:gs>
              <a:gs pos="58000">
                <a:schemeClr val="accent5">
                  <a:lumMod val="10000"/>
                </a:schemeClr>
              </a:gs>
              <a:gs pos="72000">
                <a:schemeClr val="accent5">
                  <a:lumMod val="75000"/>
                </a:schemeClr>
              </a:gs>
              <a:gs pos="87000">
                <a:schemeClr val="accent5">
                  <a:lumMod val="10000"/>
                </a:schemeClr>
              </a:gs>
              <a:gs pos="100000">
                <a:schemeClr val="accent5">
                  <a:lumMod val="75000"/>
                </a:schemeClr>
              </a:gs>
            </a:gsLst>
            <a:lin ang="8100000" scaled="1"/>
            <a:tileRect/>
          </a:gradFill>
          <a:ln>
            <a:noFill/>
            <a:headEnd type="none" w="med" len="med"/>
            <a:tailEnd type="none" w="med" len="med"/>
          </a:ln>
          <a:effectLst/>
          <a:scene3d>
            <a:camera prst="orthographicFront" fov="0">
              <a:rot lat="0" lon="0" rev="0"/>
            </a:camera>
            <a:lightRig rig="glow" dir="t">
              <a:rot lat="0" lon="0" rev="6360000"/>
            </a:lightRig>
          </a:scene3d>
          <a:sp3d contourW="1000" prstMaterial="flat">
            <a:bevelT w="101600" h="101600"/>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600" dirty="0" smtClean="0">
              <a:solidFill>
                <a:srgbClr val="FFFFFF"/>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11454639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 name="Cal Water Fix Straight Connector 30"/>
          <p:cNvCxnSpPr/>
          <p:nvPr/>
        </p:nvCxnSpPr>
        <p:spPr>
          <a:xfrm>
            <a:off x="7390511" y="2002289"/>
            <a:ext cx="0" cy="3474720"/>
          </a:xfrm>
          <a:prstGeom prst="line">
            <a:avLst/>
          </a:prstGeom>
          <a:ln w="38100">
            <a:solidFill>
              <a:srgbClr val="929292"/>
            </a:solidFill>
            <a:prstDash val="dash"/>
          </a:ln>
        </p:spPr>
        <p:style>
          <a:lnRef idx="1">
            <a:schemeClr val="accent1"/>
          </a:lnRef>
          <a:fillRef idx="0">
            <a:schemeClr val="accent1"/>
          </a:fillRef>
          <a:effectRef idx="0">
            <a:schemeClr val="accent1"/>
          </a:effectRef>
          <a:fontRef idx="minor">
            <a:schemeClr val="tx1"/>
          </a:fontRef>
        </p:style>
      </p:cxnSp>
      <p:graphicFrame>
        <p:nvGraphicFramePr>
          <p:cNvPr id="7" name="Content Placeholder 6"/>
          <p:cNvGraphicFramePr>
            <a:graphicFrameLocks noGrp="1"/>
          </p:cNvGraphicFramePr>
          <p:nvPr>
            <p:ph idx="1"/>
            <p:extLst>
              <p:ext uri="{D42A27DB-BD31-4B8C-83A1-F6EECF244321}">
                <p14:modId xmlns:p14="http://schemas.microsoft.com/office/powerpoint/2010/main" val="3753842107"/>
              </p:ext>
            </p:extLst>
          </p:nvPr>
        </p:nvGraphicFramePr>
        <p:xfrm>
          <a:off x="228600" y="1828800"/>
          <a:ext cx="8738590" cy="4493455"/>
        </p:xfrm>
        <a:graphic>
          <a:graphicData uri="http://schemas.openxmlformats.org/drawingml/2006/chart">
            <c:chart xmlns:c="http://schemas.openxmlformats.org/drawingml/2006/chart" xmlns:r="http://schemas.openxmlformats.org/officeDocument/2006/relationships" r:id="rId3"/>
          </a:graphicData>
        </a:graphic>
      </p:graphicFrame>
      <p:cxnSp>
        <p:nvCxnSpPr>
          <p:cNvPr id="46" name="Straight Connector 45"/>
          <p:cNvCxnSpPr/>
          <p:nvPr/>
        </p:nvCxnSpPr>
        <p:spPr>
          <a:xfrm>
            <a:off x="3775435" y="2978048"/>
            <a:ext cx="15765" cy="1005840"/>
          </a:xfrm>
          <a:prstGeom prst="line">
            <a:avLst/>
          </a:prstGeom>
          <a:ln w="76200">
            <a:solidFill>
              <a:schemeClr val="accent2">
                <a:lumMod val="75000"/>
              </a:schemeClr>
            </a:solidFill>
          </a:ln>
          <a:effectLst>
            <a:outerShdw blurRad="50800" dist="38100" dir="2700000" algn="tl" rotWithShape="0">
              <a:prstClr val="black"/>
            </a:outerShdw>
          </a:effectLst>
        </p:spPr>
        <p:style>
          <a:lnRef idx="1">
            <a:schemeClr val="accent1"/>
          </a:lnRef>
          <a:fillRef idx="0">
            <a:schemeClr val="accent1"/>
          </a:fillRef>
          <a:effectRef idx="0">
            <a:schemeClr val="accent1"/>
          </a:effectRef>
          <a:fontRef idx="minor">
            <a:schemeClr val="tx1"/>
          </a:fontRef>
        </p:style>
      </p:cxnSp>
      <p:pic>
        <p:nvPicPr>
          <p:cNvPr id="11" name="Delta Background Picture"/>
          <p:cNvPicPr>
            <a:picLocks noChangeAspect="1" noChangeArrowheads="1"/>
          </p:cNvPicPr>
          <p:nvPr/>
        </p:nvPicPr>
        <p:blipFill rotWithShape="1">
          <a:blip r:embed="rId4">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Main Title"/>
          <p:cNvSpPr txBox="1">
            <a:spLocks/>
          </p:cNvSpPr>
          <p:nvPr/>
        </p:nvSpPr>
        <p:spPr bwMode="ltGray">
          <a:xfrm>
            <a:off x="381000" y="258354"/>
            <a:ext cx="83820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Project Supplies</a:t>
            </a:r>
          </a:p>
          <a:p>
            <a:pPr algn="r" defTabSz="914363" fontAlgn="auto">
              <a:lnSpc>
                <a:spcPct val="90000"/>
              </a:lnSpc>
              <a:spcAft>
                <a:spcPts val="0"/>
              </a:spcAft>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Average Annual (million AF/yr)</a:t>
            </a:r>
          </a:p>
        </p:txBody>
      </p:sp>
      <p:sp>
        <p:nvSpPr>
          <p:cNvPr id="3" name="Notes"/>
          <p:cNvSpPr txBox="1"/>
          <p:nvPr/>
        </p:nvSpPr>
        <p:spPr>
          <a:xfrm>
            <a:off x="0" y="6096000"/>
            <a:ext cx="8919702" cy="720197"/>
          </a:xfrm>
          <a:prstGeom prst="rect">
            <a:avLst/>
          </a:prstGeom>
          <a:noFill/>
        </p:spPr>
        <p:txBody>
          <a:bodyPr wrap="square" rtlCol="0">
            <a:spAutoFit/>
          </a:bodyPr>
          <a:lstStyle/>
          <a:p>
            <a:r>
              <a:rPr lang="en-US" sz="1200" i="1"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SWP </a:t>
            </a:r>
            <a:r>
              <a:rPr lang="en-US" sz="1200" i="1" dirty="0">
                <a:ln w="3175">
                  <a:noFill/>
                </a:ln>
                <a:solidFill>
                  <a:srgbClr val="FFC000"/>
                </a:solidFill>
                <a:effectLst>
                  <a:outerShdw blurRad="50800" dist="38100" dir="2700000" algn="tl" rotWithShape="0">
                    <a:prstClr val="black">
                      <a:alpha val="40000"/>
                    </a:prstClr>
                  </a:outerShdw>
                </a:effectLst>
                <a:latin typeface="Calibri"/>
                <a:cs typeface="Arial" charset="0"/>
              </a:rPr>
              <a:t>&amp; CVP </a:t>
            </a:r>
            <a:r>
              <a:rPr lang="en-US" sz="1200" i="1"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water supply  analysis; Includes effect of climate change; Data from BDCP Draft EIR/S</a:t>
            </a:r>
          </a:p>
          <a:p>
            <a:pPr marL="171450" indent="-171450">
              <a:lnSpc>
                <a:spcPct val="80000"/>
              </a:lnSpc>
              <a:buFont typeface="Arial" panose="020B0604020202020204" pitchFamily="34" charset="0"/>
              <a:buChar char="•"/>
            </a:pP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4.9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4.6 maf/yr. – BDCP Record of Decision, collaborative adaptive management, with climate change</a:t>
            </a:r>
            <a:endPar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endParaRPr>
          </a:p>
          <a:p>
            <a:pPr marL="171450" indent="-171450">
              <a:lnSpc>
                <a:spcPct val="80000"/>
              </a:lnSpc>
              <a:buFont typeface="Arial" panose="020B0604020202020204" pitchFamily="34" charset="0"/>
              <a:buChar char="•"/>
            </a:pP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3.6 – 3.4 maf/yr.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BDCP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proposed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r</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egulations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without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northern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Intake (Existing Conditions High Outflow Scenario); BDCP Chapter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9</a:t>
            </a:r>
          </a:p>
          <a:p>
            <a:pPr marL="171450" indent="-171450">
              <a:lnSpc>
                <a:spcPct val="80000"/>
              </a:lnSpc>
              <a:buFont typeface="Arial" panose="020B0604020202020204" pitchFamily="34" charset="0"/>
              <a:buChar char="•"/>
            </a:pP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4.7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5.3maf/yr. </a:t>
            </a:r>
            <a:r>
              <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rPr>
              <a:t>– </a:t>
            </a:r>
            <a:r>
              <a:rPr lang="en-US" sz="1200" i="1" kern="0" dirty="0" smtClean="0">
                <a:ln w="3175">
                  <a:noFill/>
                </a:ln>
                <a:solidFill>
                  <a:srgbClr val="FFC000"/>
                </a:solidFill>
                <a:effectLst>
                  <a:outerShdw blurRad="50800" dist="38100" dir="2700000" algn="tl" rotWithShape="0">
                    <a:prstClr val="black">
                      <a:alpha val="40000"/>
                    </a:prstClr>
                  </a:outerShdw>
                </a:effectLst>
                <a:latin typeface="Calibri"/>
                <a:cs typeface="Arial" charset="0"/>
              </a:rPr>
              <a:t> Cal Water Fix Alternative 4a, range of SWP/CVP supply improvements</a:t>
            </a:r>
            <a:endParaRPr lang="en-US" sz="1200" i="1" kern="0" dirty="0">
              <a:ln w="3175">
                <a:noFill/>
              </a:ln>
              <a:solidFill>
                <a:srgbClr val="FFC000"/>
              </a:solidFill>
              <a:effectLst>
                <a:outerShdw blurRad="50800" dist="38100" dir="2700000" algn="tl" rotWithShape="0">
                  <a:prstClr val="black">
                    <a:alpha val="40000"/>
                  </a:prstClr>
                </a:outerShdw>
              </a:effectLst>
              <a:latin typeface="Calibri"/>
              <a:cs typeface="Arial" charset="0"/>
            </a:endParaRPr>
          </a:p>
        </p:txBody>
      </p:sp>
      <p:sp>
        <p:nvSpPr>
          <p:cNvPr id="13" name="No New Facilities Scenario"/>
          <p:cNvSpPr txBox="1">
            <a:spLocks/>
          </p:cNvSpPr>
          <p:nvPr/>
        </p:nvSpPr>
        <p:spPr bwMode="gray">
          <a:xfrm rot="120000">
            <a:off x="4353263" y="4231511"/>
            <a:ext cx="2532918" cy="609398"/>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b="1" spc="-150" dirty="0">
                <a:ln w="3175">
                  <a:noFill/>
                </a:ln>
                <a:solidFill>
                  <a:srgbClr val="EBDDC3">
                    <a:lumMod val="75000"/>
                  </a:srgbClr>
                </a:solidFill>
                <a:effectLst>
                  <a:outerShdw blurRad="50800" dist="38100" dir="2700000" algn="tl" rotWithShape="0">
                    <a:prstClr val="black">
                      <a:alpha val="40000"/>
                    </a:prstClr>
                  </a:outerShdw>
                </a:effectLst>
                <a:cs typeface="Arial" charset="0"/>
              </a:rPr>
              <a:t>No New </a:t>
            </a:r>
            <a:r>
              <a:rPr lang="en-US" sz="2200" b="1" spc="-150" dirty="0" smtClean="0">
                <a:ln w="3175">
                  <a:noFill/>
                </a:ln>
                <a:solidFill>
                  <a:srgbClr val="EBDDC3">
                    <a:lumMod val="75000"/>
                  </a:srgbClr>
                </a:solidFill>
                <a:effectLst>
                  <a:outerShdw blurRad="50800" dist="38100" dir="2700000" algn="tl" rotWithShape="0">
                    <a:prstClr val="black">
                      <a:alpha val="40000"/>
                    </a:prstClr>
                  </a:outerShdw>
                </a:effectLst>
                <a:cs typeface="Arial" charset="0"/>
              </a:rPr>
              <a:t>Facilities </a:t>
            </a:r>
            <a:r>
              <a:rPr lang="en-US" sz="2200" b="1" spc="-150" dirty="0" smtClean="0">
                <a:ln w="3175">
                  <a:noFill/>
                </a:ln>
                <a:solidFill>
                  <a:srgbClr val="EBDDC3">
                    <a:lumMod val="75000"/>
                  </a:srgbClr>
                </a:solidFill>
                <a:effectLst>
                  <a:outerShdw blurRad="50800" dist="38100" dir="2700000" algn="tl" rotWithShape="0">
                    <a:prstClr val="black">
                      <a:alpha val="40000"/>
                    </a:prstClr>
                  </a:outerShdw>
                </a:effectLst>
                <a:latin typeface="Calibri"/>
                <a:cs typeface="Arial" charset="0"/>
              </a:rPr>
              <a:t>Scenario</a:t>
            </a:r>
          </a:p>
        </p:txBody>
      </p:sp>
      <p:grpSp>
        <p:nvGrpSpPr>
          <p:cNvPr id="14" name="4.8 maf"/>
          <p:cNvGrpSpPr/>
          <p:nvPr/>
        </p:nvGrpSpPr>
        <p:grpSpPr>
          <a:xfrm>
            <a:off x="3357750" y="2945254"/>
            <a:ext cx="914400" cy="502117"/>
            <a:chOff x="3357750" y="2945254"/>
            <a:chExt cx="914400" cy="502117"/>
          </a:xfrm>
        </p:grpSpPr>
        <p:sp>
          <p:nvSpPr>
            <p:cNvPr id="17" name="Title 5"/>
            <p:cNvSpPr txBox="1">
              <a:spLocks/>
            </p:cNvSpPr>
            <p:nvPr/>
          </p:nvSpPr>
          <p:spPr bwMode="gray">
            <a:xfrm>
              <a:off x="3357750" y="3142672"/>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4.8 maf</a:t>
              </a:r>
            </a:p>
          </p:txBody>
        </p:sp>
        <p:sp>
          <p:nvSpPr>
            <p:cNvPr id="19" name="Rounded Rectangle 18"/>
            <p:cNvSpPr/>
            <p:nvPr/>
          </p:nvSpPr>
          <p:spPr bwMode="auto">
            <a:xfrm>
              <a:off x="3647597" y="2945254"/>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grpSp>
      <p:grpSp>
        <p:nvGrpSpPr>
          <p:cNvPr id="12" name="3.6 maf"/>
          <p:cNvGrpSpPr/>
          <p:nvPr/>
        </p:nvGrpSpPr>
        <p:grpSpPr>
          <a:xfrm>
            <a:off x="3359983" y="3912990"/>
            <a:ext cx="914400" cy="502920"/>
            <a:chOff x="3359983" y="3912990"/>
            <a:chExt cx="914400" cy="502920"/>
          </a:xfrm>
        </p:grpSpPr>
        <p:sp>
          <p:nvSpPr>
            <p:cNvPr id="20" name="Rounded Rectangle 19"/>
            <p:cNvSpPr/>
            <p:nvPr/>
          </p:nvSpPr>
          <p:spPr bwMode="auto">
            <a:xfrm>
              <a:off x="3661705" y="3912990"/>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sp>
          <p:nvSpPr>
            <p:cNvPr id="24" name="Title 5"/>
            <p:cNvSpPr txBox="1">
              <a:spLocks/>
            </p:cNvSpPr>
            <p:nvPr/>
          </p:nvSpPr>
          <p:spPr bwMode="gray">
            <a:xfrm>
              <a:off x="3359983" y="4111211"/>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3.6 maf</a:t>
              </a:r>
            </a:p>
          </p:txBody>
        </p:sp>
      </p:grpSp>
      <p:grpSp>
        <p:nvGrpSpPr>
          <p:cNvPr id="10" name="3.4 maf"/>
          <p:cNvGrpSpPr/>
          <p:nvPr/>
        </p:nvGrpSpPr>
        <p:grpSpPr>
          <a:xfrm>
            <a:off x="6933311" y="4092372"/>
            <a:ext cx="914400" cy="559104"/>
            <a:chOff x="6933311" y="4092372"/>
            <a:chExt cx="914400" cy="559104"/>
          </a:xfrm>
        </p:grpSpPr>
        <p:sp>
          <p:nvSpPr>
            <p:cNvPr id="25" name="Title 5"/>
            <p:cNvSpPr txBox="1">
              <a:spLocks/>
            </p:cNvSpPr>
            <p:nvPr/>
          </p:nvSpPr>
          <p:spPr bwMode="gray">
            <a:xfrm>
              <a:off x="6933311" y="4346777"/>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3.4 maf</a:t>
              </a:r>
            </a:p>
          </p:txBody>
        </p:sp>
        <p:sp>
          <p:nvSpPr>
            <p:cNvPr id="21" name="Rounded Rectangle 20"/>
            <p:cNvSpPr/>
            <p:nvPr/>
          </p:nvSpPr>
          <p:spPr bwMode="auto">
            <a:xfrm>
              <a:off x="7235033" y="4092372"/>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grpSp>
      <p:grpSp>
        <p:nvGrpSpPr>
          <p:cNvPr id="38" name="Existing Conditions"/>
          <p:cNvGrpSpPr/>
          <p:nvPr/>
        </p:nvGrpSpPr>
        <p:grpSpPr>
          <a:xfrm>
            <a:off x="1374749" y="1898074"/>
            <a:ext cx="1216051" cy="3578935"/>
            <a:chOff x="3599926" y="2074053"/>
            <a:chExt cx="1216051" cy="3578935"/>
          </a:xfrm>
        </p:grpSpPr>
        <p:cxnSp>
          <p:nvCxnSpPr>
            <p:cNvPr id="39" name="Straight Connector 38"/>
            <p:cNvCxnSpPr/>
            <p:nvPr/>
          </p:nvCxnSpPr>
          <p:spPr>
            <a:xfrm>
              <a:off x="4040587" y="2178268"/>
              <a:ext cx="0" cy="3474720"/>
            </a:xfrm>
            <a:prstGeom prst="line">
              <a:avLst/>
            </a:prstGeom>
            <a:ln w="38100">
              <a:solidFill>
                <a:srgbClr val="929292"/>
              </a:solidFill>
              <a:prstDash val="dash"/>
            </a:ln>
          </p:spPr>
          <p:style>
            <a:lnRef idx="1">
              <a:schemeClr val="accent1"/>
            </a:lnRef>
            <a:fillRef idx="0">
              <a:schemeClr val="accent1"/>
            </a:fillRef>
            <a:effectRef idx="0">
              <a:schemeClr val="accent1"/>
            </a:effectRef>
            <a:fontRef idx="minor">
              <a:schemeClr val="tx1"/>
            </a:fontRef>
          </p:style>
        </p:cxnSp>
        <p:sp>
          <p:nvSpPr>
            <p:cNvPr id="40" name="Title 5"/>
            <p:cNvSpPr txBox="1">
              <a:spLocks/>
            </p:cNvSpPr>
            <p:nvPr/>
          </p:nvSpPr>
          <p:spPr bwMode="gray">
            <a:xfrm>
              <a:off x="3599926" y="3287232"/>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4.9 maf</a:t>
              </a:r>
            </a:p>
          </p:txBody>
        </p:sp>
        <p:sp>
          <p:nvSpPr>
            <p:cNvPr id="41" name="Rounded Rectangle 40"/>
            <p:cNvSpPr/>
            <p:nvPr/>
          </p:nvSpPr>
          <p:spPr bwMode="auto">
            <a:xfrm>
              <a:off x="3885109" y="3016867"/>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sp>
          <p:nvSpPr>
            <p:cNvPr id="45" name="TextBox 44"/>
            <p:cNvSpPr txBox="1"/>
            <p:nvPr/>
          </p:nvSpPr>
          <p:spPr>
            <a:xfrm>
              <a:off x="3718697" y="2074053"/>
              <a:ext cx="1097280" cy="368470"/>
            </a:xfrm>
            <a:prstGeom prst="roundRect">
              <a:avLst/>
            </a:prstGeom>
            <a:solidFill>
              <a:schemeClr val="tx1">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p>
              <a:pPr algn="ctr">
                <a:lnSpc>
                  <a:spcPct val="80000"/>
                </a:lnSpc>
              </a:pPr>
              <a:r>
                <a:rPr lang="en-US" sz="2200" b="1" dirty="0" smtClean="0">
                  <a:solidFill>
                    <a:prstClr val="white"/>
                  </a:solidFill>
                </a:rPr>
                <a:t>Existing</a:t>
              </a:r>
              <a:endParaRPr lang="en-US" sz="2200" b="1" dirty="0">
                <a:solidFill>
                  <a:prstClr val="white"/>
                </a:solidFill>
              </a:endParaRPr>
            </a:p>
          </p:txBody>
        </p:sp>
      </p:grpSp>
      <p:sp>
        <p:nvSpPr>
          <p:cNvPr id="2" name="Rectangle 1"/>
          <p:cNvSpPr/>
          <p:nvPr/>
        </p:nvSpPr>
        <p:spPr bwMode="auto">
          <a:xfrm>
            <a:off x="7341426" y="2657502"/>
            <a:ext cx="782666" cy="371944"/>
          </a:xfrm>
          <a:prstGeom prst="rect">
            <a:avLst/>
          </a:prstGeom>
          <a:pattFill prst="wdUpDiag">
            <a:fgClr>
              <a:schemeClr val="bg1"/>
            </a:fgClr>
            <a:bgClr>
              <a:srgbClr val="294F6E"/>
            </a:bgClr>
          </a:patt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7" name="Title 5"/>
          <p:cNvSpPr txBox="1">
            <a:spLocks/>
          </p:cNvSpPr>
          <p:nvPr/>
        </p:nvSpPr>
        <p:spPr bwMode="gray">
          <a:xfrm>
            <a:off x="8114811" y="2459620"/>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5.3 maf</a:t>
            </a:r>
          </a:p>
        </p:txBody>
      </p:sp>
      <p:sp>
        <p:nvSpPr>
          <p:cNvPr id="35" name="Title 5"/>
          <p:cNvSpPr txBox="1">
            <a:spLocks/>
          </p:cNvSpPr>
          <p:nvPr/>
        </p:nvSpPr>
        <p:spPr bwMode="gray">
          <a:xfrm>
            <a:off x="8114811" y="2942822"/>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4.7 maf</a:t>
            </a:r>
          </a:p>
        </p:txBody>
      </p:sp>
      <p:grpSp>
        <p:nvGrpSpPr>
          <p:cNvPr id="16" name="4.7 to 5.3 maf"/>
          <p:cNvGrpSpPr/>
          <p:nvPr/>
        </p:nvGrpSpPr>
        <p:grpSpPr>
          <a:xfrm>
            <a:off x="7235033" y="2504440"/>
            <a:ext cx="310957" cy="619760"/>
            <a:chOff x="7235033" y="2504440"/>
            <a:chExt cx="310957" cy="619760"/>
          </a:xfrm>
        </p:grpSpPr>
        <p:cxnSp>
          <p:nvCxnSpPr>
            <p:cNvPr id="42" name="4.7 to 5.3 maf Straight Connector"/>
            <p:cNvCxnSpPr/>
            <p:nvPr/>
          </p:nvCxnSpPr>
          <p:spPr>
            <a:xfrm>
              <a:off x="7390511" y="2529840"/>
              <a:ext cx="0" cy="594360"/>
            </a:xfrm>
            <a:prstGeom prst="line">
              <a:avLst/>
            </a:prstGeom>
            <a:ln w="76200">
              <a:solidFill>
                <a:schemeClr val="accent1"/>
              </a:solidFill>
            </a:ln>
            <a:effectLst>
              <a:outerShdw blurRad="50800" dist="38100" dir="2700000" algn="tl" rotWithShape="0">
                <a:prstClr val="black"/>
              </a:outerShdw>
            </a:effectLst>
          </p:spPr>
          <p:style>
            <a:lnRef idx="1">
              <a:schemeClr val="accent1"/>
            </a:lnRef>
            <a:fillRef idx="0">
              <a:schemeClr val="accent1"/>
            </a:fillRef>
            <a:effectRef idx="0">
              <a:schemeClr val="accent1"/>
            </a:effectRef>
            <a:fontRef idx="minor">
              <a:schemeClr val="tx1"/>
            </a:fontRef>
          </p:style>
        </p:cxnSp>
        <p:sp>
          <p:nvSpPr>
            <p:cNvPr id="36" name="Rounded Rectangle 35"/>
            <p:cNvSpPr/>
            <p:nvPr/>
          </p:nvSpPr>
          <p:spPr bwMode="auto">
            <a:xfrm>
              <a:off x="7235033" y="2504440"/>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grpSp>
      <p:grpSp>
        <p:nvGrpSpPr>
          <p:cNvPr id="15" name="4.6 maf"/>
          <p:cNvGrpSpPr/>
          <p:nvPr/>
        </p:nvGrpSpPr>
        <p:grpSpPr>
          <a:xfrm>
            <a:off x="6933311" y="3045554"/>
            <a:ext cx="914400" cy="558372"/>
            <a:chOff x="6933311" y="3045554"/>
            <a:chExt cx="914400" cy="558372"/>
          </a:xfrm>
        </p:grpSpPr>
        <p:sp>
          <p:nvSpPr>
            <p:cNvPr id="22" name="Rounded Rectangle 21"/>
            <p:cNvSpPr/>
            <p:nvPr/>
          </p:nvSpPr>
          <p:spPr bwMode="auto">
            <a:xfrm>
              <a:off x="7235033" y="3045554"/>
              <a:ext cx="310957" cy="274320"/>
            </a:xfrm>
            <a:prstGeom prst="roundRect">
              <a:avLst>
                <a:gd name="adj" fmla="val 11958"/>
              </a:avLst>
            </a:prstGeom>
            <a:no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algn="ctr" defTabSz="912813" eaLnBrk="0" hangingPunct="0">
                <a:lnSpc>
                  <a:spcPct val="90000"/>
                </a:lnSpc>
                <a:spcAft>
                  <a:spcPts val="600"/>
                </a:spcAft>
                <a:buFontTx/>
                <a:buBlip>
                  <a:blip r:embed="rId5"/>
                </a:buBlip>
              </a:pPr>
              <a:r>
                <a:rPr lang="en-US" sz="2800" dirty="0" smtClean="0">
                  <a:solidFill>
                    <a:prstClr val="white"/>
                  </a:solidFill>
                </a:rPr>
                <a:t> </a:t>
              </a:r>
              <a:endParaRPr lang="en-US" sz="2800" dirty="0">
                <a:solidFill>
                  <a:prstClr val="white"/>
                </a:solidFill>
              </a:endParaRPr>
            </a:p>
          </p:txBody>
        </p:sp>
        <p:sp>
          <p:nvSpPr>
            <p:cNvPr id="26" name="Title 5"/>
            <p:cNvSpPr txBox="1">
              <a:spLocks/>
            </p:cNvSpPr>
            <p:nvPr/>
          </p:nvSpPr>
          <p:spPr bwMode="gray">
            <a:xfrm>
              <a:off x="6933311" y="3299227"/>
              <a:ext cx="914400" cy="304699"/>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4.6 maf</a:t>
              </a:r>
            </a:p>
          </p:txBody>
        </p:sp>
      </p:grpSp>
      <p:sp>
        <p:nvSpPr>
          <p:cNvPr id="44" name="Record of Decision - Adaptive Mgmt"/>
          <p:cNvSpPr txBox="1">
            <a:spLocks/>
          </p:cNvSpPr>
          <p:nvPr/>
        </p:nvSpPr>
        <p:spPr bwMode="gray">
          <a:xfrm rot="60000">
            <a:off x="3803075" y="2396786"/>
            <a:ext cx="3431958" cy="581698"/>
          </a:xfrm>
          <a:prstGeom prst="rect">
            <a:avLst/>
          </a:prstGeom>
          <a:effectLst/>
        </p:spPr>
        <p:txBody>
          <a:bodyPr vert="horz" wrap="square" lIns="0" tIns="0" rIns="0" bIns="0" rtlCol="0" anchor="t">
            <a:spAutoFit/>
          </a:bodyPr>
          <a:lstStyle/>
          <a:p>
            <a:pPr algn="ctr" defTabSz="914363" fontAlgn="auto">
              <a:lnSpc>
                <a:spcPct val="90000"/>
              </a:lnSpc>
              <a:spcAft>
                <a:spcPts val="0"/>
              </a:spcAft>
              <a:defRPr/>
            </a:pPr>
            <a:r>
              <a:rPr lang="en-US" sz="2200" b="1" spc="-150" dirty="0" smtClean="0">
                <a:ln w="3175">
                  <a:noFill/>
                </a:ln>
                <a:solidFill>
                  <a:srgbClr val="94B6D2"/>
                </a:solidFill>
                <a:effectLst>
                  <a:outerShdw blurRad="50800" dist="38100" dir="2700000" algn="tl" rotWithShape="0">
                    <a:prstClr val="black">
                      <a:alpha val="40000"/>
                    </a:prstClr>
                  </a:outerShdw>
                </a:effectLst>
                <a:latin typeface="Calibri"/>
                <a:cs typeface="Arial" charset="0"/>
              </a:rPr>
              <a:t>Record of Decision</a:t>
            </a:r>
            <a:br>
              <a:rPr lang="en-US" sz="2200" b="1" spc="-150" dirty="0" smtClean="0">
                <a:ln w="3175">
                  <a:noFill/>
                </a:ln>
                <a:solidFill>
                  <a:srgbClr val="94B6D2"/>
                </a:solidFill>
                <a:effectLst>
                  <a:outerShdw blurRad="50800" dist="38100" dir="2700000" algn="tl" rotWithShape="0">
                    <a:prstClr val="black">
                      <a:alpha val="40000"/>
                    </a:prstClr>
                  </a:outerShdw>
                </a:effectLst>
                <a:latin typeface="Calibri"/>
                <a:cs typeface="Arial" charset="0"/>
              </a:rPr>
            </a:br>
            <a:r>
              <a:rPr lang="en-US" sz="2000" b="1" spc="-150" dirty="0" smtClean="0">
                <a:ln w="3175">
                  <a:noFill/>
                </a:ln>
                <a:solidFill>
                  <a:srgbClr val="94B6D2"/>
                </a:solidFill>
                <a:effectLst>
                  <a:outerShdw blurRad="50800" dist="38100" dir="2700000" algn="tl" rotWithShape="0">
                    <a:prstClr val="black">
                      <a:alpha val="40000"/>
                    </a:prstClr>
                  </a:outerShdw>
                </a:effectLst>
                <a:latin typeface="Calibri"/>
                <a:cs typeface="Arial" charset="0"/>
              </a:rPr>
              <a:t>Collaborative Adaptive Management</a:t>
            </a:r>
            <a:endParaRPr lang="en-US" sz="2200" b="1" spc="-150" dirty="0" smtClean="0">
              <a:ln w="3175">
                <a:noFill/>
              </a:ln>
              <a:solidFill>
                <a:srgbClr val="94B6D2"/>
              </a:solidFill>
              <a:effectLst>
                <a:outerShdw blurRad="50800" dist="38100" dir="2700000" algn="tl" rotWithShape="0">
                  <a:prstClr val="black">
                    <a:alpha val="40000"/>
                  </a:prstClr>
                </a:outerShdw>
              </a:effectLst>
              <a:latin typeface="Calibri"/>
              <a:cs typeface="Arial" charset="0"/>
            </a:endParaRPr>
          </a:p>
        </p:txBody>
      </p:sp>
      <p:sp>
        <p:nvSpPr>
          <p:cNvPr id="37" name="Cal Water Fix TextBox"/>
          <p:cNvSpPr txBox="1"/>
          <p:nvPr/>
        </p:nvSpPr>
        <p:spPr>
          <a:xfrm>
            <a:off x="6541325" y="1898074"/>
            <a:ext cx="1698372" cy="360950"/>
          </a:xfrm>
          <a:prstGeom prst="roundRect">
            <a:avLst/>
          </a:prstGeom>
          <a:solidFill>
            <a:schemeClr val="tx1">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p>
            <a:pPr algn="ctr">
              <a:lnSpc>
                <a:spcPct val="80000"/>
              </a:lnSpc>
            </a:pPr>
            <a:r>
              <a:rPr lang="en-US" sz="2200" b="1" dirty="0" smtClean="0">
                <a:solidFill>
                  <a:prstClr val="white"/>
                </a:solidFill>
              </a:rPr>
              <a:t>Cal Water Fix</a:t>
            </a:r>
            <a:endParaRPr lang="en-US" sz="2200" b="1" dirty="0">
              <a:solidFill>
                <a:prstClr val="white"/>
              </a:solidFill>
            </a:endParaRPr>
          </a:p>
        </p:txBody>
      </p:sp>
    </p:spTree>
    <p:extLst>
      <p:ext uri="{BB962C8B-B14F-4D97-AF65-F5344CB8AC3E}">
        <p14:creationId xmlns:p14="http://schemas.microsoft.com/office/powerpoint/2010/main" val="42114789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8"/>
                                        </p:tgtEl>
                                        <p:attrNameLst>
                                          <p:attrName>style.visibility</p:attrName>
                                        </p:attrNameLst>
                                      </p:cBhvr>
                                      <p:to>
                                        <p:strVal val="visible"/>
                                      </p:to>
                                    </p:set>
                                    <p:animEffect transition="in" filter="fade">
                                      <p:cBhvr>
                                        <p:cTn id="7" dur="1000"/>
                                        <p:tgtEl>
                                          <p:spTgt spid="38"/>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7">
                                            <p:graphicEl>
                                              <a:chart seriesIdx="0" categoryIdx="-4" bldStep="series"/>
                                            </p:graphicEl>
                                          </p:spTgt>
                                        </p:tgtEl>
                                        <p:attrNameLst>
                                          <p:attrName>style.visibility</p:attrName>
                                        </p:attrNameLst>
                                      </p:cBhvr>
                                      <p:to>
                                        <p:strVal val="visible"/>
                                      </p:to>
                                    </p:set>
                                    <p:animEffect transition="in" filter="wipe(left)">
                                      <p:cBhvr>
                                        <p:cTn id="12" dur="1250"/>
                                        <p:tgtEl>
                                          <p:spTgt spid="7">
                                            <p:graphicEl>
                                              <a:chart seriesIdx="0" categoryIdx="-4" bldStep="series"/>
                                            </p:graphicEl>
                                          </p:spTgt>
                                        </p:tgtEl>
                                      </p:cBhvr>
                                    </p:animEffect>
                                  </p:childTnLst>
                                </p:cTn>
                              </p:par>
                            </p:childTnLst>
                          </p:cTn>
                        </p:par>
                        <p:par>
                          <p:cTn id="13" fill="hold">
                            <p:stCondLst>
                              <p:cond delay="1250"/>
                            </p:stCondLst>
                            <p:childTnLst>
                              <p:par>
                                <p:cTn id="14" presetID="10" presetClass="entr" presetSubtype="0" fill="hold" nodeType="afterEffect">
                                  <p:stCondLst>
                                    <p:cond delay="0"/>
                                  </p:stCondLst>
                                  <p:childTnLst>
                                    <p:set>
                                      <p:cBhvr>
                                        <p:cTn id="15" dur="1" fill="hold">
                                          <p:stCondLst>
                                            <p:cond delay="0"/>
                                          </p:stCondLst>
                                        </p:cTn>
                                        <p:tgtEl>
                                          <p:spTgt spid="14"/>
                                        </p:tgtEl>
                                        <p:attrNameLst>
                                          <p:attrName>style.visibility</p:attrName>
                                        </p:attrNameLst>
                                      </p:cBhvr>
                                      <p:to>
                                        <p:strVal val="visible"/>
                                      </p:to>
                                    </p:set>
                                    <p:animEffect transition="in" filter="fade">
                                      <p:cBhvr>
                                        <p:cTn id="16" dur="500"/>
                                        <p:tgtEl>
                                          <p:spTgt spid="14"/>
                                        </p:tgtEl>
                                      </p:cBhvr>
                                    </p:animEffect>
                                  </p:childTnLst>
                                </p:cTn>
                              </p:par>
                            </p:childTnLst>
                          </p:cTn>
                        </p:par>
                      </p:childTnLst>
                    </p:cTn>
                  </p:par>
                  <p:par>
                    <p:cTn id="17" fill="hold">
                      <p:stCondLst>
                        <p:cond delay="indefinite"/>
                      </p:stCondLst>
                      <p:childTnLst>
                        <p:par>
                          <p:cTn id="18" fill="hold">
                            <p:stCondLst>
                              <p:cond delay="0"/>
                            </p:stCondLst>
                            <p:childTnLst>
                              <p:par>
                                <p:cTn id="19" presetID="22" presetClass="entr" presetSubtype="1" fill="hold" nodeType="clickEffect">
                                  <p:stCondLst>
                                    <p:cond delay="0"/>
                                  </p:stCondLst>
                                  <p:childTnLst>
                                    <p:set>
                                      <p:cBhvr>
                                        <p:cTn id="20" dur="1" fill="hold">
                                          <p:stCondLst>
                                            <p:cond delay="0"/>
                                          </p:stCondLst>
                                        </p:cTn>
                                        <p:tgtEl>
                                          <p:spTgt spid="46"/>
                                        </p:tgtEl>
                                        <p:attrNameLst>
                                          <p:attrName>style.visibility</p:attrName>
                                        </p:attrNameLst>
                                      </p:cBhvr>
                                      <p:to>
                                        <p:strVal val="visible"/>
                                      </p:to>
                                    </p:set>
                                    <p:animEffect transition="in" filter="wipe(up)">
                                      <p:cBhvr>
                                        <p:cTn id="21" dur="1000"/>
                                        <p:tgtEl>
                                          <p:spTgt spid="46"/>
                                        </p:tgtEl>
                                      </p:cBhvr>
                                    </p:animEffect>
                                  </p:childTnLst>
                                </p:cTn>
                              </p:par>
                            </p:childTnLst>
                          </p:cTn>
                        </p:par>
                        <p:par>
                          <p:cTn id="22" fill="hold">
                            <p:stCondLst>
                              <p:cond delay="1000"/>
                            </p:stCondLst>
                            <p:childTnLst>
                              <p:par>
                                <p:cTn id="23" presetID="10" presetClass="entr" presetSubtype="0" fill="hold" nodeType="afterEffect">
                                  <p:stCondLst>
                                    <p:cond delay="0"/>
                                  </p:stCondLst>
                                  <p:childTnLst>
                                    <p:set>
                                      <p:cBhvr>
                                        <p:cTn id="24" dur="1" fill="hold">
                                          <p:stCondLst>
                                            <p:cond delay="0"/>
                                          </p:stCondLst>
                                        </p:cTn>
                                        <p:tgtEl>
                                          <p:spTgt spid="12"/>
                                        </p:tgtEl>
                                        <p:attrNameLst>
                                          <p:attrName>style.visibility</p:attrName>
                                        </p:attrNameLst>
                                      </p:cBhvr>
                                      <p:to>
                                        <p:strVal val="visible"/>
                                      </p:to>
                                    </p:set>
                                    <p:animEffect transition="in" filter="fade">
                                      <p:cBhvr>
                                        <p:cTn id="25" dur="500"/>
                                        <p:tgtEl>
                                          <p:spTgt spid="12"/>
                                        </p:tgtEl>
                                      </p:cBhvr>
                                    </p:animEffect>
                                  </p:childTnLst>
                                </p:cTn>
                              </p:par>
                            </p:childTnLst>
                          </p:cTn>
                        </p:par>
                        <p:par>
                          <p:cTn id="26" fill="hold">
                            <p:stCondLst>
                              <p:cond delay="1500"/>
                            </p:stCondLst>
                            <p:childTnLst>
                              <p:par>
                                <p:cTn id="27" presetID="22" presetClass="entr" presetSubtype="8" fill="hold" grpId="0" nodeType="afterEffect">
                                  <p:stCondLst>
                                    <p:cond delay="0"/>
                                  </p:stCondLst>
                                  <p:childTnLst>
                                    <p:set>
                                      <p:cBhvr>
                                        <p:cTn id="28" dur="1" fill="hold">
                                          <p:stCondLst>
                                            <p:cond delay="0"/>
                                          </p:stCondLst>
                                        </p:cTn>
                                        <p:tgtEl>
                                          <p:spTgt spid="7">
                                            <p:graphicEl>
                                              <a:chart seriesIdx="1" categoryIdx="-4" bldStep="series"/>
                                            </p:graphicEl>
                                          </p:spTgt>
                                        </p:tgtEl>
                                        <p:attrNameLst>
                                          <p:attrName>style.visibility</p:attrName>
                                        </p:attrNameLst>
                                      </p:cBhvr>
                                      <p:to>
                                        <p:strVal val="visible"/>
                                      </p:to>
                                    </p:set>
                                    <p:animEffect transition="in" filter="wipe(left)">
                                      <p:cBhvr>
                                        <p:cTn id="29" dur="1250"/>
                                        <p:tgtEl>
                                          <p:spTgt spid="7">
                                            <p:graphicEl>
                                              <a:chart seriesIdx="1" categoryIdx="-4" bldStep="series"/>
                                            </p:graphicEl>
                                          </p:spTgt>
                                        </p:tgtEl>
                                      </p:cBhvr>
                                    </p:animEffect>
                                  </p:childTnLst>
                                </p:cTn>
                              </p:par>
                              <p:par>
                                <p:cTn id="30" presetID="10" presetClass="entr" presetSubtype="0" fill="hold" grpId="0" nodeType="withEffect">
                                  <p:stCondLst>
                                    <p:cond delay="500"/>
                                  </p:stCondLst>
                                  <p:childTnLst>
                                    <p:set>
                                      <p:cBhvr>
                                        <p:cTn id="31" dur="1" fill="hold">
                                          <p:stCondLst>
                                            <p:cond delay="0"/>
                                          </p:stCondLst>
                                        </p:cTn>
                                        <p:tgtEl>
                                          <p:spTgt spid="13"/>
                                        </p:tgtEl>
                                        <p:attrNameLst>
                                          <p:attrName>style.visibility</p:attrName>
                                        </p:attrNameLst>
                                      </p:cBhvr>
                                      <p:to>
                                        <p:strVal val="visible"/>
                                      </p:to>
                                    </p:set>
                                    <p:animEffect transition="in" filter="fade">
                                      <p:cBhvr>
                                        <p:cTn id="32" dur="500"/>
                                        <p:tgtEl>
                                          <p:spTgt spid="13"/>
                                        </p:tgtEl>
                                      </p:cBhvr>
                                    </p:animEffect>
                                  </p:childTnLst>
                                </p:cTn>
                              </p:par>
                            </p:childTnLst>
                          </p:cTn>
                        </p:par>
                        <p:par>
                          <p:cTn id="33" fill="hold">
                            <p:stCondLst>
                              <p:cond delay="2750"/>
                            </p:stCondLst>
                            <p:childTnLst>
                              <p:par>
                                <p:cTn id="34" presetID="10" presetClass="entr" presetSubtype="0" fill="hold" nodeType="afterEffect">
                                  <p:stCondLst>
                                    <p:cond delay="0"/>
                                  </p:stCondLst>
                                  <p:childTnLst>
                                    <p:set>
                                      <p:cBhvr>
                                        <p:cTn id="35" dur="1" fill="hold">
                                          <p:stCondLst>
                                            <p:cond delay="0"/>
                                          </p:stCondLst>
                                        </p:cTn>
                                        <p:tgtEl>
                                          <p:spTgt spid="10"/>
                                        </p:tgtEl>
                                        <p:attrNameLst>
                                          <p:attrName>style.visibility</p:attrName>
                                        </p:attrNameLst>
                                      </p:cBhvr>
                                      <p:to>
                                        <p:strVal val="visible"/>
                                      </p:to>
                                    </p:set>
                                    <p:animEffect transition="in" filter="fade">
                                      <p:cBhvr>
                                        <p:cTn id="36" dur="500"/>
                                        <p:tgtEl>
                                          <p:spTgt spid="10"/>
                                        </p:tgtEl>
                                      </p:cBhvr>
                                    </p:animEffect>
                                  </p:childTnLst>
                                </p:cTn>
                              </p:par>
                            </p:childTnLst>
                          </p:cTn>
                        </p:par>
                      </p:childTnLst>
                    </p:cTn>
                  </p:par>
                  <p:par>
                    <p:cTn id="37" fill="hold">
                      <p:stCondLst>
                        <p:cond delay="indefinite"/>
                      </p:stCondLst>
                      <p:childTnLst>
                        <p:par>
                          <p:cTn id="38" fill="hold">
                            <p:stCondLst>
                              <p:cond delay="0"/>
                            </p:stCondLst>
                            <p:childTnLst>
                              <p:par>
                                <p:cTn id="39" presetID="22" presetClass="entr" presetSubtype="8" fill="hold" grpId="0" nodeType="clickEffect">
                                  <p:stCondLst>
                                    <p:cond delay="0"/>
                                  </p:stCondLst>
                                  <p:childTnLst>
                                    <p:set>
                                      <p:cBhvr>
                                        <p:cTn id="40" dur="1" fill="hold">
                                          <p:stCondLst>
                                            <p:cond delay="0"/>
                                          </p:stCondLst>
                                        </p:cTn>
                                        <p:tgtEl>
                                          <p:spTgt spid="7">
                                            <p:graphicEl>
                                              <a:chart seriesIdx="2" categoryIdx="-4" bldStep="series"/>
                                            </p:graphicEl>
                                          </p:spTgt>
                                        </p:tgtEl>
                                        <p:attrNameLst>
                                          <p:attrName>style.visibility</p:attrName>
                                        </p:attrNameLst>
                                      </p:cBhvr>
                                      <p:to>
                                        <p:strVal val="visible"/>
                                      </p:to>
                                    </p:set>
                                    <p:animEffect transition="in" filter="wipe(left)">
                                      <p:cBhvr>
                                        <p:cTn id="41" dur="1250"/>
                                        <p:tgtEl>
                                          <p:spTgt spid="7">
                                            <p:graphicEl>
                                              <a:chart seriesIdx="2" categoryIdx="-4" bldStep="series"/>
                                            </p:graphicEl>
                                          </p:spTgt>
                                        </p:tgtEl>
                                      </p:cBhvr>
                                    </p:animEffect>
                                  </p:childTnLst>
                                </p:cTn>
                              </p:par>
                              <p:par>
                                <p:cTn id="42" presetID="10" presetClass="entr" presetSubtype="0" fill="hold" grpId="0" nodeType="withEffect">
                                  <p:stCondLst>
                                    <p:cond delay="250"/>
                                  </p:stCondLst>
                                  <p:childTnLst>
                                    <p:set>
                                      <p:cBhvr>
                                        <p:cTn id="43" dur="1" fill="hold">
                                          <p:stCondLst>
                                            <p:cond delay="0"/>
                                          </p:stCondLst>
                                        </p:cTn>
                                        <p:tgtEl>
                                          <p:spTgt spid="44"/>
                                        </p:tgtEl>
                                        <p:attrNameLst>
                                          <p:attrName>style.visibility</p:attrName>
                                        </p:attrNameLst>
                                      </p:cBhvr>
                                      <p:to>
                                        <p:strVal val="visible"/>
                                      </p:to>
                                    </p:set>
                                    <p:animEffect transition="in" filter="fade">
                                      <p:cBhvr>
                                        <p:cTn id="44" dur="750"/>
                                        <p:tgtEl>
                                          <p:spTgt spid="44"/>
                                        </p:tgtEl>
                                      </p:cBhvr>
                                    </p:animEffect>
                                  </p:childTnLst>
                                </p:cTn>
                              </p:par>
                            </p:childTnLst>
                          </p:cTn>
                        </p:par>
                        <p:par>
                          <p:cTn id="45" fill="hold">
                            <p:stCondLst>
                              <p:cond delay="1250"/>
                            </p:stCondLst>
                            <p:childTnLst>
                              <p:par>
                                <p:cTn id="46" presetID="10" presetClass="entr" presetSubtype="0" fill="hold" nodeType="afterEffect">
                                  <p:stCondLst>
                                    <p:cond delay="0"/>
                                  </p:stCondLst>
                                  <p:childTnLst>
                                    <p:set>
                                      <p:cBhvr>
                                        <p:cTn id="47" dur="1" fill="hold">
                                          <p:stCondLst>
                                            <p:cond delay="0"/>
                                          </p:stCondLst>
                                        </p:cTn>
                                        <p:tgtEl>
                                          <p:spTgt spid="15"/>
                                        </p:tgtEl>
                                        <p:attrNameLst>
                                          <p:attrName>style.visibility</p:attrName>
                                        </p:attrNameLst>
                                      </p:cBhvr>
                                      <p:to>
                                        <p:strVal val="visible"/>
                                      </p:to>
                                    </p:set>
                                    <p:animEffect transition="in" filter="fade">
                                      <p:cBhvr>
                                        <p:cTn id="48" dur="750"/>
                                        <p:tgtEl>
                                          <p:spTgt spid="15"/>
                                        </p:tgtEl>
                                      </p:cBhvr>
                                    </p:animEffect>
                                  </p:childTnLst>
                                </p:cTn>
                              </p:par>
                            </p:childTnLst>
                          </p:cTn>
                        </p:par>
                      </p:childTnLst>
                    </p:cTn>
                  </p:par>
                  <p:par>
                    <p:cTn id="49" fill="hold">
                      <p:stCondLst>
                        <p:cond delay="indefinite"/>
                      </p:stCondLst>
                      <p:childTnLst>
                        <p:par>
                          <p:cTn id="50" fill="hold">
                            <p:stCondLst>
                              <p:cond delay="0"/>
                            </p:stCondLst>
                            <p:childTnLst>
                              <p:par>
                                <p:cTn id="51" presetID="10" presetClass="entr" presetSubtype="0" fill="hold" nodeType="clickEffect">
                                  <p:stCondLst>
                                    <p:cond delay="0"/>
                                  </p:stCondLst>
                                  <p:childTnLst>
                                    <p:set>
                                      <p:cBhvr>
                                        <p:cTn id="52" dur="1" fill="hold">
                                          <p:stCondLst>
                                            <p:cond delay="0"/>
                                          </p:stCondLst>
                                        </p:cTn>
                                        <p:tgtEl>
                                          <p:spTgt spid="31"/>
                                        </p:tgtEl>
                                        <p:attrNameLst>
                                          <p:attrName>style.visibility</p:attrName>
                                        </p:attrNameLst>
                                      </p:cBhvr>
                                      <p:to>
                                        <p:strVal val="visible"/>
                                      </p:to>
                                    </p:set>
                                    <p:animEffect transition="in" filter="fade">
                                      <p:cBhvr>
                                        <p:cTn id="53" dur="750"/>
                                        <p:tgtEl>
                                          <p:spTgt spid="31"/>
                                        </p:tgtEl>
                                      </p:cBhvr>
                                    </p:animEffect>
                                  </p:childTnLst>
                                </p:cTn>
                              </p:par>
                              <p:par>
                                <p:cTn id="54" presetID="10" presetClass="entr" presetSubtype="0" fill="hold" grpId="0" nodeType="withEffect">
                                  <p:stCondLst>
                                    <p:cond delay="0"/>
                                  </p:stCondLst>
                                  <p:childTnLst>
                                    <p:set>
                                      <p:cBhvr>
                                        <p:cTn id="55" dur="1" fill="hold">
                                          <p:stCondLst>
                                            <p:cond delay="0"/>
                                          </p:stCondLst>
                                        </p:cTn>
                                        <p:tgtEl>
                                          <p:spTgt spid="37"/>
                                        </p:tgtEl>
                                        <p:attrNameLst>
                                          <p:attrName>style.visibility</p:attrName>
                                        </p:attrNameLst>
                                      </p:cBhvr>
                                      <p:to>
                                        <p:strVal val="visible"/>
                                      </p:to>
                                    </p:set>
                                    <p:animEffect transition="in" filter="fade">
                                      <p:cBhvr>
                                        <p:cTn id="56" dur="750"/>
                                        <p:tgtEl>
                                          <p:spTgt spid="37"/>
                                        </p:tgtEl>
                                      </p:cBhvr>
                                    </p:animEffect>
                                  </p:childTnLst>
                                </p:cTn>
                              </p:par>
                            </p:childTnLst>
                          </p:cTn>
                        </p:par>
                      </p:childTnLst>
                    </p:cTn>
                  </p:par>
                  <p:par>
                    <p:cTn id="57" fill="hold">
                      <p:stCondLst>
                        <p:cond delay="indefinite"/>
                      </p:stCondLst>
                      <p:childTnLst>
                        <p:par>
                          <p:cTn id="58" fill="hold">
                            <p:stCondLst>
                              <p:cond delay="0"/>
                            </p:stCondLst>
                            <p:childTnLst>
                              <p:par>
                                <p:cTn id="59" presetID="22" presetClass="entr" presetSubtype="4" fill="hold" nodeType="clickEffect">
                                  <p:stCondLst>
                                    <p:cond delay="0"/>
                                  </p:stCondLst>
                                  <p:childTnLst>
                                    <p:set>
                                      <p:cBhvr>
                                        <p:cTn id="60" dur="1" fill="hold">
                                          <p:stCondLst>
                                            <p:cond delay="0"/>
                                          </p:stCondLst>
                                        </p:cTn>
                                        <p:tgtEl>
                                          <p:spTgt spid="16"/>
                                        </p:tgtEl>
                                        <p:attrNameLst>
                                          <p:attrName>style.visibility</p:attrName>
                                        </p:attrNameLst>
                                      </p:cBhvr>
                                      <p:to>
                                        <p:strVal val="visible"/>
                                      </p:to>
                                    </p:set>
                                    <p:animEffect transition="in" filter="wipe(down)">
                                      <p:cBhvr>
                                        <p:cTn id="61" dur="750"/>
                                        <p:tgtEl>
                                          <p:spTgt spid="16"/>
                                        </p:tgtEl>
                                      </p:cBhvr>
                                    </p:animEffect>
                                  </p:childTnLst>
                                </p:cTn>
                              </p:par>
                            </p:childTnLst>
                          </p:cTn>
                        </p:par>
                        <p:par>
                          <p:cTn id="62" fill="hold">
                            <p:stCondLst>
                              <p:cond delay="750"/>
                            </p:stCondLst>
                            <p:childTnLst>
                              <p:par>
                                <p:cTn id="63" presetID="22" presetClass="entr" presetSubtype="8" fill="hold" grpId="0" nodeType="afterEffect">
                                  <p:stCondLst>
                                    <p:cond delay="0"/>
                                  </p:stCondLst>
                                  <p:childTnLst>
                                    <p:set>
                                      <p:cBhvr>
                                        <p:cTn id="64" dur="1" fill="hold">
                                          <p:stCondLst>
                                            <p:cond delay="0"/>
                                          </p:stCondLst>
                                        </p:cTn>
                                        <p:tgtEl>
                                          <p:spTgt spid="7">
                                            <p:graphicEl>
                                              <a:chart seriesIdx="3" categoryIdx="-4" bldStep="series"/>
                                            </p:graphicEl>
                                          </p:spTgt>
                                        </p:tgtEl>
                                        <p:attrNameLst>
                                          <p:attrName>style.visibility</p:attrName>
                                        </p:attrNameLst>
                                      </p:cBhvr>
                                      <p:to>
                                        <p:strVal val="visible"/>
                                      </p:to>
                                    </p:set>
                                    <p:animEffect transition="in" filter="wipe(left)">
                                      <p:cBhvr>
                                        <p:cTn id="65" dur="1250"/>
                                        <p:tgtEl>
                                          <p:spTgt spid="7">
                                            <p:graphicEl>
                                              <a:chart seriesIdx="3" categoryIdx="-4" bldStep="series"/>
                                            </p:graphicEl>
                                          </p:spTgt>
                                        </p:tgtEl>
                                      </p:cBhvr>
                                    </p:animEffect>
                                  </p:childTnLst>
                                </p:cTn>
                              </p:par>
                              <p:par>
                                <p:cTn id="66" presetID="22" presetClass="entr" presetSubtype="8" fill="hold" grpId="0" nodeType="withEffect">
                                  <p:stCondLst>
                                    <p:cond delay="0"/>
                                  </p:stCondLst>
                                  <p:childTnLst>
                                    <p:set>
                                      <p:cBhvr>
                                        <p:cTn id="67" dur="1" fill="hold">
                                          <p:stCondLst>
                                            <p:cond delay="0"/>
                                          </p:stCondLst>
                                        </p:cTn>
                                        <p:tgtEl>
                                          <p:spTgt spid="7">
                                            <p:graphicEl>
                                              <a:chart seriesIdx="4" categoryIdx="-4" bldStep="series"/>
                                            </p:graphicEl>
                                          </p:spTgt>
                                        </p:tgtEl>
                                        <p:attrNameLst>
                                          <p:attrName>style.visibility</p:attrName>
                                        </p:attrNameLst>
                                      </p:cBhvr>
                                      <p:to>
                                        <p:strVal val="visible"/>
                                      </p:to>
                                    </p:set>
                                    <p:animEffect transition="in" filter="wipe(left)">
                                      <p:cBhvr>
                                        <p:cTn id="68" dur="1250"/>
                                        <p:tgtEl>
                                          <p:spTgt spid="7">
                                            <p:graphicEl>
                                              <a:chart seriesIdx="4" categoryIdx="-4" bldStep="series"/>
                                            </p:graphicEl>
                                          </p:spTgt>
                                        </p:tgtEl>
                                      </p:cBhvr>
                                    </p:animEffect>
                                  </p:childTnLst>
                                </p:cTn>
                              </p:par>
                              <p:par>
                                <p:cTn id="69" presetID="22" presetClass="entr" presetSubtype="8" fill="hold" grpId="0" nodeType="withEffect">
                                  <p:stCondLst>
                                    <p:cond delay="0"/>
                                  </p:stCondLst>
                                  <p:childTnLst>
                                    <p:set>
                                      <p:cBhvr>
                                        <p:cTn id="70" dur="1" fill="hold">
                                          <p:stCondLst>
                                            <p:cond delay="0"/>
                                          </p:stCondLst>
                                        </p:cTn>
                                        <p:tgtEl>
                                          <p:spTgt spid="2"/>
                                        </p:tgtEl>
                                        <p:attrNameLst>
                                          <p:attrName>style.visibility</p:attrName>
                                        </p:attrNameLst>
                                      </p:cBhvr>
                                      <p:to>
                                        <p:strVal val="visible"/>
                                      </p:to>
                                    </p:set>
                                    <p:animEffect transition="in" filter="wipe(left)">
                                      <p:cBhvr>
                                        <p:cTn id="71" dur="1250"/>
                                        <p:tgtEl>
                                          <p:spTgt spid="2"/>
                                        </p:tgtEl>
                                      </p:cBhvr>
                                    </p:animEffect>
                                  </p:childTnLst>
                                </p:cTn>
                              </p:par>
                              <p:par>
                                <p:cTn id="72" presetID="22" presetClass="entr" presetSubtype="8" fill="hold" grpId="0" nodeType="withEffect">
                                  <p:stCondLst>
                                    <p:cond delay="1000"/>
                                  </p:stCondLst>
                                  <p:childTnLst>
                                    <p:set>
                                      <p:cBhvr>
                                        <p:cTn id="73" dur="1" fill="hold">
                                          <p:stCondLst>
                                            <p:cond delay="0"/>
                                          </p:stCondLst>
                                        </p:cTn>
                                        <p:tgtEl>
                                          <p:spTgt spid="35"/>
                                        </p:tgtEl>
                                        <p:attrNameLst>
                                          <p:attrName>style.visibility</p:attrName>
                                        </p:attrNameLst>
                                      </p:cBhvr>
                                      <p:to>
                                        <p:strVal val="visible"/>
                                      </p:to>
                                    </p:set>
                                    <p:animEffect transition="in" filter="wipe(left)">
                                      <p:cBhvr>
                                        <p:cTn id="74" dur="1250"/>
                                        <p:tgtEl>
                                          <p:spTgt spid="35"/>
                                        </p:tgtEl>
                                      </p:cBhvr>
                                    </p:animEffect>
                                  </p:childTnLst>
                                </p:cTn>
                              </p:par>
                              <p:par>
                                <p:cTn id="75" presetID="22" presetClass="entr" presetSubtype="8" fill="hold" grpId="0" nodeType="withEffect">
                                  <p:stCondLst>
                                    <p:cond delay="1000"/>
                                  </p:stCondLst>
                                  <p:childTnLst>
                                    <p:set>
                                      <p:cBhvr>
                                        <p:cTn id="76" dur="1" fill="hold">
                                          <p:stCondLst>
                                            <p:cond delay="0"/>
                                          </p:stCondLst>
                                        </p:cTn>
                                        <p:tgtEl>
                                          <p:spTgt spid="27"/>
                                        </p:tgtEl>
                                        <p:attrNameLst>
                                          <p:attrName>style.visibility</p:attrName>
                                        </p:attrNameLst>
                                      </p:cBhvr>
                                      <p:to>
                                        <p:strVal val="visible"/>
                                      </p:to>
                                    </p:set>
                                    <p:animEffect transition="in" filter="wipe(left)">
                                      <p:cBhvr>
                                        <p:cTn id="77" dur="125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7" grpId="0">
        <p:bldSub>
          <a:bldChart bld="series" animBg="0"/>
        </p:bldSub>
      </p:bldGraphic>
      <p:bldP spid="13" grpId="0"/>
      <p:bldP spid="2" grpId="0" animBg="1"/>
      <p:bldP spid="27" grpId="0"/>
      <p:bldP spid="35" grpId="0"/>
      <p:bldP spid="44" grpId="0"/>
      <p:bldP spid="37" grpId="0" animBg="1"/>
    </p:bldLst>
  </p:timing>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 name="Straight Connector 8"/>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grpSp>
        <p:nvGrpSpPr>
          <p:cNvPr id="2" name="Group 14"/>
          <p:cNvGrpSpPr>
            <a:grpSpLocks/>
          </p:cNvGrpSpPr>
          <p:nvPr/>
        </p:nvGrpSpPr>
        <p:grpSpPr bwMode="auto">
          <a:xfrm>
            <a:off x="-34925" y="1176338"/>
            <a:ext cx="9178925" cy="5681662"/>
            <a:chOff x="-34506" y="1176338"/>
            <a:chExt cx="9178506"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grayscl/>
            </a:blip>
            <a:srcRect/>
            <a:stretch>
              <a:fillRect/>
            </a:stretch>
          </p:blipFill>
          <p:spPr bwMode="ltGray">
            <a:xfrm>
              <a:off x="0" y="1176338"/>
              <a:ext cx="9144000"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3" name="Group 55"/>
          <p:cNvGrpSpPr>
            <a:grpSpLocks/>
          </p:cNvGrpSpPr>
          <p:nvPr/>
        </p:nvGrpSpPr>
        <p:grpSpPr bwMode="auto">
          <a:xfrm>
            <a:off x="4275138" y="3759200"/>
            <a:ext cx="1368425" cy="2127250"/>
            <a:chOff x="4275138" y="3759200"/>
            <a:chExt cx="1368426" cy="2127250"/>
          </a:xfrm>
        </p:grpSpPr>
        <p:sp>
          <p:nvSpPr>
            <p:cNvPr id="266283" name="Freeform 43"/>
            <p:cNvSpPr>
              <a:spLocks/>
            </p:cNvSpPr>
            <p:nvPr/>
          </p:nvSpPr>
          <p:spPr bwMode="invGray">
            <a:xfrm>
              <a:off x="4489450" y="3803650"/>
              <a:ext cx="1154114"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sp>
          <p:nvSpPr>
            <p:cNvPr id="266282" name="Freeform 42"/>
            <p:cNvSpPr>
              <a:spLocks/>
            </p:cNvSpPr>
            <p:nvPr/>
          </p:nvSpPr>
          <p:spPr bwMode="invGray">
            <a:xfrm>
              <a:off x="4275138" y="3759200"/>
              <a:ext cx="1155701" cy="2076450"/>
            </a:xfrm>
            <a:custGeom>
              <a:avLst/>
              <a:gdLst/>
              <a:ahLst/>
              <a:cxnLst>
                <a:cxn ang="0">
                  <a:pos x="659" y="0"/>
                </a:cxn>
                <a:cxn ang="0">
                  <a:pos x="723" y="8"/>
                </a:cxn>
                <a:cxn ang="0">
                  <a:pos x="719" y="24"/>
                </a:cxn>
                <a:cxn ang="0">
                  <a:pos x="695" y="32"/>
                </a:cxn>
                <a:cxn ang="0">
                  <a:pos x="683" y="44"/>
                </a:cxn>
                <a:cxn ang="0">
                  <a:pos x="667" y="48"/>
                </a:cxn>
                <a:cxn ang="0">
                  <a:pos x="691" y="60"/>
                </a:cxn>
                <a:cxn ang="0">
                  <a:pos x="563" y="100"/>
                </a:cxn>
                <a:cxn ang="0">
                  <a:pos x="563" y="128"/>
                </a:cxn>
                <a:cxn ang="0">
                  <a:pos x="551" y="168"/>
                </a:cxn>
                <a:cxn ang="0">
                  <a:pos x="527" y="172"/>
                </a:cxn>
                <a:cxn ang="0">
                  <a:pos x="503" y="188"/>
                </a:cxn>
                <a:cxn ang="0">
                  <a:pos x="491" y="196"/>
                </a:cxn>
                <a:cxn ang="0">
                  <a:pos x="487" y="208"/>
                </a:cxn>
                <a:cxn ang="0">
                  <a:pos x="343" y="220"/>
                </a:cxn>
                <a:cxn ang="0">
                  <a:pos x="171" y="260"/>
                </a:cxn>
                <a:cxn ang="0">
                  <a:pos x="159" y="292"/>
                </a:cxn>
                <a:cxn ang="0">
                  <a:pos x="231" y="296"/>
                </a:cxn>
                <a:cxn ang="0">
                  <a:pos x="255" y="304"/>
                </a:cxn>
                <a:cxn ang="0">
                  <a:pos x="263" y="328"/>
                </a:cxn>
                <a:cxn ang="0">
                  <a:pos x="267" y="340"/>
                </a:cxn>
                <a:cxn ang="0">
                  <a:pos x="231" y="356"/>
                </a:cxn>
                <a:cxn ang="0">
                  <a:pos x="211" y="400"/>
                </a:cxn>
                <a:cxn ang="0">
                  <a:pos x="155" y="424"/>
                </a:cxn>
                <a:cxn ang="0">
                  <a:pos x="131" y="456"/>
                </a:cxn>
                <a:cxn ang="0">
                  <a:pos x="111" y="532"/>
                </a:cxn>
                <a:cxn ang="0">
                  <a:pos x="123" y="652"/>
                </a:cxn>
                <a:cxn ang="0">
                  <a:pos x="99" y="684"/>
                </a:cxn>
                <a:cxn ang="0">
                  <a:pos x="155" y="708"/>
                </a:cxn>
                <a:cxn ang="0">
                  <a:pos x="143" y="756"/>
                </a:cxn>
                <a:cxn ang="0">
                  <a:pos x="155" y="760"/>
                </a:cxn>
                <a:cxn ang="0">
                  <a:pos x="199" y="776"/>
                </a:cxn>
                <a:cxn ang="0">
                  <a:pos x="135" y="796"/>
                </a:cxn>
                <a:cxn ang="0">
                  <a:pos x="195" y="820"/>
                </a:cxn>
                <a:cxn ang="0">
                  <a:pos x="171" y="852"/>
                </a:cxn>
                <a:cxn ang="0">
                  <a:pos x="219" y="872"/>
                </a:cxn>
                <a:cxn ang="0">
                  <a:pos x="223" y="884"/>
                </a:cxn>
                <a:cxn ang="0">
                  <a:pos x="235" y="892"/>
                </a:cxn>
                <a:cxn ang="0">
                  <a:pos x="243" y="932"/>
                </a:cxn>
                <a:cxn ang="0">
                  <a:pos x="191" y="956"/>
                </a:cxn>
                <a:cxn ang="0">
                  <a:pos x="199" y="992"/>
                </a:cxn>
                <a:cxn ang="0">
                  <a:pos x="111" y="1016"/>
                </a:cxn>
                <a:cxn ang="0">
                  <a:pos x="147" y="1040"/>
                </a:cxn>
                <a:cxn ang="0">
                  <a:pos x="91" y="1084"/>
                </a:cxn>
                <a:cxn ang="0">
                  <a:pos x="67" y="1092"/>
                </a:cxn>
                <a:cxn ang="0">
                  <a:pos x="55" y="1116"/>
                </a:cxn>
                <a:cxn ang="0">
                  <a:pos x="19" y="1148"/>
                </a:cxn>
                <a:cxn ang="0">
                  <a:pos x="3" y="1172"/>
                </a:cxn>
                <a:cxn ang="0">
                  <a:pos x="15" y="1180"/>
                </a:cxn>
                <a:cxn ang="0">
                  <a:pos x="39" y="1188"/>
                </a:cxn>
                <a:cxn ang="0">
                  <a:pos x="119" y="1224"/>
                </a:cxn>
                <a:cxn ang="0">
                  <a:pos x="111" y="1308"/>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sp>
          <p:nvSpPr>
            <p:cNvPr id="266284" name="Freeform 44"/>
            <p:cNvSpPr>
              <a:spLocks/>
            </p:cNvSpPr>
            <p:nvPr/>
          </p:nvSpPr>
          <p:spPr bwMode="invGray">
            <a:xfrm>
              <a:off x="4456113" y="3797300"/>
              <a:ext cx="788988" cy="412750"/>
            </a:xfrm>
            <a:custGeom>
              <a:avLst/>
              <a:gdLst/>
              <a:ahLst/>
              <a:cxnLst>
                <a:cxn ang="0">
                  <a:pos x="497" y="0"/>
                </a:cxn>
                <a:cxn ang="0">
                  <a:pos x="393" y="24"/>
                </a:cxn>
                <a:cxn ang="0">
                  <a:pos x="257" y="80"/>
                </a:cxn>
                <a:cxn ang="0">
                  <a:pos x="197" y="92"/>
                </a:cxn>
                <a:cxn ang="0">
                  <a:pos x="173" y="100"/>
                </a:cxn>
                <a:cxn ang="0">
                  <a:pos x="153" y="104"/>
                </a:cxn>
                <a:cxn ang="0">
                  <a:pos x="129" y="112"/>
                </a:cxn>
                <a:cxn ang="0">
                  <a:pos x="81" y="148"/>
                </a:cxn>
                <a:cxn ang="0">
                  <a:pos x="25" y="156"/>
                </a:cxn>
                <a:cxn ang="0">
                  <a:pos x="21" y="180"/>
                </a:cxn>
                <a:cxn ang="0">
                  <a:pos x="13" y="196"/>
                </a:cxn>
                <a:cxn ang="0">
                  <a:pos x="25" y="220"/>
                </a:cxn>
                <a:cxn ang="0">
                  <a:pos x="45" y="260"/>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grpSp>
      <p:sp>
        <p:nvSpPr>
          <p:cNvPr id="266291" name="Freeform 51"/>
          <p:cNvSpPr>
            <a:spLocks/>
          </p:cNvSpPr>
          <p:nvPr/>
        </p:nvSpPr>
        <p:spPr bwMode="ltGray">
          <a:xfrm>
            <a:off x="2603500" y="4287838"/>
            <a:ext cx="6500813" cy="2311400"/>
          </a:xfrm>
          <a:custGeom>
            <a:avLst/>
            <a:gdLst/>
            <a:ahLst/>
            <a:cxnLst>
              <a:cxn ang="0">
                <a:pos x="4095" y="1456"/>
              </a:cxn>
              <a:cxn ang="0">
                <a:pos x="4082" y="1419"/>
              </a:cxn>
              <a:cxn ang="0">
                <a:pos x="4045" y="1394"/>
              </a:cxn>
              <a:cxn ang="0">
                <a:pos x="4007" y="1356"/>
              </a:cxn>
              <a:cxn ang="0">
                <a:pos x="3945" y="1344"/>
              </a:cxn>
              <a:cxn ang="0">
                <a:pos x="3807" y="1268"/>
              </a:cxn>
              <a:cxn ang="0">
                <a:pos x="3769" y="1168"/>
              </a:cxn>
              <a:cxn ang="0">
                <a:pos x="3657" y="1005"/>
              </a:cxn>
              <a:cxn ang="0">
                <a:pos x="3632" y="968"/>
              </a:cxn>
              <a:cxn ang="0">
                <a:pos x="3594" y="955"/>
              </a:cxn>
              <a:cxn ang="0">
                <a:pos x="3582" y="880"/>
              </a:cxn>
              <a:cxn ang="0">
                <a:pos x="3544" y="868"/>
              </a:cxn>
              <a:cxn ang="0">
                <a:pos x="3431" y="855"/>
              </a:cxn>
              <a:cxn ang="0">
                <a:pos x="3431" y="705"/>
              </a:cxn>
              <a:cxn ang="0">
                <a:pos x="3269" y="605"/>
              </a:cxn>
              <a:cxn ang="0">
                <a:pos x="3118" y="530"/>
              </a:cxn>
              <a:cxn ang="0">
                <a:pos x="2993" y="480"/>
              </a:cxn>
              <a:cxn ang="0">
                <a:pos x="2968" y="454"/>
              </a:cxn>
              <a:cxn ang="0">
                <a:pos x="2793" y="429"/>
              </a:cxn>
              <a:cxn ang="0">
                <a:pos x="2718" y="404"/>
              </a:cxn>
              <a:cxn ang="0">
                <a:pos x="2592" y="304"/>
              </a:cxn>
              <a:cxn ang="0">
                <a:pos x="2204" y="292"/>
              </a:cxn>
              <a:cxn ang="0">
                <a:pos x="2142" y="242"/>
              </a:cxn>
              <a:cxn ang="0">
                <a:pos x="2016" y="204"/>
              </a:cxn>
              <a:cxn ang="0">
                <a:pos x="1979" y="179"/>
              </a:cxn>
              <a:cxn ang="0">
                <a:pos x="1653" y="154"/>
              </a:cxn>
              <a:cxn ang="0">
                <a:pos x="1415" y="116"/>
              </a:cxn>
              <a:cxn ang="0">
                <a:pos x="1353" y="66"/>
              </a:cxn>
              <a:cxn ang="0">
                <a:pos x="1240" y="4"/>
              </a:cxn>
              <a:cxn ang="0">
                <a:pos x="539" y="16"/>
              </a:cxn>
              <a:cxn ang="0">
                <a:pos x="514" y="54"/>
              </a:cxn>
              <a:cxn ang="0">
                <a:pos x="263" y="154"/>
              </a:cxn>
              <a:cxn ang="0">
                <a:pos x="151" y="166"/>
              </a:cxn>
              <a:cxn ang="0">
                <a:pos x="0" y="204"/>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grpSp>
        <p:nvGrpSpPr>
          <p:cNvPr id="4" name="Group 54"/>
          <p:cNvGrpSpPr>
            <a:grpSpLocks/>
          </p:cNvGrpSpPr>
          <p:nvPr/>
        </p:nvGrpSpPr>
        <p:grpSpPr bwMode="auto">
          <a:xfrm>
            <a:off x="2590800" y="1739900"/>
            <a:ext cx="2795588" cy="2616200"/>
            <a:chOff x="2590800" y="1739900"/>
            <a:chExt cx="2795588" cy="2616200"/>
          </a:xfrm>
        </p:grpSpPr>
        <p:sp>
          <p:nvSpPr>
            <p:cNvPr id="35" name="Freeform 47"/>
            <p:cNvSpPr>
              <a:spLocks/>
            </p:cNvSpPr>
            <p:nvPr/>
          </p:nvSpPr>
          <p:spPr bwMode="ltGray">
            <a:xfrm>
              <a:off x="2590800" y="1739900"/>
              <a:ext cx="2795588" cy="2616200"/>
            </a:xfrm>
            <a:custGeom>
              <a:avLst/>
              <a:gdLst/>
              <a:ahLst/>
              <a:cxnLst>
                <a:cxn ang="0">
                  <a:pos x="48" y="1640"/>
                </a:cxn>
                <a:cxn ang="0">
                  <a:pos x="304" y="1576"/>
                </a:cxn>
                <a:cxn ang="0">
                  <a:pos x="564" y="1484"/>
                </a:cxn>
                <a:cxn ang="0">
                  <a:pos x="748" y="1400"/>
                </a:cxn>
                <a:cxn ang="0">
                  <a:pos x="1020" y="1436"/>
                </a:cxn>
                <a:cxn ang="0">
                  <a:pos x="1260" y="1396"/>
                </a:cxn>
                <a:cxn ang="0">
                  <a:pos x="1432" y="1340"/>
                </a:cxn>
                <a:cxn ang="0">
                  <a:pos x="1436" y="1276"/>
                </a:cxn>
                <a:cxn ang="0">
                  <a:pos x="1716" y="1276"/>
                </a:cxn>
                <a:cxn ang="0">
                  <a:pos x="1488" y="1204"/>
                </a:cxn>
                <a:cxn ang="0">
                  <a:pos x="1348" y="1136"/>
                </a:cxn>
                <a:cxn ang="0">
                  <a:pos x="1564" y="1100"/>
                </a:cxn>
                <a:cxn ang="0">
                  <a:pos x="1660" y="1088"/>
                </a:cxn>
                <a:cxn ang="0">
                  <a:pos x="1704" y="1036"/>
                </a:cxn>
                <a:cxn ang="0">
                  <a:pos x="1616" y="980"/>
                </a:cxn>
                <a:cxn ang="0">
                  <a:pos x="1760" y="952"/>
                </a:cxn>
                <a:cxn ang="0">
                  <a:pos x="1660" y="924"/>
                </a:cxn>
                <a:cxn ang="0">
                  <a:pos x="1528" y="916"/>
                </a:cxn>
                <a:cxn ang="0">
                  <a:pos x="1568" y="860"/>
                </a:cxn>
                <a:cxn ang="0">
                  <a:pos x="1716" y="844"/>
                </a:cxn>
                <a:cxn ang="0">
                  <a:pos x="1728" y="788"/>
                </a:cxn>
                <a:cxn ang="0">
                  <a:pos x="1560" y="792"/>
                </a:cxn>
                <a:cxn ang="0">
                  <a:pos x="1500" y="748"/>
                </a:cxn>
                <a:cxn ang="0">
                  <a:pos x="1344" y="732"/>
                </a:cxn>
                <a:cxn ang="0">
                  <a:pos x="1208" y="704"/>
                </a:cxn>
                <a:cxn ang="0">
                  <a:pos x="1236" y="652"/>
                </a:cxn>
                <a:cxn ang="0">
                  <a:pos x="1168" y="644"/>
                </a:cxn>
                <a:cxn ang="0">
                  <a:pos x="1084" y="648"/>
                </a:cxn>
                <a:cxn ang="0">
                  <a:pos x="984" y="624"/>
                </a:cxn>
                <a:cxn ang="0">
                  <a:pos x="832" y="588"/>
                </a:cxn>
                <a:cxn ang="0">
                  <a:pos x="752" y="568"/>
                </a:cxn>
                <a:cxn ang="0">
                  <a:pos x="644" y="584"/>
                </a:cxn>
                <a:cxn ang="0">
                  <a:pos x="440" y="576"/>
                </a:cxn>
                <a:cxn ang="0">
                  <a:pos x="296" y="544"/>
                </a:cxn>
                <a:cxn ang="0">
                  <a:pos x="348" y="492"/>
                </a:cxn>
                <a:cxn ang="0">
                  <a:pos x="232" y="472"/>
                </a:cxn>
                <a:cxn ang="0">
                  <a:pos x="140" y="400"/>
                </a:cxn>
                <a:cxn ang="0">
                  <a:pos x="264" y="316"/>
                </a:cxn>
                <a:cxn ang="0">
                  <a:pos x="360" y="288"/>
                </a:cxn>
                <a:cxn ang="0">
                  <a:pos x="464" y="256"/>
                </a:cxn>
                <a:cxn ang="0">
                  <a:pos x="556" y="208"/>
                </a:cxn>
                <a:cxn ang="0">
                  <a:pos x="536" y="148"/>
                </a:cxn>
                <a:cxn ang="0">
                  <a:pos x="516" y="92"/>
                </a:cxn>
                <a:cxn ang="0">
                  <a:pos x="492" y="60"/>
                </a:cxn>
                <a:cxn ang="0">
                  <a:pos x="448" y="36"/>
                </a:cxn>
                <a:cxn ang="0">
                  <a:pos x="384" y="0"/>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sp>
          <p:nvSpPr>
            <p:cNvPr id="36" name="Freeform 48"/>
            <p:cNvSpPr>
              <a:spLocks/>
            </p:cNvSpPr>
            <p:nvPr/>
          </p:nvSpPr>
          <p:spPr bwMode="ltGray">
            <a:xfrm>
              <a:off x="4527550" y="2044700"/>
              <a:ext cx="730250" cy="723900"/>
            </a:xfrm>
            <a:custGeom>
              <a:avLst/>
              <a:gdLst/>
              <a:ahLst/>
              <a:cxnLst>
                <a:cxn ang="0">
                  <a:pos x="8" y="440"/>
                </a:cxn>
                <a:cxn ang="0">
                  <a:pos x="8" y="392"/>
                </a:cxn>
                <a:cxn ang="0">
                  <a:pos x="56" y="344"/>
                </a:cxn>
                <a:cxn ang="0">
                  <a:pos x="104" y="344"/>
                </a:cxn>
                <a:cxn ang="0">
                  <a:pos x="200" y="344"/>
                </a:cxn>
                <a:cxn ang="0">
                  <a:pos x="248" y="296"/>
                </a:cxn>
                <a:cxn ang="0">
                  <a:pos x="200" y="296"/>
                </a:cxn>
                <a:cxn ang="0">
                  <a:pos x="152" y="248"/>
                </a:cxn>
                <a:cxn ang="0">
                  <a:pos x="200" y="200"/>
                </a:cxn>
                <a:cxn ang="0">
                  <a:pos x="200" y="152"/>
                </a:cxn>
                <a:cxn ang="0">
                  <a:pos x="152" y="104"/>
                </a:cxn>
                <a:cxn ang="0">
                  <a:pos x="104" y="104"/>
                </a:cxn>
                <a:cxn ang="0">
                  <a:pos x="56" y="56"/>
                </a:cxn>
                <a:cxn ang="0">
                  <a:pos x="104" y="56"/>
                </a:cxn>
                <a:cxn ang="0">
                  <a:pos x="200" y="56"/>
                </a:cxn>
                <a:cxn ang="0">
                  <a:pos x="296" y="56"/>
                </a:cxn>
                <a:cxn ang="0">
                  <a:pos x="344" y="8"/>
                </a:cxn>
                <a:cxn ang="0">
                  <a:pos x="392" y="8"/>
                </a:cxn>
                <a:cxn ang="0">
                  <a:pos x="440" y="8"/>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p:spPr>
          <p:txBody>
            <a:bodyPr anchor="ctr" anchorCtr="1"/>
            <a:lstStyle/>
            <a:p>
              <a:pPr>
                <a:defRPr/>
              </a:pPr>
              <a:endParaRPr lang="en-US" dirty="0">
                <a:solidFill>
                  <a:prstClr val="white"/>
                </a:solidFill>
                <a:latin typeface="Arial" charset="0"/>
                <a:cs typeface="Arial" charset="0"/>
              </a:endParaRPr>
            </a:p>
          </p:txBody>
        </p:sp>
      </p:grpSp>
      <p:sp>
        <p:nvSpPr>
          <p:cNvPr id="116" name="Oval 115"/>
          <p:cNvSpPr/>
          <p:nvPr/>
        </p:nvSpPr>
        <p:spPr bwMode="auto">
          <a:xfrm>
            <a:off x="4495800" y="4495800"/>
            <a:ext cx="762000" cy="1295400"/>
          </a:xfrm>
          <a:prstGeom prst="ellipse">
            <a:avLst/>
          </a:prstGeom>
          <a:solidFill>
            <a:srgbClr val="00B050">
              <a:alpha val="65098"/>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5" name="Group 28"/>
          <p:cNvGrpSpPr/>
          <p:nvPr/>
        </p:nvGrpSpPr>
        <p:grpSpPr>
          <a:xfrm>
            <a:off x="304800" y="1828800"/>
            <a:ext cx="8534400" cy="4724400"/>
            <a:chOff x="304800" y="1905000"/>
            <a:chExt cx="8534400" cy="4724400"/>
          </a:xfrm>
        </p:grpSpPr>
        <p:sp>
          <p:nvSpPr>
            <p:cNvPr id="27" name="Rectangle 26"/>
            <p:cNvSpPr/>
            <p:nvPr/>
          </p:nvSpPr>
          <p:spPr bwMode="auto">
            <a:xfrm>
              <a:off x="304800" y="1905000"/>
              <a:ext cx="8534400" cy="4648200"/>
            </a:xfrm>
            <a:prstGeom prst="rect">
              <a:avLst/>
            </a:prstGeom>
            <a:solidFill>
              <a:srgbClr val="0D0D0D">
                <a:alpha val="69804"/>
              </a:srgbClr>
            </a:solidFill>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dirty="0">
                <a:solidFill>
                  <a:prstClr val="white"/>
                </a:solidFill>
              </a:endParaRPr>
            </a:p>
          </p:txBody>
        </p:sp>
        <p:grpSp>
          <p:nvGrpSpPr>
            <p:cNvPr id="6" name="Group 20"/>
            <p:cNvGrpSpPr/>
            <p:nvPr/>
          </p:nvGrpSpPr>
          <p:grpSpPr>
            <a:xfrm>
              <a:off x="304800" y="1981200"/>
              <a:ext cx="8534400" cy="4648200"/>
              <a:chOff x="304800" y="1981200"/>
              <a:chExt cx="8534400" cy="4648200"/>
            </a:xfrm>
          </p:grpSpPr>
          <p:grpSp>
            <p:nvGrpSpPr>
              <p:cNvPr id="7" name="Group 16"/>
              <p:cNvGrpSpPr/>
              <p:nvPr/>
            </p:nvGrpSpPr>
            <p:grpSpPr>
              <a:xfrm>
                <a:off x="1828800" y="2133600"/>
                <a:ext cx="6172199" cy="4038600"/>
                <a:chOff x="1828800" y="2133600"/>
                <a:chExt cx="6172200" cy="4038600"/>
              </a:xfrm>
            </p:grpSpPr>
            <p:sp>
              <p:nvSpPr>
                <p:cNvPr id="24" name="Red Background"/>
                <p:cNvSpPr/>
                <p:nvPr/>
              </p:nvSpPr>
              <p:spPr bwMode="auto">
                <a:xfrm>
                  <a:off x="1828800" y="4419600"/>
                  <a:ext cx="6172200" cy="1752600"/>
                </a:xfrm>
                <a:prstGeom prst="rect">
                  <a:avLst/>
                </a:prstGeom>
                <a:solidFill>
                  <a:srgbClr val="FF00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6" name="Green Background"/>
                <p:cNvSpPr/>
                <p:nvPr/>
              </p:nvSpPr>
              <p:spPr bwMode="auto">
                <a:xfrm>
                  <a:off x="1828800" y="2133600"/>
                  <a:ext cx="6172200" cy="2286000"/>
                </a:xfrm>
                <a:prstGeom prst="rect">
                  <a:avLst/>
                </a:prstGeom>
                <a:solidFill>
                  <a:srgbClr val="92D05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graphicFrame>
            <p:nvGraphicFramePr>
              <p:cNvPr id="23" name="Chart 22"/>
              <p:cNvGraphicFramePr/>
              <p:nvPr>
                <p:extLst>
                  <p:ext uri="{D42A27DB-BD31-4B8C-83A1-F6EECF244321}">
                    <p14:modId xmlns:p14="http://schemas.microsoft.com/office/powerpoint/2010/main" val="2413399558"/>
                  </p:ext>
                </p:extLst>
              </p:nvPr>
            </p:nvGraphicFramePr>
            <p:xfrm>
              <a:off x="304800" y="1981200"/>
              <a:ext cx="8534400" cy="4648200"/>
            </p:xfrm>
            <a:graphic>
              <a:graphicData uri="http://schemas.openxmlformats.org/drawingml/2006/chart">
                <c:chart xmlns:c="http://schemas.openxmlformats.org/drawingml/2006/chart" xmlns:r="http://schemas.openxmlformats.org/officeDocument/2006/relationships" r:id="rId4"/>
              </a:graphicData>
            </a:graphic>
          </p:graphicFrame>
        </p:grpSp>
      </p:grpSp>
      <p:sp>
        <p:nvSpPr>
          <p:cNvPr id="30" name="Text Box 24"/>
          <p:cNvSpPr txBox="1">
            <a:spLocks noChangeArrowheads="1"/>
          </p:cNvSpPr>
          <p:nvPr/>
        </p:nvSpPr>
        <p:spPr bwMode="invGray">
          <a:xfrm>
            <a:off x="1" y="6400800"/>
            <a:ext cx="5334000" cy="457200"/>
          </a:xfrm>
          <a:prstGeom prst="rect">
            <a:avLst/>
          </a:prstGeom>
          <a:noFill/>
          <a:ln w="9525">
            <a:noFill/>
            <a:miter lim="800000"/>
            <a:headEnd/>
            <a:tailEnd/>
          </a:ln>
          <a:effectLst>
            <a:outerShdw dist="35921" dir="2700000" algn="ctr" rotWithShape="0">
              <a:srgbClr val="000000"/>
            </a:outerShdw>
          </a:effectLst>
        </p:spPr>
        <p:txBody>
          <a:bodyPr anchor="ctr"/>
          <a:lstStyle/>
          <a:p>
            <a:pPr defTabSz="914363" fontAlgn="auto">
              <a:spcAft>
                <a:spcPts val="0"/>
              </a:spcAft>
              <a:defRPr/>
            </a:pPr>
            <a:r>
              <a:rPr lang="en-US" sz="2000" b="1" i="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 * Average Old &amp; Middle River flows January  thru June </a:t>
            </a:r>
          </a:p>
        </p:txBody>
      </p:sp>
      <p:sp>
        <p:nvSpPr>
          <p:cNvPr id="28" name="Right Arrow 27"/>
          <p:cNvSpPr/>
          <p:nvPr/>
        </p:nvSpPr>
        <p:spPr bwMode="ltGray">
          <a:xfrm>
            <a:off x="2514600" y="5757333"/>
            <a:ext cx="5029200" cy="795867"/>
          </a:xfrm>
          <a:prstGeom prst="rightArrow">
            <a:avLst>
              <a:gd name="adj1" fmla="val 64685"/>
              <a:gd name="adj2" fmla="val 50000"/>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lnSpc>
                <a:spcPct val="90000"/>
              </a:lnSpc>
            </a:pPr>
            <a:r>
              <a:rPr lang="en-US" sz="2200" b="1" dirty="0" smtClean="0">
                <a:solidFill>
                  <a:prstClr val="white"/>
                </a:solidFill>
                <a:effectLst>
                  <a:glow rad="101600">
                    <a:prstClr val="black">
                      <a:alpha val="60000"/>
                    </a:prstClr>
                  </a:glow>
                </a:effectLst>
              </a:rPr>
              <a:t>Larger tunnels eliminate reverse flows</a:t>
            </a:r>
          </a:p>
        </p:txBody>
      </p:sp>
      <p:sp>
        <p:nvSpPr>
          <p:cNvPr id="29" name="Right Arrow 28"/>
          <p:cNvSpPr/>
          <p:nvPr/>
        </p:nvSpPr>
        <p:spPr bwMode="ltGray">
          <a:xfrm rot="16200000">
            <a:off x="6265334" y="3793066"/>
            <a:ext cx="4572001" cy="795867"/>
          </a:xfrm>
          <a:prstGeom prst="rightArrow">
            <a:avLst>
              <a:gd name="adj1" fmla="val 64685"/>
              <a:gd name="adj2" fmla="val 50000"/>
            </a:avLst>
          </a:prstGeom>
          <a:noFill/>
          <a:ln w="57150">
            <a:solidFill>
              <a:schemeClr val="tx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lnSpc>
                <a:spcPct val="90000"/>
              </a:lnSpc>
            </a:pPr>
            <a:r>
              <a:rPr lang="en-US" sz="2200" b="1" dirty="0" smtClean="0">
                <a:solidFill>
                  <a:prstClr val="white"/>
                </a:solidFill>
                <a:effectLst>
                  <a:glow rad="101600">
                    <a:prstClr val="black">
                      <a:alpha val="60000"/>
                    </a:prstClr>
                  </a:glow>
                </a:effectLst>
              </a:rPr>
              <a:t>Better Fish Flow Conditions</a:t>
            </a:r>
          </a:p>
        </p:txBody>
      </p:sp>
      <p:sp>
        <p:nvSpPr>
          <p:cNvPr id="8" name="Title 7"/>
          <p:cNvSpPr>
            <a:spLocks noGrp="1"/>
          </p:cNvSpPr>
          <p:nvPr>
            <p:ph type="title"/>
          </p:nvPr>
        </p:nvSpPr>
        <p:spPr>
          <a:xfrm>
            <a:off x="152400" y="230189"/>
            <a:ext cx="8610600" cy="1238416"/>
          </a:xfrm>
        </p:spPr>
        <p:txBody>
          <a:bodyPr/>
          <a:lstStyle/>
          <a:p>
            <a:pPr algn="r">
              <a:lnSpc>
                <a:spcPct val="75000"/>
              </a:lnSpc>
            </a:pPr>
            <a:r>
              <a:rPr lang="en-US" sz="3800" b="1" dirty="0" smtClean="0"/>
              <a:t>South Delta Reverse Flow Analysis</a:t>
            </a:r>
            <a:br>
              <a:rPr lang="en-US" sz="3800" b="1" dirty="0" smtClean="0"/>
            </a:br>
            <a:r>
              <a:rPr lang="en-US" sz="3800" b="1" dirty="0" smtClean="0"/>
              <a:t>California Water Fix Alt. 4a</a:t>
            </a:r>
            <a:r>
              <a:rPr lang="en-US" sz="4000" b="1" dirty="0" smtClean="0"/>
              <a:t/>
            </a:r>
            <a:br>
              <a:rPr lang="en-US" sz="4000" b="1" dirty="0" smtClean="0"/>
            </a:br>
            <a:r>
              <a:rPr lang="en-US" sz="3000" b="1" dirty="0" smtClean="0">
                <a:solidFill>
                  <a:schemeClr val="tx1"/>
                </a:solidFill>
              </a:rPr>
              <a:t>Elimination of Reserve Flow Enhances Fish Flow Conditions</a:t>
            </a:r>
            <a:endParaRPr lang="en-US" sz="3000" b="1" dirty="0">
              <a:solidFill>
                <a:schemeClr val="tx1"/>
              </a:solidFill>
            </a:endParaRPr>
          </a:p>
        </p:txBody>
      </p:sp>
      <p:sp>
        <p:nvSpPr>
          <p:cNvPr id="31"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202</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14844710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3" presetClass="entr" presetSubtype="32" fill="hold" grpId="0" nodeType="clickEffect">
                                  <p:stCondLst>
                                    <p:cond delay="0"/>
                                  </p:stCondLst>
                                  <p:childTnLst>
                                    <p:set>
                                      <p:cBhvr>
                                        <p:cTn id="6" dur="1" fill="hold">
                                          <p:stCondLst>
                                            <p:cond delay="0"/>
                                          </p:stCondLst>
                                        </p:cTn>
                                        <p:tgtEl>
                                          <p:spTgt spid="116"/>
                                        </p:tgtEl>
                                        <p:attrNameLst>
                                          <p:attrName>style.visibility</p:attrName>
                                        </p:attrNameLst>
                                      </p:cBhvr>
                                      <p:to>
                                        <p:strVal val="visible"/>
                                      </p:to>
                                    </p:set>
                                    <p:anim calcmode="lin" valueType="num">
                                      <p:cBhvr>
                                        <p:cTn id="7" dur="500" fill="hold"/>
                                        <p:tgtEl>
                                          <p:spTgt spid="116"/>
                                        </p:tgtEl>
                                        <p:attrNameLst>
                                          <p:attrName>ppt_w</p:attrName>
                                        </p:attrNameLst>
                                      </p:cBhvr>
                                      <p:tavLst>
                                        <p:tav tm="0">
                                          <p:val>
                                            <p:strVal val="4*#ppt_w"/>
                                          </p:val>
                                        </p:tav>
                                        <p:tav tm="100000">
                                          <p:val>
                                            <p:strVal val="#ppt_w"/>
                                          </p:val>
                                        </p:tav>
                                      </p:tavLst>
                                    </p:anim>
                                    <p:anim calcmode="lin" valueType="num">
                                      <p:cBhvr>
                                        <p:cTn id="8" dur="500" fill="hold"/>
                                        <p:tgtEl>
                                          <p:spTgt spid="116"/>
                                        </p:tgtEl>
                                        <p:attrNameLst>
                                          <p:attrName>ppt_h</p:attrName>
                                        </p:attrNameLst>
                                      </p:cBhvr>
                                      <p:tavLst>
                                        <p:tav tm="0">
                                          <p:val>
                                            <p:strVal val="4*#ppt_h"/>
                                          </p:val>
                                        </p:tav>
                                        <p:tav tm="100000">
                                          <p:val>
                                            <p:strVal val="#ppt_h"/>
                                          </p:val>
                                        </p:tav>
                                      </p:tavLst>
                                    </p:anim>
                                  </p:childTnLst>
                                </p:cTn>
                              </p:par>
                            </p:childTnLst>
                          </p:cTn>
                        </p:par>
                      </p:childTnLst>
                    </p:cTn>
                  </p:par>
                  <p:par>
                    <p:cTn id="9" fill="hold">
                      <p:stCondLst>
                        <p:cond delay="indefinite"/>
                      </p:stCondLst>
                      <p:childTnLst>
                        <p:par>
                          <p:cTn id="10" fill="hold">
                            <p:stCondLst>
                              <p:cond delay="0"/>
                            </p:stCondLst>
                            <p:childTnLst>
                              <p:par>
                                <p:cTn id="11" presetID="23" presetClass="entr" presetSubtype="16" fill="hold" nodeType="clickEffect">
                                  <p:stCondLst>
                                    <p:cond delay="0"/>
                                  </p:stCondLst>
                                  <p:childTnLst>
                                    <p:set>
                                      <p:cBhvr>
                                        <p:cTn id="12" dur="1" fill="hold">
                                          <p:stCondLst>
                                            <p:cond delay="0"/>
                                          </p:stCondLst>
                                        </p:cTn>
                                        <p:tgtEl>
                                          <p:spTgt spid="5"/>
                                        </p:tgtEl>
                                        <p:attrNameLst>
                                          <p:attrName>style.visibility</p:attrName>
                                        </p:attrNameLst>
                                      </p:cBhvr>
                                      <p:to>
                                        <p:strVal val="visible"/>
                                      </p:to>
                                    </p:set>
                                    <p:anim calcmode="lin" valueType="num">
                                      <p:cBhvr>
                                        <p:cTn id="13" dur="1000" fill="hold"/>
                                        <p:tgtEl>
                                          <p:spTgt spid="5"/>
                                        </p:tgtEl>
                                        <p:attrNameLst>
                                          <p:attrName>ppt_w</p:attrName>
                                        </p:attrNameLst>
                                      </p:cBhvr>
                                      <p:tavLst>
                                        <p:tav tm="0">
                                          <p:val>
                                            <p:fltVal val="0"/>
                                          </p:val>
                                        </p:tav>
                                        <p:tav tm="100000">
                                          <p:val>
                                            <p:strVal val="#ppt_w"/>
                                          </p:val>
                                        </p:tav>
                                      </p:tavLst>
                                    </p:anim>
                                    <p:anim calcmode="lin" valueType="num">
                                      <p:cBhvr>
                                        <p:cTn id="14" dur="1000" fill="hold"/>
                                        <p:tgtEl>
                                          <p:spTgt spid="5"/>
                                        </p:tgtEl>
                                        <p:attrNameLst>
                                          <p:attrName>ppt_h</p:attrName>
                                        </p:attrNameLst>
                                      </p:cBhvr>
                                      <p:tavLst>
                                        <p:tav tm="0">
                                          <p:val>
                                            <p:fltVal val="0"/>
                                          </p:val>
                                        </p:tav>
                                        <p:tav tm="100000">
                                          <p:val>
                                            <p:strVal val="#ppt_h"/>
                                          </p:val>
                                        </p:tav>
                                      </p:tavLst>
                                    </p:anim>
                                  </p:childTnLst>
                                </p:cTn>
                              </p:par>
                            </p:childTnLst>
                          </p:cTn>
                        </p:par>
                      </p:childTnLst>
                    </p:cTn>
                  </p:par>
                  <p:par>
                    <p:cTn id="15" fill="hold">
                      <p:stCondLst>
                        <p:cond delay="indefinite"/>
                      </p:stCondLst>
                      <p:childTnLst>
                        <p:par>
                          <p:cTn id="16" fill="hold">
                            <p:stCondLst>
                              <p:cond delay="0"/>
                            </p:stCondLst>
                            <p:childTnLst>
                              <p:par>
                                <p:cTn id="17" presetID="22" presetClass="entr" presetSubtype="8" fill="hold" grpId="0" nodeType="clickEffect">
                                  <p:stCondLst>
                                    <p:cond delay="0"/>
                                  </p:stCondLst>
                                  <p:childTnLst>
                                    <p:set>
                                      <p:cBhvr>
                                        <p:cTn id="18" dur="1" fill="hold">
                                          <p:stCondLst>
                                            <p:cond delay="0"/>
                                          </p:stCondLst>
                                        </p:cTn>
                                        <p:tgtEl>
                                          <p:spTgt spid="28"/>
                                        </p:tgtEl>
                                        <p:attrNameLst>
                                          <p:attrName>style.visibility</p:attrName>
                                        </p:attrNameLst>
                                      </p:cBhvr>
                                      <p:to>
                                        <p:strVal val="visible"/>
                                      </p:to>
                                    </p:set>
                                    <p:animEffect transition="in" filter="wipe(left)">
                                      <p:cBhvr>
                                        <p:cTn id="19" dur="500"/>
                                        <p:tgtEl>
                                          <p:spTgt spid="28"/>
                                        </p:tgtEl>
                                      </p:cBhvr>
                                    </p:animEffect>
                                  </p:childTnLst>
                                </p:cTn>
                              </p:par>
                            </p:childTnLst>
                          </p:cTn>
                        </p:par>
                      </p:childTnLst>
                    </p:cTn>
                  </p:par>
                  <p:par>
                    <p:cTn id="20" fill="hold">
                      <p:stCondLst>
                        <p:cond delay="indefinite"/>
                      </p:stCondLst>
                      <p:childTnLst>
                        <p:par>
                          <p:cTn id="21" fill="hold">
                            <p:stCondLst>
                              <p:cond delay="0"/>
                            </p:stCondLst>
                            <p:childTnLst>
                              <p:par>
                                <p:cTn id="22" presetID="22" presetClass="entr" presetSubtype="8" fill="hold" grpId="0" nodeType="clickEffect">
                                  <p:stCondLst>
                                    <p:cond delay="0"/>
                                  </p:stCondLst>
                                  <p:childTnLst>
                                    <p:set>
                                      <p:cBhvr>
                                        <p:cTn id="23" dur="1" fill="hold">
                                          <p:stCondLst>
                                            <p:cond delay="0"/>
                                          </p:stCondLst>
                                        </p:cTn>
                                        <p:tgtEl>
                                          <p:spTgt spid="29"/>
                                        </p:tgtEl>
                                        <p:attrNameLst>
                                          <p:attrName>style.visibility</p:attrName>
                                        </p:attrNameLst>
                                      </p:cBhvr>
                                      <p:to>
                                        <p:strVal val="visible"/>
                                      </p:to>
                                    </p:set>
                                    <p:animEffect transition="in" filter="wipe(left)">
                                      <p:cBhvr>
                                        <p:cTn id="24" dur="500"/>
                                        <p:tgtEl>
                                          <p:spTgt spid="2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6" grpId="0" animBg="1"/>
      <p:bldP spid="28" grpId="0" animBg="1"/>
      <p:bldP spid="29" grpId="0" animBg="1"/>
    </p:bldLst>
  </p:timing>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5029200" cy="6848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49466838"/>
      </p:ext>
    </p:extLst>
  </p:cSld>
  <p:clrMapOvr>
    <a:masterClrMapping/>
  </p:clrMapOvr>
  <p:transition>
    <p:fade/>
  </p:transition>
  <p:timing>
    <p:tnLst>
      <p:par>
        <p:cTn id="1" dur="indefinite" restart="never" nodeType="tmRoot"/>
      </p:par>
    </p:tnLst>
  </p:timing>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4"/>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Slide Number Placeholder 2"/>
          <p:cNvSpPr>
            <a:spLocks noGrp="1"/>
          </p:cNvSpPr>
          <p:nvPr>
            <p:ph type="sldNum" sz="quarter" idx="10"/>
          </p:nvPr>
        </p:nvSpPr>
        <p:spPr/>
        <p:txBody>
          <a:bodyPr/>
          <a:lstStyle/>
          <a:p>
            <a:pPr>
              <a:defRPr/>
            </a:pPr>
            <a:fld id="{C60DA7DF-59B3-4AAB-AF35-62DB844E63F6}" type="slidenum">
              <a:rPr lang="en-US" smtClean="0">
                <a:solidFill>
                  <a:prstClr val="white"/>
                </a:solidFill>
              </a:rPr>
              <a:pPr>
                <a:defRPr/>
              </a:pPr>
              <a:t>204</a:t>
            </a:fld>
            <a:endParaRPr lang="en-US" dirty="0">
              <a:solidFill>
                <a:prstClr val="white"/>
              </a:solidFill>
            </a:endParaRPr>
          </a:p>
        </p:txBody>
      </p:sp>
      <p:grpSp>
        <p:nvGrpSpPr>
          <p:cNvPr id="4" name="Group 3"/>
          <p:cNvGrpSpPr/>
          <p:nvPr/>
        </p:nvGrpSpPr>
        <p:grpSpPr>
          <a:xfrm>
            <a:off x="381000" y="2047591"/>
            <a:ext cx="8382000" cy="4048409"/>
            <a:chOff x="381000" y="2047591"/>
            <a:chExt cx="8382000" cy="4048409"/>
          </a:xfrm>
        </p:grpSpPr>
        <p:pic>
          <p:nvPicPr>
            <p:cNvPr id="53251"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t="13962"/>
            <a:stretch/>
          </p:blipFill>
          <p:spPr bwMode="auto">
            <a:xfrm>
              <a:off x="381000" y="2047591"/>
              <a:ext cx="8382000" cy="404840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6" name="Group 5"/>
            <p:cNvGrpSpPr/>
            <p:nvPr/>
          </p:nvGrpSpPr>
          <p:grpSpPr>
            <a:xfrm>
              <a:off x="978544" y="5572126"/>
              <a:ext cx="7174856" cy="365760"/>
              <a:chOff x="852992" y="6357718"/>
              <a:chExt cx="7174856" cy="365760"/>
            </a:xfrm>
          </p:grpSpPr>
          <p:pic>
            <p:nvPicPr>
              <p:cNvPr id="7" name="Picture 6" descr="FloodSafe-Logo.png"/>
              <p:cNvPicPr>
                <a:picLocks noChangeAspect="1"/>
              </p:cNvPicPr>
              <p:nvPr/>
            </p:nvPicPr>
            <p:blipFill>
              <a:blip r:embed="rId4" cstate="print"/>
              <a:stretch>
                <a:fillRect/>
              </a:stretch>
            </p:blipFill>
            <p:spPr>
              <a:xfrm>
                <a:off x="852992" y="6357718"/>
                <a:ext cx="861706"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8" name="Picture 7" descr="Footer white.png"/>
              <p:cNvPicPr>
                <a:picLocks noChangeAspect="1"/>
              </p:cNvPicPr>
              <p:nvPr/>
            </p:nvPicPr>
            <p:blipFill>
              <a:blip r:embed="rId5" cstate="print"/>
              <a:stretch>
                <a:fillRect/>
              </a:stretch>
            </p:blipFill>
            <p:spPr>
              <a:xfrm>
                <a:off x="1718488" y="6357718"/>
                <a:ext cx="5932597"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9" name="Picture 8" descr="DWR Logo.png"/>
              <p:cNvPicPr>
                <a:picLocks noChangeAspect="1"/>
              </p:cNvPicPr>
              <p:nvPr/>
            </p:nvPicPr>
            <p:blipFill>
              <a:blip r:embed="rId6" cstate="print"/>
              <a:stretch>
                <a:fillRect/>
              </a:stretch>
            </p:blipFill>
            <p:spPr>
              <a:xfrm>
                <a:off x="7662088" y="6357718"/>
                <a:ext cx="365760"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grpSp>
      </p:grpSp>
      <p:sp>
        <p:nvSpPr>
          <p:cNvPr id="10" name="Title 1"/>
          <p:cNvSpPr>
            <a:spLocks noGrp="1"/>
          </p:cNvSpPr>
          <p:nvPr>
            <p:ph type="title"/>
          </p:nvPr>
        </p:nvSpPr>
        <p:spPr bwMode="ltGray">
          <a:xfrm>
            <a:off x="76200" y="477838"/>
            <a:ext cx="8991600" cy="1107996"/>
          </a:xfrm>
        </p:spPr>
        <p:txBody>
          <a:bodyPr/>
          <a:lstStyle/>
          <a:p>
            <a:r>
              <a:rPr lang="en-US" dirty="0" smtClean="0"/>
              <a:t>Scaled Response </a:t>
            </a:r>
            <a:br>
              <a:rPr lang="en-US" dirty="0" smtClean="0"/>
            </a:br>
            <a:r>
              <a:rPr lang="en-US" sz="3600" dirty="0" smtClean="0">
                <a:solidFill>
                  <a:schemeClr val="tx1"/>
                </a:solidFill>
              </a:rPr>
              <a:t>Emergency Response Responsibilities in California</a:t>
            </a:r>
            <a:endParaRPr lang="en-US" sz="3600" dirty="0">
              <a:solidFill>
                <a:schemeClr val="tx1"/>
              </a:solidFill>
            </a:endParaRPr>
          </a:p>
        </p:txBody>
      </p:sp>
    </p:spTree>
    <p:extLst>
      <p:ext uri="{BB962C8B-B14F-4D97-AF65-F5344CB8AC3E}">
        <p14:creationId xmlns:p14="http://schemas.microsoft.com/office/powerpoint/2010/main" val="254515093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50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4"/>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itle 4"/>
          <p:cNvSpPr>
            <a:spLocks noGrp="1"/>
          </p:cNvSpPr>
          <p:nvPr>
            <p:ph type="title"/>
          </p:nvPr>
        </p:nvSpPr>
        <p:spPr bwMode="ltGray">
          <a:xfrm>
            <a:off x="1577062" y="305205"/>
            <a:ext cx="7566937" cy="1218795"/>
          </a:xfrm>
        </p:spPr>
        <p:txBody>
          <a:bodyPr/>
          <a:lstStyle/>
          <a:p>
            <a:pPr algn="ctr"/>
            <a:r>
              <a:rPr lang="en-US" sz="4400" dirty="0" smtClean="0">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ea typeface="+mn-ea"/>
                <a:cs typeface="Arial" charset="0"/>
              </a:rPr>
              <a:t>USACE</a:t>
            </a:r>
            <a:r>
              <a:rPr lang="en-US" dirty="0">
                <a:effectLst>
                  <a:outerShdw blurRad="50800" dist="50800" dir="2700000" algn="tl" rotWithShape="0">
                    <a:prstClr val="black"/>
                  </a:outerShdw>
                </a:effectLst>
              </a:rPr>
              <a:t> </a:t>
            </a:r>
            <a:r>
              <a:rPr lang="en-US" dirty="0" smtClean="0">
                <a:effectLst>
                  <a:outerShdw blurRad="50800" dist="50800" dir="2700000" algn="tl" rotWithShape="0">
                    <a:prstClr val="black"/>
                  </a:outerShdw>
                </a:effectLst>
              </a:rPr>
              <a:t>Capital &amp; Operational  </a:t>
            </a:r>
            <a:r>
              <a:rPr lang="en-US" sz="4400" dirty="0" smtClean="0">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ea typeface="+mn-ea"/>
                <a:cs typeface="Arial" charset="0"/>
              </a:rPr>
              <a:t>Investments </a:t>
            </a:r>
            <a:endParaRPr lang="en-US" sz="4400" dirty="0">
              <a:solidFill>
                <a:schemeClr val="tx1"/>
              </a:solidFill>
              <a:effectLst>
                <a:outerShdw blurRad="50800" dist="50800" dir="2700000" algn="tl" rotWithShape="0">
                  <a:prstClr val="black"/>
                </a:outerShdw>
              </a:effectLst>
              <a:ea typeface="+mn-ea"/>
              <a:cs typeface="Arial" charset="0"/>
            </a:endParaRPr>
          </a:p>
        </p:txBody>
      </p:sp>
      <p:graphicFrame>
        <p:nvGraphicFramePr>
          <p:cNvPr id="2" name="Table 1"/>
          <p:cNvGraphicFramePr>
            <a:graphicFrameLocks noGrp="1"/>
          </p:cNvGraphicFramePr>
          <p:nvPr>
            <p:extLst>
              <p:ext uri="{D42A27DB-BD31-4B8C-83A1-F6EECF244321}">
                <p14:modId xmlns:p14="http://schemas.microsoft.com/office/powerpoint/2010/main" val="3689423594"/>
              </p:ext>
            </p:extLst>
          </p:nvPr>
        </p:nvGraphicFramePr>
        <p:xfrm>
          <a:off x="528637" y="2321560"/>
          <a:ext cx="7924800" cy="2966720"/>
        </p:xfrm>
        <a:graphic>
          <a:graphicData uri="http://schemas.openxmlformats.org/drawingml/2006/table">
            <a:tbl>
              <a:tblPr firstRow="1" bandRow="1">
                <a:tableStyleId>{5C22544A-7EE6-4342-B048-85BDC9FD1C3A}</a:tableStyleId>
              </a:tblPr>
              <a:tblGrid>
                <a:gridCol w="3276600"/>
                <a:gridCol w="2432665"/>
                <a:gridCol w="2215535"/>
              </a:tblGrid>
              <a:tr h="370840">
                <a:tc>
                  <a:txBody>
                    <a:bodyPr/>
                    <a:lstStyle/>
                    <a:p>
                      <a:pPr algn="ctr"/>
                      <a:r>
                        <a:rPr lang="en-US" dirty="0" smtClean="0"/>
                        <a:t>Inventory Type</a:t>
                      </a:r>
                      <a:endParaRPr lang="en-US" dirty="0"/>
                    </a:p>
                  </a:txBody>
                  <a:tcPr/>
                </a:tc>
                <a:tc>
                  <a:txBody>
                    <a:bodyPr/>
                    <a:lstStyle/>
                    <a:p>
                      <a:pPr algn="ctr"/>
                      <a:r>
                        <a:rPr lang="en-US" dirty="0" smtClean="0"/>
                        <a:t>USACE (existing)</a:t>
                      </a:r>
                      <a:endParaRPr lang="en-US" dirty="0"/>
                    </a:p>
                  </a:txBody>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dirty="0" smtClean="0"/>
                        <a:t>USACE(future)</a:t>
                      </a:r>
                    </a:p>
                  </a:txBody>
                  <a:tcPr/>
                </a:tc>
              </a:tr>
              <a:tr h="370840">
                <a:tc>
                  <a:txBody>
                    <a:bodyPr/>
                    <a:lstStyle/>
                    <a:p>
                      <a:r>
                        <a:rPr lang="en-US" b="1" dirty="0" smtClean="0"/>
                        <a:t>Capital Budget</a:t>
                      </a:r>
                      <a:endParaRPr lang="en-US" b="1" dirty="0"/>
                    </a:p>
                  </a:txBody>
                  <a:tcPr/>
                </a:tc>
                <a:tc>
                  <a:txBody>
                    <a:bodyPr/>
                    <a:lstStyle/>
                    <a:p>
                      <a:endParaRPr lang="en-US" dirty="0"/>
                    </a:p>
                  </a:txBody>
                  <a:tcPr/>
                </a:tc>
                <a:tc>
                  <a:txBody>
                    <a:bodyPr/>
                    <a:lstStyle/>
                    <a:p>
                      <a:endParaRPr lang="en-US" dirty="0"/>
                    </a:p>
                  </a:txBody>
                  <a:tcPr/>
                </a:tc>
              </a:tr>
              <a:tr h="370840">
                <a:tc>
                  <a:txBody>
                    <a:bodyPr/>
                    <a:lstStyle/>
                    <a:p>
                      <a:r>
                        <a:rPr lang="en-US" dirty="0" smtClean="0"/>
                        <a:t>Warehouses/Storage Units</a:t>
                      </a:r>
                      <a:endParaRPr lang="en-US" dirty="0"/>
                    </a:p>
                  </a:txBody>
                  <a:tcPr/>
                </a:tc>
                <a:tc>
                  <a:txBody>
                    <a:bodyPr/>
                    <a:lstStyle/>
                    <a:p>
                      <a:r>
                        <a:rPr lang="en-US" dirty="0" smtClean="0"/>
                        <a:t>1 multi-feature facility</a:t>
                      </a:r>
                      <a:endParaRPr lang="en-US" dirty="0"/>
                    </a:p>
                  </a:txBody>
                  <a:tcPr/>
                </a:tc>
                <a:tc>
                  <a:txBody>
                    <a:bodyPr/>
                    <a:lstStyle/>
                    <a:p>
                      <a:endParaRPr lang="en-US" dirty="0"/>
                    </a:p>
                  </a:txBody>
                  <a:tcPr/>
                </a:tc>
              </a:tr>
              <a:tr h="370840">
                <a:tc>
                  <a:txBody>
                    <a:bodyPr/>
                    <a:lstStyle/>
                    <a:p>
                      <a:r>
                        <a:rPr lang="en-US" b="1" dirty="0" smtClean="0"/>
                        <a:t>Operations Budget </a:t>
                      </a:r>
                      <a:endParaRPr lang="en-US" b="1" dirty="0"/>
                    </a:p>
                  </a:txBody>
                  <a:tcPr/>
                </a:tc>
                <a:tc>
                  <a:txBody>
                    <a:bodyPr/>
                    <a:lstStyle/>
                    <a:p>
                      <a:endParaRPr lang="en-US" dirty="0"/>
                    </a:p>
                  </a:txBody>
                  <a:tcPr/>
                </a:tc>
                <a:tc>
                  <a:txBody>
                    <a:bodyPr/>
                    <a:lstStyle/>
                    <a:p>
                      <a:endParaRPr lang="en-US" dirty="0"/>
                    </a:p>
                  </a:txBody>
                  <a:tcPr/>
                </a:tc>
              </a:tr>
              <a:tr h="370840">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Hesco</a:t>
                      </a:r>
                      <a:r>
                        <a:rPr lang="en-US" baseline="0" dirty="0" smtClean="0"/>
                        <a:t> Barriers</a:t>
                      </a:r>
                      <a:endParaRPr lang="en-US" dirty="0" smtClean="0"/>
                    </a:p>
                  </a:txBody>
                  <a:tcPr/>
                </a:tc>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5,070 feet</a:t>
                      </a:r>
                    </a:p>
                  </a:txBody>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endParaRPr lang="en-US" dirty="0"/>
                    </a:p>
                  </a:txBody>
                  <a:tcPr/>
                </a:tc>
              </a:tr>
              <a:tr h="370840">
                <a:tc>
                  <a:txBody>
                    <a:bodyPr/>
                    <a:lstStyle/>
                    <a:p>
                      <a:r>
                        <a:rPr lang="en-US" dirty="0" smtClean="0"/>
                        <a:t>Rapid Deploy Flood Wall </a:t>
                      </a:r>
                      <a:endParaRPr lang="en-US" dirty="0"/>
                    </a:p>
                  </a:txBody>
                  <a:tcPr/>
                </a:tc>
                <a:tc>
                  <a:txBody>
                    <a:bodyPr/>
                    <a:lstStyle/>
                    <a:p>
                      <a:r>
                        <a:rPr lang="en-US" dirty="0" smtClean="0"/>
                        <a:t>1,920 feet</a:t>
                      </a:r>
                      <a:endParaRPr lang="en-US" dirty="0"/>
                    </a:p>
                  </a:txBody>
                  <a:tcPr/>
                </a:tc>
                <a:tc>
                  <a:txBody>
                    <a:bodyPr/>
                    <a:lstStyle/>
                    <a:p>
                      <a:pPr algn="ctr"/>
                      <a:endParaRPr lang="en-US" dirty="0"/>
                    </a:p>
                  </a:txBody>
                  <a:tcPr/>
                </a:tc>
              </a:tr>
              <a:tr h="370840">
                <a:tc>
                  <a:txBody>
                    <a:bodyPr/>
                    <a:lstStyle/>
                    <a:p>
                      <a:r>
                        <a:rPr lang="en-US" dirty="0" smtClean="0"/>
                        <a:t>Port-a-Dam</a:t>
                      </a:r>
                      <a:endParaRPr lang="en-US" dirty="0"/>
                    </a:p>
                  </a:txBody>
                  <a:tcPr/>
                </a:tc>
                <a:tc>
                  <a:txBody>
                    <a:bodyPr/>
                    <a:lstStyle/>
                    <a:p>
                      <a:r>
                        <a:rPr lang="en-US" dirty="0" smtClean="0"/>
                        <a:t>1,680 feet</a:t>
                      </a:r>
                      <a:endParaRPr lang="en-US" dirty="0"/>
                    </a:p>
                  </a:txBody>
                  <a:tcPr/>
                </a:tc>
                <a:tc>
                  <a:txBody>
                    <a:bodyPr/>
                    <a:lstStyle/>
                    <a:p>
                      <a:pPr algn="ctr"/>
                      <a:endParaRPr lang="en-US" dirty="0"/>
                    </a:p>
                  </a:txBody>
                  <a:tcPr/>
                </a:tc>
              </a:tr>
              <a:tr h="370840">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Large Sandbags (3000 lb.)</a:t>
                      </a:r>
                    </a:p>
                  </a:txBody>
                  <a:tcPr/>
                </a:tc>
                <a:tc>
                  <a:txBody>
                    <a:bodyPr/>
                    <a:lstStyle/>
                    <a:p>
                      <a:r>
                        <a:rPr lang="en-US" dirty="0" smtClean="0"/>
                        <a:t>300 large bags</a:t>
                      </a:r>
                      <a:endParaRPr lang="en-US" dirty="0"/>
                    </a:p>
                  </a:txBody>
                  <a:tcPr/>
                </a:tc>
                <a:tc>
                  <a:txBody>
                    <a:bodyPr/>
                    <a:lstStyle/>
                    <a:p>
                      <a:pPr algn="ctr"/>
                      <a:endParaRPr lang="en-US" dirty="0"/>
                    </a:p>
                  </a:txBody>
                  <a:tcPr/>
                </a:tc>
              </a:tr>
            </a:tbl>
          </a:graphicData>
        </a:graphic>
      </p:graphicFrame>
      <p:sp>
        <p:nvSpPr>
          <p:cNvPr id="6" name="TextBox 5"/>
          <p:cNvSpPr txBox="1"/>
          <p:nvPr/>
        </p:nvSpPr>
        <p:spPr>
          <a:xfrm>
            <a:off x="528637" y="5598160"/>
            <a:ext cx="8305800" cy="384721"/>
          </a:xfrm>
          <a:prstGeom prst="rect">
            <a:avLst/>
          </a:prstGeom>
          <a:noFill/>
          <a:effectLst>
            <a:outerShdw blurRad="50800" dist="38100" dir="2700000" algn="tl" rotWithShape="0">
              <a:prstClr val="black">
                <a:alpha val="40000"/>
              </a:prstClr>
            </a:outerShdw>
          </a:effectLst>
        </p:spPr>
        <p:txBody>
          <a:bodyPr wrap="square" rtlCol="0">
            <a:spAutoFit/>
          </a:bodyPr>
          <a:lstStyle/>
          <a:p>
            <a:r>
              <a:rPr lang="en-US" sz="2800" baseline="30000" dirty="0" smtClean="0">
                <a:solidFill>
                  <a:srgbClr val="FFC000"/>
                </a:solidFill>
                <a:effectLst>
                  <a:outerShdw blurRad="38100" dist="38100" dir="2700000" algn="tl">
                    <a:srgbClr val="000000">
                      <a:alpha val="43137"/>
                    </a:srgbClr>
                  </a:outerShdw>
                </a:effectLst>
              </a:rPr>
              <a:t>a</a:t>
            </a:r>
            <a:r>
              <a:rPr lang="en-US" dirty="0" smtClean="0">
                <a:solidFill>
                  <a:srgbClr val="FFC000"/>
                </a:solidFill>
                <a:effectLst>
                  <a:outerShdw blurRad="38100" dist="38100" dir="2700000" algn="tl">
                    <a:srgbClr val="000000">
                      <a:alpha val="43137"/>
                    </a:srgbClr>
                  </a:outerShdw>
                </a:effectLst>
              </a:rPr>
              <a:t>   Similar inventories on hand at 3 other USACE sites to augment stockpiles </a:t>
            </a:r>
            <a:endParaRPr lang="en-US" sz="1900" dirty="0">
              <a:solidFill>
                <a:srgbClr val="FFC000"/>
              </a:solidFill>
              <a:effectLst>
                <a:outerShdw blurRad="38100" dist="38100" dir="2700000" algn="tl">
                  <a:srgbClr val="000000">
                    <a:alpha val="43137"/>
                  </a:srgbClr>
                </a:outerShdw>
              </a:effectLst>
            </a:endParaRPr>
          </a:p>
        </p:txBody>
      </p:sp>
      <p:graphicFrame>
        <p:nvGraphicFramePr>
          <p:cNvPr id="9" name="Table 8"/>
          <p:cNvGraphicFramePr>
            <a:graphicFrameLocks noGrp="1"/>
          </p:cNvGraphicFramePr>
          <p:nvPr>
            <p:extLst>
              <p:ext uri="{D42A27DB-BD31-4B8C-83A1-F6EECF244321}">
                <p14:modId xmlns:p14="http://schemas.microsoft.com/office/powerpoint/2010/main" val="366649798"/>
              </p:ext>
            </p:extLst>
          </p:nvPr>
        </p:nvGraphicFramePr>
        <p:xfrm>
          <a:off x="528637" y="2326640"/>
          <a:ext cx="7924800" cy="2966720"/>
        </p:xfrm>
        <a:graphic>
          <a:graphicData uri="http://schemas.openxmlformats.org/drawingml/2006/table">
            <a:tbl>
              <a:tblPr firstRow="1" bandRow="1">
                <a:tableStyleId>{5C22544A-7EE6-4342-B048-85BDC9FD1C3A}</a:tableStyleId>
              </a:tblPr>
              <a:tblGrid>
                <a:gridCol w="3276600"/>
                <a:gridCol w="2432665"/>
                <a:gridCol w="2215535"/>
              </a:tblGrid>
              <a:tr h="370840">
                <a:tc>
                  <a:txBody>
                    <a:bodyPr/>
                    <a:lstStyle/>
                    <a:p>
                      <a:pPr algn="ctr"/>
                      <a:r>
                        <a:rPr lang="en-US" dirty="0" smtClean="0"/>
                        <a:t>Inventory Type</a:t>
                      </a:r>
                      <a:endParaRPr lang="en-US" dirty="0"/>
                    </a:p>
                  </a:txBody>
                  <a:tcPr/>
                </a:tc>
                <a:tc>
                  <a:txBody>
                    <a:bodyPr/>
                    <a:lstStyle/>
                    <a:p>
                      <a:pPr algn="ctr"/>
                      <a:r>
                        <a:rPr lang="en-US" dirty="0" smtClean="0"/>
                        <a:t>USACE (existing)</a:t>
                      </a:r>
                      <a:endParaRPr lang="en-US" dirty="0"/>
                    </a:p>
                  </a:txBody>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dirty="0" smtClean="0"/>
                        <a:t>USACE(future)</a:t>
                      </a:r>
                    </a:p>
                  </a:txBody>
                  <a:tcPr/>
                </a:tc>
              </a:tr>
              <a:tr h="370840">
                <a:tc>
                  <a:txBody>
                    <a:bodyPr/>
                    <a:lstStyle/>
                    <a:p>
                      <a:r>
                        <a:rPr lang="en-US" b="1" dirty="0" smtClean="0"/>
                        <a:t>Capital Budget</a:t>
                      </a:r>
                      <a:endParaRPr lang="en-US" b="1" dirty="0"/>
                    </a:p>
                  </a:txBody>
                  <a:tcPr/>
                </a:tc>
                <a:tc>
                  <a:txBody>
                    <a:bodyPr/>
                    <a:lstStyle/>
                    <a:p>
                      <a:endParaRPr lang="en-US" dirty="0"/>
                    </a:p>
                  </a:txBody>
                  <a:tcPr/>
                </a:tc>
                <a:tc>
                  <a:txBody>
                    <a:bodyPr/>
                    <a:lstStyle/>
                    <a:p>
                      <a:endParaRPr lang="en-US" dirty="0"/>
                    </a:p>
                  </a:txBody>
                  <a:tcPr/>
                </a:tc>
              </a:tr>
              <a:tr h="370840">
                <a:tc>
                  <a:txBody>
                    <a:bodyPr/>
                    <a:lstStyle/>
                    <a:p>
                      <a:r>
                        <a:rPr lang="en-US" dirty="0" smtClean="0"/>
                        <a:t>Warehouses/Storage Units</a:t>
                      </a:r>
                      <a:endParaRPr lang="en-US" dirty="0"/>
                    </a:p>
                  </a:txBody>
                  <a:tcPr/>
                </a:tc>
                <a:tc>
                  <a:txBody>
                    <a:bodyPr/>
                    <a:lstStyle/>
                    <a:p>
                      <a:r>
                        <a:rPr lang="en-US" dirty="0" smtClean="0"/>
                        <a:t>1 multi-feature facility</a:t>
                      </a:r>
                      <a:endParaRPr lang="en-US" dirty="0"/>
                    </a:p>
                  </a:txBody>
                  <a:tcPr/>
                </a:tc>
                <a:tc>
                  <a:txBody>
                    <a:bodyPr/>
                    <a:lstStyle/>
                    <a:p>
                      <a:endParaRPr lang="en-US" dirty="0"/>
                    </a:p>
                  </a:txBody>
                  <a:tcPr/>
                </a:tc>
              </a:tr>
              <a:tr h="370840">
                <a:tc>
                  <a:txBody>
                    <a:bodyPr/>
                    <a:lstStyle/>
                    <a:p>
                      <a:r>
                        <a:rPr lang="en-US" b="1" dirty="0" smtClean="0"/>
                        <a:t>Operations Budget </a:t>
                      </a:r>
                      <a:endParaRPr lang="en-US" b="1" dirty="0"/>
                    </a:p>
                  </a:txBody>
                  <a:tcPr/>
                </a:tc>
                <a:tc>
                  <a:txBody>
                    <a:bodyPr/>
                    <a:lstStyle/>
                    <a:p>
                      <a:endParaRPr lang="en-US" dirty="0"/>
                    </a:p>
                  </a:txBody>
                  <a:tcPr/>
                </a:tc>
                <a:tc>
                  <a:txBody>
                    <a:bodyPr/>
                    <a:lstStyle/>
                    <a:p>
                      <a:endParaRPr lang="en-US" dirty="0"/>
                    </a:p>
                  </a:txBody>
                  <a:tcPr/>
                </a:tc>
              </a:tr>
              <a:tr h="370840">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Hesco</a:t>
                      </a:r>
                      <a:r>
                        <a:rPr lang="en-US" baseline="0" dirty="0" smtClean="0"/>
                        <a:t> Barriers</a:t>
                      </a:r>
                      <a:endParaRPr lang="en-US" dirty="0" smtClean="0"/>
                    </a:p>
                  </a:txBody>
                  <a:tcPr/>
                </a:tc>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5,070 feet</a:t>
                      </a:r>
                    </a:p>
                  </a:txBody>
                  <a:tcPr/>
                </a:tc>
                <a:tc>
                  <a:txBody>
                    <a:bodyPr/>
                    <a:lstStyle/>
                    <a:p>
                      <a:pPr algn="ctr"/>
                      <a:r>
                        <a:rPr lang="en-US" dirty="0" smtClean="0"/>
                        <a:t>a</a:t>
                      </a:r>
                      <a:endParaRPr lang="en-US" dirty="0"/>
                    </a:p>
                  </a:txBody>
                  <a:tcPr/>
                </a:tc>
              </a:tr>
              <a:tr h="370840">
                <a:tc>
                  <a:txBody>
                    <a:bodyPr/>
                    <a:lstStyle/>
                    <a:p>
                      <a:r>
                        <a:rPr lang="en-US" dirty="0" smtClean="0"/>
                        <a:t>Rapid Deploy Flood Wall </a:t>
                      </a:r>
                      <a:endParaRPr lang="en-US" dirty="0"/>
                    </a:p>
                  </a:txBody>
                  <a:tcPr/>
                </a:tc>
                <a:tc>
                  <a:txBody>
                    <a:bodyPr/>
                    <a:lstStyle/>
                    <a:p>
                      <a:r>
                        <a:rPr lang="en-US" dirty="0" smtClean="0"/>
                        <a:t>1,920 feet</a:t>
                      </a:r>
                      <a:endParaRPr lang="en-US" dirty="0"/>
                    </a:p>
                  </a:txBody>
                  <a:tcPr/>
                </a:tc>
                <a:tc>
                  <a:txBody>
                    <a:bodyPr/>
                    <a:lstStyle/>
                    <a:p>
                      <a:pPr algn="ctr"/>
                      <a:r>
                        <a:rPr lang="en-US" dirty="0" smtClean="0"/>
                        <a:t>a</a:t>
                      </a:r>
                      <a:endParaRPr lang="en-US" dirty="0"/>
                    </a:p>
                  </a:txBody>
                  <a:tcPr/>
                </a:tc>
              </a:tr>
              <a:tr h="370840">
                <a:tc>
                  <a:txBody>
                    <a:bodyPr/>
                    <a:lstStyle/>
                    <a:p>
                      <a:r>
                        <a:rPr lang="en-US" dirty="0" smtClean="0"/>
                        <a:t>Port-a-Dam</a:t>
                      </a:r>
                      <a:endParaRPr lang="en-US" dirty="0"/>
                    </a:p>
                  </a:txBody>
                  <a:tcPr/>
                </a:tc>
                <a:tc>
                  <a:txBody>
                    <a:bodyPr/>
                    <a:lstStyle/>
                    <a:p>
                      <a:r>
                        <a:rPr lang="en-US" dirty="0" smtClean="0"/>
                        <a:t>1,680 feet</a:t>
                      </a:r>
                      <a:endParaRPr lang="en-US" dirty="0"/>
                    </a:p>
                  </a:txBody>
                  <a:tcPr/>
                </a:tc>
                <a:tc>
                  <a:txBody>
                    <a:bodyPr/>
                    <a:lstStyle/>
                    <a:p>
                      <a:pPr algn="ctr"/>
                      <a:r>
                        <a:rPr lang="en-US" dirty="0" smtClean="0"/>
                        <a:t>a</a:t>
                      </a:r>
                      <a:endParaRPr lang="en-US" dirty="0"/>
                    </a:p>
                  </a:txBody>
                  <a:tcPr/>
                </a:tc>
              </a:tr>
              <a:tr h="370840">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dirty="0" smtClean="0"/>
                        <a:t>Large Sandbags (3000 lb.)</a:t>
                      </a:r>
                    </a:p>
                  </a:txBody>
                  <a:tcPr/>
                </a:tc>
                <a:tc>
                  <a:txBody>
                    <a:bodyPr/>
                    <a:lstStyle/>
                    <a:p>
                      <a:r>
                        <a:rPr lang="en-US" dirty="0" smtClean="0"/>
                        <a:t>300 large bags</a:t>
                      </a:r>
                      <a:endParaRPr lang="en-US" dirty="0"/>
                    </a:p>
                  </a:txBody>
                  <a:tcPr/>
                </a:tc>
                <a:tc>
                  <a:txBody>
                    <a:bodyPr/>
                    <a:lstStyle/>
                    <a:p>
                      <a:pPr algn="ctr"/>
                      <a:r>
                        <a:rPr lang="en-US" dirty="0" smtClean="0"/>
                        <a:t>a</a:t>
                      </a:r>
                      <a:endParaRPr lang="en-US" dirty="0"/>
                    </a:p>
                  </a:txBody>
                  <a:tcPr/>
                </a:tc>
              </a:tr>
            </a:tbl>
          </a:graphicData>
        </a:graphic>
      </p:graphicFrame>
      <p:sp>
        <p:nvSpPr>
          <p:cNvPr id="8" name="Rectangle 7"/>
          <p:cNvSpPr/>
          <p:nvPr/>
        </p:nvSpPr>
        <p:spPr bwMode="auto">
          <a:xfrm>
            <a:off x="7081837" y="3769360"/>
            <a:ext cx="533400" cy="1524000"/>
          </a:xfrm>
          <a:prstGeom prst="rect">
            <a:avLst/>
          </a:prstGeom>
          <a:noFill/>
          <a:ln w="57150">
            <a:solidFill>
              <a:srgbClr val="FFC000"/>
            </a:solidFill>
            <a:headEnd type="none" w="med" len="med"/>
            <a:tailEnd type="none" w="med" len="med"/>
          </a:ln>
          <a:effectLst>
            <a:outerShdw blurRad="50800" dist="38100" dir="2700000" algn="tl" rotWithShape="0">
              <a:prstClr val="black">
                <a:alpha val="40000"/>
              </a:prstClr>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latin typeface="Segoe" pitchFamily="34" charset="0"/>
            </a:endParaRPr>
          </a:p>
        </p:txBody>
      </p:sp>
      <p:sp>
        <p:nvSpPr>
          <p:cNvPr id="11" name="Slide Number Placeholder 3"/>
          <p:cNvSpPr>
            <a:spLocks noGrp="1"/>
          </p:cNvSpPr>
          <p:nvPr>
            <p:ph type="sldNum" sz="quarter" idx="4294967295"/>
          </p:nvPr>
        </p:nvSpPr>
        <p:spPr>
          <a:xfrm>
            <a:off x="8458200" y="6427788"/>
            <a:ext cx="685800" cy="365125"/>
          </a:xfrm>
          <a:prstGeom prst="rect">
            <a:avLst/>
          </a:prstGeom>
        </p:spPr>
        <p:txBody>
          <a:bodyPr/>
          <a:lstStyle/>
          <a:p>
            <a:pPr>
              <a:defRPr/>
            </a:pPr>
            <a:fld id="{BBD5DA8B-909A-4A9A-84AE-26D515D4E1A6}" type="slidenum">
              <a:rPr lang="en-US" sz="1600" smtClean="0">
                <a:solidFill>
                  <a:prstClr val="white"/>
                </a:solidFill>
              </a:rPr>
              <a:pPr>
                <a:defRPr/>
              </a:pPr>
              <a:t>205</a:t>
            </a:fld>
            <a:endParaRPr lang="en-US" sz="1600" dirty="0">
              <a:solidFill>
                <a:prstClr val="white"/>
              </a:solidFill>
            </a:endParaRPr>
          </a:p>
        </p:txBody>
      </p:sp>
      <p:pic>
        <p:nvPicPr>
          <p:cNvPr id="13" name="Picture 4" descr="http://upload.wikimedia.org/wikipedia/commons/thumb/3/35/United_States_Army_Corps_of_Engineers_logo.svg/1280px-United_States_Army_Corps_of_Engineers_logo.svg.png">
            <a:hlinkClick r:id="rId3"/>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44736" y="274320"/>
            <a:ext cx="1440704" cy="10972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08513767"/>
      </p:ext>
    </p:extLst>
  </p:cSld>
  <p:clrMapOvr>
    <a:masterClrMapping/>
  </p:clrMapOvr>
  <p:transition spd="med">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ipe(up)">
                                      <p:cBhvr>
                                        <p:cTn id="7" dur="10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wipe(up)">
                                      <p:cBhvr>
                                        <p:cTn id="12" dur="1000"/>
                                        <p:tgtEl>
                                          <p:spTgt spid="9"/>
                                        </p:tgtEl>
                                      </p:cBhvr>
                                    </p:animEffect>
                                  </p:childTnLst>
                                </p:cTn>
                              </p:par>
                            </p:childTnLst>
                          </p:cTn>
                        </p:par>
                        <p:par>
                          <p:cTn id="13" fill="hold">
                            <p:stCondLst>
                              <p:cond delay="1000"/>
                            </p:stCondLst>
                            <p:childTnLst>
                              <p:par>
                                <p:cTn id="14" presetID="22" presetClass="entr" presetSubtype="1" fill="hold" grpId="0" nodeType="afterEffect">
                                  <p:stCondLst>
                                    <p:cond delay="500"/>
                                  </p:stCondLst>
                                  <p:childTnLst>
                                    <p:set>
                                      <p:cBhvr>
                                        <p:cTn id="15" dur="1" fill="hold">
                                          <p:stCondLst>
                                            <p:cond delay="0"/>
                                          </p:stCondLst>
                                        </p:cTn>
                                        <p:tgtEl>
                                          <p:spTgt spid="8"/>
                                        </p:tgtEl>
                                        <p:attrNameLst>
                                          <p:attrName>style.visibility</p:attrName>
                                        </p:attrNameLst>
                                      </p:cBhvr>
                                      <p:to>
                                        <p:strVal val="visible"/>
                                      </p:to>
                                    </p:set>
                                    <p:animEffect transition="in" filter="wipe(up)">
                                      <p:cBhvr>
                                        <p:cTn id="16" dur="1000"/>
                                        <p:tgtEl>
                                          <p:spTgt spid="8"/>
                                        </p:tgtEl>
                                      </p:cBhvr>
                                    </p:animEffect>
                                  </p:childTnLst>
                                </p:cTn>
                              </p:par>
                            </p:childTnLst>
                          </p:cTn>
                        </p:par>
                        <p:par>
                          <p:cTn id="17" fill="hold">
                            <p:stCondLst>
                              <p:cond delay="2500"/>
                            </p:stCondLst>
                            <p:childTnLst>
                              <p:par>
                                <p:cTn id="18" presetID="22" presetClass="entr" presetSubtype="8" fill="hold" grpId="0" nodeType="afterEffect">
                                  <p:stCondLst>
                                    <p:cond delay="0"/>
                                  </p:stCondLst>
                                  <p:childTnLst>
                                    <p:set>
                                      <p:cBhvr>
                                        <p:cTn id="19" dur="1" fill="hold">
                                          <p:stCondLst>
                                            <p:cond delay="0"/>
                                          </p:stCondLst>
                                        </p:cTn>
                                        <p:tgtEl>
                                          <p:spTgt spid="6"/>
                                        </p:tgtEl>
                                        <p:attrNameLst>
                                          <p:attrName>style.visibility</p:attrName>
                                        </p:attrNameLst>
                                      </p:cBhvr>
                                      <p:to>
                                        <p:strVal val="visible"/>
                                      </p:to>
                                    </p:set>
                                    <p:animEffect transition="in" filter="wipe(left)">
                                      <p:cBhvr>
                                        <p:cTn id="20"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8" grpId="0" animBg="1"/>
    </p:bldLst>
  </p:timing>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 name="Picture 12"/>
          <p:cNvPicPr>
            <a:picLocks noChangeAspect="1" noChangeArrowheads="1"/>
          </p:cNvPicPr>
          <p:nvPr/>
        </p:nvPicPr>
        <p:blipFill>
          <a:blip r:embed="rId3">
            <a:extLst>
              <a:ext uri="{BEBA8EAE-BF5A-486C-A8C5-ECC9F3942E4B}">
                <a14:imgProps xmlns:a14="http://schemas.microsoft.com/office/drawing/2010/main">
                  <a14:imgLayer r:embed="rId4">
                    <a14:imgEffect>
                      <a14:backgroundRemoval t="0" b="100000" l="893" r="100000">
                        <a14:foregroundMark x1="39286" y1="3571" x2="18304" y2="14732"/>
                        <a14:foregroundMark x1="15179" y1="18750" x2="7589" y2="34821"/>
                        <a14:foregroundMark x1="7589" y1="31250" x2="4464" y2="53125"/>
                        <a14:foregroundMark x1="6250" y1="52232" x2="7589" y2="60714"/>
                        <a14:foregroundMark x1="12500" y1="77679" x2="26339" y2="88393"/>
                        <a14:foregroundMark x1="30804" y1="91964" x2="50893" y2="95536"/>
                        <a14:foregroundMark x1="51339" y1="97321" x2="77232" y2="85268"/>
                        <a14:foregroundMark x1="66071" y1="94196" x2="81250" y2="83036"/>
                        <a14:foregroundMark x1="95536" y1="51786" x2="91964" y2="28125"/>
                        <a14:foregroundMark x1="88393" y1="26339" x2="77232" y2="12946"/>
                        <a14:foregroundMark x1="38839" y1="6250" x2="58036" y2="3571"/>
                        <a14:foregroundMark x1="63393" y1="4911" x2="73214" y2="12946"/>
                        <a14:foregroundMark x1="59375" y1="37054" x2="71875" y2="54018"/>
                        <a14:foregroundMark x1="92857" y1="63839" x2="95536" y2="48214"/>
                      </a14:backgroundRemoval>
                    </a14:imgEffect>
                  </a14:imgLayer>
                </a14:imgProps>
              </a:ext>
              <a:ext uri="{28A0092B-C50C-407E-A947-70E740481C1C}">
                <a14:useLocalDpi xmlns:a14="http://schemas.microsoft.com/office/drawing/2010/main" val="0"/>
              </a:ext>
            </a:extLst>
          </a:blip>
          <a:srcRect/>
          <a:stretch>
            <a:fillRect/>
          </a:stretch>
        </p:blipFill>
        <p:spPr bwMode="auto">
          <a:xfrm>
            <a:off x="445809" y="196138"/>
            <a:ext cx="1332196" cy="1332188"/>
          </a:xfrm>
          <a:prstGeom prst="rect">
            <a:avLst/>
          </a:prstGeom>
          <a:noFill/>
          <a:ln>
            <a:noFill/>
          </a:ln>
          <a:effectLst>
            <a:glow rad="101600">
              <a:schemeClr val="bg1">
                <a:alpha val="60000"/>
              </a:schemeClr>
            </a:glo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 name="Slide Number Placeholder 5"/>
          <p:cNvSpPr>
            <a:spLocks noGrp="1"/>
          </p:cNvSpPr>
          <p:nvPr>
            <p:ph type="sldNum" sz="quarter" idx="4294967295"/>
          </p:nvPr>
        </p:nvSpPr>
        <p:spPr>
          <a:xfrm>
            <a:off x="8534400" y="6324600"/>
            <a:ext cx="609600" cy="381000"/>
          </a:xfrm>
          <a:prstGeom prst="rect">
            <a:avLst/>
          </a:prstGeom>
        </p:spPr>
        <p:txBody>
          <a:bodyPr/>
          <a:lstStyle/>
          <a:p>
            <a:pPr>
              <a:defRPr/>
            </a:pPr>
            <a:fld id="{A04B48C0-155F-41DA-AA4E-5DEB9D39C0C1}" type="slidenum">
              <a:rPr lang="en-US" sz="2400" b="1">
                <a:solidFill>
                  <a:prstClr val="white"/>
                </a:solidFill>
              </a:rPr>
              <a:pPr>
                <a:defRPr/>
              </a:pPr>
              <a:t>206</a:t>
            </a:fld>
            <a:endParaRPr lang="en-US" sz="2400" b="1" dirty="0">
              <a:solidFill>
                <a:prstClr val="white"/>
              </a:solidFill>
            </a:endParaRPr>
          </a:p>
        </p:txBody>
      </p:sp>
      <p:sp>
        <p:nvSpPr>
          <p:cNvPr id="7" name="Title 4"/>
          <p:cNvSpPr>
            <a:spLocks noGrp="1"/>
          </p:cNvSpPr>
          <p:nvPr>
            <p:ph type="title"/>
          </p:nvPr>
        </p:nvSpPr>
        <p:spPr>
          <a:xfrm>
            <a:off x="1447800" y="457402"/>
            <a:ext cx="7696200" cy="609398"/>
          </a:xfrm>
        </p:spPr>
        <p:txBody>
          <a:bodyPr/>
          <a:lstStyle/>
          <a:p>
            <a:pPr algn="ctr"/>
            <a:r>
              <a:rPr lang="en-US" sz="4400" dirty="0" smtClean="0">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ea typeface="+mn-ea"/>
                <a:cs typeface="Arial" charset="0"/>
              </a:rPr>
              <a:t>DWR Capital Budget </a:t>
            </a:r>
            <a:endParaRPr lang="en-US" sz="4400" dirty="0">
              <a:solidFill>
                <a:schemeClr val="tx1"/>
              </a:solidFill>
              <a:effectLst>
                <a:outerShdw blurRad="50800" dist="50800" dir="2700000" algn="tl" rotWithShape="0">
                  <a:prstClr val="black"/>
                </a:outerShdw>
              </a:effectLst>
              <a:ea typeface="+mn-ea"/>
              <a:cs typeface="Arial" charset="0"/>
            </a:endParaRPr>
          </a:p>
        </p:txBody>
      </p:sp>
      <p:graphicFrame>
        <p:nvGraphicFramePr>
          <p:cNvPr id="2" name="Table 1"/>
          <p:cNvGraphicFramePr>
            <a:graphicFrameLocks noGrp="1"/>
          </p:cNvGraphicFramePr>
          <p:nvPr>
            <p:extLst>
              <p:ext uri="{D42A27DB-BD31-4B8C-83A1-F6EECF244321}">
                <p14:modId xmlns:p14="http://schemas.microsoft.com/office/powerpoint/2010/main" val="2920173030"/>
              </p:ext>
            </p:extLst>
          </p:nvPr>
        </p:nvGraphicFramePr>
        <p:xfrm>
          <a:off x="0" y="1999148"/>
          <a:ext cx="9144004" cy="4809230"/>
        </p:xfrm>
        <a:graphic>
          <a:graphicData uri="http://schemas.openxmlformats.org/drawingml/2006/table">
            <a:tbl>
              <a:tblPr firstRow="1" bandRow="1">
                <a:tableStyleId>{93296810-A885-4BE3-A3E7-6D5BEEA58F35}</a:tableStyleId>
              </a:tblPr>
              <a:tblGrid>
                <a:gridCol w="3733802"/>
                <a:gridCol w="685800"/>
                <a:gridCol w="1066798"/>
                <a:gridCol w="685800"/>
                <a:gridCol w="762000"/>
                <a:gridCol w="710786"/>
                <a:gridCol w="749509"/>
                <a:gridCol w="749509"/>
              </a:tblGrid>
              <a:tr h="521537">
                <a:tc>
                  <a:txBody>
                    <a:bodyPr/>
                    <a:lstStyle/>
                    <a:p>
                      <a:pPr algn="ctr"/>
                      <a:r>
                        <a:rPr lang="en-US" sz="1600" dirty="0" smtClean="0"/>
                        <a:t>Costs ($M)</a:t>
                      </a:r>
                      <a:endParaRPr lang="en-US" sz="1600" b="1" dirty="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07/08</a:t>
                      </a:r>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08/09 to Dec</a:t>
                      </a:r>
                      <a:r>
                        <a:rPr lang="en-US" sz="1600" baseline="0" dirty="0" smtClean="0"/>
                        <a:t> </a:t>
                      </a:r>
                      <a:r>
                        <a:rPr lang="en-US" sz="1600" dirty="0" smtClean="0"/>
                        <a:t>14</a:t>
                      </a:r>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14/15</a:t>
                      </a:r>
                      <a:endParaRPr lang="en-US" sz="1600" b="1" dirty="0" smtClean="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15/16</a:t>
                      </a:r>
                      <a:endParaRPr lang="en-US" sz="1600" b="1" dirty="0" smtClean="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16/17</a:t>
                      </a:r>
                      <a:endParaRPr lang="en-US" sz="1600" b="1" dirty="0" smtClean="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FY 17/18</a:t>
                      </a:r>
                      <a:endParaRPr lang="en-US" sz="1600" b="1" dirty="0" smtClean="0"/>
                    </a:p>
                  </a:txBody>
                  <a:tcPr anchor="ct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TOTAL</a:t>
                      </a:r>
                    </a:p>
                    <a:p>
                      <a:pPr marL="0" marR="0" indent="0" algn="ctr" defTabSz="914363" rtl="0" eaLnBrk="1" fontAlgn="auto" latinLnBrk="0" hangingPunct="1">
                        <a:lnSpc>
                          <a:spcPct val="100000"/>
                        </a:lnSpc>
                        <a:spcBef>
                          <a:spcPts val="0"/>
                        </a:spcBef>
                        <a:spcAft>
                          <a:spcPts val="0"/>
                        </a:spcAft>
                        <a:buClrTx/>
                        <a:buSzTx/>
                        <a:buFontTx/>
                        <a:buNone/>
                        <a:tabLst/>
                        <a:defRPr/>
                      </a:pPr>
                      <a:r>
                        <a:rPr lang="en-US" sz="1600" dirty="0" smtClean="0"/>
                        <a:t>($M)</a:t>
                      </a:r>
                      <a:endParaRPr lang="en-US" sz="1600" b="1" dirty="0" smtClean="0"/>
                    </a:p>
                  </a:txBody>
                  <a:tcPr anchor="ctr"/>
                </a:tc>
              </a:tr>
              <a:tr h="329392">
                <a:tc>
                  <a:txBody>
                    <a:bodyPr/>
                    <a:lstStyle/>
                    <a:p>
                      <a:pPr algn="l"/>
                      <a:r>
                        <a:rPr lang="en-US" sz="1800" dirty="0" smtClean="0"/>
                        <a:t>TOTAL (Proposition 1E)</a:t>
                      </a:r>
                      <a:endParaRPr lang="en-US" sz="1800" b="1" dirty="0">
                        <a:solidFill>
                          <a:schemeClr val="bg1"/>
                        </a:solidFill>
                      </a:endParaRPr>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r>
                        <a:rPr lang="en-US" sz="1800" dirty="0" smtClean="0"/>
                        <a:t>$80.0</a:t>
                      </a:r>
                      <a:endParaRPr lang="en-US" sz="1800" b="1"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Loading &amp; Storage Facilities</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1.2</a:t>
                      </a:r>
                      <a:endParaRPr lang="en-US" sz="1600" dirty="0"/>
                    </a:p>
                  </a:txBody>
                  <a:tcPr marT="27432" marB="27432"/>
                </a:tc>
                <a:tc>
                  <a:txBody>
                    <a:bodyPr/>
                    <a:lstStyle/>
                    <a:p>
                      <a:pPr algn="r"/>
                      <a:r>
                        <a:rPr lang="en-US" sz="1600" dirty="0" smtClean="0"/>
                        <a:t>4.2</a:t>
                      </a:r>
                      <a:endParaRPr lang="en-US" sz="1600" dirty="0"/>
                    </a:p>
                  </a:txBody>
                  <a:tcPr marT="27432" marB="27432"/>
                </a:tc>
                <a:tc>
                  <a:txBody>
                    <a:bodyPr/>
                    <a:lstStyle/>
                    <a:p>
                      <a:pPr algn="r"/>
                      <a:r>
                        <a:rPr lang="en-US" sz="1600" dirty="0" smtClean="0"/>
                        <a:t>12.4</a:t>
                      </a:r>
                      <a:endParaRPr lang="en-US" sz="1600" dirty="0"/>
                    </a:p>
                  </a:txBody>
                  <a:tcPr marT="27432" marB="27432"/>
                </a:tc>
                <a:tc>
                  <a:txBody>
                    <a:bodyPr/>
                    <a:lstStyle/>
                    <a:p>
                      <a:pPr algn="r"/>
                      <a:r>
                        <a:rPr lang="en-US" sz="1600" dirty="0" smtClean="0"/>
                        <a:t>7.6</a:t>
                      </a: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25.4</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Rock Stockpiles</a:t>
                      </a:r>
                      <a:endParaRPr lang="en-US" sz="1550" b="1" dirty="0" smtClean="0">
                        <a:solidFill>
                          <a:schemeClr val="bg1"/>
                        </a:solidFill>
                      </a:endParaRPr>
                    </a:p>
                  </a:txBody>
                  <a:tcPr marT="27432" marB="27432"/>
                </a:tc>
                <a:tc>
                  <a:txBody>
                    <a:bodyPr/>
                    <a:lstStyle/>
                    <a:p>
                      <a:pPr marL="0" marR="0" indent="0" algn="r" defTabSz="914363" rtl="0" eaLnBrk="1" fontAlgn="auto" latinLnBrk="0" hangingPunct="1">
                        <a:lnSpc>
                          <a:spcPct val="100000"/>
                        </a:lnSpc>
                        <a:spcBef>
                          <a:spcPts val="0"/>
                        </a:spcBef>
                        <a:spcAft>
                          <a:spcPts val="0"/>
                        </a:spcAft>
                        <a:buClrTx/>
                        <a:buSzTx/>
                        <a:buFontTx/>
                        <a:buNone/>
                        <a:tabLst/>
                        <a:defRPr/>
                      </a:pPr>
                      <a:endParaRPr lang="en-US" sz="1600" dirty="0" smtClean="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2.5</a:t>
                      </a:r>
                      <a:endParaRPr lang="en-US" sz="1600" dirty="0"/>
                    </a:p>
                  </a:txBody>
                  <a:tcPr marT="27432" marB="27432"/>
                </a:tc>
                <a:tc>
                  <a:txBody>
                    <a:bodyPr/>
                    <a:lstStyle/>
                    <a:p>
                      <a:pPr algn="r"/>
                      <a:r>
                        <a:rPr lang="en-US" sz="1600" dirty="0" smtClean="0"/>
                        <a:t>4.0</a:t>
                      </a: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6.5</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Sheet</a:t>
                      </a:r>
                      <a:r>
                        <a:rPr lang="en-US" sz="1550" baseline="0" dirty="0" smtClean="0"/>
                        <a:t> Pile Stockpiles</a:t>
                      </a:r>
                      <a:endParaRPr lang="en-US" sz="1550" b="1" baseline="0"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0.2</a:t>
                      </a:r>
                      <a:endParaRPr lang="en-US" sz="1600" dirty="0"/>
                    </a:p>
                  </a:txBody>
                  <a:tcPr marT="27432" marB="27432"/>
                </a:tc>
                <a:tc>
                  <a:txBody>
                    <a:bodyPr/>
                    <a:lstStyle/>
                    <a:p>
                      <a:pPr algn="r"/>
                      <a:r>
                        <a:rPr lang="en-US" sz="1600" dirty="0" smtClean="0"/>
                        <a:t>0.2</a:t>
                      </a:r>
                      <a:endParaRPr lang="en-US" sz="1600" dirty="0"/>
                    </a:p>
                  </a:txBody>
                  <a:tcPr marT="27432" marB="27432"/>
                </a:tc>
                <a:tc>
                  <a:txBody>
                    <a:bodyPr/>
                    <a:lstStyle/>
                    <a:p>
                      <a:pPr algn="r"/>
                      <a:r>
                        <a:rPr lang="en-US" sz="1600" dirty="0" smtClean="0"/>
                        <a:t>2.5</a:t>
                      </a:r>
                      <a:endParaRPr lang="en-US" sz="1600" dirty="0"/>
                    </a:p>
                  </a:txBody>
                  <a:tcPr marT="27432" marB="27432"/>
                </a:tc>
                <a:tc>
                  <a:txBody>
                    <a:bodyPr/>
                    <a:lstStyle/>
                    <a:p>
                      <a:pPr algn="r"/>
                      <a:r>
                        <a:rPr lang="en-US" sz="1600" dirty="0" smtClean="0"/>
                        <a:t>5.8</a:t>
                      </a: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8.7</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Land</a:t>
                      </a:r>
                      <a:r>
                        <a:rPr lang="en-US" sz="1550" baseline="0" dirty="0" smtClean="0"/>
                        <a:t> Acquisition</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9.3</a:t>
                      </a:r>
                      <a:endParaRPr lang="en-US" sz="1600" dirty="0"/>
                    </a:p>
                  </a:txBody>
                  <a:tcPr marT="27432" marB="27432"/>
                </a:tc>
                <a:tc>
                  <a:txBody>
                    <a:bodyPr/>
                    <a:lstStyle/>
                    <a:p>
                      <a:pPr algn="r"/>
                      <a:r>
                        <a:rPr lang="en-US" sz="1600" dirty="0" smtClean="0"/>
                        <a:t>0.3</a:t>
                      </a:r>
                      <a:endParaRPr lang="en-US" sz="1600" dirty="0"/>
                    </a:p>
                  </a:txBody>
                  <a:tcPr marT="27432" marB="27432"/>
                </a:tc>
                <a:tc>
                  <a:txBody>
                    <a:bodyPr/>
                    <a:lstStyle/>
                    <a:p>
                      <a:pPr algn="r"/>
                      <a:r>
                        <a:rPr lang="en-US" sz="1600" dirty="0" smtClean="0"/>
                        <a:t>0.1</a:t>
                      </a: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9.7</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Emergency Response Predictive Model </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1.3</a:t>
                      </a:r>
                      <a:endParaRPr lang="en-US" sz="1600" dirty="0"/>
                    </a:p>
                  </a:txBody>
                  <a:tcPr marT="27432" marB="27432"/>
                </a:tc>
                <a:tc>
                  <a:txBody>
                    <a:bodyPr/>
                    <a:lstStyle/>
                    <a:p>
                      <a:pPr algn="r"/>
                      <a:r>
                        <a:rPr lang="en-US" sz="1600" dirty="0" smtClean="0"/>
                        <a:t>0.5</a:t>
                      </a:r>
                      <a:endParaRPr lang="en-US" sz="1600" dirty="0"/>
                    </a:p>
                  </a:txBody>
                  <a:tcPr marT="27432" marB="27432"/>
                </a:tc>
                <a:tc>
                  <a:txBody>
                    <a:bodyPr/>
                    <a:lstStyle/>
                    <a:p>
                      <a:pPr algn="r"/>
                      <a:r>
                        <a:rPr lang="en-US" sz="1600" dirty="0" smtClean="0"/>
                        <a:t>0.7</a:t>
                      </a: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2.5</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Agency Training &amp; Emergency Exercises </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0.1</a:t>
                      </a:r>
                      <a:endParaRPr lang="en-US" sz="1600" dirty="0"/>
                    </a:p>
                  </a:txBody>
                  <a:tcPr marT="27432" marB="27432"/>
                </a:tc>
                <a:tc>
                  <a:txBody>
                    <a:bodyPr/>
                    <a:lstStyle/>
                    <a:p>
                      <a:pPr algn="r"/>
                      <a:r>
                        <a:rPr lang="en-US" sz="1600" dirty="0" smtClean="0"/>
                        <a:t>0.1</a:t>
                      </a:r>
                      <a:endParaRPr lang="en-US" sz="1600" dirty="0"/>
                    </a:p>
                  </a:txBody>
                  <a:tcPr marT="27432" marB="27432"/>
                </a:tc>
                <a:tc>
                  <a:txBody>
                    <a:bodyPr/>
                    <a:lstStyle/>
                    <a:p>
                      <a:pPr algn="r"/>
                      <a:r>
                        <a:rPr lang="en-US" sz="1600" dirty="0" smtClean="0"/>
                        <a:t>0.1</a:t>
                      </a:r>
                      <a:endParaRPr lang="en-US" sz="1600" dirty="0"/>
                    </a:p>
                  </a:txBody>
                  <a:tcPr marT="27432" marB="27432"/>
                </a:tc>
                <a:tc>
                  <a:txBody>
                    <a:bodyPr/>
                    <a:lstStyle/>
                    <a:p>
                      <a:pPr algn="r"/>
                      <a:r>
                        <a:rPr lang="en-US" sz="1600" dirty="0" smtClean="0"/>
                        <a:t>0.1</a:t>
                      </a:r>
                      <a:endParaRPr lang="en-US" sz="1600" dirty="0"/>
                    </a:p>
                  </a:txBody>
                  <a:tcPr marT="27432" marB="27432"/>
                </a:tc>
                <a:tc>
                  <a:txBody>
                    <a:bodyPr/>
                    <a:lstStyle/>
                    <a:p>
                      <a:pPr algn="r"/>
                      <a:r>
                        <a:rPr lang="en-US" sz="1600" dirty="0" smtClean="0"/>
                        <a:t>0.4</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Delta Emergency Plan &amp; Technical</a:t>
                      </a:r>
                      <a:r>
                        <a:rPr lang="en-US" sz="1550" baseline="0" dirty="0" smtClean="0"/>
                        <a:t> </a:t>
                      </a:r>
                      <a:r>
                        <a:rPr lang="en-US" sz="1550" dirty="0" smtClean="0"/>
                        <a:t>Studies</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5.3</a:t>
                      </a:r>
                      <a:endParaRPr lang="en-US" sz="1600" dirty="0"/>
                    </a:p>
                  </a:txBody>
                  <a:tcPr marT="27432" marB="27432"/>
                </a:tc>
                <a:tc>
                  <a:txBody>
                    <a:bodyPr/>
                    <a:lstStyle/>
                    <a:p>
                      <a:pPr algn="r"/>
                      <a:r>
                        <a:rPr lang="en-US" sz="1600" dirty="0" smtClean="0"/>
                        <a:t>0.5</a:t>
                      </a:r>
                      <a:endParaRPr lang="en-US" sz="1600" dirty="0"/>
                    </a:p>
                  </a:txBody>
                  <a:tcPr marT="27432" marB="27432"/>
                </a:tc>
                <a:tc>
                  <a:txBody>
                    <a:bodyPr/>
                    <a:lstStyle/>
                    <a:p>
                      <a:pPr algn="r"/>
                      <a:r>
                        <a:rPr lang="en-US" sz="1600" dirty="0" smtClean="0"/>
                        <a:t>0.2</a:t>
                      </a: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6.0</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Design &amp; Administration </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5.2</a:t>
                      </a:r>
                      <a:endParaRPr lang="en-US" sz="1600" dirty="0"/>
                    </a:p>
                  </a:txBody>
                  <a:tcPr marT="27432" marB="27432"/>
                </a:tc>
                <a:tc>
                  <a:txBody>
                    <a:bodyPr/>
                    <a:lstStyle/>
                    <a:p>
                      <a:pPr algn="r"/>
                      <a:r>
                        <a:rPr lang="en-US" sz="1600" dirty="0" smtClean="0"/>
                        <a:t>1.9</a:t>
                      </a:r>
                      <a:endParaRPr lang="en-US" sz="1600" dirty="0"/>
                    </a:p>
                  </a:txBody>
                  <a:tcPr marT="27432" marB="27432"/>
                </a:tc>
                <a:tc>
                  <a:txBody>
                    <a:bodyPr/>
                    <a:lstStyle/>
                    <a:p>
                      <a:pPr algn="r"/>
                      <a:r>
                        <a:rPr lang="en-US" sz="1600" dirty="0" smtClean="0"/>
                        <a:t>2.4</a:t>
                      </a:r>
                      <a:endParaRPr lang="en-US" sz="1600" dirty="0"/>
                    </a:p>
                  </a:txBody>
                  <a:tcPr marT="27432" marB="27432"/>
                </a:tc>
                <a:tc>
                  <a:txBody>
                    <a:bodyPr/>
                    <a:lstStyle/>
                    <a:p>
                      <a:pPr algn="r"/>
                      <a:r>
                        <a:rPr lang="en-US" sz="1600" dirty="0" smtClean="0"/>
                        <a:t>0.9</a:t>
                      </a:r>
                      <a:endParaRPr lang="en-US" sz="1600" dirty="0"/>
                    </a:p>
                  </a:txBody>
                  <a:tcPr marT="27432" marB="27432"/>
                </a:tc>
                <a:tc>
                  <a:txBody>
                    <a:bodyPr/>
                    <a:lstStyle/>
                    <a:p>
                      <a:pPr algn="r"/>
                      <a:r>
                        <a:rPr lang="en-US" sz="1600" dirty="0" smtClean="0"/>
                        <a:t>0.4</a:t>
                      </a:r>
                      <a:endParaRPr lang="en-US" sz="1600" dirty="0"/>
                    </a:p>
                  </a:txBody>
                  <a:tcPr marT="27432" marB="27432"/>
                </a:tc>
                <a:tc>
                  <a:txBody>
                    <a:bodyPr/>
                    <a:lstStyle/>
                    <a:p>
                      <a:pPr algn="r"/>
                      <a:r>
                        <a:rPr lang="en-US" sz="1600" dirty="0" smtClean="0"/>
                        <a:t>10.8</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Local Emergency Response Grants </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1.0</a:t>
                      </a:r>
                      <a:endParaRPr lang="en-US" sz="1600" dirty="0"/>
                    </a:p>
                  </a:txBody>
                  <a:tcPr marT="27432" marB="27432"/>
                </a:tc>
                <a:tc>
                  <a:txBody>
                    <a:bodyPr/>
                    <a:lstStyle/>
                    <a:p>
                      <a:pPr algn="r"/>
                      <a:r>
                        <a:rPr lang="en-US" sz="1600" dirty="0" smtClean="0"/>
                        <a:t>4.0</a:t>
                      </a:r>
                      <a:endParaRPr lang="en-US" sz="1600" dirty="0"/>
                    </a:p>
                  </a:txBody>
                  <a:tcPr marT="27432" marB="27432"/>
                </a:tc>
                <a:tc>
                  <a:txBody>
                    <a:bodyPr/>
                    <a:lstStyle/>
                    <a:p>
                      <a:pPr algn="r"/>
                      <a:r>
                        <a:rPr lang="en-US" sz="1600" dirty="0" smtClean="0"/>
                        <a:t>4.0</a:t>
                      </a:r>
                      <a:endParaRPr lang="en-US" sz="1600" dirty="0"/>
                    </a:p>
                  </a:txBody>
                  <a:tcPr marT="27432" marB="27432"/>
                </a:tc>
                <a:tc>
                  <a:txBody>
                    <a:bodyPr/>
                    <a:lstStyle/>
                    <a:p>
                      <a:pPr algn="r"/>
                      <a:r>
                        <a:rPr lang="en-US" sz="1600" dirty="0" smtClean="0"/>
                        <a:t>1.0</a:t>
                      </a:r>
                      <a:endParaRPr lang="en-US" sz="1600" dirty="0"/>
                    </a:p>
                  </a:txBody>
                  <a:tcPr marT="27432" marB="27432"/>
                </a:tc>
                <a:tc>
                  <a:txBody>
                    <a:bodyPr/>
                    <a:lstStyle/>
                    <a:p>
                      <a:pPr algn="r"/>
                      <a:r>
                        <a:rPr lang="en-US" sz="1600" dirty="0" smtClean="0"/>
                        <a:t>10.0</a:t>
                      </a:r>
                      <a:endParaRPr lang="en-US" sz="1600" dirty="0"/>
                    </a:p>
                  </a:txBody>
                  <a:tcPr marT="27432" marB="27432"/>
                </a:tc>
              </a:tr>
              <a:tr h="119670">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endParaRPr lang="en-US" sz="1100" b="1" dirty="0" smtClean="0">
                        <a:solidFill>
                          <a:schemeClr val="bg1"/>
                        </a:solidFill>
                      </a:endParaRPr>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c>
                  <a:txBody>
                    <a:bodyPr/>
                    <a:lstStyle/>
                    <a:p>
                      <a:pPr algn="r"/>
                      <a:endParaRPr lang="en-US" sz="1100" dirty="0"/>
                    </a:p>
                  </a:txBody>
                  <a:tcPr marT="27432" marB="27432"/>
                </a:tc>
              </a:tr>
              <a:tr h="329392">
                <a:tc>
                  <a:txBody>
                    <a:bodyPr/>
                    <a:lstStyle/>
                    <a:p>
                      <a:pPr algn="l"/>
                      <a:r>
                        <a:rPr lang="en-US" sz="1800" dirty="0" smtClean="0"/>
                        <a:t>TOTAL (Proposition 84)</a:t>
                      </a:r>
                      <a:endParaRPr lang="en-US" sz="1800" b="1" dirty="0">
                        <a:solidFill>
                          <a:schemeClr val="bg1"/>
                        </a:solidFill>
                      </a:endParaRPr>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r>
                        <a:rPr lang="en-US" sz="1800" dirty="0" smtClean="0"/>
                        <a:t>$13.9</a:t>
                      </a:r>
                      <a:endParaRPr lang="en-US" sz="1800" b="1" dirty="0"/>
                    </a:p>
                  </a:txBody>
                  <a:tcPr marT="27432" marB="27432"/>
                </a:tc>
              </a:tr>
              <a:tr h="329392">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Rock Stockpiles</a:t>
                      </a:r>
                      <a:endParaRPr lang="en-US" sz="1550" b="1" dirty="0" smtClean="0">
                        <a:solidFill>
                          <a:schemeClr val="bg1"/>
                        </a:solidFill>
                      </a:endParaRPr>
                    </a:p>
                  </a:txBody>
                  <a:tcPr marT="27432" marB="27432"/>
                </a:tc>
                <a:tc>
                  <a:txBody>
                    <a:bodyPr/>
                    <a:lstStyle/>
                    <a:p>
                      <a:pPr marL="0" marR="0" indent="0" algn="r" defTabSz="914363" rtl="0" eaLnBrk="1" fontAlgn="auto" latinLnBrk="0" hangingPunct="1">
                        <a:lnSpc>
                          <a:spcPct val="100000"/>
                        </a:lnSpc>
                        <a:spcBef>
                          <a:spcPts val="0"/>
                        </a:spcBef>
                        <a:spcAft>
                          <a:spcPts val="0"/>
                        </a:spcAft>
                        <a:buClrTx/>
                        <a:buSzTx/>
                        <a:buFontTx/>
                        <a:buNone/>
                        <a:tabLst/>
                        <a:defRPr/>
                      </a:pPr>
                      <a:r>
                        <a:rPr lang="en-US" sz="1600" dirty="0" smtClean="0"/>
                        <a:t>8.9</a:t>
                      </a:r>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endParaRPr lang="en-US" sz="1800" dirty="0"/>
                    </a:p>
                  </a:txBody>
                  <a:tcPr marT="27432" marB="27432"/>
                </a:tc>
                <a:tc>
                  <a:txBody>
                    <a:bodyPr/>
                    <a:lstStyle/>
                    <a:p>
                      <a:pPr algn="r"/>
                      <a:r>
                        <a:rPr lang="en-US" sz="1600" dirty="0" smtClean="0"/>
                        <a:t>8.9</a:t>
                      </a:r>
                      <a:endParaRPr lang="en-US" sz="1600" dirty="0"/>
                    </a:p>
                  </a:txBody>
                  <a:tcPr marT="27432" marB="27432"/>
                </a:tc>
              </a:tr>
              <a:tr h="301943">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1550" dirty="0" smtClean="0"/>
                        <a:t>Communication Equipment</a:t>
                      </a:r>
                      <a:endParaRPr lang="en-US" sz="1550" b="1" dirty="0" smtClean="0">
                        <a:solidFill>
                          <a:schemeClr val="bg1"/>
                        </a:solidFill>
                      </a:endParaRPr>
                    </a:p>
                  </a:txBody>
                  <a:tcPr marT="27432" marB="27432"/>
                </a:tc>
                <a:tc>
                  <a:txBody>
                    <a:bodyPr/>
                    <a:lstStyle/>
                    <a:p>
                      <a:pPr algn="r"/>
                      <a:endParaRPr lang="en-US" sz="1600" dirty="0"/>
                    </a:p>
                  </a:txBody>
                  <a:tcPr marT="27432" marB="27432"/>
                </a:tc>
                <a:tc>
                  <a:txBody>
                    <a:bodyPr/>
                    <a:lstStyle/>
                    <a:p>
                      <a:pPr algn="r"/>
                      <a:r>
                        <a:rPr lang="en-US" sz="1600" dirty="0" smtClean="0"/>
                        <a:t>5.0</a:t>
                      </a: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endParaRPr lang="en-US" sz="1600" dirty="0"/>
                    </a:p>
                  </a:txBody>
                  <a:tcPr marT="27432" marB="27432"/>
                </a:tc>
                <a:tc>
                  <a:txBody>
                    <a:bodyPr/>
                    <a:lstStyle/>
                    <a:p>
                      <a:pPr algn="r"/>
                      <a:r>
                        <a:rPr lang="en-US" sz="1600" dirty="0" smtClean="0"/>
                        <a:t>5.0</a:t>
                      </a:r>
                      <a:endParaRPr lang="en-US" sz="1600" dirty="0"/>
                    </a:p>
                  </a:txBody>
                  <a:tcPr marT="27432" marB="27432"/>
                </a:tc>
              </a:tr>
            </a:tbl>
          </a:graphicData>
        </a:graphic>
      </p:graphicFrame>
    </p:spTree>
    <p:extLst>
      <p:ext uri="{BB962C8B-B14F-4D97-AF65-F5344CB8AC3E}">
        <p14:creationId xmlns:p14="http://schemas.microsoft.com/office/powerpoint/2010/main" val="1734599336"/>
      </p:ext>
    </p:extLst>
  </p:cSld>
  <p:clrMapOvr>
    <a:masterClrMapping/>
  </p:clrMapOvr>
  <p:transition spd="med">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ipe(up)">
                                      <p:cBhvr>
                                        <p:cTn id="7" dur="10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2681102"/>
            <a:ext cx="8229600" cy="1495794"/>
          </a:xfrm>
        </p:spPr>
        <p:txBody>
          <a:bodyPr/>
          <a:lstStyle/>
          <a:p>
            <a:r>
              <a:rPr lang="en-US" dirty="0" smtClean="0"/>
              <a:t>Seawater Desalination </a:t>
            </a:r>
            <a:br>
              <a:rPr lang="en-US" dirty="0" smtClean="0"/>
            </a:br>
            <a:r>
              <a:rPr lang="en-US" dirty="0" smtClean="0"/>
              <a:t>Permits</a:t>
            </a:r>
            <a:endParaRPr lang="en-US" dirty="0">
              <a:solidFill>
                <a:schemeClr val="tx1"/>
              </a:solidFill>
            </a:endParaRPr>
          </a:p>
        </p:txBody>
      </p:sp>
    </p:spTree>
    <p:extLst>
      <p:ext uri="{BB962C8B-B14F-4D97-AF65-F5344CB8AC3E}">
        <p14:creationId xmlns:p14="http://schemas.microsoft.com/office/powerpoint/2010/main" val="231932931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p:cNvSpPr>
            <a:spLocks noGrp="1"/>
          </p:cNvSpPr>
          <p:nvPr>
            <p:ph type="title"/>
          </p:nvPr>
        </p:nvSpPr>
        <p:spPr>
          <a:xfrm>
            <a:off x="381000" y="381202"/>
            <a:ext cx="8382000" cy="609398"/>
          </a:xfrm>
        </p:spPr>
        <p:txBody>
          <a:bodyPr/>
          <a:lstStyle/>
          <a:p>
            <a:pPr algn="ctr"/>
            <a:r>
              <a:rPr lang="en-US" dirty="0"/>
              <a:t>Seawater Desalination </a:t>
            </a:r>
            <a:r>
              <a:rPr lang="en-US" dirty="0" smtClean="0"/>
              <a:t>Permits</a:t>
            </a:r>
            <a:endParaRPr lang="en-US" dirty="0"/>
          </a:p>
        </p:txBody>
      </p:sp>
      <p:sp>
        <p:nvSpPr>
          <p:cNvPr id="2" name="Text Placeholder 1"/>
          <p:cNvSpPr>
            <a:spLocks noGrp="1"/>
          </p:cNvSpPr>
          <p:nvPr>
            <p:ph type="body" sz="quarter" idx="10"/>
          </p:nvPr>
        </p:nvSpPr>
        <p:spPr/>
        <p:txBody>
          <a:bodyPr/>
          <a:lstStyle/>
          <a:p>
            <a:endParaRPr lang="en-US"/>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230152251"/>
              </p:ext>
            </p:extLst>
          </p:nvPr>
        </p:nvGraphicFramePr>
        <p:xfrm>
          <a:off x="187325" y="1330959"/>
          <a:ext cx="8763000" cy="4993641"/>
        </p:xfrm>
        <a:graphic>
          <a:graphicData uri="http://schemas.openxmlformats.org/drawingml/2006/table">
            <a:tbl>
              <a:tblPr firstRow="1" bandRow="1">
                <a:tableStyleId>{93296810-A885-4BE3-A3E7-6D5BEEA58F35}</a:tableStyleId>
              </a:tblPr>
              <a:tblGrid>
                <a:gridCol w="4381500"/>
                <a:gridCol w="4381500"/>
              </a:tblGrid>
              <a:tr h="396241">
                <a:tc gridSpan="2">
                  <a:txBody>
                    <a:bodyPr/>
                    <a:lstStyle/>
                    <a:p>
                      <a:pPr marL="0" algn="ctr" defTabSz="914363" rtl="0" eaLnBrk="1" latinLnBrk="0" hangingPunct="1"/>
                      <a:r>
                        <a:rPr lang="en-US" sz="2000" kern="1200" dirty="0" smtClean="0">
                          <a:solidFill>
                            <a:schemeClr val="tx1"/>
                          </a:solidFill>
                          <a:latin typeface="+mn-lt"/>
                          <a:ea typeface="+mn-ea"/>
                          <a:cs typeface="+mn-cs"/>
                        </a:rPr>
                        <a:t>Types of Regulations &amp; Permits</a:t>
                      </a:r>
                      <a:endParaRPr lang="en-US" sz="2800" b="0" i="0" u="none" strike="noStrike" dirty="0">
                        <a:effectLst/>
                        <a:latin typeface="Aria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hMerge="1">
                  <a:txBody>
                    <a:bodyPr/>
                    <a:lstStyle/>
                    <a:p>
                      <a:endParaRPr lang="en-US"/>
                    </a:p>
                  </a:txBody>
                  <a:tcPr/>
                </a:tc>
              </a:tr>
              <a:tr h="370840">
                <a:tc>
                  <a:txBody>
                    <a:bodyPr/>
                    <a:lstStyle/>
                    <a:p>
                      <a:pPr algn="ctr"/>
                      <a:r>
                        <a:rPr lang="en-US" sz="1500" b="1" dirty="0" smtClean="0"/>
                        <a:t>Regulatory/Permit</a:t>
                      </a:r>
                      <a:r>
                        <a:rPr lang="en-US" sz="1500" b="1" baseline="0" dirty="0" smtClean="0"/>
                        <a:t> Activity</a:t>
                      </a:r>
                      <a:endParaRPr lang="en-US" sz="1500" b="1" dirty="0"/>
                    </a:p>
                  </a:txBody>
                  <a:tcPr anchor="ctr">
                    <a:lnT w="12700" cap="flat" cmpd="sng" algn="ctr">
                      <a:solidFill>
                        <a:schemeClr val="tx1"/>
                      </a:solidFill>
                      <a:prstDash val="solid"/>
                      <a:round/>
                      <a:headEnd type="none" w="med" len="med"/>
                      <a:tailEnd type="none" w="med" len="med"/>
                    </a:lnT>
                  </a:tcPr>
                </a:tc>
                <a:tc>
                  <a:txBody>
                    <a:bodyPr/>
                    <a:lstStyle/>
                    <a:p>
                      <a:pPr algn="ctr"/>
                      <a:r>
                        <a:rPr lang="en-US" sz="1500" b="1" dirty="0" smtClean="0"/>
                        <a:t>Responsible</a:t>
                      </a:r>
                      <a:r>
                        <a:rPr lang="en-US" sz="1500" b="1" baseline="0" dirty="0" smtClean="0"/>
                        <a:t> Fed/State Agency</a:t>
                      </a:r>
                      <a:endParaRPr lang="en-US" sz="1500" b="1" dirty="0"/>
                    </a:p>
                  </a:txBody>
                  <a:tcPr anchor="ctr">
                    <a:lnT w="12700" cap="flat" cmpd="sng" algn="ctr">
                      <a:solidFill>
                        <a:schemeClr val="tx1"/>
                      </a:solidFill>
                      <a:prstDash val="solid"/>
                      <a:round/>
                      <a:headEnd type="none" w="med" len="med"/>
                      <a:tailEnd type="none" w="med" len="med"/>
                    </a:lnT>
                  </a:tcP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a:tabLst/>
                        <a:defRPr/>
                      </a:pPr>
                      <a:r>
                        <a:rPr lang="en-US" sz="1500" dirty="0" smtClean="0"/>
                        <a:t>Lease</a:t>
                      </a:r>
                      <a:r>
                        <a:rPr lang="en-US" sz="1500" baseline="0" dirty="0" smtClean="0"/>
                        <a:t> of coastal and/or offshore land</a:t>
                      </a:r>
                      <a:endParaRPr lang="en-US" sz="1500" dirty="0"/>
                    </a:p>
                  </a:txBody>
                  <a:tcPr anchor="ctr"/>
                </a:tc>
                <a:tc>
                  <a:txBody>
                    <a:bodyPr/>
                    <a:lstStyle/>
                    <a:p>
                      <a:pPr marL="285750" indent="-285750" algn="l">
                        <a:buFont typeface="Arial" panose="020B0604020202020204" pitchFamily="34" charset="0"/>
                        <a:buChar char="•"/>
                      </a:pPr>
                      <a:r>
                        <a:rPr lang="en-US" sz="1500" dirty="0" smtClean="0"/>
                        <a:t>California</a:t>
                      </a:r>
                      <a:r>
                        <a:rPr lang="en-US" sz="1500" baseline="0" dirty="0" smtClean="0"/>
                        <a:t> State Lands Comm. (</a:t>
                      </a:r>
                      <a:r>
                        <a:rPr lang="en-US" sz="1500" baseline="0" dirty="0" err="1" smtClean="0"/>
                        <a:t>CSLC</a:t>
                      </a:r>
                      <a:r>
                        <a:rPr lang="en-US" sz="1500" baseline="0" dirty="0" smtClean="0"/>
                        <a:t>)</a:t>
                      </a:r>
                      <a:endParaRPr lang="en-US" sz="1500" dirty="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2"/>
                        <a:tabLst/>
                        <a:defRPr/>
                      </a:pPr>
                      <a:r>
                        <a:rPr lang="en-US" sz="1500" dirty="0" smtClean="0"/>
                        <a:t>Coastal</a:t>
                      </a:r>
                      <a:r>
                        <a:rPr lang="en-US" sz="1500" baseline="0" dirty="0" smtClean="0"/>
                        <a:t> Development Permit</a:t>
                      </a:r>
                      <a:endParaRPr lang="en-US" sz="1500" dirty="0"/>
                    </a:p>
                  </a:txBody>
                  <a:tcPr anchor="ctr"/>
                </a:tc>
                <a:tc>
                  <a:txBody>
                    <a:bodyPr/>
                    <a:lstStyle/>
                    <a:p>
                      <a:pPr marL="285750" indent="-285750" algn="l">
                        <a:buFont typeface="Arial" panose="020B0604020202020204" pitchFamily="34" charset="0"/>
                        <a:buChar char="•"/>
                      </a:pPr>
                      <a:r>
                        <a:rPr lang="en-US" sz="1500" dirty="0" smtClean="0"/>
                        <a:t>California</a:t>
                      </a:r>
                      <a:r>
                        <a:rPr lang="en-US" sz="1500" baseline="0" dirty="0" smtClean="0"/>
                        <a:t> Coastal Commission (CCC)</a:t>
                      </a:r>
                    </a:p>
                    <a:p>
                      <a:pPr marL="285750" indent="-285750" algn="l">
                        <a:buFont typeface="Arial" panose="020B0604020202020204" pitchFamily="34" charset="0"/>
                        <a:buChar char="•"/>
                      </a:pPr>
                      <a:r>
                        <a:rPr lang="en-US" sz="1500" baseline="0" dirty="0" smtClean="0"/>
                        <a:t>Bay Conservation &amp; Development Comm. (</a:t>
                      </a:r>
                      <a:r>
                        <a:rPr lang="en-US" sz="1500" baseline="0" dirty="0" err="1" smtClean="0"/>
                        <a:t>BCDC</a:t>
                      </a:r>
                      <a:r>
                        <a:rPr lang="en-US" sz="1500" baseline="0" dirty="0" smtClean="0"/>
                        <a:t>)</a:t>
                      </a:r>
                      <a:endParaRPr lang="en-US" sz="1500" dirty="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3"/>
                        <a:tabLst/>
                        <a:defRPr/>
                      </a:pPr>
                      <a:r>
                        <a:rPr lang="en-US" sz="1500" dirty="0" smtClean="0"/>
                        <a:t>Environmental</a:t>
                      </a:r>
                      <a:r>
                        <a:rPr lang="en-US" sz="1500" baseline="0" dirty="0" smtClean="0"/>
                        <a:t> Impact Assessment/Report (</a:t>
                      </a:r>
                      <a:r>
                        <a:rPr lang="en-US" sz="1500" baseline="0" dirty="0" err="1" smtClean="0"/>
                        <a:t>EIA</a:t>
                      </a:r>
                      <a:r>
                        <a:rPr lang="en-US" sz="1500" baseline="0" dirty="0" smtClean="0"/>
                        <a:t>/</a:t>
                      </a:r>
                      <a:r>
                        <a:rPr lang="en-US" sz="1500" baseline="0" dirty="0" err="1" smtClean="0"/>
                        <a:t>EIR</a:t>
                      </a:r>
                      <a:r>
                        <a:rPr lang="en-US" sz="1500" baseline="0" dirty="0" smtClean="0"/>
                        <a:t>)</a:t>
                      </a:r>
                      <a:endParaRPr lang="en-US" sz="1500" dirty="0"/>
                    </a:p>
                  </a:txBody>
                  <a:tcPr anchor="ctr"/>
                </a:tc>
                <a:tc>
                  <a:txBody>
                    <a:bodyPr/>
                    <a:lstStyle/>
                    <a:p>
                      <a:pPr marL="285750" indent="-285750" algn="l">
                        <a:buFont typeface="Arial" panose="020B0604020202020204" pitchFamily="34" charset="0"/>
                        <a:buChar char="•"/>
                      </a:pPr>
                      <a:r>
                        <a:rPr lang="en-US" sz="1500" dirty="0" smtClean="0"/>
                        <a:t>Local Coastal Program (</a:t>
                      </a:r>
                      <a:r>
                        <a:rPr lang="en-US" sz="1500" dirty="0" err="1" smtClean="0"/>
                        <a:t>LCP</a:t>
                      </a:r>
                      <a:r>
                        <a:rPr lang="en-US" sz="1500" dirty="0" smtClean="0"/>
                        <a:t>),</a:t>
                      </a:r>
                      <a:r>
                        <a:rPr lang="en-US" sz="1500" baseline="0" dirty="0" smtClean="0"/>
                        <a:t> CCC, </a:t>
                      </a:r>
                      <a:r>
                        <a:rPr lang="en-US" sz="1500" baseline="0" dirty="0" err="1" smtClean="0"/>
                        <a:t>BCDC</a:t>
                      </a:r>
                      <a:r>
                        <a:rPr lang="en-US" sz="1500" baseline="0" dirty="0" smtClean="0"/>
                        <a:t> and </a:t>
                      </a:r>
                      <a:r>
                        <a:rPr lang="en-US" sz="1500" baseline="0" dirty="0" err="1" smtClean="0"/>
                        <a:t>CSLC</a:t>
                      </a:r>
                      <a:endParaRPr lang="en-US" sz="1500" dirty="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4"/>
                        <a:tabLst/>
                        <a:defRPr/>
                      </a:pPr>
                      <a:r>
                        <a:rPr lang="en-US" sz="1500" dirty="0" smtClean="0"/>
                        <a:t>Endangered</a:t>
                      </a:r>
                      <a:r>
                        <a:rPr lang="en-US" sz="1500" baseline="0" dirty="0" smtClean="0"/>
                        <a:t> Species Act</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US Fish &amp;</a:t>
                      </a:r>
                      <a:r>
                        <a:rPr lang="en-US" sz="1500" baseline="0" dirty="0" smtClean="0"/>
                        <a:t> Wildlife Service</a:t>
                      </a:r>
                    </a:p>
                    <a:p>
                      <a:pPr marL="285750" indent="-285750" algn="l">
                        <a:buFont typeface="Arial" panose="020B0604020202020204" pitchFamily="34" charset="0"/>
                        <a:buChar char="•"/>
                      </a:pPr>
                      <a:r>
                        <a:rPr lang="en-US" sz="1500" baseline="0" dirty="0" smtClean="0"/>
                        <a:t>California </a:t>
                      </a:r>
                      <a:r>
                        <a:rPr lang="en-US" sz="1500" baseline="0" dirty="0" err="1" smtClean="0"/>
                        <a:t>Dept</a:t>
                      </a:r>
                      <a:r>
                        <a:rPr lang="en-US" sz="1500" baseline="0" dirty="0" smtClean="0"/>
                        <a:t> of Fish &amp; Game</a:t>
                      </a:r>
                      <a:endParaRPr lang="en-US" sz="1500" dirty="0" smtClean="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5"/>
                        <a:tabLst/>
                        <a:defRPr/>
                      </a:pPr>
                      <a:r>
                        <a:rPr lang="en-US" sz="1500" dirty="0" smtClean="0"/>
                        <a:t>Marine</a:t>
                      </a:r>
                      <a:r>
                        <a:rPr lang="en-US" sz="1500" baseline="0" dirty="0" smtClean="0"/>
                        <a:t> Habitat Consultation</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NOAA &amp; National Marine</a:t>
                      </a:r>
                      <a:r>
                        <a:rPr lang="en-US" sz="1500" baseline="0" dirty="0" smtClean="0"/>
                        <a:t> Fisheries Service</a:t>
                      </a:r>
                      <a:endParaRPr lang="en-US" sz="1500" dirty="0" smtClean="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6"/>
                        <a:tabLst/>
                        <a:defRPr/>
                      </a:pPr>
                      <a:r>
                        <a:rPr lang="en-US" sz="1500" dirty="0" smtClean="0"/>
                        <a:t>Section</a:t>
                      </a:r>
                      <a:r>
                        <a:rPr lang="en-US" sz="1500" baseline="0" dirty="0" smtClean="0"/>
                        <a:t> 10 Rivers &amp; Harbors Act Permit</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Us Army Corps of Engineers</a:t>
                      </a:r>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7"/>
                        <a:tabLst/>
                        <a:defRPr/>
                      </a:pPr>
                      <a:r>
                        <a:rPr lang="en-US" sz="1500" dirty="0" smtClean="0"/>
                        <a:t> Section 316(b)</a:t>
                      </a:r>
                      <a:r>
                        <a:rPr lang="en-US" sz="1500" baseline="0" dirty="0" smtClean="0"/>
                        <a:t> of the Clean Water Act</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State or</a:t>
                      </a:r>
                      <a:r>
                        <a:rPr lang="en-US" sz="1500" baseline="0" dirty="0" smtClean="0"/>
                        <a:t> Regional Water Quality Control Board</a:t>
                      </a:r>
                    </a:p>
                    <a:p>
                      <a:pPr marL="285750" indent="-285750" algn="l">
                        <a:buFont typeface="Arial" panose="020B0604020202020204" pitchFamily="34" charset="0"/>
                        <a:buChar char="•"/>
                      </a:pPr>
                      <a:r>
                        <a:rPr lang="en-US" sz="1500" baseline="0" dirty="0" err="1" smtClean="0"/>
                        <a:t>CSLC</a:t>
                      </a:r>
                      <a:endParaRPr lang="en-US" sz="1500" dirty="0" smtClean="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8"/>
                        <a:tabLst/>
                        <a:defRPr/>
                      </a:pPr>
                      <a:r>
                        <a:rPr lang="en-US" sz="1500" dirty="0" smtClean="0"/>
                        <a:t>Section 401/404</a:t>
                      </a:r>
                      <a:r>
                        <a:rPr lang="en-US" sz="1500" baseline="0" dirty="0" smtClean="0"/>
                        <a:t> of the Clean Water Act</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US Army</a:t>
                      </a:r>
                      <a:r>
                        <a:rPr lang="en-US" sz="1500" baseline="0" dirty="0" smtClean="0"/>
                        <a:t> Corps of Engineers</a:t>
                      </a:r>
                    </a:p>
                    <a:p>
                      <a:pPr marL="285750" indent="-285750" algn="l">
                        <a:buFont typeface="Arial" panose="020B0604020202020204" pitchFamily="34" charset="0"/>
                        <a:buChar char="•"/>
                      </a:pPr>
                      <a:r>
                        <a:rPr lang="en-US" sz="1500" baseline="0" dirty="0" err="1" smtClean="0"/>
                        <a:t>CSLC</a:t>
                      </a:r>
                      <a:endParaRPr lang="en-US" sz="1500" dirty="0" smtClean="0"/>
                    </a:p>
                  </a:txBody>
                  <a:tcPr anchor="ctr"/>
                </a:tc>
              </a:tr>
              <a:tr h="370840">
                <a:tc>
                  <a:txBody>
                    <a:bodyPr/>
                    <a:lstStyle/>
                    <a:p>
                      <a:pPr marL="342900" marR="0" indent="-342900" algn="l" defTabSz="914363" rtl="0" eaLnBrk="1" fontAlgn="auto" latinLnBrk="0" hangingPunct="1">
                        <a:lnSpc>
                          <a:spcPct val="100000"/>
                        </a:lnSpc>
                        <a:spcBef>
                          <a:spcPts val="0"/>
                        </a:spcBef>
                        <a:spcAft>
                          <a:spcPts val="0"/>
                        </a:spcAft>
                        <a:buClrTx/>
                        <a:buSzTx/>
                        <a:buFont typeface="+mj-lt"/>
                        <a:buAutoNum type="arabicPeriod" startAt="9"/>
                        <a:tabLst/>
                        <a:defRPr/>
                      </a:pPr>
                      <a:r>
                        <a:rPr lang="en-US" sz="1500" dirty="0" smtClean="0"/>
                        <a:t>Revised</a:t>
                      </a:r>
                      <a:r>
                        <a:rPr lang="en-US" sz="1500" baseline="0" dirty="0" smtClean="0"/>
                        <a:t> </a:t>
                      </a:r>
                      <a:r>
                        <a:rPr lang="en-US" sz="1500" baseline="0" dirty="0" err="1" smtClean="0"/>
                        <a:t>NPDES</a:t>
                      </a:r>
                      <a:r>
                        <a:rPr lang="en-US" sz="1500" baseline="0" dirty="0" smtClean="0"/>
                        <a:t> Permit</a:t>
                      </a:r>
                      <a:endParaRPr lang="en-US" sz="1500" dirty="0" smtClean="0"/>
                    </a:p>
                  </a:txBody>
                  <a:tcPr anchor="ctr"/>
                </a:tc>
                <a:tc>
                  <a:txBody>
                    <a:bodyPr/>
                    <a:lstStyle/>
                    <a:p>
                      <a:pPr marL="285750" indent="-285750" algn="l">
                        <a:buFont typeface="Arial" panose="020B0604020202020204" pitchFamily="34" charset="0"/>
                        <a:buChar char="•"/>
                      </a:pPr>
                      <a:r>
                        <a:rPr lang="en-US" sz="1500" dirty="0" smtClean="0"/>
                        <a:t>State</a:t>
                      </a:r>
                      <a:r>
                        <a:rPr lang="en-US" sz="1500" baseline="0" dirty="0" smtClean="0"/>
                        <a:t> or Regional Water Quality Control Board</a:t>
                      </a:r>
                      <a:endParaRPr lang="en-US" sz="1500" dirty="0" smtClean="0"/>
                    </a:p>
                  </a:txBody>
                  <a:tcPr anchor="ctr"/>
                </a:tc>
              </a:tr>
            </a:tbl>
          </a:graphicData>
        </a:graphic>
      </p:graphicFrame>
      <p:sp>
        <p:nvSpPr>
          <p:cNvPr id="6" name="Title 5"/>
          <p:cNvSpPr txBox="1">
            <a:spLocks/>
          </p:cNvSpPr>
          <p:nvPr/>
        </p:nvSpPr>
        <p:spPr bwMode="ltGray">
          <a:xfrm>
            <a:off x="301625" y="258354"/>
            <a:ext cx="8534400" cy="443198"/>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endParaRPr lang="en-US" sz="32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9" name="TextBox 8"/>
          <p:cNvSpPr txBox="1"/>
          <p:nvPr/>
        </p:nvSpPr>
        <p:spPr>
          <a:xfrm>
            <a:off x="109428" y="6477000"/>
            <a:ext cx="2854820" cy="307777"/>
          </a:xfrm>
          <a:prstGeom prst="rect">
            <a:avLst/>
          </a:prstGeom>
          <a:noFill/>
        </p:spPr>
        <p:txBody>
          <a:bodyPr wrap="none" rtlCol="0">
            <a:spAutoFit/>
          </a:bodyPr>
          <a:lstStyle/>
          <a:p>
            <a:r>
              <a:rPr lang="en-US" sz="1400" i="1" dirty="0" smtClean="0">
                <a:solidFill>
                  <a:srgbClr val="FFC000"/>
                </a:solidFill>
                <a:latin typeface="Calibri"/>
              </a:rPr>
              <a:t>Source:  T. Secord, 2011 presentation</a:t>
            </a:r>
          </a:p>
        </p:txBody>
      </p:sp>
    </p:spTree>
    <p:extLst>
      <p:ext uri="{BB962C8B-B14F-4D97-AF65-F5344CB8AC3E}">
        <p14:creationId xmlns:p14="http://schemas.microsoft.com/office/powerpoint/2010/main" val="4049715181"/>
      </p:ext>
    </p:extLst>
  </p:cSld>
  <p:clrMapOvr>
    <a:masterClrMapping/>
  </p:clrMapOvr>
  <p:transition spd="slow">
    <p:fade/>
  </p:transition>
  <p:timing>
    <p:tnLst>
      <p:par>
        <p:cTn id="1" dur="indefinite" restart="never" nodeType="tmRoot"/>
      </p:par>
    </p:tnLst>
  </p:timing>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p:cNvSpPr>
            <a:spLocks noGrp="1"/>
          </p:cNvSpPr>
          <p:nvPr>
            <p:ph type="title"/>
          </p:nvPr>
        </p:nvSpPr>
        <p:spPr>
          <a:xfrm>
            <a:off x="533400" y="477838"/>
            <a:ext cx="8229600" cy="1107996"/>
          </a:xfrm>
        </p:spPr>
        <p:txBody>
          <a:bodyPr/>
          <a:lstStyle/>
          <a:p>
            <a:pPr algn="ctr"/>
            <a:r>
              <a:rPr lang="en-US" sz="4000" dirty="0"/>
              <a:t>Seawater Desalination </a:t>
            </a:r>
            <a:r>
              <a:rPr lang="en-US" sz="4000" dirty="0" smtClean="0"/>
              <a:t>Permitting Agencies</a:t>
            </a:r>
            <a:endParaRPr lang="en-US" sz="4000" dirty="0"/>
          </a:p>
        </p:txBody>
      </p:sp>
      <p:sp>
        <p:nvSpPr>
          <p:cNvPr id="2" name="Content Placeholder 1"/>
          <p:cNvSpPr>
            <a:spLocks noGrp="1"/>
          </p:cNvSpPr>
          <p:nvPr>
            <p:ph idx="1"/>
          </p:nvPr>
        </p:nvSpPr>
        <p:spPr>
          <a:xfrm>
            <a:off x="381000" y="2133600"/>
            <a:ext cx="8382000" cy="4191000"/>
          </a:xfrm>
        </p:spPr>
        <p:txBody>
          <a:bodyPr/>
          <a:lstStyle/>
          <a:p>
            <a:r>
              <a:rPr lang="en-US" dirty="0" smtClean="0"/>
              <a:t>Effective &amp; Comprehensive Permit Review</a:t>
            </a:r>
          </a:p>
          <a:p>
            <a:pPr marL="517525" lvl="1" indent="0">
              <a:buNone/>
            </a:pPr>
            <a:r>
              <a:rPr lang="en-US" dirty="0" smtClean="0"/>
              <a:t>Seawater </a:t>
            </a:r>
            <a:r>
              <a:rPr lang="en-US" dirty="0" err="1" smtClean="0"/>
              <a:t>desal</a:t>
            </a:r>
            <a:r>
              <a:rPr lang="en-US" dirty="0" smtClean="0"/>
              <a:t> facilities generally require the following State approvals:</a:t>
            </a:r>
          </a:p>
          <a:p>
            <a:pPr lvl="1"/>
            <a:r>
              <a:rPr lang="en-US" b="1" dirty="0" err="1" smtClean="0"/>
              <a:t>CEQA</a:t>
            </a:r>
            <a:r>
              <a:rPr lang="en-US" b="1" dirty="0" smtClean="0"/>
              <a:t> review: </a:t>
            </a:r>
            <a:r>
              <a:rPr lang="en-US" dirty="0" smtClean="0"/>
              <a:t>(sometimes by local gov’t)</a:t>
            </a:r>
          </a:p>
          <a:p>
            <a:pPr lvl="1"/>
            <a:r>
              <a:rPr lang="en-US" b="1" dirty="0" smtClean="0"/>
              <a:t>State Lands Commission: </a:t>
            </a:r>
            <a:r>
              <a:rPr lang="en-US" dirty="0" smtClean="0"/>
              <a:t>Tidelands Lease</a:t>
            </a:r>
          </a:p>
          <a:p>
            <a:pPr lvl="1"/>
            <a:r>
              <a:rPr lang="en-US" b="1" dirty="0" smtClean="0"/>
              <a:t>Coastal Commission: </a:t>
            </a:r>
            <a:r>
              <a:rPr lang="en-US" dirty="0" smtClean="0"/>
              <a:t>Coastal Permit</a:t>
            </a:r>
          </a:p>
          <a:p>
            <a:pPr lvl="1"/>
            <a:r>
              <a:rPr lang="en-US" b="1" dirty="0" smtClean="0"/>
              <a:t>State/Regional Water Boards: </a:t>
            </a:r>
            <a:r>
              <a:rPr lang="en-US" dirty="0" err="1" smtClean="0"/>
              <a:t>NPDES</a:t>
            </a:r>
            <a:r>
              <a:rPr lang="en-US" dirty="0" smtClean="0"/>
              <a:t>/Waste Discharge permit</a:t>
            </a:r>
          </a:p>
          <a:p>
            <a:pPr lvl="1"/>
            <a:r>
              <a:rPr lang="en-US" b="1" dirty="0" smtClean="0"/>
              <a:t>Public Health: </a:t>
            </a:r>
            <a:r>
              <a:rPr lang="en-US" dirty="0" smtClean="0"/>
              <a:t>Drinking water permit</a:t>
            </a:r>
          </a:p>
        </p:txBody>
      </p:sp>
      <p:sp>
        <p:nvSpPr>
          <p:cNvPr id="5" name="TextBox 4"/>
          <p:cNvSpPr txBox="1"/>
          <p:nvPr/>
        </p:nvSpPr>
        <p:spPr>
          <a:xfrm>
            <a:off x="109428" y="6477000"/>
            <a:ext cx="3634200" cy="307777"/>
          </a:xfrm>
          <a:prstGeom prst="rect">
            <a:avLst/>
          </a:prstGeom>
          <a:noFill/>
        </p:spPr>
        <p:txBody>
          <a:bodyPr wrap="none" rtlCol="0">
            <a:spAutoFit/>
          </a:bodyPr>
          <a:lstStyle/>
          <a:p>
            <a:pPr fontAlgn="base">
              <a:spcBef>
                <a:spcPct val="0"/>
              </a:spcBef>
              <a:spcAft>
                <a:spcPct val="0"/>
              </a:spcAft>
            </a:pPr>
            <a:r>
              <a:rPr lang="en-US" sz="1400" i="1" dirty="0" smtClean="0">
                <a:solidFill>
                  <a:srgbClr val="FFC000"/>
                </a:solidFill>
                <a:cs typeface="Arial" pitchFamily="34" charset="0"/>
              </a:rPr>
              <a:t>Source: Coastal Commission Presentation, 2016</a:t>
            </a:r>
          </a:p>
        </p:txBody>
      </p:sp>
    </p:spTree>
    <p:extLst>
      <p:ext uri="{BB962C8B-B14F-4D97-AF65-F5344CB8AC3E}">
        <p14:creationId xmlns:p14="http://schemas.microsoft.com/office/powerpoint/2010/main" val="1397192284"/>
      </p:ext>
    </p:extLst>
  </p:cSld>
  <p:clrMapOvr>
    <a:masterClrMapping/>
  </p:clrMapOvr>
  <p:transition spd="slow">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2"/>
          <p:cNvSpPr>
            <a:spLocks noGrp="1" noChangeArrowheads="1"/>
          </p:cNvSpPr>
          <p:nvPr>
            <p:ph type="title"/>
          </p:nvPr>
        </p:nvSpPr>
        <p:spPr>
          <a:xfrm>
            <a:off x="533400" y="381000"/>
            <a:ext cx="8229600" cy="1107996"/>
          </a:xfrm>
        </p:spPr>
        <p:txBody>
          <a:bodyPr/>
          <a:lstStyle/>
          <a:p>
            <a:r>
              <a:rPr lang="en-US" altLang="en-US" sz="4400" dirty="0"/>
              <a:t>State Water Project</a:t>
            </a:r>
            <a:r>
              <a:rPr lang="en-US" altLang="en-US" dirty="0"/>
              <a:t/>
            </a:r>
            <a:br>
              <a:rPr lang="en-US" altLang="en-US" dirty="0"/>
            </a:br>
            <a:r>
              <a:rPr lang="en-US" altLang="en-US" sz="3600" dirty="0">
                <a:solidFill>
                  <a:schemeClr val="tx1"/>
                </a:solidFill>
              </a:rPr>
              <a:t>BDCP </a:t>
            </a:r>
            <a:r>
              <a:rPr lang="en-US" altLang="en-US" sz="3600" dirty="0" smtClean="0">
                <a:solidFill>
                  <a:schemeClr val="tx1"/>
                </a:solidFill>
              </a:rPr>
              <a:t>Cost </a:t>
            </a:r>
            <a:r>
              <a:rPr lang="en-US" altLang="en-US" sz="3600" dirty="0">
                <a:solidFill>
                  <a:schemeClr val="tx1"/>
                </a:solidFill>
              </a:rPr>
              <a:t>Allocation </a:t>
            </a:r>
            <a:r>
              <a:rPr lang="en-US" altLang="en-US" sz="3600" dirty="0" smtClean="0">
                <a:solidFill>
                  <a:schemeClr val="tx1"/>
                </a:solidFill>
              </a:rPr>
              <a:t>Alternatives</a:t>
            </a:r>
            <a:endParaRPr lang="de-DE" noProof="1" smtClean="0">
              <a:solidFill>
                <a:schemeClr val="tx1"/>
              </a:solidFill>
            </a:endParaRPr>
          </a:p>
        </p:txBody>
      </p:sp>
      <p:sp>
        <p:nvSpPr>
          <p:cNvPr id="2" name="Content Placeholder 1"/>
          <p:cNvSpPr>
            <a:spLocks noGrp="1"/>
          </p:cNvSpPr>
          <p:nvPr>
            <p:ph type="body" sz="quarter" idx="11"/>
          </p:nvPr>
        </p:nvSpPr>
        <p:spPr>
          <a:xfrm>
            <a:off x="381000" y="2133600"/>
            <a:ext cx="8305800" cy="2166747"/>
          </a:xfrm>
        </p:spPr>
        <p:txBody>
          <a:bodyPr/>
          <a:lstStyle/>
          <a:p>
            <a:pPr>
              <a:spcBef>
                <a:spcPts val="0"/>
              </a:spcBef>
              <a:spcAft>
                <a:spcPts val="600"/>
              </a:spcAft>
            </a:pPr>
            <a:r>
              <a:rPr lang="en-US" dirty="0" smtClean="0"/>
              <a:t>SWP Table ‘A’ Contract Approach</a:t>
            </a:r>
          </a:p>
          <a:p>
            <a:pPr lvl="1">
              <a:spcBef>
                <a:spcPts val="0"/>
              </a:spcBef>
              <a:spcAft>
                <a:spcPts val="600"/>
              </a:spcAft>
            </a:pPr>
            <a:r>
              <a:rPr lang="en-US" sz="2200" dirty="0" smtClean="0"/>
              <a:t>Participation based on existing Table ‘A’ contract amount</a:t>
            </a:r>
          </a:p>
          <a:p>
            <a:pPr lvl="1">
              <a:spcBef>
                <a:spcPts val="0"/>
              </a:spcBef>
              <a:spcAft>
                <a:spcPts val="600"/>
              </a:spcAft>
            </a:pPr>
            <a:r>
              <a:rPr lang="en-US" sz="2200" dirty="0" smtClean="0"/>
              <a:t>Payments based on fixed &amp; variable water delivery </a:t>
            </a:r>
            <a:r>
              <a:rPr lang="en-US" sz="2200" dirty="0"/>
              <a:t>costs </a:t>
            </a:r>
            <a:endParaRPr lang="en-US" sz="2200" dirty="0" smtClean="0"/>
          </a:p>
          <a:p>
            <a:pPr lvl="1">
              <a:spcBef>
                <a:spcPts val="0"/>
              </a:spcBef>
              <a:spcAft>
                <a:spcPts val="600"/>
              </a:spcAft>
            </a:pPr>
            <a:r>
              <a:rPr lang="en-US" sz="2200" dirty="0" smtClean="0"/>
              <a:t>Additional provisions </a:t>
            </a:r>
            <a:r>
              <a:rPr lang="en-US" sz="2200" dirty="0"/>
              <a:t>for </a:t>
            </a:r>
            <a:r>
              <a:rPr lang="en-US" sz="2200" dirty="0" smtClean="0"/>
              <a:t>water transfers</a:t>
            </a:r>
            <a:endParaRPr lang="en-US" sz="2200" dirty="0"/>
          </a:p>
          <a:p>
            <a:pPr>
              <a:spcBef>
                <a:spcPts val="0"/>
              </a:spcBef>
              <a:spcAft>
                <a:spcPts val="600"/>
              </a:spcAft>
            </a:pPr>
            <a:r>
              <a:rPr lang="en-US" dirty="0" smtClean="0"/>
              <a:t>Subscribed Capacity Approach</a:t>
            </a:r>
            <a:endParaRPr lang="en-US" dirty="0"/>
          </a:p>
          <a:p>
            <a:pPr lvl="1">
              <a:spcBef>
                <a:spcPts val="0"/>
              </a:spcBef>
              <a:spcAft>
                <a:spcPts val="600"/>
              </a:spcAft>
            </a:pPr>
            <a:r>
              <a:rPr lang="en-US" sz="2200" dirty="0" smtClean="0"/>
              <a:t>Participation based on desired capacity amount</a:t>
            </a:r>
          </a:p>
          <a:p>
            <a:pPr lvl="1">
              <a:spcBef>
                <a:spcPts val="0"/>
              </a:spcBef>
              <a:spcAft>
                <a:spcPts val="600"/>
              </a:spcAft>
            </a:pPr>
            <a:r>
              <a:rPr lang="en-US" sz="2200" dirty="0"/>
              <a:t>Payments based on fixed &amp; variable water delivery costs </a:t>
            </a:r>
          </a:p>
          <a:p>
            <a:pPr lvl="1">
              <a:spcBef>
                <a:spcPts val="0"/>
              </a:spcBef>
              <a:spcAft>
                <a:spcPts val="600"/>
              </a:spcAft>
            </a:pPr>
            <a:r>
              <a:rPr lang="en-US" sz="2200" dirty="0"/>
              <a:t>Additional provisions for water </a:t>
            </a:r>
            <a:r>
              <a:rPr lang="en-US" sz="2200" dirty="0" smtClean="0"/>
              <a:t>transfers</a:t>
            </a:r>
            <a:endParaRPr lang="en-US" sz="2200" dirty="0"/>
          </a:p>
        </p:txBody>
      </p:sp>
      <p:sp>
        <p:nvSpPr>
          <p:cNvPr id="27" name="Slide Number Placeholder 3"/>
          <p:cNvSpPr txBox="1">
            <a:spLocks/>
          </p:cNvSpPr>
          <p:nvPr/>
        </p:nvSpPr>
        <p:spPr>
          <a:xfrm>
            <a:off x="8458200" y="6427789"/>
            <a:ext cx="685800" cy="365125"/>
          </a:xfrm>
          <a:prstGeom prst="rect">
            <a:avLst/>
          </a:prstGeom>
        </p:spPr>
        <p:txBody>
          <a:bodyPr/>
          <a:lstStyle/>
          <a:p>
            <a:pPr algn="ctr">
              <a:defRPr/>
            </a:pPr>
            <a:fld id="{7A37C76E-89DA-4ED5-A436-13A1ABC61839}" type="slidenum">
              <a:rPr lang="en-US" sz="1400" smtClean="0">
                <a:solidFill>
                  <a:prstClr val="white"/>
                </a:solidFill>
              </a:rPr>
              <a:pPr algn="ctr">
                <a:defRPr/>
              </a:pPr>
              <a:t>21</a:t>
            </a:fld>
            <a:endParaRPr lang="en-US" sz="1400" dirty="0">
              <a:solidFill>
                <a:prstClr val="white"/>
              </a:solidFill>
            </a:endParaRPr>
          </a:p>
        </p:txBody>
      </p:sp>
    </p:spTree>
    <p:extLst>
      <p:ext uri="{BB962C8B-B14F-4D97-AF65-F5344CB8AC3E}">
        <p14:creationId xmlns:p14="http://schemas.microsoft.com/office/powerpoint/2010/main" val="2218420133"/>
      </p:ext>
    </p:extLst>
  </p:cSld>
  <p:clrMapOvr>
    <a:masterClrMapping/>
  </p:clrMapOvr>
  <p:transition spd="slow">
    <p:fade/>
  </p:transition>
  <p:timing>
    <p:tnLst>
      <p:par>
        <p:cTn id="1" dur="indefinite" restart="never" nodeType="tmRoot"/>
      </p:par>
    </p:tn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p:cNvSpPr>
            <a:spLocks noGrp="1"/>
          </p:cNvSpPr>
          <p:nvPr>
            <p:ph type="title"/>
          </p:nvPr>
        </p:nvSpPr>
        <p:spPr>
          <a:xfrm>
            <a:off x="399185" y="457200"/>
            <a:ext cx="8382000" cy="664797"/>
          </a:xfrm>
        </p:spPr>
        <p:txBody>
          <a:bodyPr/>
          <a:lstStyle/>
          <a:p>
            <a:pPr algn="ctr"/>
            <a:r>
              <a:rPr lang="en-US" sz="4000" dirty="0"/>
              <a:t>Seawater Desalination </a:t>
            </a:r>
            <a:r>
              <a:rPr lang="en-US" sz="4000" dirty="0" smtClean="0"/>
              <a:t>Permitting: Process</a:t>
            </a:r>
            <a:endParaRPr lang="en-US" sz="4000" dirty="0"/>
          </a:p>
        </p:txBody>
      </p:sp>
      <p:sp>
        <p:nvSpPr>
          <p:cNvPr id="4" name="TextBox 3"/>
          <p:cNvSpPr txBox="1"/>
          <p:nvPr/>
        </p:nvSpPr>
        <p:spPr>
          <a:xfrm>
            <a:off x="2971800" y="2457920"/>
            <a:ext cx="3200400" cy="400110"/>
          </a:xfrm>
          <a:prstGeom prst="rect">
            <a:avLst/>
          </a:prstGeom>
        </p:spPr>
        <p:style>
          <a:lnRef idx="0">
            <a:schemeClr val="accent1"/>
          </a:lnRef>
          <a:fillRef idx="3">
            <a:schemeClr val="accent1"/>
          </a:fillRef>
          <a:effectRef idx="3">
            <a:schemeClr val="accent1"/>
          </a:effectRef>
          <a:fontRef idx="minor">
            <a:schemeClr val="lt1"/>
          </a:fontRef>
        </p:style>
        <p:txBody>
          <a:bodyPr wrap="square" rtlCol="0">
            <a:spAutoFit/>
          </a:bodyPr>
          <a:lstStyle/>
          <a:p>
            <a:pPr algn="ctr" fontAlgn="auto">
              <a:spcBef>
                <a:spcPts val="0"/>
              </a:spcBef>
              <a:spcAft>
                <a:spcPts val="0"/>
              </a:spcAft>
            </a:pPr>
            <a:r>
              <a:rPr lang="en-US" sz="2000" dirty="0" smtClean="0">
                <a:solidFill>
                  <a:prstClr val="white"/>
                </a:solidFill>
              </a:rPr>
              <a:t>Pre-application review</a:t>
            </a:r>
          </a:p>
        </p:txBody>
      </p:sp>
      <p:sp>
        <p:nvSpPr>
          <p:cNvPr id="10" name="TextBox 9"/>
          <p:cNvSpPr txBox="1"/>
          <p:nvPr/>
        </p:nvSpPr>
        <p:spPr>
          <a:xfrm>
            <a:off x="2971800" y="3079051"/>
            <a:ext cx="3200400" cy="400110"/>
          </a:xfrm>
          <a:prstGeom prst="rect">
            <a:avLst/>
          </a:prstGeom>
        </p:spPr>
        <p:style>
          <a:lnRef idx="0">
            <a:schemeClr val="accent1"/>
          </a:lnRef>
          <a:fillRef idx="3">
            <a:schemeClr val="accent1"/>
          </a:fillRef>
          <a:effectRef idx="3">
            <a:schemeClr val="accent1"/>
          </a:effectRef>
          <a:fontRef idx="minor">
            <a:schemeClr val="lt1"/>
          </a:fontRef>
        </p:style>
        <p:txBody>
          <a:bodyPr wrap="square" rtlCol="0">
            <a:spAutoFit/>
          </a:bodyPr>
          <a:lstStyle/>
          <a:p>
            <a:pPr algn="ctr" fontAlgn="auto">
              <a:spcBef>
                <a:spcPts val="0"/>
              </a:spcBef>
              <a:spcAft>
                <a:spcPts val="0"/>
              </a:spcAft>
            </a:pPr>
            <a:r>
              <a:rPr lang="en-US" sz="2000" dirty="0" err="1" smtClean="0">
                <a:solidFill>
                  <a:prstClr val="white"/>
                </a:solidFill>
              </a:rPr>
              <a:t>CEQA</a:t>
            </a:r>
            <a:r>
              <a:rPr lang="en-US" sz="2000" dirty="0" smtClean="0">
                <a:solidFill>
                  <a:prstClr val="white"/>
                </a:solidFill>
              </a:rPr>
              <a:t> (and </a:t>
            </a:r>
            <a:r>
              <a:rPr lang="en-US" sz="2000" dirty="0" err="1" smtClean="0">
                <a:solidFill>
                  <a:prstClr val="white"/>
                </a:solidFill>
              </a:rPr>
              <a:t>NEPA</a:t>
            </a:r>
            <a:r>
              <a:rPr lang="en-US" sz="2000" dirty="0" smtClean="0">
                <a:solidFill>
                  <a:prstClr val="white"/>
                </a:solidFill>
              </a:rPr>
              <a:t>?)</a:t>
            </a:r>
          </a:p>
        </p:txBody>
      </p:sp>
      <p:sp>
        <p:nvSpPr>
          <p:cNvPr id="11" name="TextBox 10"/>
          <p:cNvSpPr txBox="1"/>
          <p:nvPr/>
        </p:nvSpPr>
        <p:spPr>
          <a:xfrm>
            <a:off x="2971800" y="3700182"/>
            <a:ext cx="3200400" cy="707886"/>
          </a:xfrm>
          <a:prstGeom prst="rect">
            <a:avLst/>
          </a:prstGeom>
        </p:spPr>
        <p:style>
          <a:lnRef idx="0">
            <a:schemeClr val="accent1"/>
          </a:lnRef>
          <a:fillRef idx="3">
            <a:schemeClr val="accent1"/>
          </a:fillRef>
          <a:effectRef idx="3">
            <a:schemeClr val="accent1"/>
          </a:effectRef>
          <a:fontRef idx="minor">
            <a:schemeClr val="lt1"/>
          </a:fontRef>
        </p:style>
        <p:txBody>
          <a:bodyPr wrap="square" rtlCol="0">
            <a:spAutoFit/>
          </a:bodyPr>
          <a:lstStyle/>
          <a:p>
            <a:pPr algn="ctr" fontAlgn="auto">
              <a:spcBef>
                <a:spcPts val="0"/>
              </a:spcBef>
              <a:spcAft>
                <a:spcPts val="0"/>
              </a:spcAft>
            </a:pPr>
            <a:r>
              <a:rPr lang="en-US" sz="2000" dirty="0" smtClean="0">
                <a:solidFill>
                  <a:prstClr val="white"/>
                </a:solidFill>
              </a:rPr>
              <a:t>Permitting – local, state, and federal</a:t>
            </a:r>
          </a:p>
        </p:txBody>
      </p:sp>
      <p:sp>
        <p:nvSpPr>
          <p:cNvPr id="12" name="TextBox 11"/>
          <p:cNvSpPr txBox="1"/>
          <p:nvPr/>
        </p:nvSpPr>
        <p:spPr>
          <a:xfrm>
            <a:off x="2971800" y="5086290"/>
            <a:ext cx="3200400" cy="400110"/>
          </a:xfrm>
          <a:prstGeom prst="rect">
            <a:avLst/>
          </a:prstGeom>
        </p:spPr>
        <p:style>
          <a:lnRef idx="0">
            <a:schemeClr val="accent1"/>
          </a:lnRef>
          <a:fillRef idx="3">
            <a:schemeClr val="accent1"/>
          </a:fillRef>
          <a:effectRef idx="3">
            <a:schemeClr val="accent1"/>
          </a:effectRef>
          <a:fontRef idx="minor">
            <a:schemeClr val="lt1"/>
          </a:fontRef>
        </p:style>
        <p:txBody>
          <a:bodyPr wrap="none" rtlCol="0">
            <a:noAutofit/>
          </a:bodyPr>
          <a:lstStyle/>
          <a:p>
            <a:pPr algn="ctr" fontAlgn="auto">
              <a:spcBef>
                <a:spcPts val="0"/>
              </a:spcBef>
              <a:spcAft>
                <a:spcPts val="0"/>
              </a:spcAft>
            </a:pPr>
            <a:r>
              <a:rPr lang="en-US" sz="2000" dirty="0" smtClean="0">
                <a:solidFill>
                  <a:prstClr val="white"/>
                </a:solidFill>
              </a:rPr>
              <a:t>A final project!</a:t>
            </a:r>
          </a:p>
        </p:txBody>
      </p:sp>
      <p:sp>
        <p:nvSpPr>
          <p:cNvPr id="5" name="Rounded Rectangle 4"/>
          <p:cNvSpPr/>
          <p:nvPr/>
        </p:nvSpPr>
        <p:spPr bwMode="auto">
          <a:xfrm>
            <a:off x="175689" y="2167765"/>
            <a:ext cx="2148840" cy="640080"/>
          </a:xfrm>
          <a:prstGeom prst="roundRect">
            <a:avLst/>
          </a:prstGeom>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Applicant</a:t>
            </a:r>
          </a:p>
        </p:txBody>
      </p:sp>
      <p:sp>
        <p:nvSpPr>
          <p:cNvPr id="14" name="Rounded Rectangle 13"/>
          <p:cNvSpPr/>
          <p:nvPr/>
        </p:nvSpPr>
        <p:spPr bwMode="auto">
          <a:xfrm>
            <a:off x="178737" y="3484183"/>
            <a:ext cx="2142744" cy="640080"/>
          </a:xfrm>
          <a:prstGeom prst="roundRect">
            <a:avLst/>
          </a:prstGeom>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Other involved agencies</a:t>
            </a:r>
          </a:p>
        </p:txBody>
      </p:sp>
      <p:sp>
        <p:nvSpPr>
          <p:cNvPr id="15" name="Rounded Rectangle 14"/>
          <p:cNvSpPr/>
          <p:nvPr/>
        </p:nvSpPr>
        <p:spPr bwMode="auto">
          <a:xfrm>
            <a:off x="183309" y="4800600"/>
            <a:ext cx="2133600" cy="640080"/>
          </a:xfrm>
          <a:prstGeom prst="roundRect">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Local governments</a:t>
            </a:r>
          </a:p>
        </p:txBody>
      </p:sp>
      <p:sp>
        <p:nvSpPr>
          <p:cNvPr id="16" name="Rounded Rectangle 15"/>
          <p:cNvSpPr/>
          <p:nvPr/>
        </p:nvSpPr>
        <p:spPr bwMode="auto">
          <a:xfrm>
            <a:off x="6756957" y="3484183"/>
            <a:ext cx="2130552" cy="64008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Federal Agencies</a:t>
            </a:r>
          </a:p>
        </p:txBody>
      </p:sp>
      <p:sp>
        <p:nvSpPr>
          <p:cNvPr id="17" name="Rounded Rectangle 16"/>
          <p:cNvSpPr/>
          <p:nvPr/>
        </p:nvSpPr>
        <p:spPr bwMode="auto">
          <a:xfrm>
            <a:off x="6747813" y="2167765"/>
            <a:ext cx="2148840" cy="640080"/>
          </a:xfrm>
          <a:prstGeom prst="roundRect">
            <a:avLst/>
          </a:prstGeom>
          <a:gradFill>
            <a:gsLst>
              <a:gs pos="0">
                <a:srgbClr val="592E60"/>
              </a:gs>
              <a:gs pos="50000">
                <a:srgbClr val="8E4999"/>
              </a:gs>
              <a:gs pos="73000">
                <a:srgbClr val="A65EB2"/>
              </a:gs>
              <a:gs pos="100000">
                <a:srgbClr val="A65EB2"/>
              </a:gs>
            </a:gsLst>
            <a:lin ang="16200000" scaled="0"/>
          </a:gradFill>
          <a:ln>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600" dirty="0" smtClean="0">
                <a:solidFill>
                  <a:srgbClr val="FFFFFF"/>
                </a:solidFill>
                <a:effectLst>
                  <a:outerShdw blurRad="38100" dist="38100" dir="2700000" algn="tl">
                    <a:srgbClr val="000000">
                      <a:alpha val="43137"/>
                    </a:srgbClr>
                  </a:outerShdw>
                </a:effectLst>
                <a:latin typeface="Segoe" pitchFamily="34" charset="0"/>
              </a:rPr>
              <a:t>State permitting agencies</a:t>
            </a:r>
          </a:p>
        </p:txBody>
      </p:sp>
      <p:sp>
        <p:nvSpPr>
          <p:cNvPr id="18" name="Rounded Rectangle 17"/>
          <p:cNvSpPr/>
          <p:nvPr/>
        </p:nvSpPr>
        <p:spPr bwMode="auto">
          <a:xfrm>
            <a:off x="6747813" y="4800600"/>
            <a:ext cx="2148840" cy="640080"/>
          </a:xfrm>
          <a:prstGeom prst="roundRect">
            <a:avLst/>
          </a:prstGeom>
          <a:solidFill>
            <a:schemeClr val="tx1">
              <a:lumMod val="65000"/>
            </a:schemeClr>
          </a:solidFill>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Stakeholders</a:t>
            </a:r>
          </a:p>
        </p:txBody>
      </p:sp>
      <p:cxnSp>
        <p:nvCxnSpPr>
          <p:cNvPr id="46" name="Straight Connector 45"/>
          <p:cNvCxnSpPr/>
          <p:nvPr/>
        </p:nvCxnSpPr>
        <p:spPr>
          <a:xfrm>
            <a:off x="2324529" y="2487805"/>
            <a:ext cx="392037" cy="0"/>
          </a:xfrm>
          <a:prstGeom prst="line">
            <a:avLst/>
          </a:prstGeom>
          <a:ln w="28575">
            <a:solidFill>
              <a:schemeClr val="accent3">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48" name="Straight Connector 47"/>
          <p:cNvCxnSpPr/>
          <p:nvPr/>
        </p:nvCxnSpPr>
        <p:spPr>
          <a:xfrm>
            <a:off x="2716566" y="2487805"/>
            <a:ext cx="0" cy="1566320"/>
          </a:xfrm>
          <a:prstGeom prst="line">
            <a:avLst/>
          </a:prstGeom>
          <a:ln w="28575">
            <a:solidFill>
              <a:schemeClr val="accent3">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52" name="Straight Connector 51"/>
          <p:cNvCxnSpPr/>
          <p:nvPr/>
        </p:nvCxnSpPr>
        <p:spPr>
          <a:xfrm>
            <a:off x="2324529" y="3804223"/>
            <a:ext cx="266271" cy="0"/>
          </a:xfrm>
          <a:prstGeom prst="line">
            <a:avLst/>
          </a:prstGeom>
          <a:ln w="28575">
            <a:solidFill>
              <a:schemeClr val="tx2">
                <a:lumMod val="50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55" name="Straight Connector 54"/>
          <p:cNvCxnSpPr/>
          <p:nvPr/>
        </p:nvCxnSpPr>
        <p:spPr>
          <a:xfrm flipV="1">
            <a:off x="2590800" y="2807845"/>
            <a:ext cx="0" cy="996378"/>
          </a:xfrm>
          <a:prstGeom prst="line">
            <a:avLst/>
          </a:prstGeom>
          <a:ln w="28575">
            <a:solidFill>
              <a:schemeClr val="tx2">
                <a:lumMod val="50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57" name="Straight Connector 56"/>
          <p:cNvCxnSpPr/>
          <p:nvPr/>
        </p:nvCxnSpPr>
        <p:spPr>
          <a:xfrm>
            <a:off x="2316909" y="5120640"/>
            <a:ext cx="140755" cy="0"/>
          </a:xfrm>
          <a:prstGeom prst="line">
            <a:avLst/>
          </a:prstGeom>
          <a:ln w="28575">
            <a:solidFill>
              <a:schemeClr val="accent2">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2457664" y="3352800"/>
            <a:ext cx="0" cy="1767842"/>
          </a:xfrm>
          <a:prstGeom prst="line">
            <a:avLst/>
          </a:prstGeom>
          <a:ln w="28575">
            <a:solidFill>
              <a:schemeClr val="accent2">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62" name="Straight Arrow Connector 61"/>
          <p:cNvCxnSpPr>
            <a:endCxn id="4" idx="1"/>
          </p:cNvCxnSpPr>
          <p:nvPr/>
        </p:nvCxnSpPr>
        <p:spPr>
          <a:xfrm>
            <a:off x="2716566" y="2657975"/>
            <a:ext cx="255234" cy="0"/>
          </a:xfrm>
          <a:prstGeom prst="straightConnector1">
            <a:avLst/>
          </a:prstGeom>
          <a:ln w="28575">
            <a:solidFill>
              <a:schemeClr val="accent3">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66" name="Straight Arrow Connector 65"/>
          <p:cNvCxnSpPr/>
          <p:nvPr/>
        </p:nvCxnSpPr>
        <p:spPr>
          <a:xfrm>
            <a:off x="2716566" y="3200400"/>
            <a:ext cx="255234" cy="0"/>
          </a:xfrm>
          <a:prstGeom prst="straightConnector1">
            <a:avLst/>
          </a:prstGeom>
          <a:ln w="28575">
            <a:solidFill>
              <a:schemeClr val="accent3">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a:endCxn id="11" idx="1"/>
          </p:cNvCxnSpPr>
          <p:nvPr/>
        </p:nvCxnSpPr>
        <p:spPr>
          <a:xfrm>
            <a:off x="2716566" y="4054125"/>
            <a:ext cx="255234" cy="0"/>
          </a:xfrm>
          <a:prstGeom prst="straightConnector1">
            <a:avLst/>
          </a:prstGeom>
          <a:ln w="28575">
            <a:solidFill>
              <a:schemeClr val="accent3">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71" name="Straight Arrow Connector 70"/>
          <p:cNvCxnSpPr/>
          <p:nvPr/>
        </p:nvCxnSpPr>
        <p:spPr>
          <a:xfrm>
            <a:off x="2590800" y="2807845"/>
            <a:ext cx="381000" cy="0"/>
          </a:xfrm>
          <a:prstGeom prst="straightConnector1">
            <a:avLst/>
          </a:prstGeom>
          <a:ln w="28575">
            <a:solidFill>
              <a:schemeClr val="tx2">
                <a:lumMod val="50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2457664" y="3352800"/>
            <a:ext cx="514136" cy="0"/>
          </a:xfrm>
          <a:prstGeom prst="straightConnector1">
            <a:avLst/>
          </a:prstGeom>
          <a:ln w="28575">
            <a:solidFill>
              <a:schemeClr val="accent2">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84" name="Straight Arrow Connector 83"/>
          <p:cNvCxnSpPr>
            <a:stCxn id="11" idx="2"/>
            <a:endCxn id="12" idx="0"/>
          </p:cNvCxnSpPr>
          <p:nvPr/>
        </p:nvCxnSpPr>
        <p:spPr>
          <a:xfrm>
            <a:off x="4572000" y="4408068"/>
            <a:ext cx="0" cy="678222"/>
          </a:xfrm>
          <a:prstGeom prst="straightConnector1">
            <a:avLst/>
          </a:prstGeom>
          <a:ln w="38100">
            <a:tailEnd type="arrow"/>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6477000" y="2487805"/>
            <a:ext cx="270813" cy="0"/>
          </a:xfrm>
          <a:prstGeom prst="line">
            <a:avLst/>
          </a:prstGeom>
          <a:ln w="28575">
            <a:solidFill>
              <a:srgbClr val="A65EB2"/>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6477000" y="2487805"/>
            <a:ext cx="0" cy="1398395"/>
          </a:xfrm>
          <a:prstGeom prst="line">
            <a:avLst/>
          </a:prstGeom>
          <a:ln w="28575">
            <a:solidFill>
              <a:srgbClr val="A65EB2"/>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a:off x="6612406" y="3804223"/>
            <a:ext cx="135408" cy="0"/>
          </a:xfrm>
          <a:prstGeom prst="line">
            <a:avLst/>
          </a:prstGeom>
          <a:ln w="28575">
            <a:solidFill>
              <a:schemeClr val="accent5">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flipV="1">
            <a:off x="6612406" y="3124200"/>
            <a:ext cx="0" cy="680024"/>
          </a:xfrm>
          <a:prstGeom prst="line">
            <a:avLst/>
          </a:prstGeom>
          <a:ln w="28575">
            <a:solidFill>
              <a:schemeClr val="accent5">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97" name="Straight Connector 96"/>
          <p:cNvCxnSpPr/>
          <p:nvPr/>
        </p:nvCxnSpPr>
        <p:spPr>
          <a:xfrm>
            <a:off x="6612406" y="3804223"/>
            <a:ext cx="0" cy="250642"/>
          </a:xfrm>
          <a:prstGeom prst="line">
            <a:avLst/>
          </a:prstGeom>
          <a:ln w="28575">
            <a:solidFill>
              <a:schemeClr val="accent5">
                <a:lumMod val="7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99" name="Straight Connector 98"/>
          <p:cNvCxnSpPr>
            <a:stCxn id="18" idx="1"/>
          </p:cNvCxnSpPr>
          <p:nvPr/>
        </p:nvCxnSpPr>
        <p:spPr>
          <a:xfrm flipH="1">
            <a:off x="6400800" y="5120640"/>
            <a:ext cx="347013" cy="1"/>
          </a:xfrm>
          <a:prstGeom prst="line">
            <a:avLst/>
          </a:prstGeom>
          <a:ln w="28575">
            <a:solidFill>
              <a:schemeClr val="tx1">
                <a:lumMod val="6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01" name="Straight Connector 100"/>
          <p:cNvCxnSpPr/>
          <p:nvPr/>
        </p:nvCxnSpPr>
        <p:spPr>
          <a:xfrm flipV="1">
            <a:off x="6400800" y="3429000"/>
            <a:ext cx="0" cy="1691642"/>
          </a:xfrm>
          <a:prstGeom prst="line">
            <a:avLst/>
          </a:prstGeom>
          <a:ln w="28575">
            <a:solidFill>
              <a:schemeClr val="tx1">
                <a:lumMod val="65000"/>
              </a:schemeClr>
            </a:solidFill>
            <a:prstDash val="sysDash"/>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a:endCxn id="4" idx="3"/>
          </p:cNvCxnSpPr>
          <p:nvPr/>
        </p:nvCxnSpPr>
        <p:spPr>
          <a:xfrm flipH="1">
            <a:off x="6172200" y="2657975"/>
            <a:ext cx="304800" cy="0"/>
          </a:xfrm>
          <a:prstGeom prst="straightConnector1">
            <a:avLst/>
          </a:prstGeom>
          <a:ln w="28575">
            <a:solidFill>
              <a:srgbClr val="A65EB2"/>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05" name="Straight Arrow Connector 104"/>
          <p:cNvCxnSpPr>
            <a:endCxn id="10" idx="3"/>
          </p:cNvCxnSpPr>
          <p:nvPr/>
        </p:nvCxnSpPr>
        <p:spPr>
          <a:xfrm flipH="1">
            <a:off x="6172200" y="3279106"/>
            <a:ext cx="304800" cy="0"/>
          </a:xfrm>
          <a:prstGeom prst="straightConnector1">
            <a:avLst/>
          </a:prstGeom>
          <a:ln w="28575">
            <a:solidFill>
              <a:srgbClr val="A65EB2"/>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07" name="Straight Arrow Connector 106"/>
          <p:cNvCxnSpPr/>
          <p:nvPr/>
        </p:nvCxnSpPr>
        <p:spPr>
          <a:xfrm flipH="1">
            <a:off x="6172200" y="3886200"/>
            <a:ext cx="304800" cy="0"/>
          </a:xfrm>
          <a:prstGeom prst="straightConnector1">
            <a:avLst/>
          </a:prstGeom>
          <a:ln w="28575">
            <a:solidFill>
              <a:srgbClr val="A65EB2"/>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sp>
        <p:nvSpPr>
          <p:cNvPr id="109" name="TextBox 108"/>
          <p:cNvSpPr txBox="1"/>
          <p:nvPr/>
        </p:nvSpPr>
        <p:spPr>
          <a:xfrm>
            <a:off x="109428" y="6477000"/>
            <a:ext cx="3634200" cy="307777"/>
          </a:xfrm>
          <a:prstGeom prst="rect">
            <a:avLst/>
          </a:prstGeom>
          <a:noFill/>
        </p:spPr>
        <p:txBody>
          <a:bodyPr wrap="none" rtlCol="0">
            <a:spAutoFit/>
          </a:bodyPr>
          <a:lstStyle/>
          <a:p>
            <a:r>
              <a:rPr lang="en-US" sz="1400" i="1" dirty="0" smtClean="0">
                <a:solidFill>
                  <a:srgbClr val="FFC000"/>
                </a:solidFill>
                <a:latin typeface="Calibri"/>
              </a:rPr>
              <a:t>Source: Coastal Commission Presentation, 2016</a:t>
            </a:r>
          </a:p>
        </p:txBody>
      </p:sp>
      <p:cxnSp>
        <p:nvCxnSpPr>
          <p:cNvPr id="112" name="Straight Arrow Connector 111"/>
          <p:cNvCxnSpPr/>
          <p:nvPr/>
        </p:nvCxnSpPr>
        <p:spPr>
          <a:xfrm flipH="1">
            <a:off x="6172200" y="3429000"/>
            <a:ext cx="228600" cy="0"/>
          </a:xfrm>
          <a:prstGeom prst="straightConnector1">
            <a:avLst/>
          </a:prstGeom>
          <a:ln w="28575">
            <a:solidFill>
              <a:schemeClr val="tx1">
                <a:lumMod val="6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16" name="Straight Arrow Connector 115"/>
          <p:cNvCxnSpPr/>
          <p:nvPr/>
        </p:nvCxnSpPr>
        <p:spPr>
          <a:xfrm flipH="1">
            <a:off x="6172200" y="4274820"/>
            <a:ext cx="228600" cy="0"/>
          </a:xfrm>
          <a:prstGeom prst="straightConnector1">
            <a:avLst/>
          </a:prstGeom>
          <a:ln w="28575">
            <a:solidFill>
              <a:schemeClr val="tx1">
                <a:lumMod val="6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19" name="Straight Arrow Connector 118"/>
          <p:cNvCxnSpPr/>
          <p:nvPr/>
        </p:nvCxnSpPr>
        <p:spPr>
          <a:xfrm flipH="1">
            <a:off x="6172200" y="3124200"/>
            <a:ext cx="440206" cy="0"/>
          </a:xfrm>
          <a:prstGeom prst="straightConnector1">
            <a:avLst/>
          </a:prstGeom>
          <a:ln w="28575">
            <a:solidFill>
              <a:schemeClr val="accent5">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21" name="Straight Arrow Connector 120"/>
          <p:cNvCxnSpPr/>
          <p:nvPr/>
        </p:nvCxnSpPr>
        <p:spPr>
          <a:xfrm flipH="1">
            <a:off x="6150746" y="4054865"/>
            <a:ext cx="461660" cy="0"/>
          </a:xfrm>
          <a:prstGeom prst="straightConnector1">
            <a:avLst/>
          </a:prstGeom>
          <a:ln w="28575">
            <a:solidFill>
              <a:schemeClr val="accent5">
                <a:lumMod val="75000"/>
              </a:schemeClr>
            </a:solidFill>
            <a:prstDash val="sysDash"/>
            <a:tailEnd type="arrow"/>
          </a:ln>
          <a:effectLst>
            <a:outerShdw blurRad="63500" sx="102000" sy="102000" algn="c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sp>
        <p:nvSpPr>
          <p:cNvPr id="40" name="Title 1"/>
          <p:cNvSpPr txBox="1">
            <a:spLocks/>
          </p:cNvSpPr>
          <p:nvPr/>
        </p:nvSpPr>
        <p:spPr>
          <a:xfrm>
            <a:off x="381000" y="1337339"/>
            <a:ext cx="8382000" cy="443198"/>
          </a:xfrm>
          <a:prstGeom prst="rect">
            <a:avLst/>
          </a:prstGeom>
        </p:spPr>
        <p:txBody>
          <a:bodyPr vert="horz" wrap="square" lIns="0" tIns="0" rIns="0" bIns="0" rtlCol="0" anchor="ctr" anchorCtr="0">
            <a:spAutoFit/>
          </a:bodyPr>
          <a:lstStyle>
            <a:lvl1pPr algn="ctr" defTabSz="914363" rtl="0" eaLnBrk="1" latinLnBrk="0" hangingPunct="1">
              <a:lnSpc>
                <a:spcPct val="90000"/>
              </a:lnSpc>
              <a:spcBef>
                <a:spcPct val="0"/>
              </a:spcBef>
              <a:buNone/>
              <a:defRPr lang="en-US" sz="4800" b="1" kern="1200" cap="none"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stStyle>
          <a:p>
            <a:pPr fontAlgn="auto">
              <a:spcAft>
                <a:spcPts val="0"/>
              </a:spcAft>
            </a:pPr>
            <a:r>
              <a:rPr lang="en-US" sz="3200" dirty="0" smtClean="0">
                <a:solidFill>
                  <a:schemeClr val="tx1"/>
                </a:solidFill>
              </a:rPr>
              <a:t>Permit Review – much more than a State process!</a:t>
            </a:r>
            <a:endParaRPr lang="en-US" sz="3200" dirty="0">
              <a:solidFill>
                <a:schemeClr val="tx1"/>
              </a:solidFill>
            </a:endParaRPr>
          </a:p>
        </p:txBody>
      </p:sp>
    </p:spTree>
    <p:extLst>
      <p:ext uri="{BB962C8B-B14F-4D97-AF65-F5344CB8AC3E}">
        <p14:creationId xmlns:p14="http://schemas.microsoft.com/office/powerpoint/2010/main" val="3620116639"/>
      </p:ext>
    </p:extLst>
  </p:cSld>
  <p:clrMapOvr>
    <a:masterClrMapping/>
  </p:clrMapOvr>
  <p:transition spd="slow">
    <p:fade/>
  </p:transition>
  <p:timing>
    <p:tnLst>
      <p:par>
        <p:cTn id="1" dur="indefinite" restart="never" nodeType="tmRoot"/>
      </p:par>
    </p:tnLst>
  </p:timing>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000" dirty="0" smtClean="0"/>
              <a:t>Seawater Desalination Permitting: Process</a:t>
            </a:r>
            <a:endParaRPr lang="en-US" sz="4000" dirty="0"/>
          </a:p>
        </p:txBody>
      </p:sp>
      <p:pic>
        <p:nvPicPr>
          <p:cNvPr id="3074"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17500" t="18699" r="7812" b="8537"/>
          <a:stretch/>
        </p:blipFill>
        <p:spPr bwMode="auto">
          <a:xfrm>
            <a:off x="1066800" y="1143000"/>
            <a:ext cx="7010400" cy="525046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extBox 4"/>
          <p:cNvSpPr txBox="1"/>
          <p:nvPr/>
        </p:nvSpPr>
        <p:spPr bwMode="auto">
          <a:xfrm>
            <a:off x="1066800" y="6429828"/>
            <a:ext cx="4724400" cy="292388"/>
          </a:xfrm>
          <a:prstGeom prst="rect">
            <a:avLst/>
          </a:prstGeom>
          <a:noFill/>
          <a:ln w="9525">
            <a:solidFill>
              <a:schemeClr val="bg1"/>
            </a:solidFill>
            <a:miter lim="800000"/>
            <a:headEnd/>
            <a:tailEnd/>
          </a:ln>
        </p:spPr>
        <p:txBody>
          <a:bodyPr wrap="square" lIns="91440" rIns="91440" bIns="0" rtlCol="0">
            <a:spAutoFit/>
          </a:bodyPr>
          <a:lstStyle/>
          <a:p>
            <a:pPr fontAlgn="auto">
              <a:spcAft>
                <a:spcPts val="0"/>
              </a:spcAft>
            </a:pPr>
            <a:r>
              <a:rPr lang="en-US" sz="1600" b="1" dirty="0" smtClean="0">
                <a:latin typeface="+mj-lt"/>
                <a:ea typeface="+mj-ea"/>
              </a:rPr>
              <a:t>Source: Coastal Commission Presentation, 2016</a:t>
            </a:r>
            <a:endParaRPr lang="en-US" sz="1600" b="1" dirty="0">
              <a:latin typeface="+mj-lt"/>
              <a:ea typeface="+mj-ea"/>
            </a:endParaRPr>
          </a:p>
        </p:txBody>
      </p:sp>
    </p:spTree>
    <p:extLst>
      <p:ext uri="{BB962C8B-B14F-4D97-AF65-F5344CB8AC3E}">
        <p14:creationId xmlns:p14="http://schemas.microsoft.com/office/powerpoint/2010/main" val="3704055771"/>
      </p:ext>
    </p:extLst>
  </p:cSld>
  <p:clrMapOvr>
    <a:masterClrMapping/>
  </p:clrMapOvr>
  <p:transition spd="slow">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152400" y="6424099"/>
            <a:ext cx="8763000" cy="433901"/>
          </a:xfrm>
          <a:prstGeom prst="rect">
            <a:avLst/>
          </a:prstGeom>
        </p:spPr>
        <p:txBody>
          <a:bodyPr wrap="square">
            <a:spAutoFit/>
          </a:bodyPr>
          <a:lstStyle/>
          <a:p>
            <a:pPr marL="342900" indent="-342900">
              <a:lnSpc>
                <a:spcPct val="85000"/>
              </a:lnSpc>
              <a:buFontTx/>
              <a:buAutoNum type="arabicParenBoth"/>
            </a:pPr>
            <a:r>
              <a:rPr lang="en-US" sz="1300" i="1" dirty="0" smtClean="0">
                <a:solidFill>
                  <a:srgbClr val="CC9900"/>
                </a:solidFill>
                <a:latin typeface="Calibri"/>
              </a:rPr>
              <a:t>Labor </a:t>
            </a:r>
            <a:r>
              <a:rPr lang="en-US" sz="1300" i="1" dirty="0">
                <a:solidFill>
                  <a:srgbClr val="CC9900"/>
                </a:solidFill>
                <a:latin typeface="Calibri"/>
              </a:rPr>
              <a:t>costs include salary, leave and non-leave benefits</a:t>
            </a:r>
            <a:endParaRPr lang="en-US" sz="1300" i="1" dirty="0" smtClean="0">
              <a:solidFill>
                <a:srgbClr val="CC9900"/>
              </a:solidFill>
              <a:latin typeface="Calibri"/>
            </a:endParaRPr>
          </a:p>
          <a:p>
            <a:pPr marL="342900" indent="-342900">
              <a:lnSpc>
                <a:spcPct val="85000"/>
              </a:lnSpc>
              <a:buFontTx/>
              <a:buAutoNum type="arabicParenBoth"/>
            </a:pPr>
            <a:r>
              <a:rPr lang="en-US" sz="1300" i="1" dirty="0" smtClean="0">
                <a:solidFill>
                  <a:srgbClr val="CC9900"/>
                </a:solidFill>
                <a:latin typeface="Calibri"/>
              </a:rPr>
              <a:t>Other </a:t>
            </a:r>
            <a:r>
              <a:rPr lang="en-US" sz="1300" i="1" dirty="0">
                <a:solidFill>
                  <a:srgbClr val="CC9900"/>
                </a:solidFill>
                <a:latin typeface="Calibri"/>
              </a:rPr>
              <a:t>include charges for materials &amp; supplies, trainings &amp; seminars, conferences &amp; meetings, and </a:t>
            </a:r>
            <a:r>
              <a:rPr lang="en-US" sz="1300" i="1" dirty="0" smtClean="0">
                <a:solidFill>
                  <a:srgbClr val="CC9900"/>
                </a:solidFill>
                <a:latin typeface="Calibri"/>
              </a:rPr>
              <a:t>reprographics</a:t>
            </a:r>
            <a:endParaRPr lang="en-US" sz="1300" dirty="0">
              <a:solidFill>
                <a:srgbClr val="CC9900"/>
              </a:solidFill>
              <a:latin typeface="Calibri"/>
            </a:endParaRPr>
          </a:p>
        </p:txBody>
      </p:sp>
      <p:sp>
        <p:nvSpPr>
          <p:cNvPr id="9" name="Title 5"/>
          <p:cNvSpPr txBox="1">
            <a:spLocks/>
          </p:cNvSpPr>
          <p:nvPr/>
        </p:nvSpPr>
        <p:spPr bwMode="ltGray">
          <a:xfrm>
            <a:off x="304800" y="246888"/>
            <a:ext cx="847344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l"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r">
              <a:defRPr/>
            </a:pPr>
            <a:r>
              <a:rPr dirty="0" smtClean="0"/>
              <a:t>MWD Expenditures on BDCP</a:t>
            </a:r>
            <a:endParaRPr dirty="0"/>
          </a:p>
          <a:p>
            <a:pPr algn="r">
              <a:defRPr/>
            </a:pPr>
            <a:r>
              <a:rPr sz="3600" dirty="0" smtClean="0">
                <a:solidFill>
                  <a:prstClr val="white"/>
                </a:solidFill>
                <a:effectLst>
                  <a:outerShdw blurRad="38100" dist="38100" dir="2700000" algn="tl">
                    <a:srgbClr val="000000">
                      <a:alpha val="43137"/>
                    </a:srgbClr>
                  </a:outerShdw>
                </a:effectLst>
              </a:rPr>
              <a:t>Total (Jul 2005 – Sep 2015)</a:t>
            </a:r>
            <a:endParaRPr sz="3600" dirty="0">
              <a:solidFill>
                <a:prstClr val="white"/>
              </a:solidFill>
              <a:effectLst>
                <a:outerShdw blurRad="38100" dist="38100" dir="2700000" algn="tl">
                  <a:srgbClr val="000000">
                    <a:alpha val="43137"/>
                  </a:srgbClr>
                </a:outerShdw>
              </a:effectLst>
            </a:endParaRPr>
          </a:p>
        </p:txBody>
      </p:sp>
      <p:sp>
        <p:nvSpPr>
          <p:cNvPr id="7" name="Slide Number Placeholder 2"/>
          <p:cNvSpPr>
            <a:spLocks noGrp="1"/>
          </p:cNvSpPr>
          <p:nvPr>
            <p:ph type="sldNum" sz="quarter" idx="11"/>
          </p:nvPr>
        </p:nvSpPr>
        <p:spPr>
          <a:xfrm>
            <a:off x="8471140" y="6553200"/>
            <a:ext cx="685800" cy="287547"/>
          </a:xfrm>
          <a:prstGeom prst="rect">
            <a:avLst/>
          </a:prstGeom>
        </p:spPr>
        <p:txBody>
          <a:bodyPr/>
          <a:lstStyle/>
          <a:p>
            <a:pPr algn="ctr">
              <a:defRPr/>
            </a:pPr>
            <a:fld id="{C60DA7DF-59B3-4AAB-AF35-62DB844E63F6}" type="slidenum">
              <a:rPr>
                <a:solidFill>
                  <a:prstClr val="white"/>
                </a:solidFill>
              </a:rPr>
              <a:pPr algn="ctr">
                <a:defRPr/>
              </a:pPr>
              <a:t>22</a:t>
            </a:fld>
            <a:endParaRPr dirty="0">
              <a:solidFill>
                <a:prstClr val="white"/>
              </a:solidFill>
            </a:endParaRPr>
          </a:p>
        </p:txBody>
      </p:sp>
      <p:sp>
        <p:nvSpPr>
          <p:cNvPr id="10" name="Rectangle 9"/>
          <p:cNvSpPr/>
          <p:nvPr/>
        </p:nvSpPr>
        <p:spPr>
          <a:xfrm>
            <a:off x="381000" y="2045696"/>
            <a:ext cx="8229600" cy="4072910"/>
          </a:xfrm>
          <a:prstGeom prst="rect">
            <a:avLst/>
          </a:prstGeom>
        </p:spPr>
        <p:txBody>
          <a:bodyPr wrap="square">
            <a:spAutoFit/>
          </a:bodyPr>
          <a:lstStyle/>
          <a:p>
            <a:pPr marL="396875" indent="-396875" defTabSz="914363">
              <a:lnSpc>
                <a:spcPct val="90000"/>
              </a:lnSpc>
              <a:spcAft>
                <a:spcPts val="400"/>
              </a:spcAft>
              <a:buFontTx/>
              <a:buBlip>
                <a:blip r:embed="rId3"/>
              </a:buBlip>
            </a:pPr>
            <a:r>
              <a:rPr lang="en-US" sz="2400" b="1" dirty="0" smtClean="0">
                <a:solidFill>
                  <a:prstClr val="white"/>
                </a:solidFill>
                <a:effectLst>
                  <a:outerShdw blurRad="38100" dist="38100" dir="2700000" algn="tl">
                    <a:srgbClr val="000000">
                      <a:alpha val="43137"/>
                    </a:srgbClr>
                  </a:outerShdw>
                </a:effectLst>
                <a:latin typeface="Calibri"/>
              </a:rPr>
              <a:t>BDCP – Internal MWD	  	Total Costs (~10 yrs.)</a:t>
            </a:r>
            <a:endParaRPr lang="en-US" sz="2400" b="1" u="sng" dirty="0">
              <a:solidFill>
                <a:prstClr val="white"/>
              </a:solidFill>
              <a:effectLst>
                <a:outerShdw blurRad="38100" dist="38100" dir="2700000" algn="tl">
                  <a:srgbClr val="000000">
                    <a:alpha val="43137"/>
                  </a:srgbClr>
                </a:outerShdw>
              </a:effectLst>
              <a:latin typeface="Calibri"/>
            </a:endParaRP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Labor &amp; Benefits</a:t>
            </a:r>
            <a:r>
              <a:rPr lang="en-US" sz="2800" dirty="0" smtClean="0">
                <a:solidFill>
                  <a:srgbClr val="D8B25C"/>
                </a:solidFill>
                <a:effectLst>
                  <a:outerShdw blurRad="38100" dist="38100" dir="2700000" algn="tl">
                    <a:srgbClr val="000000">
                      <a:alpha val="43137"/>
                    </a:srgbClr>
                  </a:outerShdw>
                </a:effectLst>
                <a:latin typeface="Calibri"/>
              </a:rPr>
              <a:t> </a:t>
            </a:r>
            <a:r>
              <a:rPr lang="en-US" baseline="30000" dirty="0" smtClean="0">
                <a:solidFill>
                  <a:srgbClr val="D8B25C"/>
                </a:solidFill>
                <a:effectLst>
                  <a:outerShdw blurRad="38100" dist="38100" dir="2700000" algn="tl">
                    <a:srgbClr val="000000">
                      <a:alpha val="43137"/>
                    </a:srgbClr>
                  </a:outerShdw>
                </a:effectLst>
                <a:latin typeface="Calibri"/>
              </a:rPr>
              <a:t>(1)</a:t>
            </a:r>
            <a:r>
              <a:rPr lang="en-US" sz="2200" dirty="0" smtClean="0">
                <a:solidFill>
                  <a:srgbClr val="D8B25C"/>
                </a:solidFill>
                <a:effectLst>
                  <a:outerShdw blurRad="38100" dist="38100" dir="2700000" algn="tl">
                    <a:srgbClr val="000000">
                      <a:alpha val="43137"/>
                    </a:srgbClr>
                  </a:outerShdw>
                </a:effectLst>
                <a:latin typeface="Calibri"/>
              </a:rPr>
              <a:t> 	$	</a:t>
            </a:r>
            <a:r>
              <a:rPr lang="en-US" sz="2200" dirty="0">
                <a:solidFill>
                  <a:srgbClr val="D8B25C"/>
                </a:solidFill>
                <a:effectLst>
                  <a:outerShdw blurRad="38100" dist="38100" dir="2700000" algn="tl">
                    <a:srgbClr val="000000">
                      <a:alpha val="43137"/>
                    </a:srgbClr>
                  </a:outerShdw>
                </a:effectLst>
                <a:latin typeface="Calibri"/>
              </a:rPr>
              <a:t>20.91M</a:t>
            </a: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Professional Services	$	</a:t>
            </a:r>
            <a:r>
              <a:rPr lang="en-US" sz="2200" dirty="0">
                <a:solidFill>
                  <a:srgbClr val="D8B25C"/>
                </a:solidFill>
                <a:effectLst>
                  <a:outerShdw blurRad="38100" dist="38100" dir="2700000" algn="tl">
                    <a:srgbClr val="000000">
                      <a:alpha val="43137"/>
                    </a:srgbClr>
                  </a:outerShdw>
                </a:effectLst>
                <a:latin typeface="Calibri"/>
              </a:rPr>
              <a:t>4.15M</a:t>
            </a:r>
            <a:r>
              <a:rPr lang="en-US" sz="2200" dirty="0" smtClean="0">
                <a:solidFill>
                  <a:srgbClr val="D8B25C"/>
                </a:solidFill>
                <a:effectLst>
                  <a:outerShdw blurRad="38100" dist="38100" dir="2700000" algn="tl">
                    <a:srgbClr val="000000">
                      <a:alpha val="43137"/>
                    </a:srgbClr>
                  </a:outerShdw>
                </a:effectLst>
                <a:latin typeface="Calibri"/>
              </a:rPr>
              <a:t> </a:t>
            </a:r>
          </a:p>
          <a:p>
            <a:pPr marL="517525" lvl="1" defTabSz="914363">
              <a:lnSpc>
                <a:spcPct val="90000"/>
              </a:lnSpc>
              <a:spcAft>
                <a:spcPts val="6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Travel	$	</a:t>
            </a:r>
            <a:r>
              <a:rPr lang="en-US" sz="2200" dirty="0">
                <a:solidFill>
                  <a:srgbClr val="D8B25C"/>
                </a:solidFill>
                <a:effectLst>
                  <a:outerShdw blurRad="38100" dist="38100" dir="2700000" algn="tl">
                    <a:srgbClr val="000000">
                      <a:alpha val="43137"/>
                    </a:srgbClr>
                  </a:outerShdw>
                </a:effectLst>
                <a:latin typeface="Calibri"/>
              </a:rPr>
              <a:t>1.03M</a:t>
            </a:r>
            <a:r>
              <a:rPr lang="en-US" sz="2200" dirty="0" smtClean="0">
                <a:solidFill>
                  <a:srgbClr val="D8B25C"/>
                </a:solidFill>
                <a:effectLst>
                  <a:outerShdw blurRad="38100" dist="38100" dir="2700000" algn="tl">
                    <a:srgbClr val="000000">
                      <a:alpha val="43137"/>
                    </a:srgbClr>
                  </a:outerShdw>
                </a:effectLst>
                <a:latin typeface="Calibri"/>
              </a:rPr>
              <a:t> </a:t>
            </a:r>
            <a:endParaRPr lang="en-US" sz="2200" dirty="0">
              <a:solidFill>
                <a:srgbClr val="D8B25C"/>
              </a:solidFill>
              <a:effectLst>
                <a:outerShdw blurRad="38100" dist="38100" dir="2700000" algn="tl">
                  <a:srgbClr val="000000">
                    <a:alpha val="43137"/>
                  </a:srgbClr>
                </a:outerShdw>
              </a:effectLst>
              <a:latin typeface="Calibri"/>
            </a:endParaRPr>
          </a:p>
          <a:p>
            <a:pPr marL="517525" lvl="1" defTabSz="914363">
              <a:lnSpc>
                <a:spcPct val="90000"/>
              </a:lnSpc>
              <a:spcAft>
                <a:spcPts val="600"/>
              </a:spcAft>
              <a:buClr>
                <a:srgbClr val="D8B25C"/>
              </a:buClr>
              <a:tabLst>
                <a:tab pos="5140325" algn="l"/>
                <a:tab pos="6400800" algn="r"/>
              </a:tabLst>
            </a:pPr>
            <a:r>
              <a:rPr lang="en-US" sz="2200" u="sng" dirty="0" smtClean="0">
                <a:solidFill>
                  <a:srgbClr val="D8B25C"/>
                </a:solidFill>
                <a:effectLst>
                  <a:outerShdw blurRad="38100" dist="38100" dir="2700000" algn="tl">
                    <a:srgbClr val="000000">
                      <a:alpha val="43137"/>
                    </a:srgbClr>
                  </a:outerShdw>
                </a:effectLst>
                <a:latin typeface="Calibri"/>
              </a:rPr>
              <a:t>Other </a:t>
            </a:r>
            <a:r>
              <a:rPr lang="en-US" u="sng" baseline="30000" dirty="0" smtClean="0">
                <a:solidFill>
                  <a:srgbClr val="D8B25C"/>
                </a:solidFill>
                <a:effectLst>
                  <a:outerShdw blurRad="38100" dist="38100" dir="2700000" algn="tl">
                    <a:srgbClr val="000000">
                      <a:alpha val="43137"/>
                    </a:srgbClr>
                  </a:outerShdw>
                </a:effectLst>
                <a:latin typeface="Calibri"/>
              </a:rPr>
              <a:t>(2)</a:t>
            </a:r>
            <a:r>
              <a:rPr lang="en-US" sz="2200" u="sng" dirty="0" smtClean="0">
                <a:solidFill>
                  <a:srgbClr val="D8B25C"/>
                </a:solidFill>
                <a:effectLst>
                  <a:outerShdw blurRad="38100" dist="38100" dir="2700000" algn="tl">
                    <a:srgbClr val="000000">
                      <a:alpha val="43137"/>
                    </a:srgbClr>
                  </a:outerShdw>
                </a:effectLst>
                <a:latin typeface="Calibri"/>
              </a:rPr>
              <a:t> 	$	</a:t>
            </a:r>
            <a:r>
              <a:rPr lang="en-US" sz="2200" u="sng" dirty="0">
                <a:solidFill>
                  <a:srgbClr val="D8B25C"/>
                </a:solidFill>
                <a:effectLst>
                  <a:outerShdw blurRad="38100" dist="38100" dir="2700000" algn="tl">
                    <a:srgbClr val="000000">
                      <a:alpha val="43137"/>
                    </a:srgbClr>
                  </a:outerShdw>
                </a:effectLst>
                <a:latin typeface="Calibri"/>
              </a:rPr>
              <a:t>0.14M</a:t>
            </a:r>
          </a:p>
          <a:p>
            <a:pPr marL="514350" lvl="2" defTabSz="914363">
              <a:lnSpc>
                <a:spcPct val="90000"/>
              </a:lnSpc>
              <a:spcAft>
                <a:spcPts val="600"/>
              </a:spcAft>
              <a:buClr>
                <a:srgbClr val="D8B25C"/>
              </a:buClr>
              <a:tabLst>
                <a:tab pos="5140325" algn="l"/>
                <a:tab pos="6400800" algn="r"/>
              </a:tabLst>
            </a:pPr>
            <a:r>
              <a:rPr lang="en-US" sz="2200" b="1" cap="all" dirty="0" smtClean="0">
                <a:solidFill>
                  <a:srgbClr val="D8B25C"/>
                </a:solidFill>
                <a:effectLst>
                  <a:outerShdw blurRad="38100" dist="38100" dir="2700000" algn="tl">
                    <a:srgbClr val="000000">
                      <a:alpha val="43137"/>
                    </a:srgbClr>
                  </a:outerShdw>
                </a:effectLst>
                <a:latin typeface="Calibri"/>
              </a:rPr>
              <a:t>Subtotal</a:t>
            </a:r>
            <a:r>
              <a:rPr lang="en-US" sz="2200" dirty="0" smtClean="0">
                <a:solidFill>
                  <a:srgbClr val="D8B25C"/>
                </a:solidFill>
                <a:effectLst>
                  <a:outerShdw blurRad="38100" dist="38100" dir="2700000" algn="tl">
                    <a:srgbClr val="000000">
                      <a:alpha val="43137"/>
                    </a:srgbClr>
                  </a:outerShdw>
                </a:effectLst>
                <a:latin typeface="Calibri"/>
              </a:rPr>
              <a:t> 	</a:t>
            </a:r>
            <a:r>
              <a:rPr lang="en-US" sz="2200" b="1" dirty="0" smtClean="0">
                <a:solidFill>
                  <a:srgbClr val="D8B25C"/>
                </a:solidFill>
                <a:effectLst>
                  <a:outerShdw blurRad="38100" dist="38100" dir="2700000" algn="tl">
                    <a:srgbClr val="000000">
                      <a:alpha val="43137"/>
                    </a:srgbClr>
                  </a:outerShdw>
                </a:effectLst>
                <a:latin typeface="Calibri"/>
              </a:rPr>
              <a:t>$	26.23M</a:t>
            </a:r>
            <a:endParaRPr lang="en-US" sz="2200" b="1" dirty="0" smtClean="0">
              <a:solidFill>
                <a:srgbClr val="FF0000"/>
              </a:solidFill>
              <a:effectLst>
                <a:outerShdw blurRad="38100" dist="38100" dir="2700000" algn="tl">
                  <a:srgbClr val="000000">
                    <a:alpha val="43137"/>
                  </a:srgbClr>
                </a:outerShdw>
              </a:effectLst>
              <a:latin typeface="Calibri"/>
            </a:endParaRPr>
          </a:p>
          <a:p>
            <a:pPr marL="514350" lvl="2" defTabSz="914363">
              <a:lnSpc>
                <a:spcPct val="90000"/>
              </a:lnSpc>
              <a:spcAft>
                <a:spcPts val="600"/>
              </a:spcAft>
              <a:buClr>
                <a:srgbClr val="D8B25C"/>
              </a:buClr>
              <a:tabLst>
                <a:tab pos="5140325" algn="l"/>
                <a:tab pos="6400800" algn="r"/>
              </a:tabLst>
            </a:pPr>
            <a:r>
              <a:rPr lang="en-US" sz="2200" u="sng" dirty="0" smtClean="0">
                <a:solidFill>
                  <a:srgbClr val="D8B25C"/>
                </a:solidFill>
                <a:effectLst>
                  <a:outerShdw blurRad="38100" dist="38100" dir="2700000" algn="tl">
                    <a:srgbClr val="000000">
                      <a:alpha val="43137"/>
                    </a:srgbClr>
                  </a:outerShdw>
                </a:effectLst>
                <a:latin typeface="Calibri"/>
              </a:rPr>
              <a:t>Administrative Overhead	$	7.97M</a:t>
            </a:r>
            <a:endParaRPr lang="en-US" sz="2200" u="sng" dirty="0" smtClean="0">
              <a:solidFill>
                <a:srgbClr val="FF0000"/>
              </a:solidFill>
              <a:effectLst>
                <a:outerShdw blurRad="38100" dist="38100" dir="2700000" algn="tl">
                  <a:srgbClr val="000000">
                    <a:alpha val="43137"/>
                  </a:srgbClr>
                </a:outerShdw>
              </a:effectLst>
              <a:latin typeface="Calibri"/>
            </a:endParaRPr>
          </a:p>
          <a:p>
            <a:pPr marL="514350" lvl="2" defTabSz="914363">
              <a:lnSpc>
                <a:spcPct val="90000"/>
              </a:lnSpc>
              <a:spcAft>
                <a:spcPts val="600"/>
              </a:spcAft>
              <a:buClr>
                <a:srgbClr val="D8B25C"/>
              </a:buClr>
              <a:tabLst>
                <a:tab pos="5140325" algn="l"/>
                <a:tab pos="6400800" algn="r"/>
              </a:tabLst>
            </a:pPr>
            <a:r>
              <a:rPr lang="en-US" sz="2200" b="1" cap="all" dirty="0" smtClean="0">
                <a:solidFill>
                  <a:srgbClr val="D8B25C"/>
                </a:solidFill>
                <a:effectLst>
                  <a:outerShdw blurRad="38100" dist="38100" dir="2700000" algn="tl">
                    <a:srgbClr val="000000">
                      <a:alpha val="43137"/>
                    </a:srgbClr>
                  </a:outerShdw>
                </a:effectLst>
                <a:latin typeface="Calibri"/>
              </a:rPr>
              <a:t>Total</a:t>
            </a:r>
            <a:r>
              <a:rPr lang="en-US" sz="2200" dirty="0" smtClean="0">
                <a:solidFill>
                  <a:srgbClr val="D8B25C"/>
                </a:solidFill>
                <a:effectLst>
                  <a:outerShdw blurRad="38100" dist="38100" dir="2700000" algn="tl">
                    <a:srgbClr val="000000">
                      <a:alpha val="43137"/>
                    </a:srgbClr>
                  </a:outerShdw>
                </a:effectLst>
                <a:latin typeface="Calibri"/>
              </a:rPr>
              <a:t>	</a:t>
            </a:r>
            <a:r>
              <a:rPr lang="en-US" sz="2200" b="1" dirty="0" smtClean="0">
                <a:solidFill>
                  <a:srgbClr val="D8B25C"/>
                </a:solidFill>
                <a:effectLst>
                  <a:outerShdw blurRad="38100" dist="38100" dir="2700000" algn="tl">
                    <a:srgbClr val="000000">
                      <a:alpha val="43137"/>
                    </a:srgbClr>
                  </a:outerShdw>
                </a:effectLst>
                <a:latin typeface="Calibri"/>
              </a:rPr>
              <a:t>$	</a:t>
            </a:r>
            <a:r>
              <a:rPr lang="en-US" sz="2200" b="1" dirty="0">
                <a:solidFill>
                  <a:srgbClr val="D8B25C"/>
                </a:solidFill>
                <a:effectLst>
                  <a:outerShdw blurRad="38100" dist="38100" dir="2700000" algn="tl">
                    <a:srgbClr val="000000">
                      <a:alpha val="43137"/>
                    </a:srgbClr>
                  </a:outerShdw>
                </a:effectLst>
                <a:latin typeface="Calibri"/>
              </a:rPr>
              <a:t>34.20M</a:t>
            </a:r>
          </a:p>
          <a:p>
            <a:pPr marL="396875" indent="-396875" defTabSz="914363">
              <a:lnSpc>
                <a:spcPct val="90000"/>
              </a:lnSpc>
              <a:spcBef>
                <a:spcPts val="1200"/>
              </a:spcBef>
              <a:spcAft>
                <a:spcPts val="400"/>
              </a:spcAft>
              <a:buFontTx/>
              <a:buBlip>
                <a:blip r:embed="rId3"/>
              </a:buBlip>
              <a:tabLst>
                <a:tab pos="6400800" algn="r"/>
              </a:tabLst>
            </a:pPr>
            <a:r>
              <a:rPr lang="en-US" sz="2400" b="1" dirty="0" smtClean="0">
                <a:solidFill>
                  <a:prstClr val="white"/>
                </a:solidFill>
                <a:effectLst>
                  <a:outerShdw blurRad="38100" dist="38100" dir="2700000" algn="tl">
                    <a:srgbClr val="000000">
                      <a:alpha val="43137"/>
                    </a:srgbClr>
                  </a:outerShdw>
                </a:effectLst>
                <a:latin typeface="Calibri"/>
              </a:rPr>
              <a:t>BDCP – Planning Cost by DWR</a:t>
            </a:r>
            <a:endParaRPr lang="en-US" sz="2400" b="1" dirty="0">
              <a:solidFill>
                <a:prstClr val="white"/>
              </a:solidFill>
              <a:effectLst>
                <a:outerShdw blurRad="38100" dist="38100" dir="2700000" algn="tl">
                  <a:srgbClr val="000000">
                    <a:alpha val="43137"/>
                  </a:srgbClr>
                </a:outerShdw>
              </a:effectLst>
              <a:latin typeface="Calibri"/>
            </a:endParaRPr>
          </a:p>
          <a:p>
            <a:pPr marL="517525" lvl="1" defTabSz="914363">
              <a:lnSpc>
                <a:spcPct val="90000"/>
              </a:lnSpc>
              <a:spcAft>
                <a:spcPts val="400"/>
              </a:spcAft>
              <a:buClr>
                <a:srgbClr val="D8B25C"/>
              </a:buClr>
              <a:tabLst>
                <a:tab pos="5140325" algn="l"/>
                <a:tab pos="6400800" algn="r"/>
              </a:tabLst>
            </a:pPr>
            <a:r>
              <a:rPr lang="en-US" sz="2200" dirty="0" smtClean="0">
                <a:solidFill>
                  <a:srgbClr val="D8B25C"/>
                </a:solidFill>
                <a:effectLst>
                  <a:outerShdw blurRad="38100" dist="38100" dir="2700000" algn="tl">
                    <a:srgbClr val="000000">
                      <a:alpha val="43137"/>
                    </a:srgbClr>
                  </a:outerShdw>
                </a:effectLst>
                <a:latin typeface="Calibri"/>
              </a:rPr>
              <a:t>BDCP/DHCCP	$	</a:t>
            </a:r>
            <a:r>
              <a:rPr lang="en-US" sz="2200" dirty="0">
                <a:solidFill>
                  <a:srgbClr val="D8B25C"/>
                </a:solidFill>
                <a:effectLst>
                  <a:outerShdw blurRad="38100" dist="38100" dir="2700000" algn="tl">
                    <a:srgbClr val="000000">
                      <a:alpha val="43137"/>
                    </a:srgbClr>
                  </a:outerShdw>
                </a:effectLst>
                <a:latin typeface="Calibri"/>
              </a:rPr>
              <a:t>63M</a:t>
            </a:r>
          </a:p>
        </p:txBody>
      </p:sp>
      <p:sp>
        <p:nvSpPr>
          <p:cNvPr id="8" name="TextBox 7"/>
          <p:cNvSpPr txBox="1"/>
          <p:nvPr/>
        </p:nvSpPr>
        <p:spPr>
          <a:xfrm>
            <a:off x="0" y="1295400"/>
            <a:ext cx="9144000" cy="461665"/>
          </a:xfrm>
          <a:prstGeom prst="rect">
            <a:avLst/>
          </a:prstGeom>
        </p:spPr>
        <p:style>
          <a:lnRef idx="0">
            <a:schemeClr val="dk1"/>
          </a:lnRef>
          <a:fillRef idx="3">
            <a:schemeClr val="dk1"/>
          </a:fillRef>
          <a:effectRef idx="3">
            <a:schemeClr val="dk1"/>
          </a:effectRef>
          <a:fontRef idx="minor">
            <a:schemeClr val="lt1"/>
          </a:fontRef>
        </p:style>
        <p:txBody>
          <a:bodyPr wrap="square" rtlCol="0">
            <a:spAutoFit/>
          </a:bodyPr>
          <a:lstStyle>
            <a:defPPr>
              <a:defRPr lang="en-US"/>
            </a:defPPr>
            <a:lvl1pPr algn="ctr">
              <a:defRPr sz="2400" b="1" i="1">
                <a:solidFill>
                  <a:srgbClr val="FFC000"/>
                </a:solidFill>
                <a:latin typeface="+mn-lt"/>
                <a:cs typeface="+mn-cs"/>
              </a:defRPr>
            </a:lvl1pPr>
            <a:lvl2pPr>
              <a:defRPr>
                <a:solidFill>
                  <a:schemeClr val="lt1"/>
                </a:solidFill>
                <a:latin typeface="+mn-lt"/>
                <a:cs typeface="+mn-cs"/>
              </a:defRPr>
            </a:lvl2pPr>
            <a:lvl3pPr>
              <a:defRPr>
                <a:solidFill>
                  <a:schemeClr val="lt1"/>
                </a:solidFill>
                <a:latin typeface="+mn-lt"/>
                <a:cs typeface="+mn-cs"/>
              </a:defRPr>
            </a:lvl3pPr>
            <a:lvl4pPr>
              <a:defRPr>
                <a:solidFill>
                  <a:schemeClr val="lt1"/>
                </a:solidFill>
                <a:latin typeface="+mn-lt"/>
                <a:cs typeface="+mn-cs"/>
              </a:defRPr>
            </a:lvl4pPr>
            <a:lvl5pPr>
              <a:defRPr>
                <a:solidFill>
                  <a:schemeClr val="lt1"/>
                </a:solidFill>
                <a:latin typeface="+mn-lt"/>
                <a:cs typeface="+mn-cs"/>
              </a:defRPr>
            </a:lvl5pPr>
            <a:lvl6pPr>
              <a:defRPr>
                <a:solidFill>
                  <a:schemeClr val="lt1"/>
                </a:solidFill>
                <a:latin typeface="+mn-lt"/>
                <a:cs typeface="+mn-cs"/>
              </a:defRPr>
            </a:lvl6pPr>
            <a:lvl7pPr>
              <a:defRPr>
                <a:solidFill>
                  <a:schemeClr val="lt1"/>
                </a:solidFill>
                <a:latin typeface="+mn-lt"/>
                <a:cs typeface="+mn-cs"/>
              </a:defRPr>
            </a:lvl7pPr>
            <a:lvl8pPr>
              <a:defRPr>
                <a:solidFill>
                  <a:schemeClr val="lt1"/>
                </a:solidFill>
                <a:latin typeface="+mn-lt"/>
                <a:cs typeface="+mn-cs"/>
              </a:defRPr>
            </a:lvl8pPr>
            <a:lvl9pPr>
              <a:defRPr>
                <a:solidFill>
                  <a:schemeClr val="lt1"/>
                </a:solidFill>
                <a:latin typeface="+mn-lt"/>
                <a:cs typeface="+mn-cs"/>
              </a:defRPr>
            </a:lvl9pPr>
          </a:lstStyle>
          <a:p>
            <a:r>
              <a:rPr lang="en-US" dirty="0"/>
              <a:t>As reported to Board on </a:t>
            </a:r>
            <a:r>
              <a:rPr lang="en-US" dirty="0" smtClean="0"/>
              <a:t>October 27, </a:t>
            </a:r>
            <a:r>
              <a:rPr lang="en-US" dirty="0"/>
              <a:t>2015</a:t>
            </a:r>
          </a:p>
        </p:txBody>
      </p:sp>
    </p:spTree>
    <p:extLst>
      <p:ext uri="{BB962C8B-B14F-4D97-AF65-F5344CB8AC3E}">
        <p14:creationId xmlns:p14="http://schemas.microsoft.com/office/powerpoint/2010/main" val="2870481648"/>
      </p:ext>
    </p:extLst>
  </p:cSld>
  <p:clrMapOvr>
    <a:masterClrMapping/>
  </p:clrMapOvr>
  <p:transition spd="slow">
    <p:fade/>
  </p:transition>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22"/>
          <p:cNvSpPr txBox="1">
            <a:spLocks/>
          </p:cNvSpPr>
          <p:nvPr/>
        </p:nvSpPr>
        <p:spPr bwMode="ltGray">
          <a:xfrm>
            <a:off x="228600" y="76200"/>
            <a:ext cx="8686800" cy="1107996"/>
          </a:xfrm>
          <a:prstGeom prst="rect">
            <a:avLst/>
          </a:prstGeom>
        </p:spPr>
        <p:txBody>
          <a:bodyPr vert="horz" wrap="square" lIns="0" tIns="0" rIns="0" bIns="0" rtlCol="0" anchor="t">
            <a:spAutoFit/>
          </a:bodyPr>
          <a:lstStyle/>
          <a:p>
            <a:pPr algn="r" defTabSz="914363">
              <a:lnSpc>
                <a:spcPct val="90000"/>
              </a:lnSpc>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Bay Delta Conservation Plan</a:t>
            </a:r>
          </a:p>
          <a:p>
            <a:pPr algn="r" defTabSz="914363">
              <a:lnSpc>
                <a:spcPct val="90000"/>
              </a:lnSpc>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Planning Agreement Payments (thru March 2016)</a:t>
            </a:r>
          </a:p>
        </p:txBody>
      </p:sp>
      <p:sp>
        <p:nvSpPr>
          <p:cNvPr id="9" name="Slide Number Placeholder 2"/>
          <p:cNvSpPr>
            <a:spLocks noGrp="1"/>
          </p:cNvSpPr>
          <p:nvPr>
            <p:ph type="sldNum" sz="quarter" idx="4"/>
          </p:nvPr>
        </p:nvSpPr>
        <p:spPr/>
        <p:txBody>
          <a:bodyPr/>
          <a:lstStyle/>
          <a:p>
            <a:pPr algn="ctr">
              <a:defRPr/>
            </a:pPr>
            <a:fld id="{C60DA7DF-59B3-4AAB-AF35-62DB844E63F6}" type="slidenum">
              <a:rPr>
                <a:solidFill>
                  <a:prstClr val="white"/>
                </a:solidFill>
              </a:rPr>
              <a:pPr algn="ctr">
                <a:defRPr/>
              </a:pPr>
              <a:t>23</a:t>
            </a:fld>
            <a:endParaRPr dirty="0">
              <a:solidFill>
                <a:prstClr val="white"/>
              </a:solidFill>
            </a:endParaRPr>
          </a:p>
        </p:txBody>
      </p:sp>
      <p:sp>
        <p:nvSpPr>
          <p:cNvPr id="3" name="Content Placeholder 2"/>
          <p:cNvSpPr>
            <a:spLocks noGrp="1"/>
          </p:cNvSpPr>
          <p:nvPr>
            <p:ph idx="4294967295"/>
          </p:nvPr>
        </p:nvSpPr>
        <p:spPr>
          <a:xfrm>
            <a:off x="1790700" y="5438001"/>
            <a:ext cx="5562600" cy="276999"/>
          </a:xfrm>
        </p:spPr>
        <p:txBody>
          <a:bodyPr/>
          <a:lstStyle/>
          <a:p>
            <a:pPr marL="0" indent="0" algn="ctr">
              <a:spcBef>
                <a:spcPts val="1800"/>
              </a:spcBef>
              <a:spcAft>
                <a:spcPts val="0"/>
              </a:spcAft>
              <a:buNone/>
              <a:tabLst>
                <a:tab pos="8580438" algn="r"/>
              </a:tabLst>
            </a:pPr>
            <a:r>
              <a:rPr lang="en-US" sz="2000" dirty="0" smtClean="0"/>
              <a:t>Metropolitan </a:t>
            </a:r>
            <a:r>
              <a:rPr lang="en-US" sz="2000" dirty="0"/>
              <a:t>Total </a:t>
            </a:r>
            <a:r>
              <a:rPr lang="en-US" sz="2000" dirty="0" smtClean="0"/>
              <a:t>Share - </a:t>
            </a:r>
            <a:r>
              <a:rPr lang="en-US" sz="2000" dirty="0"/>
              <a:t>$63 </a:t>
            </a:r>
            <a:r>
              <a:rPr lang="en-US" sz="2000" dirty="0" smtClean="0"/>
              <a:t>million</a:t>
            </a:r>
          </a:p>
        </p:txBody>
      </p:sp>
      <p:sp>
        <p:nvSpPr>
          <p:cNvPr id="8" name="Rectangle 7"/>
          <p:cNvSpPr/>
          <p:nvPr/>
        </p:nvSpPr>
        <p:spPr>
          <a:xfrm>
            <a:off x="76200" y="6172200"/>
            <a:ext cx="8305800" cy="603948"/>
          </a:xfrm>
          <a:prstGeom prst="rect">
            <a:avLst/>
          </a:prstGeom>
        </p:spPr>
        <p:txBody>
          <a:bodyPr wrap="square">
            <a:spAutoFit/>
          </a:bodyPr>
          <a:lstStyle/>
          <a:p>
            <a:pPr marL="342900" indent="-342900">
              <a:lnSpc>
                <a:spcPct val="85000"/>
              </a:lnSpc>
              <a:spcAft>
                <a:spcPts val="600"/>
              </a:spcAft>
              <a:buFontTx/>
              <a:buAutoNum type="arabicParenBoth"/>
            </a:pPr>
            <a:r>
              <a:rPr lang="en-US" sz="1300" i="1" dirty="0" smtClean="0">
                <a:solidFill>
                  <a:prstClr val="white"/>
                </a:solidFill>
                <a:latin typeface="Calibri"/>
              </a:rPr>
              <a:t>Prior to these funding agreements, an additional $13.5 million was expended under </a:t>
            </a:r>
            <a:r>
              <a:rPr lang="en-US" sz="1300" i="1" dirty="0">
                <a:solidFill>
                  <a:prstClr val="white"/>
                </a:solidFill>
                <a:latin typeface="Calibri"/>
              </a:rPr>
              <a:t>the November 2006 BDCP Cooperative Cost-Share Agreement for startup costs related to development and review of the BDCP and consulting resources necessary to prepare the BDCP.  </a:t>
            </a:r>
            <a:endParaRPr lang="en-US" sz="1300" i="1" dirty="0" smtClean="0">
              <a:solidFill>
                <a:prstClr val="white"/>
              </a:solidFill>
              <a:latin typeface="Calibri"/>
            </a:endParaRPr>
          </a:p>
        </p:txBody>
      </p:sp>
      <p:graphicFrame>
        <p:nvGraphicFramePr>
          <p:cNvPr id="10" name="Table 9"/>
          <p:cNvGraphicFramePr>
            <a:graphicFrameLocks noGrp="1"/>
          </p:cNvGraphicFramePr>
          <p:nvPr>
            <p:extLst>
              <p:ext uri="{D42A27DB-BD31-4B8C-83A1-F6EECF244321}">
                <p14:modId xmlns:p14="http://schemas.microsoft.com/office/powerpoint/2010/main" val="1744866362"/>
              </p:ext>
            </p:extLst>
          </p:nvPr>
        </p:nvGraphicFramePr>
        <p:xfrm>
          <a:off x="304800" y="2286000"/>
          <a:ext cx="8153400" cy="2971799"/>
        </p:xfrm>
        <a:graphic>
          <a:graphicData uri="http://schemas.openxmlformats.org/drawingml/2006/table">
            <a:tbl>
              <a:tblPr firstRow="1" bandRow="1"/>
              <a:tblGrid>
                <a:gridCol w="4419600"/>
                <a:gridCol w="1165167"/>
                <a:gridCol w="1355668"/>
                <a:gridCol w="1212965"/>
              </a:tblGrid>
              <a:tr h="522557">
                <a:tc rowSpan="2">
                  <a:txBody>
                    <a:bodyPr/>
                    <a:lstStyle/>
                    <a:p>
                      <a:pPr marL="0" marR="0" algn="ctr">
                        <a:lnSpc>
                          <a:spcPct val="115000"/>
                        </a:lnSpc>
                        <a:spcBef>
                          <a:spcPts val="0"/>
                        </a:spcBef>
                        <a:spcAft>
                          <a:spcPts val="0"/>
                        </a:spcAft>
                      </a:pPr>
                      <a:r>
                        <a:rPr lang="en-US" sz="2400" b="1" kern="1200" dirty="0">
                          <a:solidFill>
                            <a:srgbClr val="FFFFFF"/>
                          </a:solidFill>
                          <a:effectLst/>
                          <a:latin typeface="Calibri"/>
                          <a:ea typeface="Times New Roman"/>
                          <a:cs typeface="Times New Roman"/>
                        </a:rPr>
                        <a:t>Funding Agreements</a:t>
                      </a:r>
                      <a:endParaRPr lang="en-US" sz="1200" dirty="0">
                        <a:effectLst/>
                        <a:latin typeface="Calibri"/>
                        <a:ea typeface="Calibri"/>
                        <a:cs typeface="Times New Roman"/>
                      </a:endParaRPr>
                    </a:p>
                  </a:txBody>
                  <a:tcPr marL="68211" marR="68211" marT="34106" marB="34106"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6EA0B0"/>
                    </a:solidFill>
                  </a:tcPr>
                </a:tc>
                <a:tc gridSpan="3">
                  <a:txBody>
                    <a:bodyPr/>
                    <a:lstStyle/>
                    <a:p>
                      <a:pPr marL="0" marR="0" algn="ctr">
                        <a:lnSpc>
                          <a:spcPct val="115000"/>
                        </a:lnSpc>
                        <a:spcBef>
                          <a:spcPts val="0"/>
                        </a:spcBef>
                        <a:spcAft>
                          <a:spcPts val="0"/>
                        </a:spcAft>
                      </a:pPr>
                      <a:r>
                        <a:rPr lang="en-US" sz="2000" b="1" kern="1200" dirty="0">
                          <a:solidFill>
                            <a:srgbClr val="FFFFFF"/>
                          </a:solidFill>
                          <a:effectLst/>
                          <a:latin typeface="Calibri"/>
                          <a:ea typeface="Times New Roman"/>
                          <a:cs typeface="Times New Roman"/>
                        </a:rPr>
                        <a:t>Total Project (in millions)</a:t>
                      </a:r>
                      <a:endParaRPr lang="en-US" sz="1100" dirty="0">
                        <a:effectLst/>
                        <a:latin typeface="Calibri"/>
                        <a:ea typeface="Calibri"/>
                        <a:cs typeface="Times New Roman"/>
                      </a:endParaRPr>
                    </a:p>
                  </a:txBody>
                  <a:tcPr marL="68211" marR="68211" marT="34106" marB="34106"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6EA0B0"/>
                    </a:solidFill>
                  </a:tcPr>
                </a:tc>
                <a:tc hMerge="1">
                  <a:txBody>
                    <a:bodyPr/>
                    <a:lstStyle/>
                    <a:p>
                      <a:endParaRPr lang="en-US"/>
                    </a:p>
                  </a:txBody>
                  <a:tcPr/>
                </a:tc>
                <a:tc hMerge="1">
                  <a:txBody>
                    <a:bodyPr/>
                    <a:lstStyle/>
                    <a:p>
                      <a:endParaRPr lang="en-US"/>
                    </a:p>
                  </a:txBody>
                  <a:tcPr/>
                </a:tc>
              </a:tr>
              <a:tr h="621522">
                <a:tc vMerge="1">
                  <a:txBody>
                    <a:bodyPr/>
                    <a:lstStyle/>
                    <a:p>
                      <a:endParaRPr lang="en-US"/>
                    </a:p>
                  </a:txBody>
                  <a:tcPr/>
                </a:tc>
                <a:tc>
                  <a:txBody>
                    <a:bodyPr/>
                    <a:lstStyle/>
                    <a:p>
                      <a:pPr marL="0" marR="0" algn="ctr">
                        <a:lnSpc>
                          <a:spcPct val="115000"/>
                        </a:lnSpc>
                        <a:spcBef>
                          <a:spcPts val="0"/>
                        </a:spcBef>
                        <a:spcAft>
                          <a:spcPts val="0"/>
                        </a:spcAft>
                      </a:pPr>
                      <a:r>
                        <a:rPr lang="en-US" sz="1800" b="1" kern="1200" dirty="0">
                          <a:solidFill>
                            <a:srgbClr val="000000"/>
                          </a:solidFill>
                          <a:effectLst/>
                          <a:latin typeface="Calibri"/>
                          <a:ea typeface="Times New Roman"/>
                          <a:cs typeface="Calibri"/>
                        </a:rPr>
                        <a:t>Budget</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b="1" kern="1200" dirty="0" smtClean="0">
                          <a:solidFill>
                            <a:srgbClr val="FF0000"/>
                          </a:solidFill>
                          <a:effectLst/>
                          <a:latin typeface="Calibri"/>
                          <a:ea typeface="Times New Roman"/>
                          <a:cs typeface="Calibri"/>
                        </a:rPr>
                        <a:t>Incurred</a:t>
                      </a:r>
                      <a:endParaRPr lang="en-US" sz="1050" dirty="0">
                        <a:solidFill>
                          <a:srgbClr val="FF0000"/>
                        </a:solidFill>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b="1" kern="1200" dirty="0">
                          <a:solidFill>
                            <a:srgbClr val="000000"/>
                          </a:solidFill>
                          <a:effectLst/>
                          <a:latin typeface="Calibri"/>
                          <a:ea typeface="Times New Roman"/>
                          <a:cs typeface="Calibri"/>
                        </a:rPr>
                        <a:t>Remaining</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r>
              <a:tr h="364805">
                <a:tc>
                  <a:txBody>
                    <a:bodyPr/>
                    <a:lstStyle/>
                    <a:p>
                      <a:pPr marL="0" marR="0">
                        <a:lnSpc>
                          <a:spcPct val="115000"/>
                        </a:lnSpc>
                        <a:spcBef>
                          <a:spcPts val="0"/>
                        </a:spcBef>
                        <a:spcAft>
                          <a:spcPts val="0"/>
                        </a:spcAft>
                      </a:pPr>
                      <a:r>
                        <a:rPr lang="en-US" sz="1800" kern="1200" dirty="0">
                          <a:solidFill>
                            <a:srgbClr val="000000"/>
                          </a:solidFill>
                          <a:effectLst/>
                          <a:latin typeface="Calibri"/>
                          <a:ea typeface="Times New Roman"/>
                          <a:cs typeface="Calibri"/>
                        </a:rPr>
                        <a:t>Dec 2008 – DHCCP Funding Agreement</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139.6</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139.6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0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r>
              <a:tr h="470179">
                <a:tc>
                  <a:txBody>
                    <a:bodyPr/>
                    <a:lstStyle/>
                    <a:p>
                      <a:pPr marL="0" marR="0">
                        <a:lnSpc>
                          <a:spcPct val="115000"/>
                        </a:lnSpc>
                        <a:spcBef>
                          <a:spcPts val="0"/>
                        </a:spcBef>
                        <a:spcAft>
                          <a:spcPts val="0"/>
                        </a:spcAft>
                      </a:pPr>
                      <a:r>
                        <a:rPr lang="en-US" sz="1800" kern="1200" dirty="0">
                          <a:solidFill>
                            <a:srgbClr val="000000"/>
                          </a:solidFill>
                          <a:effectLst/>
                          <a:latin typeface="Calibri"/>
                          <a:ea typeface="Times New Roman"/>
                          <a:cs typeface="Calibri"/>
                        </a:rPr>
                        <a:t>Jul 2010 – Supplemental Funding </a:t>
                      </a:r>
                      <a:r>
                        <a:rPr lang="en-US" sz="1800" kern="1200" dirty="0" smtClean="0">
                          <a:solidFill>
                            <a:srgbClr val="000000"/>
                          </a:solidFill>
                          <a:effectLst/>
                          <a:latin typeface="Calibri"/>
                          <a:ea typeface="Times New Roman"/>
                          <a:cs typeface="Calibri"/>
                        </a:rPr>
                        <a:t>Agreement</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100.0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smtClean="0">
                          <a:solidFill>
                            <a:srgbClr val="000000"/>
                          </a:solidFill>
                          <a:effectLst/>
                          <a:latin typeface="Calibri"/>
                          <a:ea typeface="Times New Roman"/>
                          <a:cs typeface="Calibri"/>
                        </a:rPr>
                        <a:t>$100.0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0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r>
              <a:tr h="470179">
                <a:tc>
                  <a:txBody>
                    <a:bodyPr/>
                    <a:lstStyle/>
                    <a:p>
                      <a:pPr marL="0" marR="0">
                        <a:lnSpc>
                          <a:spcPct val="115000"/>
                        </a:lnSpc>
                        <a:spcBef>
                          <a:spcPts val="0"/>
                        </a:spcBef>
                        <a:spcAft>
                          <a:spcPts val="0"/>
                        </a:spcAft>
                      </a:pPr>
                      <a:r>
                        <a:rPr lang="en-US" sz="1800" kern="1200" dirty="0" smtClean="0">
                          <a:solidFill>
                            <a:srgbClr val="000000"/>
                          </a:solidFill>
                          <a:effectLst/>
                          <a:latin typeface="Calibri"/>
                          <a:ea typeface="Times New Roman"/>
                          <a:cs typeface="Calibri"/>
                        </a:rPr>
                        <a:t>USBR Federal </a:t>
                      </a:r>
                      <a:r>
                        <a:rPr lang="en-US" sz="1800" kern="1200" dirty="0">
                          <a:solidFill>
                            <a:srgbClr val="000000"/>
                          </a:solidFill>
                          <a:effectLst/>
                          <a:latin typeface="Calibri"/>
                          <a:ea typeface="Times New Roman"/>
                          <a:cs typeface="Calibri"/>
                        </a:rPr>
                        <a:t>Funding </a:t>
                      </a:r>
                      <a:r>
                        <a:rPr lang="en-US" sz="1800" kern="1200" dirty="0" smtClean="0">
                          <a:solidFill>
                            <a:srgbClr val="000000"/>
                          </a:solidFill>
                          <a:effectLst/>
                          <a:latin typeface="Calibri"/>
                          <a:ea typeface="Times New Roman"/>
                          <a:cs typeface="Calibri"/>
                        </a:rPr>
                        <a:t>Agreement</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 </a:t>
                      </a:r>
                      <a:r>
                        <a:rPr lang="en-US" sz="1800" kern="1200" dirty="0" smtClean="0">
                          <a:solidFill>
                            <a:srgbClr val="000000"/>
                          </a:solidFill>
                          <a:effectLst/>
                          <a:latin typeface="Calibri"/>
                          <a:ea typeface="Times New Roman"/>
                          <a:cs typeface="Calibri"/>
                        </a:rPr>
                        <a:t>   5.7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a:solidFill>
                            <a:srgbClr val="000000"/>
                          </a:solidFill>
                          <a:effectLst/>
                          <a:latin typeface="Calibri"/>
                          <a:ea typeface="Times New Roman"/>
                          <a:cs typeface="Calibri"/>
                        </a:rPr>
                        <a:t>$  </a:t>
                      </a:r>
                      <a:r>
                        <a:rPr lang="en-US" sz="1800" kern="1200" dirty="0" smtClean="0">
                          <a:solidFill>
                            <a:srgbClr val="000000"/>
                          </a:solidFill>
                          <a:effectLst/>
                          <a:latin typeface="Calibri"/>
                          <a:ea typeface="Times New Roman"/>
                          <a:cs typeface="Calibri"/>
                        </a:rPr>
                        <a:t>  5.3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c>
                  <a:txBody>
                    <a:bodyPr/>
                    <a:lstStyle/>
                    <a:p>
                      <a:pPr marL="0" marR="0" algn="ctr">
                        <a:lnSpc>
                          <a:spcPct val="115000"/>
                        </a:lnSpc>
                        <a:spcBef>
                          <a:spcPts val="0"/>
                        </a:spcBef>
                        <a:spcAft>
                          <a:spcPts val="0"/>
                        </a:spcAft>
                      </a:pPr>
                      <a:r>
                        <a:rPr lang="en-US" sz="1800" kern="1200" dirty="0" smtClean="0">
                          <a:solidFill>
                            <a:srgbClr val="000000"/>
                          </a:solidFill>
                          <a:effectLst/>
                          <a:latin typeface="Calibri"/>
                          <a:ea typeface="Times New Roman"/>
                          <a:cs typeface="Calibri"/>
                        </a:rPr>
                        <a:t>$.4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DFE4"/>
                    </a:solidFill>
                  </a:tcPr>
                </a:tc>
              </a:tr>
              <a:tr h="522557">
                <a:tc>
                  <a:txBody>
                    <a:bodyPr/>
                    <a:lstStyle/>
                    <a:p>
                      <a:pPr marL="0" marR="0">
                        <a:lnSpc>
                          <a:spcPct val="115000"/>
                        </a:lnSpc>
                        <a:spcBef>
                          <a:spcPts val="0"/>
                        </a:spcBef>
                        <a:spcAft>
                          <a:spcPts val="0"/>
                        </a:spcAft>
                      </a:pPr>
                      <a:r>
                        <a:rPr lang="en-US" sz="1800" b="1" kern="1200" dirty="0">
                          <a:solidFill>
                            <a:srgbClr val="000000"/>
                          </a:solidFill>
                          <a:effectLst/>
                          <a:latin typeface="Calibri"/>
                          <a:ea typeface="Times New Roman"/>
                          <a:cs typeface="Calibri"/>
                        </a:rPr>
                        <a:t>TOTAL</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b="1" kern="1200" dirty="0">
                          <a:solidFill>
                            <a:srgbClr val="000000"/>
                          </a:solidFill>
                          <a:effectLst/>
                          <a:latin typeface="Calibri"/>
                          <a:ea typeface="Times New Roman"/>
                          <a:cs typeface="Calibri"/>
                        </a:rPr>
                        <a:t>$</a:t>
                      </a:r>
                      <a:r>
                        <a:rPr lang="en-US" sz="1800" b="1" kern="1200" dirty="0" smtClean="0">
                          <a:solidFill>
                            <a:srgbClr val="000000"/>
                          </a:solidFill>
                          <a:effectLst/>
                          <a:latin typeface="Calibri"/>
                          <a:ea typeface="Times New Roman"/>
                          <a:cs typeface="Calibri"/>
                        </a:rPr>
                        <a:t>245.3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b="1" kern="1200" dirty="0">
                          <a:solidFill>
                            <a:srgbClr val="000000"/>
                          </a:solidFill>
                          <a:effectLst/>
                          <a:latin typeface="Calibri"/>
                          <a:ea typeface="Times New Roman"/>
                          <a:cs typeface="Calibri"/>
                        </a:rPr>
                        <a:t>$</a:t>
                      </a:r>
                      <a:r>
                        <a:rPr lang="en-US" sz="1800" b="1" kern="1200" dirty="0" smtClean="0">
                          <a:solidFill>
                            <a:srgbClr val="000000"/>
                          </a:solidFill>
                          <a:effectLst/>
                          <a:latin typeface="Calibri"/>
                          <a:ea typeface="Times New Roman"/>
                          <a:cs typeface="Calibri"/>
                        </a:rPr>
                        <a:t>244.9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c>
                  <a:txBody>
                    <a:bodyPr/>
                    <a:lstStyle/>
                    <a:p>
                      <a:pPr marL="0" marR="0" algn="ctr">
                        <a:lnSpc>
                          <a:spcPct val="115000"/>
                        </a:lnSpc>
                        <a:spcBef>
                          <a:spcPts val="0"/>
                        </a:spcBef>
                        <a:spcAft>
                          <a:spcPts val="0"/>
                        </a:spcAft>
                      </a:pPr>
                      <a:r>
                        <a:rPr lang="en-US" sz="1800" b="1" kern="1200" dirty="0" smtClean="0">
                          <a:solidFill>
                            <a:srgbClr val="000000"/>
                          </a:solidFill>
                          <a:effectLst/>
                          <a:latin typeface="Calibri"/>
                          <a:ea typeface="Times New Roman"/>
                          <a:cs typeface="Calibri"/>
                        </a:rPr>
                        <a:t>$.4 </a:t>
                      </a:r>
                      <a:endParaRPr lang="en-US" sz="1050" dirty="0">
                        <a:effectLst/>
                        <a:latin typeface="Calibri"/>
                        <a:ea typeface="Calibri"/>
                        <a:cs typeface="Times New Roman"/>
                      </a:endParaRPr>
                    </a:p>
                  </a:txBody>
                  <a:tcPr marL="51158" marR="51158" marT="7105"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EBF0F2"/>
                    </a:solidFill>
                  </a:tcPr>
                </a:tc>
              </a:tr>
            </a:tbl>
          </a:graphicData>
        </a:graphic>
      </p:graphicFrame>
    </p:spTree>
    <p:extLst>
      <p:ext uri="{BB962C8B-B14F-4D97-AF65-F5344CB8AC3E}">
        <p14:creationId xmlns:p14="http://schemas.microsoft.com/office/powerpoint/2010/main" val="3364377455"/>
      </p:ext>
    </p:extLst>
  </p:cSld>
  <p:clrMapOvr>
    <a:masterClrMapping/>
  </p:clrMapOvr>
  <p:transition spd="slow">
    <p:fade/>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33400" y="381000"/>
            <a:ext cx="8229600" cy="1107996"/>
          </a:xfrm>
        </p:spPr>
        <p:txBody>
          <a:bodyPr/>
          <a:lstStyle/>
          <a:p>
            <a:r>
              <a:rPr lang="en-US" dirty="0">
                <a:effectLst>
                  <a:outerShdw blurRad="50800" dist="38100" dir="2700000" algn="tl" rotWithShape="0">
                    <a:prstClr val="black">
                      <a:alpha val="40000"/>
                    </a:prstClr>
                  </a:outerShdw>
                </a:effectLst>
              </a:rPr>
              <a:t>California Water Fix</a:t>
            </a:r>
            <a:r>
              <a:rPr lang="en-US" sz="4800" dirty="0">
                <a:effectLst>
                  <a:outerShdw blurRad="50800" dist="38100" dir="2700000" algn="tl" rotWithShape="0">
                    <a:prstClr val="black">
                      <a:alpha val="80000"/>
                    </a:prstClr>
                  </a:outerShdw>
                </a:effectLst>
              </a:rPr>
              <a:t/>
            </a:r>
            <a:br>
              <a:rPr lang="en-US" sz="4800" dirty="0">
                <a:effectLst>
                  <a:outerShdw blurRad="50800" dist="38100" dir="2700000" algn="tl" rotWithShape="0">
                    <a:prstClr val="black">
                      <a:alpha val="80000"/>
                    </a:prstClr>
                  </a:outerShdw>
                </a:effectLst>
              </a:rPr>
            </a:br>
            <a:r>
              <a:rPr lang="en-US" sz="3600" dirty="0">
                <a:solidFill>
                  <a:prstClr val="white"/>
                </a:solidFill>
                <a:effectLst>
                  <a:outerShdw blurRad="50800" dist="38100" dir="2700000" algn="tl" rotWithShape="0">
                    <a:prstClr val="black">
                      <a:alpha val="80000"/>
                    </a:prstClr>
                  </a:outerShdw>
                </a:effectLst>
              </a:rPr>
              <a:t>2% Impact on Metropolitan Water </a:t>
            </a:r>
            <a:r>
              <a:rPr lang="en-US" sz="3600" dirty="0" smtClean="0">
                <a:solidFill>
                  <a:prstClr val="white"/>
                </a:solidFill>
                <a:effectLst>
                  <a:outerShdw blurRad="50800" dist="38100" dir="2700000" algn="tl" rotWithShape="0">
                    <a:prstClr val="black">
                      <a:alpha val="80000"/>
                    </a:prstClr>
                  </a:outerShdw>
                </a:effectLst>
              </a:rPr>
              <a:t>Rates</a:t>
            </a:r>
            <a:endParaRPr lang="en-US" sz="3600" dirty="0"/>
          </a:p>
        </p:txBody>
      </p:sp>
      <p:sp>
        <p:nvSpPr>
          <p:cNvPr id="5" name="Text Placeholder 4"/>
          <p:cNvSpPr>
            <a:spLocks noGrp="1"/>
          </p:cNvSpPr>
          <p:nvPr>
            <p:ph type="body" sz="quarter" idx="4294967295"/>
          </p:nvPr>
        </p:nvSpPr>
        <p:spPr>
          <a:xfrm>
            <a:off x="1143000" y="2066925"/>
            <a:ext cx="8001000" cy="2206625"/>
          </a:xfrm>
        </p:spPr>
        <p:txBody>
          <a:bodyPr/>
          <a:lstStyle/>
          <a:p>
            <a:r>
              <a:rPr lang="en-US" sz="2800" dirty="0" smtClean="0"/>
              <a:t>Rate impact for </a:t>
            </a:r>
            <a:r>
              <a:rPr lang="en-US" sz="2800" dirty="0"/>
              <a:t>customers that are 50% reliant on </a:t>
            </a:r>
            <a:r>
              <a:rPr lang="en-US" sz="2800" dirty="0" smtClean="0"/>
              <a:t>MWD</a:t>
            </a:r>
          </a:p>
          <a:p>
            <a:pPr lvl="1"/>
            <a:r>
              <a:rPr lang="en-US" sz="2400" dirty="0" smtClean="0"/>
              <a:t>1.6% to 2% per year for 10 years</a:t>
            </a:r>
          </a:p>
          <a:p>
            <a:pPr>
              <a:spcBef>
                <a:spcPts val="1800"/>
              </a:spcBef>
            </a:pPr>
            <a:r>
              <a:rPr lang="en-US" sz="2800" dirty="0" smtClean="0"/>
              <a:t>Overall rate increase (with CA WaterFix)</a:t>
            </a:r>
          </a:p>
          <a:p>
            <a:pPr lvl="1"/>
            <a:r>
              <a:rPr lang="en-US" sz="2400" dirty="0" smtClean="0"/>
              <a:t> ~ 3% to </a:t>
            </a:r>
            <a:r>
              <a:rPr lang="en-US" sz="2400" dirty="0"/>
              <a:t>5</a:t>
            </a:r>
            <a:r>
              <a:rPr lang="en-US" sz="2400" dirty="0" smtClean="0"/>
              <a:t>% per year </a:t>
            </a:r>
          </a:p>
        </p:txBody>
      </p:sp>
      <p:sp>
        <p:nvSpPr>
          <p:cNvPr id="4" name="Slide Number Placeholder 3"/>
          <p:cNvSpPr txBox="1">
            <a:spLocks/>
          </p:cNvSpPr>
          <p:nvPr/>
        </p:nvSpPr>
        <p:spPr>
          <a:xfrm>
            <a:off x="8507895" y="6492875"/>
            <a:ext cx="685800" cy="365125"/>
          </a:xfrm>
          <a:prstGeom prst="rect">
            <a:avLst/>
          </a:prstGeom>
        </p:spPr>
        <p:txBody>
          <a:bodyPr/>
          <a:lstStyle/>
          <a:p>
            <a:pPr algn="ctr" fontAlgn="auto">
              <a:spcBef>
                <a:spcPts val="0"/>
              </a:spcBef>
              <a:spcAft>
                <a:spcPts val="0"/>
              </a:spcAft>
              <a:defRPr/>
            </a:pPr>
            <a:fld id="{A67B1D35-D7FB-40D3-83B5-CD7BD35F2E0C}" type="slidenum">
              <a:rPr lang="en-US" sz="1400" smtClean="0">
                <a:solidFill>
                  <a:prstClr val="white"/>
                </a:solidFill>
              </a:rPr>
              <a:pPr algn="ctr" fontAlgn="auto">
                <a:spcBef>
                  <a:spcPts val="0"/>
                </a:spcBef>
                <a:spcAft>
                  <a:spcPts val="0"/>
                </a:spcAft>
                <a:defRPr/>
              </a:pPr>
              <a:t>24</a:t>
            </a:fld>
            <a:endParaRPr lang="en-US" sz="1400" dirty="0">
              <a:solidFill>
                <a:prstClr val="white"/>
              </a:solidFill>
            </a:endParaRPr>
          </a:p>
        </p:txBody>
      </p:sp>
      <p:sp>
        <p:nvSpPr>
          <p:cNvPr id="6" name="Rectangle 5"/>
          <p:cNvSpPr/>
          <p:nvPr/>
        </p:nvSpPr>
        <p:spPr>
          <a:xfrm>
            <a:off x="152400" y="6443246"/>
            <a:ext cx="8001000" cy="307777"/>
          </a:xfrm>
          <a:prstGeom prst="rect">
            <a:avLst/>
          </a:prstGeom>
        </p:spPr>
        <p:txBody>
          <a:bodyPr wrap="square">
            <a:spAutoFit/>
          </a:bodyPr>
          <a:lstStyle/>
          <a:p>
            <a:pPr marL="0" lvl="1"/>
            <a:r>
              <a:rPr lang="en-US" sz="1400" i="1" dirty="0" smtClean="0">
                <a:solidFill>
                  <a:srgbClr val="FFC000"/>
                </a:solidFill>
                <a:latin typeface="Calibri"/>
              </a:rPr>
              <a:t>* Based on a 20 hundred cubic feet average water bill</a:t>
            </a:r>
          </a:p>
        </p:txBody>
      </p:sp>
    </p:spTree>
    <p:extLst>
      <p:ext uri="{BB962C8B-B14F-4D97-AF65-F5344CB8AC3E}">
        <p14:creationId xmlns:p14="http://schemas.microsoft.com/office/powerpoint/2010/main" val="4045085209"/>
      </p:ext>
    </p:extLst>
  </p:cSld>
  <p:clrMapOvr>
    <a:masterClrMapping/>
  </p:clrMapOvr>
  <p:transition spd="slow">
    <p:fade/>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4294967295"/>
          </p:nvPr>
        </p:nvSpPr>
        <p:spPr>
          <a:xfrm>
            <a:off x="533400" y="2076474"/>
            <a:ext cx="8229600" cy="400109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defTabSz="912813" eaLnBrk="0" fontAlgn="base" hangingPunct="0">
              <a:spcAft>
                <a:spcPct val="0"/>
              </a:spcAft>
            </a:pPr>
            <a:r>
              <a:rPr lang="en-US" sz="2800" dirty="0">
                <a:effectLst>
                  <a:outerShdw blurRad="38100" dist="38100" dir="2700000" algn="tl">
                    <a:srgbClr val="000000">
                      <a:alpha val="43137"/>
                    </a:srgbClr>
                  </a:outerShdw>
                </a:effectLst>
              </a:rPr>
              <a:t>Rate Impact of Water Fix*</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Annual increase of 1.6 to 2% per year for 10 years.</a:t>
            </a:r>
            <a:br>
              <a:rPr lang="en-US" sz="2400" dirty="0">
                <a:solidFill>
                  <a:srgbClr val="D8B25C"/>
                </a:solidFill>
                <a:effectLst>
                  <a:outerShdw blurRad="38100" dist="38100" dir="2700000" algn="tl">
                    <a:srgbClr val="000000">
                      <a:alpha val="43137"/>
                    </a:srgbClr>
                  </a:outerShdw>
                </a:effectLst>
              </a:rPr>
            </a:br>
            <a:endParaRPr lang="en-US" sz="2400" dirty="0">
              <a:solidFill>
                <a:srgbClr val="D8B25C"/>
              </a:solidFill>
              <a:effectLst>
                <a:outerShdw blurRad="38100" dist="38100" dir="2700000" algn="tl">
                  <a:srgbClr val="000000">
                    <a:alpha val="43137"/>
                  </a:srgbClr>
                </a:outerShdw>
              </a:effectLst>
            </a:endParaRP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 </a:t>
            </a:r>
          </a:p>
          <a:p>
            <a:pPr lvl="1" defTabSz="912813" eaLnBrk="0" fontAlgn="base" hangingPunct="0">
              <a:spcAft>
                <a:spcPct val="0"/>
              </a:spcAft>
            </a:pPr>
            <a:endParaRPr lang="en-US" sz="2400" dirty="0">
              <a:solidFill>
                <a:srgbClr val="D8B25C"/>
              </a:solidFill>
              <a:effectLst>
                <a:outerShdw blurRad="38100" dist="38100" dir="2700000" algn="tl">
                  <a:srgbClr val="000000">
                    <a:alpha val="43137"/>
                  </a:srgbClr>
                </a:outerShdw>
              </a:effectLst>
            </a:endParaRPr>
          </a:p>
          <a:p>
            <a:pPr lvl="1" defTabSz="912813" eaLnBrk="0" fontAlgn="base" hangingPunct="0">
              <a:spcAft>
                <a:spcPct val="0"/>
              </a:spcAft>
            </a:pPr>
            <a:endParaRPr lang="en-US" sz="2400" dirty="0">
              <a:solidFill>
                <a:srgbClr val="D8B25C"/>
              </a:solidFill>
              <a:effectLst>
                <a:outerShdw blurRad="38100" dist="38100" dir="2700000" algn="tl">
                  <a:srgbClr val="000000">
                    <a:alpha val="43137"/>
                  </a:srgbClr>
                </a:outerShdw>
              </a:effectLst>
            </a:endParaRPr>
          </a:p>
          <a:p>
            <a:pPr lvl="1" defTabSz="912813" eaLnBrk="0" fontAlgn="base" hangingPunct="0">
              <a:spcAft>
                <a:spcPct val="0"/>
              </a:spcAft>
            </a:pPr>
            <a:endParaRPr lang="en-US" sz="2400" dirty="0">
              <a:solidFill>
                <a:srgbClr val="D8B25C"/>
              </a:solidFill>
              <a:effectLst>
                <a:outerShdw blurRad="38100" dist="38100" dir="2700000" algn="tl">
                  <a:srgbClr val="000000">
                    <a:alpha val="43137"/>
                  </a:srgbClr>
                </a:outerShdw>
              </a:effectLst>
            </a:endParaRPr>
          </a:p>
          <a:p>
            <a:pPr defTabSz="912813" eaLnBrk="0" fontAlgn="base" hangingPunct="0">
              <a:spcAft>
                <a:spcPct val="0"/>
              </a:spcAft>
            </a:pPr>
            <a:r>
              <a:rPr lang="en-US" sz="2800" dirty="0">
                <a:effectLst>
                  <a:outerShdw blurRad="38100" dist="38100" dir="2700000" algn="tl">
                    <a:srgbClr val="000000">
                      <a:alpha val="43137"/>
                    </a:srgbClr>
                  </a:outerShdw>
                </a:effectLst>
              </a:rPr>
              <a:t>Overall Rate Increase</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When accounting for the cost of the Water Fix, MWD’s overall rates are expected to increase 3% to 5% per year.</a:t>
            </a:r>
          </a:p>
        </p:txBody>
      </p:sp>
      <p:graphicFrame>
        <p:nvGraphicFramePr>
          <p:cNvPr id="6" name="Table 5"/>
          <p:cNvGraphicFramePr>
            <a:graphicFrameLocks noGrp="1"/>
          </p:cNvGraphicFramePr>
          <p:nvPr>
            <p:extLst>
              <p:ext uri="{D42A27DB-BD31-4B8C-83A1-F6EECF244321}">
                <p14:modId xmlns:p14="http://schemas.microsoft.com/office/powerpoint/2010/main" val="2207799148"/>
              </p:ext>
            </p:extLst>
          </p:nvPr>
        </p:nvGraphicFramePr>
        <p:xfrm>
          <a:off x="1447800" y="3048000"/>
          <a:ext cx="5410200" cy="1371600"/>
        </p:xfrm>
        <a:graphic>
          <a:graphicData uri="http://schemas.openxmlformats.org/drawingml/2006/table">
            <a:tbl>
              <a:tblPr firstRow="1" bandRow="1">
                <a:tableStyleId>{93296810-A885-4BE3-A3E7-6D5BEEA58F35}</a:tableStyleId>
              </a:tblPr>
              <a:tblGrid>
                <a:gridCol w="2705100"/>
                <a:gridCol w="2705100"/>
              </a:tblGrid>
              <a:tr h="304800">
                <a:tc>
                  <a:txBody>
                    <a:bodyPr/>
                    <a:lstStyle/>
                    <a:p>
                      <a:pPr algn="ctr"/>
                      <a:r>
                        <a:rPr lang="en-US" sz="2400" dirty="0" smtClean="0"/>
                        <a:t>Sales</a:t>
                      </a:r>
                      <a:endParaRPr lang="en-US" sz="2400" b="1" dirty="0">
                        <a:solidFill>
                          <a:schemeClr val="bg1"/>
                        </a:solidFill>
                      </a:endParaRPr>
                    </a:p>
                  </a:txBody>
                  <a:tcPr/>
                </a:tc>
                <a:tc>
                  <a:txBody>
                    <a:bodyPr/>
                    <a:lstStyle/>
                    <a:p>
                      <a:pPr algn="ctr"/>
                      <a:r>
                        <a:rPr lang="en-US" sz="2400" dirty="0" smtClean="0"/>
                        <a:t>$/AF</a:t>
                      </a:r>
                      <a:endParaRPr lang="en-US" sz="2400" b="1" dirty="0">
                        <a:solidFill>
                          <a:schemeClr val="bg1"/>
                        </a:solidFill>
                      </a:endParaRPr>
                    </a:p>
                  </a:txBody>
                  <a:tcPr/>
                </a:tc>
              </a:tr>
              <a:tr h="370840">
                <a:tc>
                  <a:txBody>
                    <a:bodyPr/>
                    <a:lstStyle/>
                    <a:p>
                      <a:pPr algn="ctr"/>
                      <a:r>
                        <a:rPr lang="en-US" sz="2400" dirty="0" smtClean="0"/>
                        <a:t>1.75 million</a:t>
                      </a:r>
                      <a:r>
                        <a:rPr lang="en-US" sz="2400" baseline="0" dirty="0" smtClean="0"/>
                        <a:t> </a:t>
                      </a:r>
                      <a:r>
                        <a:rPr lang="en-US" sz="2400" dirty="0" smtClean="0"/>
                        <a:t>AF</a:t>
                      </a:r>
                      <a:endParaRPr lang="en-US" sz="2400" b="0" dirty="0"/>
                    </a:p>
                  </a:txBody>
                  <a:tcPr/>
                </a:tc>
                <a:tc>
                  <a:txBody>
                    <a:bodyPr/>
                    <a:lstStyle/>
                    <a:p>
                      <a:pPr algn="ctr"/>
                      <a:r>
                        <a:rPr lang="en-US" sz="2400" dirty="0" smtClean="0"/>
                        <a:t>$142 to $171</a:t>
                      </a:r>
                      <a:endParaRPr lang="en-US" sz="2400" b="0" dirty="0"/>
                    </a:p>
                  </a:txBody>
                  <a:tcPr/>
                </a:tc>
              </a:tr>
              <a:tr h="370840">
                <a:tc>
                  <a:txBody>
                    <a:bodyPr/>
                    <a:lstStyle/>
                    <a:p>
                      <a:pPr algn="ctr"/>
                      <a:r>
                        <a:rPr lang="en-US" sz="2400" dirty="0" smtClean="0"/>
                        <a:t>2.00 million AF</a:t>
                      </a:r>
                      <a:endParaRPr lang="en-US" sz="2400" b="0" dirty="0"/>
                    </a:p>
                  </a:txBody>
                  <a:tcPr/>
                </a:tc>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2400" dirty="0" smtClean="0"/>
                        <a:t>$125 to $150</a:t>
                      </a:r>
                      <a:endParaRPr lang="en-US" sz="2400" b="0" dirty="0" smtClean="0"/>
                    </a:p>
                  </a:txBody>
                  <a:tcPr/>
                </a:tc>
              </a:tr>
            </a:tbl>
          </a:graphicData>
        </a:graphic>
      </p:graphicFrame>
      <p:sp>
        <p:nvSpPr>
          <p:cNvPr id="7" name="Rectangle 6"/>
          <p:cNvSpPr/>
          <p:nvPr/>
        </p:nvSpPr>
        <p:spPr>
          <a:xfrm>
            <a:off x="228600" y="6400800"/>
            <a:ext cx="8305800" cy="307777"/>
          </a:xfrm>
          <a:prstGeom prst="rect">
            <a:avLst/>
          </a:prstGeom>
        </p:spPr>
        <p:txBody>
          <a:bodyPr wrap="square">
            <a:spAutoFit/>
          </a:bodyPr>
          <a:lstStyle/>
          <a:p>
            <a:pPr marL="0" lvl="1"/>
            <a:r>
              <a:rPr lang="en-US" sz="1400" i="1" dirty="0" smtClean="0">
                <a:solidFill>
                  <a:srgbClr val="FFC000"/>
                </a:solidFill>
                <a:latin typeface="Calibri"/>
              </a:rPr>
              <a:t>* Based on a Draft DWR Estimate</a:t>
            </a:r>
          </a:p>
        </p:txBody>
      </p:sp>
      <p:sp>
        <p:nvSpPr>
          <p:cNvPr id="9" name="Title 1"/>
          <p:cNvSpPr txBox="1">
            <a:spLocks/>
          </p:cNvSpPr>
          <p:nvPr/>
        </p:nvSpPr>
        <p:spPr bwMode="ltGray">
          <a:xfrm>
            <a:off x="533400" y="228600"/>
            <a:ext cx="8229600" cy="1143000"/>
          </a:xfrm>
          <a:prstGeom prst="rect">
            <a:avLst/>
          </a:prstGeom>
          <a:effectLst>
            <a:outerShdw blurRad="50800" dist="38100" dir="5400000" algn="ctr" rotWithShape="0">
              <a:schemeClr val="bg1"/>
            </a:outerShdw>
          </a:effectLst>
        </p:spPr>
        <p:txBody>
          <a:bodyPr vert="horz" wrap="square" lIns="0" tIns="0" rIns="0" bIns="0" rtlCol="0" anchor="t">
            <a:noAutofit/>
          </a:bodyPr>
          <a:lstStyle>
            <a:lvl1pPr algn="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schemeClr val="bg1">
                      <a:alpha val="80000"/>
                    </a:schemeClr>
                  </a:outerShdw>
                </a:effectLst>
                <a:latin typeface="+mn-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dirty="0" smtClean="0">
                <a:effectLst>
                  <a:outerShdw blurRad="50800" dist="38100" dir="2700000" algn="tl" rotWithShape="0">
                    <a:prstClr val="black">
                      <a:alpha val="40000"/>
                    </a:prstClr>
                  </a:outerShdw>
                </a:effectLst>
              </a:rPr>
              <a:t>California Water Fix</a:t>
            </a:r>
            <a:r>
              <a:rPr sz="4000" dirty="0" smtClean="0">
                <a:effectLst>
                  <a:outerShdw blurRad="50800" dist="38100" dir="2700000" algn="tl" rotWithShape="0">
                    <a:prstClr val="black">
                      <a:alpha val="80000"/>
                    </a:prstClr>
                  </a:outerShdw>
                </a:effectLst>
              </a:rPr>
              <a:t/>
            </a:r>
            <a:br>
              <a:rPr sz="4000" dirty="0" smtClean="0">
                <a:effectLst>
                  <a:outerShdw blurRad="50800" dist="38100" dir="2700000" algn="tl" rotWithShape="0">
                    <a:prstClr val="black">
                      <a:alpha val="80000"/>
                    </a:prstClr>
                  </a:outerShdw>
                </a:effectLst>
              </a:rPr>
            </a:br>
            <a:r>
              <a:rPr sz="3600" dirty="0" smtClean="0">
                <a:solidFill>
                  <a:prstClr val="white"/>
                </a:solidFill>
                <a:effectLst>
                  <a:outerShdw blurRad="50800" dist="38100" dir="2700000" algn="tl" rotWithShape="0">
                    <a:prstClr val="black">
                      <a:alpha val="80000"/>
                    </a:prstClr>
                  </a:outerShdw>
                </a:effectLst>
              </a:rPr>
              <a:t>2% Impact on Metropolitan Water Rates</a:t>
            </a:r>
            <a:endParaRPr sz="3600" dirty="0">
              <a:solidFill>
                <a:prstClr val="white"/>
              </a:solidFill>
              <a:effectLst>
                <a:outerShdw blurRad="50800" dist="38100" dir="2700000" algn="tl" rotWithShape="0">
                  <a:prstClr val="black">
                    <a:alpha val="80000"/>
                  </a:prstClr>
                </a:outerShdw>
              </a:effectLst>
            </a:endParaRPr>
          </a:p>
        </p:txBody>
      </p:sp>
    </p:spTree>
    <p:extLst>
      <p:ext uri="{BB962C8B-B14F-4D97-AF65-F5344CB8AC3E}">
        <p14:creationId xmlns:p14="http://schemas.microsoft.com/office/powerpoint/2010/main" val="1535187125"/>
      </p:ext>
    </p:extLst>
  </p:cSld>
  <p:clrMapOvr>
    <a:masterClrMapping/>
  </p:clrMapOvr>
  <p:transition spd="slow">
    <p:fade/>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California Water Fix</a:t>
            </a:r>
            <a:br>
              <a:rPr lang="en-US" dirty="0" smtClean="0"/>
            </a:br>
            <a:r>
              <a:rPr lang="en-US" sz="3600" dirty="0" smtClean="0">
                <a:solidFill>
                  <a:schemeClr val="tx1"/>
                </a:solidFill>
              </a:rPr>
              <a:t>Protecting Metropolitan’s Supplies</a:t>
            </a:r>
            <a:endParaRPr lang="en-US" dirty="0">
              <a:solidFill>
                <a:schemeClr val="tx1"/>
              </a:solidFill>
            </a:endParaRPr>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3988040173"/>
              </p:ext>
            </p:extLst>
          </p:nvPr>
        </p:nvGraphicFramePr>
        <p:xfrm>
          <a:off x="838200" y="2496312"/>
          <a:ext cx="7437636" cy="841248"/>
        </p:xfrm>
        <a:graphic>
          <a:graphicData uri="http://schemas.openxmlformats.org/drawingml/2006/table">
            <a:tbl>
              <a:tblPr firstRow="1" bandRow="1">
                <a:tableStyleId>{912C8C85-51F0-491E-9774-3900AFEF0FD7}</a:tableStyleId>
              </a:tblPr>
              <a:tblGrid>
                <a:gridCol w="3948786"/>
                <a:gridCol w="1744425"/>
                <a:gridCol w="1744425"/>
              </a:tblGrid>
              <a:tr h="370840">
                <a:tc>
                  <a:txBody>
                    <a:bodyPr/>
                    <a:lstStyle/>
                    <a:p>
                      <a:pPr marL="0" lvl="0" indent="0" algn="ctr" defTabSz="914363" rtl="0" eaLnBrk="1" fontAlgn="b" latinLnBrk="0" hangingPunct="1">
                        <a:lnSpc>
                          <a:spcPct val="90000"/>
                        </a:lnSpc>
                        <a:spcBef>
                          <a:spcPts val="0"/>
                        </a:spcBef>
                        <a:spcAft>
                          <a:spcPts val="0"/>
                        </a:spcAft>
                      </a:pPr>
                      <a:endParaRPr lang="en-US" sz="2400" b="1" kern="1200" dirty="0">
                        <a:solidFill>
                          <a:schemeClr val="tx1"/>
                        </a:solidFill>
                        <a:effectLst>
                          <a:outerShdw blurRad="190500" algn="ctr" rotWithShape="0">
                            <a:prstClr val="black">
                              <a:alpha val="50000"/>
                            </a:prstClr>
                          </a:outerShdw>
                        </a:effectLst>
                        <a:latin typeface="+mn-lt"/>
                        <a:ea typeface="+mn-ea"/>
                        <a:cs typeface="+mn-cs"/>
                      </a:endParaRPr>
                    </a:p>
                  </a:txBody>
                  <a:tcPr marL="45720" marR="45720" anchor="ctr" anchorCtr="1"/>
                </a:tc>
                <a:tc>
                  <a:txBody>
                    <a:bodyPr/>
                    <a:lstStyle/>
                    <a:p>
                      <a:pPr marL="0" lvl="0" algn="ctr" defTabSz="914363" rtl="0" eaLnBrk="1" fontAlgn="b" latinLnBrk="0" hangingPunct="1">
                        <a:lnSpc>
                          <a:spcPct val="90000"/>
                        </a:lnSpc>
                      </a:pPr>
                      <a:r>
                        <a:rPr lang="en-US" sz="2400" kern="1200" dirty="0" smtClean="0">
                          <a:solidFill>
                            <a:schemeClr val="tx1"/>
                          </a:solidFill>
                          <a:effectLst>
                            <a:outerShdw blurRad="190500" algn="ctr" rotWithShape="0">
                              <a:prstClr val="black">
                                <a:alpha val="50000"/>
                              </a:prstClr>
                            </a:outerShdw>
                          </a:effectLst>
                        </a:rPr>
                        <a:t>Lower Yield</a:t>
                      </a:r>
                      <a:endParaRPr lang="en-US" sz="2400" b="1" kern="1200" dirty="0">
                        <a:solidFill>
                          <a:schemeClr val="tx1"/>
                        </a:solidFill>
                        <a:effectLst>
                          <a:outerShdw blurRad="190500" algn="ctr" rotWithShape="0">
                            <a:prstClr val="black">
                              <a:alpha val="50000"/>
                            </a:prstClr>
                          </a:outerShdw>
                        </a:effectLst>
                        <a:latin typeface="+mn-lt"/>
                        <a:ea typeface="+mn-ea"/>
                        <a:cs typeface="+mn-cs"/>
                      </a:endParaRPr>
                    </a:p>
                  </a:txBody>
                  <a:tcPr marL="45720" marR="45720" anchor="ctr" anchorCtr="1"/>
                </a:tc>
                <a:tc>
                  <a:txBody>
                    <a:bodyPr/>
                    <a:lstStyle/>
                    <a:p>
                      <a:pPr marL="0" lvl="0" algn="ctr" defTabSz="914363" rtl="0" eaLnBrk="1" fontAlgn="b" latinLnBrk="0" hangingPunct="1">
                        <a:lnSpc>
                          <a:spcPct val="90000"/>
                        </a:lnSpc>
                      </a:pPr>
                      <a:r>
                        <a:rPr lang="en-US" sz="2400" kern="1200" dirty="0" smtClean="0">
                          <a:solidFill>
                            <a:schemeClr val="tx1"/>
                          </a:solidFill>
                          <a:effectLst>
                            <a:outerShdw blurRad="190500" algn="ctr" rotWithShape="0">
                              <a:prstClr val="black">
                                <a:alpha val="50000"/>
                              </a:prstClr>
                            </a:outerShdw>
                          </a:effectLst>
                        </a:rPr>
                        <a:t>Higher Yield</a:t>
                      </a:r>
                      <a:endParaRPr lang="en-US" sz="2400" b="1" kern="1200" dirty="0">
                        <a:solidFill>
                          <a:schemeClr val="tx1"/>
                        </a:solidFill>
                        <a:effectLst>
                          <a:outerShdw blurRad="190500" algn="ctr" rotWithShape="0">
                            <a:prstClr val="black">
                              <a:alpha val="50000"/>
                            </a:prstClr>
                          </a:outerShdw>
                        </a:effectLst>
                        <a:latin typeface="+mn-lt"/>
                        <a:ea typeface="+mn-ea"/>
                        <a:cs typeface="+mn-cs"/>
                      </a:endParaRPr>
                    </a:p>
                  </a:txBody>
                  <a:tcPr marL="45720" marR="45720" anchor="ctr" anchorCtr="1"/>
                </a:tc>
              </a:tr>
              <a:tr h="370840">
                <a:tc>
                  <a:txBody>
                    <a:bodyPr/>
                    <a:lstStyle/>
                    <a:p>
                      <a:pPr marL="1588" lvl="0" indent="0" algn="l" fontAlgn="b">
                        <a:lnSpc>
                          <a:spcPct val="90000"/>
                        </a:lnSpc>
                        <a:spcBef>
                          <a:spcPts val="0"/>
                        </a:spcBef>
                        <a:spcAft>
                          <a:spcPts val="0"/>
                        </a:spcAft>
                      </a:pPr>
                      <a:r>
                        <a:rPr lang="en-US" sz="2400" u="none" strike="noStrike" dirty="0" smtClean="0">
                          <a:effectLst/>
                        </a:rPr>
                        <a:t>MWD’s SWP Improvement</a:t>
                      </a:r>
                      <a:endParaRPr lang="en-US" sz="2400" b="0" i="0" u="none" strike="noStrike" dirty="0">
                        <a:solidFill>
                          <a:schemeClr val="tx1"/>
                        </a:solidFill>
                        <a:effectLst/>
                        <a:latin typeface="+mn-lt"/>
                      </a:endParaRPr>
                    </a:p>
                  </a:txBody>
                  <a:tcPr marL="45720" marR="45720" anchor="ctr"/>
                </a:tc>
                <a:tc>
                  <a:txBody>
                    <a:bodyPr/>
                    <a:lstStyle/>
                    <a:p>
                      <a:pPr marL="0" marR="0" lvl="0" indent="0" algn="ctr" defTabSz="914400" rtl="0" eaLnBrk="1" fontAlgn="b" latinLnBrk="0" hangingPunct="1">
                        <a:lnSpc>
                          <a:spcPct val="90000"/>
                        </a:lnSpc>
                        <a:spcBef>
                          <a:spcPts val="0"/>
                        </a:spcBef>
                        <a:spcAft>
                          <a:spcPts val="0"/>
                        </a:spcAft>
                        <a:buClrTx/>
                        <a:buSzTx/>
                        <a:buFontTx/>
                        <a:buNone/>
                        <a:tabLst/>
                        <a:defRPr/>
                      </a:pPr>
                      <a:r>
                        <a:rPr lang="en-US" sz="2400" u="none" strike="noStrike" kern="1200" baseline="0" dirty="0" smtClean="0">
                          <a:effectLst/>
                        </a:rPr>
                        <a:t>302,000 af   </a:t>
                      </a:r>
                      <a:endParaRPr lang="en-US" sz="2400" b="0" i="0" u="none" strike="noStrike" kern="1200" baseline="0" dirty="0">
                        <a:solidFill>
                          <a:schemeClr val="tx1"/>
                        </a:solidFill>
                        <a:effectLst/>
                        <a:latin typeface="+mn-lt"/>
                        <a:ea typeface="+mn-ea"/>
                        <a:cs typeface="+mn-cs"/>
                      </a:endParaRPr>
                    </a:p>
                  </a:txBody>
                  <a:tcPr marL="45720" marR="45720" anchor="ctr" anchorCtr="1"/>
                </a:tc>
                <a:tc>
                  <a:txBody>
                    <a:bodyPr/>
                    <a:lstStyle/>
                    <a:p>
                      <a:pPr marL="0" marR="0" lvl="0" indent="0" algn="ctr" defTabSz="914400" rtl="0" eaLnBrk="1" fontAlgn="b" latinLnBrk="0" hangingPunct="1">
                        <a:lnSpc>
                          <a:spcPct val="90000"/>
                        </a:lnSpc>
                        <a:spcBef>
                          <a:spcPts val="0"/>
                        </a:spcBef>
                        <a:spcAft>
                          <a:spcPts val="0"/>
                        </a:spcAft>
                        <a:buClrTx/>
                        <a:buSzTx/>
                        <a:buFontTx/>
                        <a:buNone/>
                        <a:tabLst/>
                        <a:defRPr/>
                      </a:pPr>
                      <a:r>
                        <a:rPr lang="en-US" sz="2400" baseline="0" dirty="0" smtClean="0"/>
                        <a:t>453,000 af </a:t>
                      </a:r>
                      <a:endParaRPr lang="en-US" sz="2400" b="0" i="0" u="none" strike="noStrike" kern="1200" baseline="0" dirty="0">
                        <a:solidFill>
                          <a:schemeClr val="tx1"/>
                        </a:solidFill>
                        <a:effectLst/>
                        <a:latin typeface="+mn-lt"/>
                        <a:ea typeface="+mn-ea"/>
                        <a:cs typeface="+mn-cs"/>
                      </a:endParaRPr>
                    </a:p>
                  </a:txBody>
                  <a:tcPr marL="45720" marR="45720" anchor="ctr" anchorCtr="1"/>
                </a:tc>
              </a:tr>
            </a:tbl>
          </a:graphicData>
        </a:graphic>
      </p:graphicFrame>
      <p:sp>
        <p:nvSpPr>
          <p:cNvPr id="5" name="Rectangle 4"/>
          <p:cNvSpPr/>
          <p:nvPr/>
        </p:nvSpPr>
        <p:spPr bwMode="auto">
          <a:xfrm>
            <a:off x="122692" y="6244274"/>
            <a:ext cx="8475618" cy="548640"/>
          </a:xfrm>
          <a:prstGeom prst="rect">
            <a:avLst/>
          </a:prstGeom>
          <a:noFill/>
          <a:ln>
            <a:noFill/>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0000" tIns="46800" rIns="90000" bIns="46800" numCol="1" rtlCol="0" anchor="ctr" anchorCtr="0" compatLnSpc="1">
            <a:prstTxWarp prst="textNoShape">
              <a:avLst/>
            </a:prstTxWarp>
          </a:bodyPr>
          <a:lstStyle/>
          <a:p>
            <a:pPr marL="174625" indent="-174625">
              <a:lnSpc>
                <a:spcPct val="85000"/>
              </a:lnSpc>
              <a:buFont typeface="Arial" panose="020B0604020202020204" pitchFamily="34" charset="0"/>
              <a:buChar char="•"/>
            </a:pPr>
            <a:r>
              <a:rPr lang="de-DE" sz="1200" i="1" dirty="0" smtClean="0">
                <a:solidFill>
                  <a:srgbClr val="FFC000"/>
                </a:solidFill>
                <a:cs typeface="Arial" charset="0"/>
              </a:rPr>
              <a:t>Water supply based on DWR CALSIM modeling of average Table A &amp; incremental Cal Water Fix allocations</a:t>
            </a:r>
          </a:p>
        </p:txBody>
      </p:sp>
    </p:spTree>
    <p:extLst>
      <p:ext uri="{BB962C8B-B14F-4D97-AF65-F5344CB8AC3E}">
        <p14:creationId xmlns:p14="http://schemas.microsoft.com/office/powerpoint/2010/main" val="477654486"/>
      </p:ext>
    </p:extLst>
  </p:cSld>
  <p:clrMapOvr>
    <a:masterClrMapping/>
  </p:clrMapOvr>
  <p:transition spd="slow">
    <p:fade/>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521703"/>
            <a:ext cx="8382000" cy="1661993"/>
          </a:xfrm>
        </p:spPr>
        <p:txBody>
          <a:bodyPr/>
          <a:lstStyle/>
          <a:p>
            <a:r>
              <a:rPr lang="en-US" sz="6000" dirty="0" smtClean="0"/>
              <a:t>Increasing Regulatory Trends</a:t>
            </a:r>
            <a:endParaRPr lang="en-US" sz="6000" dirty="0"/>
          </a:p>
        </p:txBody>
      </p:sp>
    </p:spTree>
    <p:extLst>
      <p:ext uri="{BB962C8B-B14F-4D97-AF65-F5344CB8AC3E}">
        <p14:creationId xmlns:p14="http://schemas.microsoft.com/office/powerpoint/2010/main" val="1760245067"/>
      </p:ext>
    </p:extLst>
  </p:cSld>
  <p:clrMapOvr>
    <a:masterClrMapping/>
  </p:clrMapOvr>
  <p:transition>
    <p:fade/>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Content Placeholder 6"/>
          <p:cNvGraphicFramePr>
            <a:graphicFrameLocks noGrp="1"/>
          </p:cNvGraphicFramePr>
          <p:nvPr>
            <p:ph idx="1"/>
            <p:extLst>
              <p:ext uri="{D42A27DB-BD31-4B8C-83A1-F6EECF244321}">
                <p14:modId xmlns:p14="http://schemas.microsoft.com/office/powerpoint/2010/main" val="1559313461"/>
              </p:ext>
            </p:extLst>
          </p:nvPr>
        </p:nvGraphicFramePr>
        <p:xfrm>
          <a:off x="99151" y="1981200"/>
          <a:ext cx="8945697" cy="4724400"/>
        </p:xfrm>
        <a:graphic>
          <a:graphicData uri="http://schemas.openxmlformats.org/drawingml/2006/chart">
            <c:chart xmlns:c="http://schemas.openxmlformats.org/drawingml/2006/chart" xmlns:r="http://schemas.openxmlformats.org/officeDocument/2006/relationships" r:id="rId3"/>
          </a:graphicData>
        </a:graphic>
      </p:graphicFrame>
      <p:sp>
        <p:nvSpPr>
          <p:cNvPr id="15" name="Title 5"/>
          <p:cNvSpPr txBox="1">
            <a:spLocks/>
          </p:cNvSpPr>
          <p:nvPr/>
        </p:nvSpPr>
        <p:spPr bwMode="invGray">
          <a:xfrm>
            <a:off x="3048000" y="2023003"/>
            <a:ext cx="5725804" cy="664797"/>
          </a:xfrm>
          <a:prstGeom prst="rect">
            <a:avLst/>
          </a:prstGeom>
        </p:spPr>
        <p:txBody>
          <a:bodyPr vert="horz" wrap="square" lIns="0" tIns="0" rIns="0" bIns="0" rtlCol="0" anchor="t">
            <a:spAutoFit/>
          </a:bodyPr>
          <a:lstStyle/>
          <a:p>
            <a:pPr algn="ctr" defTabSz="914363" fontAlgn="auto">
              <a:lnSpc>
                <a:spcPct val="90000"/>
              </a:lnSpc>
              <a:spcAft>
                <a:spcPts val="0"/>
              </a:spcAft>
              <a:defRPr/>
            </a:pPr>
            <a: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SWP/CVP Export Capacity </a:t>
            </a:r>
            <a:b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br>
            <a:r>
              <a:rPr lang="en-US" sz="24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Restrictions Due to Environmental Regulations</a:t>
            </a:r>
          </a:p>
        </p:txBody>
      </p:sp>
      <p:pic>
        <p:nvPicPr>
          <p:cNvPr id="8" name="Picture 7"/>
          <p:cNvPicPr>
            <a:picLocks noChangeAspect="1" noChangeArrowheads="1"/>
          </p:cNvPicPr>
          <p:nvPr/>
        </p:nvPicPr>
        <p:blipFill rotWithShape="1">
          <a:blip r:embed="rId4">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itle 5"/>
          <p:cNvSpPr txBox="1">
            <a:spLocks/>
          </p:cNvSpPr>
          <p:nvPr/>
        </p:nvSpPr>
        <p:spPr bwMode="ltGray">
          <a:xfrm>
            <a:off x="152400" y="220254"/>
            <a:ext cx="86106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2813" eaLnBrk="0" hangingPunct="0">
              <a:lnSpc>
                <a:spcPct val="90000"/>
              </a:lnSpc>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a:t>
            </a: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Project Supplies</a:t>
            </a:r>
            <a:endPar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a:p>
            <a:pPr algn="r" defTabSz="914363">
              <a:lnSpc>
                <a:spcPct val="90000"/>
              </a:lnSpc>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History of Regulatory Restrictions</a:t>
            </a:r>
          </a:p>
        </p:txBody>
      </p:sp>
      <p:sp>
        <p:nvSpPr>
          <p:cNvPr id="2" name="Rectangle 1"/>
          <p:cNvSpPr/>
          <p:nvPr/>
        </p:nvSpPr>
        <p:spPr bwMode="auto">
          <a:xfrm>
            <a:off x="7954368" y="4002634"/>
            <a:ext cx="685800" cy="1521965"/>
          </a:xfrm>
          <a:prstGeom prst="rect">
            <a:avLst/>
          </a:prstGeom>
          <a:noFill/>
          <a:ln w="57150">
            <a:solidFill>
              <a:schemeClr val="accent1"/>
            </a:solidFill>
            <a:prstDash val="sysDash"/>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latin typeface="Segoe" pitchFamily="34" charset="0"/>
            </a:endParaRPr>
          </a:p>
        </p:txBody>
      </p:sp>
      <p:sp>
        <p:nvSpPr>
          <p:cNvPr id="4" name="TextBox 3"/>
          <p:cNvSpPr txBox="1"/>
          <p:nvPr/>
        </p:nvSpPr>
        <p:spPr>
          <a:xfrm>
            <a:off x="8042528" y="4256495"/>
            <a:ext cx="512136" cy="1015663"/>
          </a:xfrm>
          <a:prstGeom prst="rect">
            <a:avLst/>
          </a:prstGeom>
          <a:noFill/>
          <a:ln>
            <a:noFill/>
          </a:ln>
        </p:spPr>
        <p:txBody>
          <a:bodyPr wrap="square" rtlCol="0">
            <a:spAutoFit/>
          </a:bodyPr>
          <a:lstStyle/>
          <a:p>
            <a:r>
              <a:rPr lang="en-US" sz="6000" dirty="0" smtClean="0">
                <a:solidFill>
                  <a:srgbClr val="6EA0B0"/>
                </a:solidFill>
              </a:rPr>
              <a:t>?</a:t>
            </a:r>
            <a:endParaRPr lang="en-US" sz="6000" dirty="0">
              <a:solidFill>
                <a:srgbClr val="6EA0B0"/>
              </a:solidFill>
            </a:endParaRPr>
          </a:p>
        </p:txBody>
      </p:sp>
    </p:spTree>
    <p:extLst>
      <p:ext uri="{BB962C8B-B14F-4D97-AF65-F5344CB8AC3E}">
        <p14:creationId xmlns:p14="http://schemas.microsoft.com/office/powerpoint/2010/main" val="14041718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pic>
        <p:nvPicPr>
          <p:cNvPr id="690202" name="Picture 26" descr="F:\MWD NLCD\Images for Subcommittee\Delta Map blank.tif"/>
          <p:cNvPicPr>
            <a:picLocks noChangeAspect="1" noChangeArrowheads="1"/>
          </p:cNvPicPr>
          <p:nvPr/>
        </p:nvPicPr>
        <p:blipFill>
          <a:blip r:embed="rId3" cstate="print">
            <a:lum bright="-10000"/>
          </a:blip>
          <a:srcRect/>
          <a:stretch>
            <a:fillRect/>
          </a:stretch>
        </p:blipFill>
        <p:spPr bwMode="ltGray">
          <a:xfrm>
            <a:off x="0" y="0"/>
            <a:ext cx="9144000" cy="6858000"/>
          </a:xfrm>
          <a:prstGeom prst="rect">
            <a:avLst/>
          </a:prstGeom>
          <a:noFill/>
          <a:ln w="9525">
            <a:noFill/>
            <a:miter lim="800000"/>
            <a:headEnd/>
            <a:tailEnd/>
          </a:ln>
          <a:effectLst>
            <a:outerShdw dist="35921" dir="2700000" algn="ctr" rotWithShape="0">
              <a:schemeClr val="tx1"/>
            </a:outerShdw>
          </a:effectLst>
        </p:spPr>
      </p:pic>
      <p:grpSp>
        <p:nvGrpSpPr>
          <p:cNvPr id="2" name="Group 67"/>
          <p:cNvGrpSpPr>
            <a:grpSpLocks/>
          </p:cNvGrpSpPr>
          <p:nvPr/>
        </p:nvGrpSpPr>
        <p:grpSpPr bwMode="auto">
          <a:xfrm>
            <a:off x="4251325" y="3062288"/>
            <a:ext cx="1477963" cy="2711450"/>
            <a:chOff x="6221" y="2036"/>
            <a:chExt cx="931" cy="1708"/>
          </a:xfrm>
        </p:grpSpPr>
        <p:grpSp>
          <p:nvGrpSpPr>
            <p:cNvPr id="50212" name="Group 66"/>
            <p:cNvGrpSpPr>
              <a:grpSpLocks/>
            </p:cNvGrpSpPr>
            <p:nvPr/>
          </p:nvGrpSpPr>
          <p:grpSpPr bwMode="auto">
            <a:xfrm>
              <a:off x="6385" y="2036"/>
              <a:ext cx="732" cy="802"/>
              <a:chOff x="6385" y="2036"/>
              <a:chExt cx="732" cy="802"/>
            </a:xfrm>
          </p:grpSpPr>
          <p:sp>
            <p:nvSpPr>
              <p:cNvPr id="690237" name="Freeform 61"/>
              <p:cNvSpPr>
                <a:spLocks/>
              </p:cNvSpPr>
              <p:nvPr/>
            </p:nvSpPr>
            <p:spPr bwMode="auto">
              <a:xfrm>
                <a:off x="6777" y="2058"/>
                <a:ext cx="340" cy="780"/>
              </a:xfrm>
              <a:custGeom>
                <a:avLst/>
                <a:gdLst/>
                <a:ahLst/>
                <a:cxnLst>
                  <a:cxn ang="0">
                    <a:pos x="132" y="0"/>
                  </a:cxn>
                  <a:cxn ang="0">
                    <a:pos x="218" y="48"/>
                  </a:cxn>
                  <a:cxn ang="0">
                    <a:pos x="200" y="70"/>
                  </a:cxn>
                  <a:cxn ang="0">
                    <a:pos x="298" y="112"/>
                  </a:cxn>
                  <a:cxn ang="0">
                    <a:pos x="328" y="146"/>
                  </a:cxn>
                  <a:cxn ang="0">
                    <a:pos x="216" y="188"/>
                  </a:cxn>
                  <a:cxn ang="0">
                    <a:pos x="226" y="220"/>
                  </a:cxn>
                  <a:cxn ang="0">
                    <a:pos x="178" y="244"/>
                  </a:cxn>
                  <a:cxn ang="0">
                    <a:pos x="142" y="272"/>
                  </a:cxn>
                  <a:cxn ang="0">
                    <a:pos x="172" y="288"/>
                  </a:cxn>
                  <a:cxn ang="0">
                    <a:pos x="158" y="328"/>
                  </a:cxn>
                  <a:cxn ang="0">
                    <a:pos x="236" y="336"/>
                  </a:cxn>
                  <a:cxn ang="0">
                    <a:pos x="200" y="384"/>
                  </a:cxn>
                  <a:cxn ang="0">
                    <a:pos x="258" y="416"/>
                  </a:cxn>
                  <a:cxn ang="0">
                    <a:pos x="204" y="444"/>
                  </a:cxn>
                  <a:cxn ang="0">
                    <a:pos x="196" y="532"/>
                  </a:cxn>
                  <a:cxn ang="0">
                    <a:pos x="38" y="586"/>
                  </a:cxn>
                  <a:cxn ang="0">
                    <a:pos x="2" y="636"/>
                  </a:cxn>
                  <a:cxn ang="0">
                    <a:pos x="48" y="692"/>
                  </a:cxn>
                  <a:cxn ang="0">
                    <a:pos x="82" y="730"/>
                  </a:cxn>
                  <a:cxn ang="0">
                    <a:pos x="94" y="744"/>
                  </a:cxn>
                  <a:cxn ang="0">
                    <a:pos x="88" y="780"/>
                  </a:cxn>
                </a:cxnLst>
                <a:rect l="0" t="0" r="r" b="b"/>
                <a:pathLst>
                  <a:path w="340" h="780">
                    <a:moveTo>
                      <a:pt x="132" y="0"/>
                    </a:moveTo>
                    <a:cubicBezTo>
                      <a:pt x="143" y="6"/>
                      <a:pt x="220" y="39"/>
                      <a:pt x="218" y="48"/>
                    </a:cubicBezTo>
                    <a:cubicBezTo>
                      <a:pt x="216" y="57"/>
                      <a:pt x="215" y="26"/>
                      <a:pt x="200" y="70"/>
                    </a:cubicBezTo>
                    <a:cubicBezTo>
                      <a:pt x="185" y="114"/>
                      <a:pt x="277" y="99"/>
                      <a:pt x="298" y="112"/>
                    </a:cubicBezTo>
                    <a:cubicBezTo>
                      <a:pt x="319" y="125"/>
                      <a:pt x="340" y="131"/>
                      <a:pt x="328" y="146"/>
                    </a:cubicBezTo>
                    <a:cubicBezTo>
                      <a:pt x="316" y="161"/>
                      <a:pt x="214" y="165"/>
                      <a:pt x="216" y="188"/>
                    </a:cubicBezTo>
                    <a:cubicBezTo>
                      <a:pt x="218" y="211"/>
                      <a:pt x="221" y="204"/>
                      <a:pt x="226" y="220"/>
                    </a:cubicBezTo>
                    <a:cubicBezTo>
                      <a:pt x="220" y="230"/>
                      <a:pt x="184" y="234"/>
                      <a:pt x="178" y="244"/>
                    </a:cubicBezTo>
                    <a:cubicBezTo>
                      <a:pt x="172" y="254"/>
                      <a:pt x="164" y="257"/>
                      <a:pt x="142" y="272"/>
                    </a:cubicBezTo>
                    <a:cubicBezTo>
                      <a:pt x="120" y="287"/>
                      <a:pt x="171" y="273"/>
                      <a:pt x="172" y="288"/>
                    </a:cubicBezTo>
                    <a:cubicBezTo>
                      <a:pt x="173" y="303"/>
                      <a:pt x="144" y="314"/>
                      <a:pt x="158" y="328"/>
                    </a:cubicBezTo>
                    <a:cubicBezTo>
                      <a:pt x="172" y="342"/>
                      <a:pt x="232" y="310"/>
                      <a:pt x="236" y="336"/>
                    </a:cubicBezTo>
                    <a:cubicBezTo>
                      <a:pt x="240" y="362"/>
                      <a:pt x="194" y="370"/>
                      <a:pt x="200" y="384"/>
                    </a:cubicBezTo>
                    <a:cubicBezTo>
                      <a:pt x="206" y="398"/>
                      <a:pt x="266" y="386"/>
                      <a:pt x="258" y="416"/>
                    </a:cubicBezTo>
                    <a:cubicBezTo>
                      <a:pt x="250" y="446"/>
                      <a:pt x="214" y="442"/>
                      <a:pt x="204" y="444"/>
                    </a:cubicBezTo>
                    <a:cubicBezTo>
                      <a:pt x="194" y="446"/>
                      <a:pt x="162" y="452"/>
                      <a:pt x="196" y="532"/>
                    </a:cubicBezTo>
                    <a:cubicBezTo>
                      <a:pt x="230" y="612"/>
                      <a:pt x="69" y="556"/>
                      <a:pt x="38" y="586"/>
                    </a:cubicBezTo>
                    <a:cubicBezTo>
                      <a:pt x="7" y="616"/>
                      <a:pt x="0" y="618"/>
                      <a:pt x="2" y="636"/>
                    </a:cubicBezTo>
                    <a:cubicBezTo>
                      <a:pt x="4" y="654"/>
                      <a:pt x="37" y="681"/>
                      <a:pt x="48" y="692"/>
                    </a:cubicBezTo>
                    <a:cubicBezTo>
                      <a:pt x="59" y="703"/>
                      <a:pt x="77" y="723"/>
                      <a:pt x="82" y="730"/>
                    </a:cubicBezTo>
                    <a:cubicBezTo>
                      <a:pt x="87" y="737"/>
                      <a:pt x="91" y="736"/>
                      <a:pt x="94" y="744"/>
                    </a:cubicBezTo>
                    <a:cubicBezTo>
                      <a:pt x="93" y="758"/>
                      <a:pt x="95" y="780"/>
                      <a:pt x="88" y="780"/>
                    </a:cubicBezTo>
                  </a:path>
                </a:pathLst>
              </a:custGeom>
              <a:noFill/>
              <a:ln w="190500" cap="flat" cmpd="sng">
                <a:solidFill>
                  <a:srgbClr val="FFFF00"/>
                </a:solidFill>
                <a:prstDash val="solid"/>
                <a:round/>
                <a:headEnd type="none" w="med" len="med"/>
                <a:tailEnd type="none"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238" name="Freeform 62"/>
              <p:cNvSpPr>
                <a:spLocks/>
              </p:cNvSpPr>
              <p:nvPr/>
            </p:nvSpPr>
            <p:spPr bwMode="auto">
              <a:xfrm>
                <a:off x="6385" y="2036"/>
                <a:ext cx="538" cy="602"/>
              </a:xfrm>
              <a:custGeom>
                <a:avLst/>
                <a:gdLst/>
                <a:ahLst/>
                <a:cxnLst>
                  <a:cxn ang="0">
                    <a:pos x="496" y="0"/>
                  </a:cxn>
                  <a:cxn ang="0">
                    <a:pos x="538" y="98"/>
                  </a:cxn>
                  <a:cxn ang="0">
                    <a:pos x="400" y="172"/>
                  </a:cxn>
                  <a:cxn ang="0">
                    <a:pos x="372" y="262"/>
                  </a:cxn>
                  <a:cxn ang="0">
                    <a:pos x="190" y="310"/>
                  </a:cxn>
                  <a:cxn ang="0">
                    <a:pos x="16" y="364"/>
                  </a:cxn>
                  <a:cxn ang="0">
                    <a:pos x="160" y="410"/>
                  </a:cxn>
                  <a:cxn ang="0">
                    <a:pos x="88" y="444"/>
                  </a:cxn>
                  <a:cxn ang="0">
                    <a:pos x="60" y="488"/>
                  </a:cxn>
                  <a:cxn ang="0">
                    <a:pos x="4" y="602"/>
                  </a:cxn>
                </a:cxnLst>
                <a:rect l="0" t="0" r="r" b="b"/>
                <a:pathLst>
                  <a:path w="538" h="602">
                    <a:moveTo>
                      <a:pt x="496" y="0"/>
                    </a:moveTo>
                    <a:cubicBezTo>
                      <a:pt x="513" y="7"/>
                      <a:pt x="538" y="40"/>
                      <a:pt x="538" y="98"/>
                    </a:cubicBezTo>
                    <a:cubicBezTo>
                      <a:pt x="538" y="156"/>
                      <a:pt x="372" y="138"/>
                      <a:pt x="400" y="172"/>
                    </a:cubicBezTo>
                    <a:cubicBezTo>
                      <a:pt x="428" y="206"/>
                      <a:pt x="402" y="240"/>
                      <a:pt x="372" y="262"/>
                    </a:cubicBezTo>
                    <a:cubicBezTo>
                      <a:pt x="342" y="284"/>
                      <a:pt x="166" y="282"/>
                      <a:pt x="190" y="310"/>
                    </a:cubicBezTo>
                    <a:cubicBezTo>
                      <a:pt x="214" y="338"/>
                      <a:pt x="32" y="330"/>
                      <a:pt x="16" y="364"/>
                    </a:cubicBezTo>
                    <a:cubicBezTo>
                      <a:pt x="0" y="398"/>
                      <a:pt x="154" y="396"/>
                      <a:pt x="160" y="410"/>
                    </a:cubicBezTo>
                    <a:cubicBezTo>
                      <a:pt x="166" y="424"/>
                      <a:pt x="106" y="432"/>
                      <a:pt x="88" y="444"/>
                    </a:cubicBezTo>
                    <a:cubicBezTo>
                      <a:pt x="70" y="456"/>
                      <a:pt x="65" y="466"/>
                      <a:pt x="60" y="488"/>
                    </a:cubicBezTo>
                    <a:cubicBezTo>
                      <a:pt x="59" y="493"/>
                      <a:pt x="4" y="602"/>
                      <a:pt x="4" y="602"/>
                    </a:cubicBezTo>
                  </a:path>
                </a:pathLst>
              </a:custGeom>
              <a:noFill/>
              <a:ln w="190500" cap="flat" cmpd="sng">
                <a:solidFill>
                  <a:srgbClr val="FFFF00"/>
                </a:solidFill>
                <a:prstDash val="solid"/>
                <a:round/>
                <a:headEnd type="none" w="med" len="med"/>
                <a:tailEnd type="none"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grpSp>
          <p:nvGrpSpPr>
            <p:cNvPr id="50213" name="Group 63"/>
            <p:cNvGrpSpPr>
              <a:grpSpLocks/>
            </p:cNvGrpSpPr>
            <p:nvPr/>
          </p:nvGrpSpPr>
          <p:grpSpPr bwMode="auto">
            <a:xfrm>
              <a:off x="6221" y="2724"/>
              <a:ext cx="931" cy="1020"/>
              <a:chOff x="2672" y="2628"/>
              <a:chExt cx="931" cy="1020"/>
            </a:xfrm>
          </p:grpSpPr>
          <p:sp>
            <p:nvSpPr>
              <p:cNvPr id="690240" name="Freeform 64"/>
              <p:cNvSpPr>
                <a:spLocks/>
              </p:cNvSpPr>
              <p:nvPr/>
            </p:nvSpPr>
            <p:spPr bwMode="auto">
              <a:xfrm>
                <a:off x="2672" y="2628"/>
                <a:ext cx="256" cy="864"/>
              </a:xfrm>
              <a:custGeom>
                <a:avLst/>
                <a:gdLst/>
                <a:ahLst/>
                <a:cxnLst>
                  <a:cxn ang="0">
                    <a:pos x="132" y="0"/>
                  </a:cxn>
                  <a:cxn ang="0">
                    <a:pos x="120" y="52"/>
                  </a:cxn>
                  <a:cxn ang="0">
                    <a:pos x="104" y="152"/>
                  </a:cxn>
                  <a:cxn ang="0">
                    <a:pos x="132" y="200"/>
                  </a:cxn>
                  <a:cxn ang="0">
                    <a:pos x="164" y="240"/>
                  </a:cxn>
                  <a:cxn ang="0">
                    <a:pos x="240" y="336"/>
                  </a:cxn>
                  <a:cxn ang="0">
                    <a:pos x="256" y="436"/>
                  </a:cxn>
                  <a:cxn ang="0">
                    <a:pos x="232" y="492"/>
                  </a:cxn>
                  <a:cxn ang="0">
                    <a:pos x="208" y="508"/>
                  </a:cxn>
                  <a:cxn ang="0">
                    <a:pos x="192" y="524"/>
                  </a:cxn>
                  <a:cxn ang="0">
                    <a:pos x="168" y="540"/>
                  </a:cxn>
                  <a:cxn ang="0">
                    <a:pos x="164" y="552"/>
                  </a:cxn>
                  <a:cxn ang="0">
                    <a:pos x="160" y="624"/>
                  </a:cxn>
                  <a:cxn ang="0">
                    <a:pos x="136" y="648"/>
                  </a:cxn>
                  <a:cxn ang="0">
                    <a:pos x="64" y="700"/>
                  </a:cxn>
                  <a:cxn ang="0">
                    <a:pos x="56" y="784"/>
                  </a:cxn>
                  <a:cxn ang="0">
                    <a:pos x="40" y="808"/>
                  </a:cxn>
                  <a:cxn ang="0">
                    <a:pos x="16" y="824"/>
                  </a:cxn>
                  <a:cxn ang="0">
                    <a:pos x="0" y="864"/>
                  </a:cxn>
                </a:cxnLst>
                <a:rect l="0" t="0" r="r" b="b"/>
                <a:pathLst>
                  <a:path w="256" h="864">
                    <a:moveTo>
                      <a:pt x="132" y="0"/>
                    </a:moveTo>
                    <a:cubicBezTo>
                      <a:pt x="129" y="18"/>
                      <a:pt x="124" y="34"/>
                      <a:pt x="120" y="52"/>
                    </a:cubicBezTo>
                    <a:cubicBezTo>
                      <a:pt x="117" y="86"/>
                      <a:pt x="119" y="121"/>
                      <a:pt x="104" y="152"/>
                    </a:cubicBezTo>
                    <a:cubicBezTo>
                      <a:pt x="108" y="188"/>
                      <a:pt x="103" y="190"/>
                      <a:pt x="132" y="200"/>
                    </a:cubicBezTo>
                    <a:cubicBezTo>
                      <a:pt x="136" y="212"/>
                      <a:pt x="153" y="233"/>
                      <a:pt x="164" y="240"/>
                    </a:cubicBezTo>
                    <a:cubicBezTo>
                      <a:pt x="186" y="274"/>
                      <a:pt x="227" y="297"/>
                      <a:pt x="240" y="336"/>
                    </a:cubicBezTo>
                    <a:cubicBezTo>
                      <a:pt x="243" y="369"/>
                      <a:pt x="246" y="405"/>
                      <a:pt x="256" y="436"/>
                    </a:cubicBezTo>
                    <a:cubicBezTo>
                      <a:pt x="253" y="461"/>
                      <a:pt x="251" y="475"/>
                      <a:pt x="232" y="492"/>
                    </a:cubicBezTo>
                    <a:cubicBezTo>
                      <a:pt x="225" y="498"/>
                      <a:pt x="208" y="508"/>
                      <a:pt x="208" y="508"/>
                    </a:cubicBezTo>
                    <a:cubicBezTo>
                      <a:pt x="201" y="528"/>
                      <a:pt x="209" y="514"/>
                      <a:pt x="192" y="524"/>
                    </a:cubicBezTo>
                    <a:cubicBezTo>
                      <a:pt x="184" y="529"/>
                      <a:pt x="168" y="540"/>
                      <a:pt x="168" y="540"/>
                    </a:cubicBezTo>
                    <a:cubicBezTo>
                      <a:pt x="167" y="544"/>
                      <a:pt x="164" y="548"/>
                      <a:pt x="164" y="552"/>
                    </a:cubicBezTo>
                    <a:cubicBezTo>
                      <a:pt x="162" y="576"/>
                      <a:pt x="167" y="601"/>
                      <a:pt x="160" y="624"/>
                    </a:cubicBezTo>
                    <a:cubicBezTo>
                      <a:pt x="157" y="635"/>
                      <a:pt x="144" y="640"/>
                      <a:pt x="136" y="648"/>
                    </a:cubicBezTo>
                    <a:cubicBezTo>
                      <a:pt x="113" y="671"/>
                      <a:pt x="90" y="683"/>
                      <a:pt x="64" y="700"/>
                    </a:cubicBezTo>
                    <a:cubicBezTo>
                      <a:pt x="49" y="722"/>
                      <a:pt x="62" y="757"/>
                      <a:pt x="56" y="784"/>
                    </a:cubicBezTo>
                    <a:cubicBezTo>
                      <a:pt x="54" y="793"/>
                      <a:pt x="45" y="800"/>
                      <a:pt x="40" y="808"/>
                    </a:cubicBezTo>
                    <a:cubicBezTo>
                      <a:pt x="35" y="816"/>
                      <a:pt x="16" y="824"/>
                      <a:pt x="16" y="824"/>
                    </a:cubicBezTo>
                    <a:cubicBezTo>
                      <a:pt x="12" y="836"/>
                      <a:pt x="10" y="854"/>
                      <a:pt x="0" y="864"/>
                    </a:cubicBezTo>
                  </a:path>
                </a:pathLst>
              </a:custGeom>
              <a:noFill/>
              <a:ln w="190500" cap="flat" cmpd="sng">
                <a:solidFill>
                  <a:srgbClr val="FFFF00"/>
                </a:solidFill>
                <a:prstDash val="solid"/>
                <a:round/>
                <a:headEnd type="none" w="med" len="med"/>
                <a:tailEnd type="none"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241" name="Freeform 65"/>
              <p:cNvSpPr>
                <a:spLocks/>
              </p:cNvSpPr>
              <p:nvPr/>
            </p:nvSpPr>
            <p:spPr bwMode="auto">
              <a:xfrm>
                <a:off x="2868" y="2788"/>
                <a:ext cx="735" cy="860"/>
              </a:xfrm>
              <a:custGeom>
                <a:avLst/>
                <a:gdLst/>
                <a:ahLst/>
                <a:cxnLst>
                  <a:cxn ang="0">
                    <a:pos x="400" y="0"/>
                  </a:cxn>
                  <a:cxn ang="0">
                    <a:pos x="368" y="32"/>
                  </a:cxn>
                  <a:cxn ang="0">
                    <a:pos x="340" y="84"/>
                  </a:cxn>
                  <a:cxn ang="0">
                    <a:pos x="332" y="108"/>
                  </a:cxn>
                  <a:cxn ang="0">
                    <a:pos x="308" y="224"/>
                  </a:cxn>
                  <a:cxn ang="0">
                    <a:pos x="352" y="308"/>
                  </a:cxn>
                  <a:cxn ang="0">
                    <a:pos x="412" y="348"/>
                  </a:cxn>
                  <a:cxn ang="0">
                    <a:pos x="528" y="408"/>
                  </a:cxn>
                  <a:cxn ang="0">
                    <a:pos x="616" y="420"/>
                  </a:cxn>
                  <a:cxn ang="0">
                    <a:pos x="688" y="504"/>
                  </a:cxn>
                  <a:cxn ang="0">
                    <a:pos x="364" y="576"/>
                  </a:cxn>
                  <a:cxn ang="0">
                    <a:pos x="195" y="626"/>
                  </a:cxn>
                  <a:cxn ang="0">
                    <a:pos x="81" y="653"/>
                  </a:cxn>
                  <a:cxn ang="0">
                    <a:pos x="0" y="860"/>
                  </a:cxn>
                </a:cxnLst>
                <a:rect l="0" t="0" r="r" b="b"/>
                <a:pathLst>
                  <a:path w="735" h="860">
                    <a:moveTo>
                      <a:pt x="400" y="0"/>
                    </a:moveTo>
                    <a:cubicBezTo>
                      <a:pt x="390" y="19"/>
                      <a:pt x="383" y="17"/>
                      <a:pt x="368" y="32"/>
                    </a:cubicBezTo>
                    <a:cubicBezTo>
                      <a:pt x="362" y="51"/>
                      <a:pt x="348" y="66"/>
                      <a:pt x="340" y="84"/>
                    </a:cubicBezTo>
                    <a:cubicBezTo>
                      <a:pt x="337" y="92"/>
                      <a:pt x="332" y="108"/>
                      <a:pt x="332" y="108"/>
                    </a:cubicBezTo>
                    <a:cubicBezTo>
                      <a:pt x="329" y="151"/>
                      <a:pt x="332" y="189"/>
                      <a:pt x="308" y="224"/>
                    </a:cubicBezTo>
                    <a:cubicBezTo>
                      <a:pt x="313" y="293"/>
                      <a:pt x="303" y="284"/>
                      <a:pt x="352" y="308"/>
                    </a:cubicBezTo>
                    <a:cubicBezTo>
                      <a:pt x="365" y="328"/>
                      <a:pt x="392" y="335"/>
                      <a:pt x="412" y="348"/>
                    </a:cubicBezTo>
                    <a:cubicBezTo>
                      <a:pt x="439" y="366"/>
                      <a:pt x="497" y="406"/>
                      <a:pt x="528" y="408"/>
                    </a:cubicBezTo>
                    <a:cubicBezTo>
                      <a:pt x="567" y="410"/>
                      <a:pt x="590" y="404"/>
                      <a:pt x="616" y="420"/>
                    </a:cubicBezTo>
                    <a:cubicBezTo>
                      <a:pt x="642" y="436"/>
                      <a:pt x="735" y="477"/>
                      <a:pt x="688" y="504"/>
                    </a:cubicBezTo>
                    <a:cubicBezTo>
                      <a:pt x="641" y="531"/>
                      <a:pt x="465" y="536"/>
                      <a:pt x="364" y="576"/>
                    </a:cubicBezTo>
                    <a:cubicBezTo>
                      <a:pt x="263" y="616"/>
                      <a:pt x="244" y="601"/>
                      <a:pt x="195" y="626"/>
                    </a:cubicBezTo>
                    <a:cubicBezTo>
                      <a:pt x="146" y="651"/>
                      <a:pt x="85" y="631"/>
                      <a:pt x="81" y="653"/>
                    </a:cubicBezTo>
                    <a:cubicBezTo>
                      <a:pt x="77" y="724"/>
                      <a:pt x="0" y="819"/>
                      <a:pt x="0" y="860"/>
                    </a:cubicBezTo>
                  </a:path>
                </a:pathLst>
              </a:custGeom>
              <a:noFill/>
              <a:ln w="190500" cap="flat" cmpd="sng">
                <a:solidFill>
                  <a:srgbClr val="FFFF00"/>
                </a:solidFill>
                <a:prstDash val="solid"/>
                <a:round/>
                <a:headEnd type="none" w="med" len="med"/>
                <a:tailEnd type="none"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grpSp>
      <p:sp>
        <p:nvSpPr>
          <p:cNvPr id="690231" name="Freeform 55"/>
          <p:cNvSpPr>
            <a:spLocks/>
          </p:cNvSpPr>
          <p:nvPr/>
        </p:nvSpPr>
        <p:spPr bwMode="auto">
          <a:xfrm>
            <a:off x="4540250" y="2019300"/>
            <a:ext cx="873125" cy="1216025"/>
          </a:xfrm>
          <a:custGeom>
            <a:avLst/>
            <a:gdLst/>
            <a:ahLst/>
            <a:cxnLst>
              <a:cxn ang="0">
                <a:pos x="0" y="0"/>
              </a:cxn>
              <a:cxn ang="0">
                <a:pos x="92" y="16"/>
              </a:cxn>
              <a:cxn ang="0">
                <a:pos x="108" y="20"/>
              </a:cxn>
              <a:cxn ang="0">
                <a:pos x="250" y="52"/>
              </a:cxn>
              <a:cxn ang="0">
                <a:pos x="388" y="114"/>
              </a:cxn>
              <a:cxn ang="0">
                <a:pos x="504" y="124"/>
              </a:cxn>
              <a:cxn ang="0">
                <a:pos x="446" y="160"/>
              </a:cxn>
              <a:cxn ang="0">
                <a:pos x="464" y="194"/>
              </a:cxn>
              <a:cxn ang="0">
                <a:pos x="292" y="220"/>
              </a:cxn>
              <a:cxn ang="0">
                <a:pos x="276" y="252"/>
              </a:cxn>
              <a:cxn ang="0">
                <a:pos x="540" y="302"/>
              </a:cxn>
              <a:cxn ang="0">
                <a:pos x="384" y="348"/>
              </a:cxn>
              <a:cxn ang="0">
                <a:pos x="476" y="402"/>
              </a:cxn>
              <a:cxn ang="0">
                <a:pos x="430" y="452"/>
              </a:cxn>
              <a:cxn ang="0">
                <a:pos x="302" y="494"/>
              </a:cxn>
              <a:cxn ang="0">
                <a:pos x="116" y="542"/>
              </a:cxn>
              <a:cxn ang="0">
                <a:pos x="400" y="654"/>
              </a:cxn>
              <a:cxn ang="0">
                <a:pos x="472" y="668"/>
              </a:cxn>
              <a:cxn ang="0">
                <a:pos x="514" y="766"/>
              </a:cxn>
            </a:cxnLst>
            <a:rect l="0" t="0" r="r" b="b"/>
            <a:pathLst>
              <a:path w="550" h="766">
                <a:moveTo>
                  <a:pt x="0" y="0"/>
                </a:moveTo>
                <a:cubicBezTo>
                  <a:pt x="34" y="7"/>
                  <a:pt x="56" y="13"/>
                  <a:pt x="92" y="16"/>
                </a:cubicBezTo>
                <a:cubicBezTo>
                  <a:pt x="97" y="17"/>
                  <a:pt x="103" y="18"/>
                  <a:pt x="108" y="20"/>
                </a:cubicBezTo>
                <a:cubicBezTo>
                  <a:pt x="183" y="57"/>
                  <a:pt x="214" y="38"/>
                  <a:pt x="250" y="52"/>
                </a:cubicBezTo>
                <a:cubicBezTo>
                  <a:pt x="286" y="66"/>
                  <a:pt x="262" y="138"/>
                  <a:pt x="388" y="114"/>
                </a:cubicBezTo>
                <a:cubicBezTo>
                  <a:pt x="514" y="90"/>
                  <a:pt x="504" y="124"/>
                  <a:pt x="504" y="124"/>
                </a:cubicBezTo>
                <a:cubicBezTo>
                  <a:pt x="506" y="135"/>
                  <a:pt x="428" y="154"/>
                  <a:pt x="446" y="160"/>
                </a:cubicBezTo>
                <a:cubicBezTo>
                  <a:pt x="464" y="166"/>
                  <a:pt x="500" y="178"/>
                  <a:pt x="464" y="194"/>
                </a:cubicBezTo>
                <a:cubicBezTo>
                  <a:pt x="428" y="210"/>
                  <a:pt x="292" y="220"/>
                  <a:pt x="292" y="220"/>
                </a:cubicBezTo>
                <a:cubicBezTo>
                  <a:pt x="292" y="220"/>
                  <a:pt x="237" y="239"/>
                  <a:pt x="276" y="252"/>
                </a:cubicBezTo>
                <a:cubicBezTo>
                  <a:pt x="315" y="265"/>
                  <a:pt x="530" y="272"/>
                  <a:pt x="540" y="302"/>
                </a:cubicBezTo>
                <a:cubicBezTo>
                  <a:pt x="550" y="332"/>
                  <a:pt x="364" y="324"/>
                  <a:pt x="384" y="348"/>
                </a:cubicBezTo>
                <a:cubicBezTo>
                  <a:pt x="404" y="372"/>
                  <a:pt x="456" y="372"/>
                  <a:pt x="476" y="402"/>
                </a:cubicBezTo>
                <a:cubicBezTo>
                  <a:pt x="496" y="432"/>
                  <a:pt x="400" y="432"/>
                  <a:pt x="430" y="452"/>
                </a:cubicBezTo>
                <a:cubicBezTo>
                  <a:pt x="460" y="472"/>
                  <a:pt x="352" y="498"/>
                  <a:pt x="302" y="494"/>
                </a:cubicBezTo>
                <a:cubicBezTo>
                  <a:pt x="252" y="490"/>
                  <a:pt x="92" y="514"/>
                  <a:pt x="116" y="542"/>
                </a:cubicBezTo>
                <a:cubicBezTo>
                  <a:pt x="140" y="570"/>
                  <a:pt x="334" y="638"/>
                  <a:pt x="400" y="654"/>
                </a:cubicBezTo>
                <a:cubicBezTo>
                  <a:pt x="466" y="670"/>
                  <a:pt x="465" y="663"/>
                  <a:pt x="472" y="668"/>
                </a:cubicBezTo>
                <a:cubicBezTo>
                  <a:pt x="489" y="675"/>
                  <a:pt x="507" y="750"/>
                  <a:pt x="514" y="766"/>
                </a:cubicBezTo>
              </a:path>
            </a:pathLst>
          </a:custGeom>
          <a:noFill/>
          <a:ln w="76200" cap="flat" cmpd="sng">
            <a:solidFill>
              <a:srgbClr val="0000FF"/>
            </a:solidFill>
            <a:prstDash val="solid"/>
            <a:round/>
            <a:headEnd type="none" w="med" len="med"/>
            <a:tailEnd type="stealth"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nvGrpSpPr>
          <p:cNvPr id="5" name="Group 56"/>
          <p:cNvGrpSpPr>
            <a:grpSpLocks/>
          </p:cNvGrpSpPr>
          <p:nvPr/>
        </p:nvGrpSpPr>
        <p:grpSpPr bwMode="auto">
          <a:xfrm>
            <a:off x="4502150" y="3079750"/>
            <a:ext cx="1162050" cy="1273175"/>
            <a:chOff x="2836" y="1940"/>
            <a:chExt cx="732" cy="802"/>
          </a:xfrm>
        </p:grpSpPr>
        <p:sp>
          <p:nvSpPr>
            <p:cNvPr id="690182" name="Freeform 6"/>
            <p:cNvSpPr>
              <a:spLocks/>
            </p:cNvSpPr>
            <p:nvPr/>
          </p:nvSpPr>
          <p:spPr bwMode="auto">
            <a:xfrm>
              <a:off x="3228" y="1962"/>
              <a:ext cx="340" cy="780"/>
            </a:xfrm>
            <a:custGeom>
              <a:avLst/>
              <a:gdLst/>
              <a:ahLst/>
              <a:cxnLst>
                <a:cxn ang="0">
                  <a:pos x="132" y="0"/>
                </a:cxn>
                <a:cxn ang="0">
                  <a:pos x="218" y="48"/>
                </a:cxn>
                <a:cxn ang="0">
                  <a:pos x="200" y="70"/>
                </a:cxn>
                <a:cxn ang="0">
                  <a:pos x="298" y="112"/>
                </a:cxn>
                <a:cxn ang="0">
                  <a:pos x="328" y="146"/>
                </a:cxn>
                <a:cxn ang="0">
                  <a:pos x="216" y="188"/>
                </a:cxn>
                <a:cxn ang="0">
                  <a:pos x="226" y="220"/>
                </a:cxn>
                <a:cxn ang="0">
                  <a:pos x="178" y="244"/>
                </a:cxn>
                <a:cxn ang="0">
                  <a:pos x="142" y="272"/>
                </a:cxn>
                <a:cxn ang="0">
                  <a:pos x="172" y="288"/>
                </a:cxn>
                <a:cxn ang="0">
                  <a:pos x="158" y="328"/>
                </a:cxn>
                <a:cxn ang="0">
                  <a:pos x="236" y="336"/>
                </a:cxn>
                <a:cxn ang="0">
                  <a:pos x="200" y="384"/>
                </a:cxn>
                <a:cxn ang="0">
                  <a:pos x="258" y="416"/>
                </a:cxn>
                <a:cxn ang="0">
                  <a:pos x="204" y="444"/>
                </a:cxn>
                <a:cxn ang="0">
                  <a:pos x="196" y="532"/>
                </a:cxn>
                <a:cxn ang="0">
                  <a:pos x="38" y="586"/>
                </a:cxn>
                <a:cxn ang="0">
                  <a:pos x="2" y="636"/>
                </a:cxn>
                <a:cxn ang="0">
                  <a:pos x="48" y="692"/>
                </a:cxn>
                <a:cxn ang="0">
                  <a:pos x="82" y="730"/>
                </a:cxn>
                <a:cxn ang="0">
                  <a:pos x="94" y="744"/>
                </a:cxn>
                <a:cxn ang="0">
                  <a:pos x="88" y="780"/>
                </a:cxn>
              </a:cxnLst>
              <a:rect l="0" t="0" r="r" b="b"/>
              <a:pathLst>
                <a:path w="340" h="780">
                  <a:moveTo>
                    <a:pt x="132" y="0"/>
                  </a:moveTo>
                  <a:cubicBezTo>
                    <a:pt x="143" y="6"/>
                    <a:pt x="220" y="39"/>
                    <a:pt x="218" y="48"/>
                  </a:cubicBezTo>
                  <a:cubicBezTo>
                    <a:pt x="216" y="57"/>
                    <a:pt x="215" y="26"/>
                    <a:pt x="200" y="70"/>
                  </a:cubicBezTo>
                  <a:cubicBezTo>
                    <a:pt x="185" y="114"/>
                    <a:pt x="277" y="99"/>
                    <a:pt x="298" y="112"/>
                  </a:cubicBezTo>
                  <a:cubicBezTo>
                    <a:pt x="319" y="125"/>
                    <a:pt x="340" y="131"/>
                    <a:pt x="328" y="146"/>
                  </a:cubicBezTo>
                  <a:cubicBezTo>
                    <a:pt x="316" y="161"/>
                    <a:pt x="214" y="165"/>
                    <a:pt x="216" y="188"/>
                  </a:cubicBezTo>
                  <a:cubicBezTo>
                    <a:pt x="218" y="211"/>
                    <a:pt x="221" y="204"/>
                    <a:pt x="226" y="220"/>
                  </a:cubicBezTo>
                  <a:cubicBezTo>
                    <a:pt x="220" y="230"/>
                    <a:pt x="184" y="234"/>
                    <a:pt x="178" y="244"/>
                  </a:cubicBezTo>
                  <a:cubicBezTo>
                    <a:pt x="172" y="254"/>
                    <a:pt x="164" y="257"/>
                    <a:pt x="142" y="272"/>
                  </a:cubicBezTo>
                  <a:cubicBezTo>
                    <a:pt x="120" y="287"/>
                    <a:pt x="171" y="273"/>
                    <a:pt x="172" y="288"/>
                  </a:cubicBezTo>
                  <a:cubicBezTo>
                    <a:pt x="173" y="303"/>
                    <a:pt x="144" y="314"/>
                    <a:pt x="158" y="328"/>
                  </a:cubicBezTo>
                  <a:cubicBezTo>
                    <a:pt x="172" y="342"/>
                    <a:pt x="232" y="310"/>
                    <a:pt x="236" y="336"/>
                  </a:cubicBezTo>
                  <a:cubicBezTo>
                    <a:pt x="240" y="362"/>
                    <a:pt x="194" y="370"/>
                    <a:pt x="200" y="384"/>
                  </a:cubicBezTo>
                  <a:cubicBezTo>
                    <a:pt x="206" y="398"/>
                    <a:pt x="266" y="386"/>
                    <a:pt x="258" y="416"/>
                  </a:cubicBezTo>
                  <a:cubicBezTo>
                    <a:pt x="250" y="446"/>
                    <a:pt x="214" y="442"/>
                    <a:pt x="204" y="444"/>
                  </a:cubicBezTo>
                  <a:cubicBezTo>
                    <a:pt x="194" y="446"/>
                    <a:pt x="162" y="452"/>
                    <a:pt x="196" y="532"/>
                  </a:cubicBezTo>
                  <a:cubicBezTo>
                    <a:pt x="230" y="612"/>
                    <a:pt x="69" y="556"/>
                    <a:pt x="38" y="586"/>
                  </a:cubicBezTo>
                  <a:cubicBezTo>
                    <a:pt x="7" y="616"/>
                    <a:pt x="0" y="618"/>
                    <a:pt x="2" y="636"/>
                  </a:cubicBezTo>
                  <a:cubicBezTo>
                    <a:pt x="4" y="654"/>
                    <a:pt x="37" y="681"/>
                    <a:pt x="48" y="692"/>
                  </a:cubicBezTo>
                  <a:cubicBezTo>
                    <a:pt x="59" y="703"/>
                    <a:pt x="77" y="723"/>
                    <a:pt x="82" y="730"/>
                  </a:cubicBezTo>
                  <a:cubicBezTo>
                    <a:pt x="87" y="737"/>
                    <a:pt x="91" y="736"/>
                    <a:pt x="94" y="744"/>
                  </a:cubicBezTo>
                  <a:cubicBezTo>
                    <a:pt x="93" y="758"/>
                    <a:pt x="95" y="780"/>
                    <a:pt x="88" y="780"/>
                  </a:cubicBezTo>
                </a:path>
              </a:pathLst>
            </a:custGeom>
            <a:noFill/>
            <a:ln w="76200" cap="flat" cmpd="sng">
              <a:solidFill>
                <a:srgbClr val="0000FF"/>
              </a:solidFill>
              <a:prstDash val="solid"/>
              <a:round/>
              <a:headEnd type="none" w="med" len="med"/>
              <a:tailEnd type="stealth"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181" name="Freeform 5"/>
            <p:cNvSpPr>
              <a:spLocks/>
            </p:cNvSpPr>
            <p:nvPr/>
          </p:nvSpPr>
          <p:spPr bwMode="auto">
            <a:xfrm>
              <a:off x="2836" y="1940"/>
              <a:ext cx="538" cy="602"/>
            </a:xfrm>
            <a:custGeom>
              <a:avLst/>
              <a:gdLst/>
              <a:ahLst/>
              <a:cxnLst>
                <a:cxn ang="0">
                  <a:pos x="496" y="0"/>
                </a:cxn>
                <a:cxn ang="0">
                  <a:pos x="538" y="98"/>
                </a:cxn>
                <a:cxn ang="0">
                  <a:pos x="400" y="172"/>
                </a:cxn>
                <a:cxn ang="0">
                  <a:pos x="372" y="262"/>
                </a:cxn>
                <a:cxn ang="0">
                  <a:pos x="190" y="310"/>
                </a:cxn>
                <a:cxn ang="0">
                  <a:pos x="16" y="364"/>
                </a:cxn>
                <a:cxn ang="0">
                  <a:pos x="160" y="410"/>
                </a:cxn>
                <a:cxn ang="0">
                  <a:pos x="88" y="444"/>
                </a:cxn>
                <a:cxn ang="0">
                  <a:pos x="60" y="488"/>
                </a:cxn>
                <a:cxn ang="0">
                  <a:pos x="4" y="602"/>
                </a:cxn>
              </a:cxnLst>
              <a:rect l="0" t="0" r="r" b="b"/>
              <a:pathLst>
                <a:path w="538" h="602">
                  <a:moveTo>
                    <a:pt x="496" y="0"/>
                  </a:moveTo>
                  <a:cubicBezTo>
                    <a:pt x="513" y="7"/>
                    <a:pt x="538" y="40"/>
                    <a:pt x="538" y="98"/>
                  </a:cubicBezTo>
                  <a:cubicBezTo>
                    <a:pt x="538" y="156"/>
                    <a:pt x="372" y="138"/>
                    <a:pt x="400" y="172"/>
                  </a:cubicBezTo>
                  <a:cubicBezTo>
                    <a:pt x="428" y="206"/>
                    <a:pt x="402" y="240"/>
                    <a:pt x="372" y="262"/>
                  </a:cubicBezTo>
                  <a:cubicBezTo>
                    <a:pt x="342" y="284"/>
                    <a:pt x="166" y="282"/>
                    <a:pt x="190" y="310"/>
                  </a:cubicBezTo>
                  <a:cubicBezTo>
                    <a:pt x="214" y="338"/>
                    <a:pt x="32" y="330"/>
                    <a:pt x="16" y="364"/>
                  </a:cubicBezTo>
                  <a:cubicBezTo>
                    <a:pt x="0" y="398"/>
                    <a:pt x="154" y="396"/>
                    <a:pt x="160" y="410"/>
                  </a:cubicBezTo>
                  <a:cubicBezTo>
                    <a:pt x="166" y="424"/>
                    <a:pt x="106" y="432"/>
                    <a:pt x="88" y="444"/>
                  </a:cubicBezTo>
                  <a:cubicBezTo>
                    <a:pt x="70" y="456"/>
                    <a:pt x="65" y="466"/>
                    <a:pt x="60" y="488"/>
                  </a:cubicBezTo>
                  <a:cubicBezTo>
                    <a:pt x="59" y="493"/>
                    <a:pt x="4" y="602"/>
                    <a:pt x="4" y="602"/>
                  </a:cubicBezTo>
                </a:path>
              </a:pathLst>
            </a:custGeom>
            <a:noFill/>
            <a:ln w="76200" cap="flat" cmpd="sng">
              <a:solidFill>
                <a:srgbClr val="0000FF"/>
              </a:solidFill>
              <a:prstDash val="solid"/>
              <a:round/>
              <a:headEnd type="none" w="med" len="med"/>
              <a:tailEnd type="stealth"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grpSp>
        <p:nvGrpSpPr>
          <p:cNvPr id="6" name="Group 51"/>
          <p:cNvGrpSpPr>
            <a:grpSpLocks/>
          </p:cNvGrpSpPr>
          <p:nvPr/>
        </p:nvGrpSpPr>
        <p:grpSpPr bwMode="auto">
          <a:xfrm>
            <a:off x="4241800" y="4171950"/>
            <a:ext cx="1477963" cy="1619250"/>
            <a:chOff x="2672" y="2628"/>
            <a:chExt cx="931" cy="1020"/>
          </a:xfrm>
        </p:grpSpPr>
        <p:sp>
          <p:nvSpPr>
            <p:cNvPr id="690190" name="Freeform 14"/>
            <p:cNvSpPr>
              <a:spLocks/>
            </p:cNvSpPr>
            <p:nvPr/>
          </p:nvSpPr>
          <p:spPr bwMode="auto">
            <a:xfrm>
              <a:off x="2672" y="2628"/>
              <a:ext cx="256" cy="864"/>
            </a:xfrm>
            <a:custGeom>
              <a:avLst/>
              <a:gdLst/>
              <a:ahLst/>
              <a:cxnLst>
                <a:cxn ang="0">
                  <a:pos x="132" y="0"/>
                </a:cxn>
                <a:cxn ang="0">
                  <a:pos x="120" y="52"/>
                </a:cxn>
                <a:cxn ang="0">
                  <a:pos x="104" y="152"/>
                </a:cxn>
                <a:cxn ang="0">
                  <a:pos x="132" y="200"/>
                </a:cxn>
                <a:cxn ang="0">
                  <a:pos x="164" y="240"/>
                </a:cxn>
                <a:cxn ang="0">
                  <a:pos x="240" y="336"/>
                </a:cxn>
                <a:cxn ang="0">
                  <a:pos x="256" y="436"/>
                </a:cxn>
                <a:cxn ang="0">
                  <a:pos x="232" y="492"/>
                </a:cxn>
                <a:cxn ang="0">
                  <a:pos x="208" y="508"/>
                </a:cxn>
                <a:cxn ang="0">
                  <a:pos x="192" y="524"/>
                </a:cxn>
                <a:cxn ang="0">
                  <a:pos x="168" y="540"/>
                </a:cxn>
                <a:cxn ang="0">
                  <a:pos x="164" y="552"/>
                </a:cxn>
                <a:cxn ang="0">
                  <a:pos x="160" y="624"/>
                </a:cxn>
                <a:cxn ang="0">
                  <a:pos x="136" y="648"/>
                </a:cxn>
                <a:cxn ang="0">
                  <a:pos x="64" y="700"/>
                </a:cxn>
                <a:cxn ang="0">
                  <a:pos x="56" y="784"/>
                </a:cxn>
                <a:cxn ang="0">
                  <a:pos x="40" y="808"/>
                </a:cxn>
                <a:cxn ang="0">
                  <a:pos x="16" y="824"/>
                </a:cxn>
                <a:cxn ang="0">
                  <a:pos x="0" y="864"/>
                </a:cxn>
              </a:cxnLst>
              <a:rect l="0" t="0" r="r" b="b"/>
              <a:pathLst>
                <a:path w="256" h="864">
                  <a:moveTo>
                    <a:pt x="132" y="0"/>
                  </a:moveTo>
                  <a:cubicBezTo>
                    <a:pt x="129" y="18"/>
                    <a:pt x="124" y="34"/>
                    <a:pt x="120" y="52"/>
                  </a:cubicBezTo>
                  <a:cubicBezTo>
                    <a:pt x="117" y="86"/>
                    <a:pt x="119" y="121"/>
                    <a:pt x="104" y="152"/>
                  </a:cubicBezTo>
                  <a:cubicBezTo>
                    <a:pt x="108" y="188"/>
                    <a:pt x="103" y="190"/>
                    <a:pt x="132" y="200"/>
                  </a:cubicBezTo>
                  <a:cubicBezTo>
                    <a:pt x="136" y="212"/>
                    <a:pt x="153" y="233"/>
                    <a:pt x="164" y="240"/>
                  </a:cubicBezTo>
                  <a:cubicBezTo>
                    <a:pt x="186" y="274"/>
                    <a:pt x="227" y="297"/>
                    <a:pt x="240" y="336"/>
                  </a:cubicBezTo>
                  <a:cubicBezTo>
                    <a:pt x="243" y="369"/>
                    <a:pt x="246" y="405"/>
                    <a:pt x="256" y="436"/>
                  </a:cubicBezTo>
                  <a:cubicBezTo>
                    <a:pt x="253" y="461"/>
                    <a:pt x="251" y="475"/>
                    <a:pt x="232" y="492"/>
                  </a:cubicBezTo>
                  <a:cubicBezTo>
                    <a:pt x="225" y="498"/>
                    <a:pt x="208" y="508"/>
                    <a:pt x="208" y="508"/>
                  </a:cubicBezTo>
                  <a:cubicBezTo>
                    <a:pt x="201" y="528"/>
                    <a:pt x="209" y="514"/>
                    <a:pt x="192" y="524"/>
                  </a:cubicBezTo>
                  <a:cubicBezTo>
                    <a:pt x="184" y="529"/>
                    <a:pt x="168" y="540"/>
                    <a:pt x="168" y="540"/>
                  </a:cubicBezTo>
                  <a:cubicBezTo>
                    <a:pt x="167" y="544"/>
                    <a:pt x="164" y="548"/>
                    <a:pt x="164" y="552"/>
                  </a:cubicBezTo>
                  <a:cubicBezTo>
                    <a:pt x="162" y="576"/>
                    <a:pt x="167" y="601"/>
                    <a:pt x="160" y="624"/>
                  </a:cubicBezTo>
                  <a:cubicBezTo>
                    <a:pt x="157" y="635"/>
                    <a:pt x="144" y="640"/>
                    <a:pt x="136" y="648"/>
                  </a:cubicBezTo>
                  <a:cubicBezTo>
                    <a:pt x="113" y="671"/>
                    <a:pt x="90" y="683"/>
                    <a:pt x="64" y="700"/>
                  </a:cubicBezTo>
                  <a:cubicBezTo>
                    <a:pt x="49" y="722"/>
                    <a:pt x="62" y="757"/>
                    <a:pt x="56" y="784"/>
                  </a:cubicBezTo>
                  <a:cubicBezTo>
                    <a:pt x="54" y="793"/>
                    <a:pt x="45" y="800"/>
                    <a:pt x="40" y="808"/>
                  </a:cubicBezTo>
                  <a:cubicBezTo>
                    <a:pt x="35" y="816"/>
                    <a:pt x="16" y="824"/>
                    <a:pt x="16" y="824"/>
                  </a:cubicBezTo>
                  <a:cubicBezTo>
                    <a:pt x="12" y="836"/>
                    <a:pt x="10" y="854"/>
                    <a:pt x="0" y="864"/>
                  </a:cubicBezTo>
                </a:path>
              </a:pathLst>
            </a:custGeom>
            <a:noFill/>
            <a:ln w="76200" cap="flat" cmpd="sng">
              <a:solidFill>
                <a:srgbClr val="0000FF"/>
              </a:solidFill>
              <a:prstDash val="solid"/>
              <a:round/>
              <a:headEnd type="none" w="med" len="med"/>
              <a:tailEnd type="stealth"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191" name="Freeform 15"/>
            <p:cNvSpPr>
              <a:spLocks/>
            </p:cNvSpPr>
            <p:nvPr/>
          </p:nvSpPr>
          <p:spPr bwMode="auto">
            <a:xfrm>
              <a:off x="2868" y="2788"/>
              <a:ext cx="735" cy="860"/>
            </a:xfrm>
            <a:custGeom>
              <a:avLst/>
              <a:gdLst/>
              <a:ahLst/>
              <a:cxnLst>
                <a:cxn ang="0">
                  <a:pos x="400" y="0"/>
                </a:cxn>
                <a:cxn ang="0">
                  <a:pos x="368" y="32"/>
                </a:cxn>
                <a:cxn ang="0">
                  <a:pos x="340" y="84"/>
                </a:cxn>
                <a:cxn ang="0">
                  <a:pos x="332" y="108"/>
                </a:cxn>
                <a:cxn ang="0">
                  <a:pos x="308" y="224"/>
                </a:cxn>
                <a:cxn ang="0">
                  <a:pos x="352" y="308"/>
                </a:cxn>
                <a:cxn ang="0">
                  <a:pos x="412" y="348"/>
                </a:cxn>
                <a:cxn ang="0">
                  <a:pos x="528" y="408"/>
                </a:cxn>
                <a:cxn ang="0">
                  <a:pos x="616" y="420"/>
                </a:cxn>
                <a:cxn ang="0">
                  <a:pos x="688" y="504"/>
                </a:cxn>
                <a:cxn ang="0">
                  <a:pos x="364" y="576"/>
                </a:cxn>
                <a:cxn ang="0">
                  <a:pos x="195" y="626"/>
                </a:cxn>
                <a:cxn ang="0">
                  <a:pos x="81" y="653"/>
                </a:cxn>
                <a:cxn ang="0">
                  <a:pos x="0" y="860"/>
                </a:cxn>
              </a:cxnLst>
              <a:rect l="0" t="0" r="r" b="b"/>
              <a:pathLst>
                <a:path w="735" h="860">
                  <a:moveTo>
                    <a:pt x="400" y="0"/>
                  </a:moveTo>
                  <a:cubicBezTo>
                    <a:pt x="390" y="19"/>
                    <a:pt x="383" y="17"/>
                    <a:pt x="368" y="32"/>
                  </a:cubicBezTo>
                  <a:cubicBezTo>
                    <a:pt x="362" y="51"/>
                    <a:pt x="348" y="66"/>
                    <a:pt x="340" y="84"/>
                  </a:cubicBezTo>
                  <a:cubicBezTo>
                    <a:pt x="337" y="92"/>
                    <a:pt x="332" y="108"/>
                    <a:pt x="332" y="108"/>
                  </a:cubicBezTo>
                  <a:cubicBezTo>
                    <a:pt x="329" y="151"/>
                    <a:pt x="332" y="189"/>
                    <a:pt x="308" y="224"/>
                  </a:cubicBezTo>
                  <a:cubicBezTo>
                    <a:pt x="313" y="293"/>
                    <a:pt x="303" y="284"/>
                    <a:pt x="352" y="308"/>
                  </a:cubicBezTo>
                  <a:cubicBezTo>
                    <a:pt x="365" y="328"/>
                    <a:pt x="392" y="335"/>
                    <a:pt x="412" y="348"/>
                  </a:cubicBezTo>
                  <a:cubicBezTo>
                    <a:pt x="439" y="366"/>
                    <a:pt x="497" y="406"/>
                    <a:pt x="528" y="408"/>
                  </a:cubicBezTo>
                  <a:cubicBezTo>
                    <a:pt x="567" y="410"/>
                    <a:pt x="590" y="404"/>
                    <a:pt x="616" y="420"/>
                  </a:cubicBezTo>
                  <a:cubicBezTo>
                    <a:pt x="642" y="436"/>
                    <a:pt x="735" y="477"/>
                    <a:pt x="688" y="504"/>
                  </a:cubicBezTo>
                  <a:cubicBezTo>
                    <a:pt x="641" y="531"/>
                    <a:pt x="465" y="536"/>
                    <a:pt x="364" y="576"/>
                  </a:cubicBezTo>
                  <a:cubicBezTo>
                    <a:pt x="263" y="616"/>
                    <a:pt x="244" y="601"/>
                    <a:pt x="195" y="626"/>
                  </a:cubicBezTo>
                  <a:cubicBezTo>
                    <a:pt x="146" y="651"/>
                    <a:pt x="85" y="631"/>
                    <a:pt x="81" y="653"/>
                  </a:cubicBezTo>
                  <a:cubicBezTo>
                    <a:pt x="77" y="724"/>
                    <a:pt x="0" y="819"/>
                    <a:pt x="0" y="860"/>
                  </a:cubicBezTo>
                </a:path>
              </a:pathLst>
            </a:custGeom>
            <a:noFill/>
            <a:ln w="76200" cap="flat" cmpd="sng">
              <a:solidFill>
                <a:srgbClr val="0000FF"/>
              </a:solidFill>
              <a:prstDash val="solid"/>
              <a:round/>
              <a:headEnd type="none" w="med" len="med"/>
              <a:tailEnd type="stealth" w="med" len="med"/>
            </a:ln>
            <a:effectLst>
              <a:outerShdw dist="17961" dir="2700000" algn="ctr" rotWithShape="0">
                <a:schemeClr val="tx1"/>
              </a:outerShdw>
            </a:effectLst>
          </p:spPr>
          <p:txBody>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sp>
        <p:nvSpPr>
          <p:cNvPr id="690204" name="Text Box 28"/>
          <p:cNvSpPr txBox="1">
            <a:spLocks noGrp="1" noChangeArrowheads="1"/>
          </p:cNvSpPr>
          <p:nvPr>
            <p:ph type="title" idx="4294967295"/>
          </p:nvPr>
        </p:nvSpPr>
        <p:spPr>
          <a:xfrm>
            <a:off x="0" y="228600"/>
            <a:ext cx="9144000" cy="914400"/>
          </a:xfrm>
          <a:effectLst>
            <a:outerShdw dist="45791" dir="2021404" algn="ctr" rotWithShape="0">
              <a:srgbClr val="000000"/>
            </a:outerShdw>
          </a:effectLst>
        </p:spPr>
        <p:txBody>
          <a:bodyPr>
            <a:normAutofit/>
          </a:bodyPr>
          <a:lstStyle/>
          <a:p>
            <a:pPr>
              <a:defRPr/>
            </a:pPr>
            <a:r>
              <a:rPr lang="en-US" dirty="0" smtClean="0">
                <a:solidFill>
                  <a:schemeClr val="bg1"/>
                </a:solidFill>
                <a:effectLst/>
                <a:latin typeface="+mj-lt"/>
              </a:rPr>
              <a:t>Sacramento/San Joaquin Bay-Delta</a:t>
            </a:r>
          </a:p>
        </p:txBody>
      </p:sp>
      <p:sp>
        <p:nvSpPr>
          <p:cNvPr id="690206" name="Freeform 30"/>
          <p:cNvSpPr>
            <a:spLocks/>
          </p:cNvSpPr>
          <p:nvPr/>
        </p:nvSpPr>
        <p:spPr bwMode="auto">
          <a:xfrm>
            <a:off x="5686425" y="4343400"/>
            <a:ext cx="738188" cy="847725"/>
          </a:xfrm>
          <a:custGeom>
            <a:avLst/>
            <a:gdLst/>
            <a:ahLst/>
            <a:cxnLst>
              <a:cxn ang="0">
                <a:pos x="306" y="0"/>
              </a:cxn>
              <a:cxn ang="0">
                <a:pos x="243" y="42"/>
              </a:cxn>
              <a:cxn ang="0">
                <a:pos x="189" y="51"/>
              </a:cxn>
              <a:cxn ang="0">
                <a:pos x="135" y="66"/>
              </a:cxn>
              <a:cxn ang="0">
                <a:pos x="99" y="78"/>
              </a:cxn>
              <a:cxn ang="0">
                <a:pos x="72" y="90"/>
              </a:cxn>
              <a:cxn ang="0">
                <a:pos x="72" y="129"/>
              </a:cxn>
              <a:cxn ang="0">
                <a:pos x="99" y="174"/>
              </a:cxn>
              <a:cxn ang="0">
                <a:pos x="183" y="189"/>
              </a:cxn>
              <a:cxn ang="0">
                <a:pos x="258" y="228"/>
              </a:cxn>
              <a:cxn ang="0">
                <a:pos x="300" y="246"/>
              </a:cxn>
              <a:cxn ang="0">
                <a:pos x="372" y="279"/>
              </a:cxn>
              <a:cxn ang="0">
                <a:pos x="405" y="297"/>
              </a:cxn>
              <a:cxn ang="0">
                <a:pos x="462" y="321"/>
              </a:cxn>
              <a:cxn ang="0">
                <a:pos x="426" y="333"/>
              </a:cxn>
              <a:cxn ang="0">
                <a:pos x="453" y="375"/>
              </a:cxn>
              <a:cxn ang="0">
                <a:pos x="420" y="411"/>
              </a:cxn>
              <a:cxn ang="0">
                <a:pos x="366" y="429"/>
              </a:cxn>
              <a:cxn ang="0">
                <a:pos x="297" y="453"/>
              </a:cxn>
              <a:cxn ang="0">
                <a:pos x="192" y="483"/>
              </a:cxn>
              <a:cxn ang="0">
                <a:pos x="126" y="498"/>
              </a:cxn>
              <a:cxn ang="0">
                <a:pos x="69" y="522"/>
              </a:cxn>
              <a:cxn ang="0">
                <a:pos x="24" y="531"/>
              </a:cxn>
              <a:cxn ang="0">
                <a:pos x="0" y="534"/>
              </a:cxn>
            </a:cxnLst>
            <a:rect l="0" t="0" r="r" b="b"/>
            <a:pathLst>
              <a:path w="465" h="534">
                <a:moveTo>
                  <a:pt x="306" y="0"/>
                </a:moveTo>
                <a:cubicBezTo>
                  <a:pt x="284" y="17"/>
                  <a:pt x="262" y="34"/>
                  <a:pt x="243" y="42"/>
                </a:cubicBezTo>
                <a:cubicBezTo>
                  <a:pt x="224" y="50"/>
                  <a:pt x="207" y="47"/>
                  <a:pt x="189" y="51"/>
                </a:cubicBezTo>
                <a:cubicBezTo>
                  <a:pt x="171" y="55"/>
                  <a:pt x="150" y="62"/>
                  <a:pt x="135" y="66"/>
                </a:cubicBezTo>
                <a:cubicBezTo>
                  <a:pt x="120" y="70"/>
                  <a:pt x="109" y="74"/>
                  <a:pt x="99" y="78"/>
                </a:cubicBezTo>
                <a:cubicBezTo>
                  <a:pt x="89" y="82"/>
                  <a:pt x="76" y="82"/>
                  <a:pt x="72" y="90"/>
                </a:cubicBezTo>
                <a:cubicBezTo>
                  <a:pt x="68" y="98"/>
                  <a:pt x="68" y="115"/>
                  <a:pt x="72" y="129"/>
                </a:cubicBezTo>
                <a:cubicBezTo>
                  <a:pt x="76" y="143"/>
                  <a:pt x="80" y="164"/>
                  <a:pt x="99" y="174"/>
                </a:cubicBezTo>
                <a:cubicBezTo>
                  <a:pt x="118" y="184"/>
                  <a:pt x="157" y="180"/>
                  <a:pt x="183" y="189"/>
                </a:cubicBezTo>
                <a:cubicBezTo>
                  <a:pt x="209" y="198"/>
                  <a:pt x="239" y="219"/>
                  <a:pt x="258" y="228"/>
                </a:cubicBezTo>
                <a:cubicBezTo>
                  <a:pt x="277" y="237"/>
                  <a:pt x="281" y="238"/>
                  <a:pt x="300" y="246"/>
                </a:cubicBezTo>
                <a:cubicBezTo>
                  <a:pt x="319" y="254"/>
                  <a:pt x="355" y="271"/>
                  <a:pt x="372" y="279"/>
                </a:cubicBezTo>
                <a:cubicBezTo>
                  <a:pt x="389" y="287"/>
                  <a:pt x="390" y="290"/>
                  <a:pt x="405" y="297"/>
                </a:cubicBezTo>
                <a:cubicBezTo>
                  <a:pt x="420" y="304"/>
                  <a:pt x="459" y="315"/>
                  <a:pt x="462" y="321"/>
                </a:cubicBezTo>
                <a:cubicBezTo>
                  <a:pt x="465" y="327"/>
                  <a:pt x="427" y="324"/>
                  <a:pt x="426" y="333"/>
                </a:cubicBezTo>
                <a:cubicBezTo>
                  <a:pt x="425" y="342"/>
                  <a:pt x="454" y="362"/>
                  <a:pt x="453" y="375"/>
                </a:cubicBezTo>
                <a:cubicBezTo>
                  <a:pt x="452" y="388"/>
                  <a:pt x="434" y="402"/>
                  <a:pt x="420" y="411"/>
                </a:cubicBezTo>
                <a:cubicBezTo>
                  <a:pt x="406" y="420"/>
                  <a:pt x="386" y="422"/>
                  <a:pt x="366" y="429"/>
                </a:cubicBezTo>
                <a:cubicBezTo>
                  <a:pt x="346" y="436"/>
                  <a:pt x="326" y="444"/>
                  <a:pt x="297" y="453"/>
                </a:cubicBezTo>
                <a:cubicBezTo>
                  <a:pt x="268" y="462"/>
                  <a:pt x="220" y="476"/>
                  <a:pt x="192" y="483"/>
                </a:cubicBezTo>
                <a:cubicBezTo>
                  <a:pt x="164" y="490"/>
                  <a:pt x="146" y="492"/>
                  <a:pt x="126" y="498"/>
                </a:cubicBezTo>
                <a:cubicBezTo>
                  <a:pt x="106" y="504"/>
                  <a:pt x="86" y="517"/>
                  <a:pt x="69" y="522"/>
                </a:cubicBezTo>
                <a:cubicBezTo>
                  <a:pt x="52" y="527"/>
                  <a:pt x="35" y="529"/>
                  <a:pt x="24" y="531"/>
                </a:cubicBezTo>
                <a:cubicBezTo>
                  <a:pt x="13" y="533"/>
                  <a:pt x="6" y="533"/>
                  <a:pt x="0" y="534"/>
                </a:cubicBezTo>
              </a:path>
            </a:pathLst>
          </a:custGeom>
          <a:noFill/>
          <a:ln w="57150" cap="flat" cmpd="sng">
            <a:solidFill>
              <a:srgbClr val="3399FF"/>
            </a:solidFill>
            <a:prstDash val="solid"/>
            <a:round/>
            <a:headEnd type="none" w="med" len="med"/>
            <a:tailEnd type="triangle" w="med" len="med"/>
          </a:ln>
          <a:effectLst>
            <a:outerShdw dist="35921" dir="2700000" algn="ctr" rotWithShape="0">
              <a:srgbClr val="000000"/>
            </a:outerShdw>
          </a:effectLst>
        </p:spPr>
        <p:txBody>
          <a:bodyPr rot="10800000" vert="eaVert" wrap="none">
            <a:spAutoFit/>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nvGrpSpPr>
          <p:cNvPr id="7" name="Group 58"/>
          <p:cNvGrpSpPr>
            <a:grpSpLocks/>
          </p:cNvGrpSpPr>
          <p:nvPr/>
        </p:nvGrpSpPr>
        <p:grpSpPr bwMode="auto">
          <a:xfrm>
            <a:off x="4686300" y="4071938"/>
            <a:ext cx="4457700" cy="2395537"/>
            <a:chOff x="2952" y="2565"/>
            <a:chExt cx="2808" cy="1509"/>
          </a:xfrm>
        </p:grpSpPr>
        <p:sp>
          <p:nvSpPr>
            <p:cNvPr id="690198" name="Freeform 22"/>
            <p:cNvSpPr>
              <a:spLocks/>
            </p:cNvSpPr>
            <p:nvPr/>
          </p:nvSpPr>
          <p:spPr bwMode="auto">
            <a:xfrm>
              <a:off x="3621" y="3290"/>
              <a:ext cx="1812" cy="619"/>
            </a:xfrm>
            <a:custGeom>
              <a:avLst/>
              <a:gdLst/>
              <a:ahLst/>
              <a:cxnLst>
                <a:cxn ang="0">
                  <a:pos x="0" y="13"/>
                </a:cxn>
                <a:cxn ang="0">
                  <a:pos x="210" y="58"/>
                </a:cxn>
                <a:cxn ang="0">
                  <a:pos x="423" y="4"/>
                </a:cxn>
                <a:cxn ang="0">
                  <a:pos x="633" y="34"/>
                </a:cxn>
                <a:cxn ang="0">
                  <a:pos x="846" y="43"/>
                </a:cxn>
                <a:cxn ang="0">
                  <a:pos x="1038" y="148"/>
                </a:cxn>
                <a:cxn ang="0">
                  <a:pos x="1065" y="295"/>
                </a:cxn>
                <a:cxn ang="0">
                  <a:pos x="1050" y="430"/>
                </a:cxn>
                <a:cxn ang="0">
                  <a:pos x="1158" y="469"/>
                </a:cxn>
                <a:cxn ang="0">
                  <a:pos x="1587" y="514"/>
                </a:cxn>
                <a:cxn ang="0">
                  <a:pos x="1677" y="559"/>
                </a:cxn>
                <a:cxn ang="0">
                  <a:pos x="1812" y="619"/>
                </a:cxn>
              </a:cxnLst>
              <a:rect l="0" t="0" r="r" b="b"/>
              <a:pathLst>
                <a:path w="1812" h="619">
                  <a:moveTo>
                    <a:pt x="0" y="13"/>
                  </a:moveTo>
                  <a:lnTo>
                    <a:pt x="210" y="58"/>
                  </a:lnTo>
                  <a:cubicBezTo>
                    <a:pt x="280" y="57"/>
                    <a:pt x="353" y="8"/>
                    <a:pt x="423" y="4"/>
                  </a:cubicBezTo>
                  <a:cubicBezTo>
                    <a:pt x="493" y="0"/>
                    <a:pt x="563" y="28"/>
                    <a:pt x="633" y="34"/>
                  </a:cubicBezTo>
                  <a:lnTo>
                    <a:pt x="846" y="43"/>
                  </a:lnTo>
                  <a:cubicBezTo>
                    <a:pt x="913" y="62"/>
                    <a:pt x="1002" y="106"/>
                    <a:pt x="1038" y="148"/>
                  </a:cubicBezTo>
                  <a:cubicBezTo>
                    <a:pt x="1074" y="190"/>
                    <a:pt x="1063" y="248"/>
                    <a:pt x="1065" y="295"/>
                  </a:cubicBezTo>
                  <a:lnTo>
                    <a:pt x="1050" y="430"/>
                  </a:lnTo>
                  <a:lnTo>
                    <a:pt x="1158" y="469"/>
                  </a:lnTo>
                  <a:cubicBezTo>
                    <a:pt x="1247" y="483"/>
                    <a:pt x="1501" y="499"/>
                    <a:pt x="1587" y="514"/>
                  </a:cubicBezTo>
                  <a:cubicBezTo>
                    <a:pt x="1673" y="529"/>
                    <a:pt x="1639" y="542"/>
                    <a:pt x="1677" y="559"/>
                  </a:cubicBezTo>
                  <a:cubicBezTo>
                    <a:pt x="1715" y="576"/>
                    <a:pt x="1784" y="607"/>
                    <a:pt x="1812" y="619"/>
                  </a:cubicBezTo>
                </a:path>
              </a:pathLst>
            </a:custGeom>
            <a:noFill/>
            <a:ln w="57150" cap="flat" cmpd="sng">
              <a:solidFill>
                <a:srgbClr val="3399FF"/>
              </a:solidFill>
              <a:prstDash val="solid"/>
              <a:round/>
              <a:headEnd type="triangle" w="med" len="med"/>
              <a:tailEnd type="none" w="med" len="med"/>
            </a:ln>
            <a:effectLst>
              <a:outerShdw dist="35921" dir="2700000" algn="ctr" rotWithShape="0">
                <a:schemeClr val="tx1"/>
              </a:outerShdw>
            </a:effectLst>
          </p:spPr>
          <p:txBody>
            <a:bodyPr rot="10800000" vert="eaVert" wrap="none">
              <a:spAutoFit/>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200" name="Freeform 24"/>
            <p:cNvSpPr>
              <a:spLocks/>
            </p:cNvSpPr>
            <p:nvPr/>
          </p:nvSpPr>
          <p:spPr bwMode="auto">
            <a:xfrm>
              <a:off x="2952" y="3684"/>
              <a:ext cx="1860" cy="168"/>
            </a:xfrm>
            <a:custGeom>
              <a:avLst/>
              <a:gdLst/>
              <a:ahLst/>
              <a:cxnLst>
                <a:cxn ang="0">
                  <a:pos x="0" y="0"/>
                </a:cxn>
                <a:cxn ang="0">
                  <a:pos x="186" y="66"/>
                </a:cxn>
                <a:cxn ang="0">
                  <a:pos x="348" y="75"/>
                </a:cxn>
                <a:cxn ang="0">
                  <a:pos x="1401" y="84"/>
                </a:cxn>
                <a:cxn ang="0">
                  <a:pos x="1551" y="159"/>
                </a:cxn>
                <a:cxn ang="0">
                  <a:pos x="1755" y="168"/>
                </a:cxn>
                <a:cxn ang="0">
                  <a:pos x="1860" y="87"/>
                </a:cxn>
              </a:cxnLst>
              <a:rect l="0" t="0" r="r" b="b"/>
              <a:pathLst>
                <a:path w="1860" h="168">
                  <a:moveTo>
                    <a:pt x="0" y="0"/>
                  </a:moveTo>
                  <a:lnTo>
                    <a:pt x="186" y="66"/>
                  </a:lnTo>
                  <a:lnTo>
                    <a:pt x="348" y="75"/>
                  </a:lnTo>
                  <a:cubicBezTo>
                    <a:pt x="550" y="78"/>
                    <a:pt x="1201" y="70"/>
                    <a:pt x="1401" y="84"/>
                  </a:cubicBezTo>
                  <a:cubicBezTo>
                    <a:pt x="1560" y="159"/>
                    <a:pt x="1492" y="145"/>
                    <a:pt x="1551" y="159"/>
                  </a:cubicBezTo>
                  <a:lnTo>
                    <a:pt x="1755" y="168"/>
                  </a:lnTo>
                  <a:lnTo>
                    <a:pt x="1860" y="87"/>
                  </a:lnTo>
                </a:path>
              </a:pathLst>
            </a:custGeom>
            <a:noFill/>
            <a:ln w="57150" cap="flat" cmpd="sng">
              <a:solidFill>
                <a:srgbClr val="3399FF"/>
              </a:solidFill>
              <a:prstDash val="solid"/>
              <a:round/>
              <a:headEnd type="triangle" w="med" len="med"/>
              <a:tailEnd type="none" w="med" len="med"/>
            </a:ln>
            <a:effectLst>
              <a:outerShdw dist="35921" dir="2700000" algn="ctr" rotWithShape="0">
                <a:srgbClr val="000000"/>
              </a:outerShdw>
            </a:effectLst>
          </p:spPr>
          <p:txBody>
            <a:bodyPr rot="10800000" vert="eaVert" wrap="none">
              <a:spAutoFit/>
            </a:bodyPr>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sp>
          <p:nvSpPr>
            <p:cNvPr id="690199" name="Freeform 23"/>
            <p:cNvSpPr>
              <a:spLocks/>
            </p:cNvSpPr>
            <p:nvPr/>
          </p:nvSpPr>
          <p:spPr bwMode="auto">
            <a:xfrm>
              <a:off x="3507" y="2565"/>
              <a:ext cx="2253" cy="1509"/>
            </a:xfrm>
            <a:custGeom>
              <a:avLst/>
              <a:gdLst/>
              <a:ahLst/>
              <a:cxnLst>
                <a:cxn ang="0">
                  <a:pos x="2115" y="1481"/>
                </a:cxn>
                <a:cxn ang="0">
                  <a:pos x="2093" y="1425"/>
                </a:cxn>
                <a:cxn ang="0">
                  <a:pos x="2047" y="1373"/>
                </a:cxn>
                <a:cxn ang="0">
                  <a:pos x="1939" y="1357"/>
                </a:cxn>
                <a:cxn ang="0">
                  <a:pos x="1931" y="1297"/>
                </a:cxn>
                <a:cxn ang="0">
                  <a:pos x="1993" y="1209"/>
                </a:cxn>
                <a:cxn ang="0">
                  <a:pos x="1859" y="1125"/>
                </a:cxn>
                <a:cxn ang="0">
                  <a:pos x="1739" y="1039"/>
                </a:cxn>
                <a:cxn ang="0">
                  <a:pos x="1741" y="966"/>
                </a:cxn>
                <a:cxn ang="0">
                  <a:pos x="1591" y="851"/>
                </a:cxn>
                <a:cxn ang="0">
                  <a:pos x="1579" y="732"/>
                </a:cxn>
                <a:cxn ang="0">
                  <a:pos x="1582" y="609"/>
                </a:cxn>
                <a:cxn ang="0">
                  <a:pos x="1353" y="507"/>
                </a:cxn>
                <a:cxn ang="0">
                  <a:pos x="1197" y="441"/>
                </a:cxn>
                <a:cxn ang="0">
                  <a:pos x="1059" y="360"/>
                </a:cxn>
                <a:cxn ang="0">
                  <a:pos x="931" y="307"/>
                </a:cxn>
                <a:cxn ang="0">
                  <a:pos x="777" y="269"/>
                </a:cxn>
                <a:cxn ang="0">
                  <a:pos x="575" y="213"/>
                </a:cxn>
                <a:cxn ang="0">
                  <a:pos x="305" y="135"/>
                </a:cxn>
                <a:cxn ang="0">
                  <a:pos x="102" y="81"/>
                </a:cxn>
                <a:cxn ang="0">
                  <a:pos x="0" y="57"/>
                </a:cxn>
                <a:cxn ang="0">
                  <a:pos x="81" y="36"/>
                </a:cxn>
                <a:cxn ang="0">
                  <a:pos x="201" y="36"/>
                </a:cxn>
                <a:cxn ang="0">
                  <a:pos x="315" y="93"/>
                </a:cxn>
                <a:cxn ang="0">
                  <a:pos x="462" y="180"/>
                </a:cxn>
                <a:cxn ang="0">
                  <a:pos x="691" y="205"/>
                </a:cxn>
                <a:cxn ang="0">
                  <a:pos x="907" y="265"/>
                </a:cxn>
                <a:cxn ang="0">
                  <a:pos x="1107" y="323"/>
                </a:cxn>
                <a:cxn ang="0">
                  <a:pos x="1191" y="405"/>
                </a:cxn>
                <a:cxn ang="0">
                  <a:pos x="1397" y="475"/>
                </a:cxn>
                <a:cxn ang="0">
                  <a:pos x="1636" y="606"/>
                </a:cxn>
                <a:cxn ang="0">
                  <a:pos x="1630" y="738"/>
                </a:cxn>
                <a:cxn ang="0">
                  <a:pos x="1635" y="853"/>
                </a:cxn>
                <a:cxn ang="0">
                  <a:pos x="1801" y="960"/>
                </a:cxn>
                <a:cxn ang="0">
                  <a:pos x="1777" y="1037"/>
                </a:cxn>
                <a:cxn ang="0">
                  <a:pos x="1911" y="1125"/>
                </a:cxn>
                <a:cxn ang="0">
                  <a:pos x="2051" y="1213"/>
                </a:cxn>
                <a:cxn ang="0">
                  <a:pos x="1975" y="1307"/>
                </a:cxn>
                <a:cxn ang="0">
                  <a:pos x="1979" y="1345"/>
                </a:cxn>
                <a:cxn ang="0">
                  <a:pos x="2093" y="1371"/>
                </a:cxn>
                <a:cxn ang="0">
                  <a:pos x="2145" y="1421"/>
                </a:cxn>
                <a:cxn ang="0">
                  <a:pos x="2159" y="1475"/>
                </a:cxn>
              </a:cxnLst>
              <a:rect l="0" t="0" r="r" b="b"/>
              <a:pathLst>
                <a:path w="2253" h="1509">
                  <a:moveTo>
                    <a:pt x="2207" y="1509"/>
                  </a:moveTo>
                  <a:cubicBezTo>
                    <a:pt x="2163" y="1498"/>
                    <a:pt x="2148" y="1496"/>
                    <a:pt x="2115" y="1481"/>
                  </a:cubicBezTo>
                  <a:cubicBezTo>
                    <a:pt x="2100" y="1472"/>
                    <a:pt x="2150" y="1455"/>
                    <a:pt x="2145" y="1449"/>
                  </a:cubicBezTo>
                  <a:cubicBezTo>
                    <a:pt x="2141" y="1440"/>
                    <a:pt x="2108" y="1432"/>
                    <a:pt x="2093" y="1425"/>
                  </a:cubicBezTo>
                  <a:cubicBezTo>
                    <a:pt x="2114" y="1414"/>
                    <a:pt x="2010" y="1417"/>
                    <a:pt x="2056" y="1408"/>
                  </a:cubicBezTo>
                  <a:cubicBezTo>
                    <a:pt x="2049" y="1396"/>
                    <a:pt x="2025" y="1381"/>
                    <a:pt x="2047" y="1373"/>
                  </a:cubicBezTo>
                  <a:cubicBezTo>
                    <a:pt x="2038" y="1365"/>
                    <a:pt x="2019" y="1364"/>
                    <a:pt x="2001" y="1361"/>
                  </a:cubicBezTo>
                  <a:cubicBezTo>
                    <a:pt x="1983" y="1358"/>
                    <a:pt x="1963" y="1364"/>
                    <a:pt x="1939" y="1357"/>
                  </a:cubicBezTo>
                  <a:cubicBezTo>
                    <a:pt x="1915" y="1350"/>
                    <a:pt x="1860" y="1331"/>
                    <a:pt x="1859" y="1321"/>
                  </a:cubicBezTo>
                  <a:cubicBezTo>
                    <a:pt x="1858" y="1311"/>
                    <a:pt x="1923" y="1309"/>
                    <a:pt x="1931" y="1297"/>
                  </a:cubicBezTo>
                  <a:cubicBezTo>
                    <a:pt x="1939" y="1285"/>
                    <a:pt x="1895" y="1266"/>
                    <a:pt x="1905" y="1251"/>
                  </a:cubicBezTo>
                  <a:cubicBezTo>
                    <a:pt x="1910" y="1241"/>
                    <a:pt x="1951" y="1226"/>
                    <a:pt x="1993" y="1209"/>
                  </a:cubicBezTo>
                  <a:cubicBezTo>
                    <a:pt x="2002" y="1198"/>
                    <a:pt x="1983" y="1197"/>
                    <a:pt x="1961" y="1183"/>
                  </a:cubicBezTo>
                  <a:cubicBezTo>
                    <a:pt x="1939" y="1169"/>
                    <a:pt x="1889" y="1145"/>
                    <a:pt x="1859" y="1125"/>
                  </a:cubicBezTo>
                  <a:cubicBezTo>
                    <a:pt x="1829" y="1105"/>
                    <a:pt x="1801" y="1075"/>
                    <a:pt x="1781" y="1061"/>
                  </a:cubicBezTo>
                  <a:cubicBezTo>
                    <a:pt x="1767" y="1051"/>
                    <a:pt x="1749" y="1050"/>
                    <a:pt x="1739" y="1039"/>
                  </a:cubicBezTo>
                  <a:cubicBezTo>
                    <a:pt x="1729" y="1028"/>
                    <a:pt x="1723" y="1009"/>
                    <a:pt x="1723" y="997"/>
                  </a:cubicBezTo>
                  <a:cubicBezTo>
                    <a:pt x="1723" y="985"/>
                    <a:pt x="1743" y="974"/>
                    <a:pt x="1741" y="966"/>
                  </a:cubicBezTo>
                  <a:cubicBezTo>
                    <a:pt x="1731" y="954"/>
                    <a:pt x="1692" y="942"/>
                    <a:pt x="1663" y="923"/>
                  </a:cubicBezTo>
                  <a:cubicBezTo>
                    <a:pt x="1634" y="904"/>
                    <a:pt x="1607" y="886"/>
                    <a:pt x="1591" y="851"/>
                  </a:cubicBezTo>
                  <a:cubicBezTo>
                    <a:pt x="1576" y="828"/>
                    <a:pt x="1575" y="803"/>
                    <a:pt x="1573" y="783"/>
                  </a:cubicBezTo>
                  <a:cubicBezTo>
                    <a:pt x="1571" y="763"/>
                    <a:pt x="1579" y="753"/>
                    <a:pt x="1579" y="732"/>
                  </a:cubicBezTo>
                  <a:cubicBezTo>
                    <a:pt x="1579" y="711"/>
                    <a:pt x="1576" y="677"/>
                    <a:pt x="1576" y="657"/>
                  </a:cubicBezTo>
                  <a:cubicBezTo>
                    <a:pt x="1576" y="637"/>
                    <a:pt x="1600" y="631"/>
                    <a:pt x="1582" y="609"/>
                  </a:cubicBezTo>
                  <a:cubicBezTo>
                    <a:pt x="1561" y="585"/>
                    <a:pt x="1499" y="548"/>
                    <a:pt x="1469" y="523"/>
                  </a:cubicBezTo>
                  <a:cubicBezTo>
                    <a:pt x="1438" y="499"/>
                    <a:pt x="1395" y="503"/>
                    <a:pt x="1353" y="507"/>
                  </a:cubicBezTo>
                  <a:cubicBezTo>
                    <a:pt x="1281" y="507"/>
                    <a:pt x="1301" y="464"/>
                    <a:pt x="1287" y="456"/>
                  </a:cubicBezTo>
                  <a:cubicBezTo>
                    <a:pt x="1233" y="440"/>
                    <a:pt x="1257" y="450"/>
                    <a:pt x="1197" y="441"/>
                  </a:cubicBezTo>
                  <a:cubicBezTo>
                    <a:pt x="1140" y="438"/>
                    <a:pt x="1089" y="443"/>
                    <a:pt x="1083" y="411"/>
                  </a:cubicBezTo>
                  <a:cubicBezTo>
                    <a:pt x="1052" y="404"/>
                    <a:pt x="1067" y="372"/>
                    <a:pt x="1059" y="360"/>
                  </a:cubicBezTo>
                  <a:cubicBezTo>
                    <a:pt x="1051" y="348"/>
                    <a:pt x="1056" y="346"/>
                    <a:pt x="1035" y="337"/>
                  </a:cubicBezTo>
                  <a:cubicBezTo>
                    <a:pt x="997" y="325"/>
                    <a:pt x="963" y="316"/>
                    <a:pt x="931" y="307"/>
                  </a:cubicBezTo>
                  <a:cubicBezTo>
                    <a:pt x="899" y="298"/>
                    <a:pt x="865" y="301"/>
                    <a:pt x="839" y="285"/>
                  </a:cubicBezTo>
                  <a:cubicBezTo>
                    <a:pt x="801" y="287"/>
                    <a:pt x="815" y="275"/>
                    <a:pt x="777" y="269"/>
                  </a:cubicBezTo>
                  <a:cubicBezTo>
                    <a:pt x="735" y="259"/>
                    <a:pt x="719" y="249"/>
                    <a:pt x="693" y="243"/>
                  </a:cubicBezTo>
                  <a:cubicBezTo>
                    <a:pt x="659" y="234"/>
                    <a:pt x="616" y="224"/>
                    <a:pt x="575" y="213"/>
                  </a:cubicBezTo>
                  <a:cubicBezTo>
                    <a:pt x="534" y="208"/>
                    <a:pt x="489" y="223"/>
                    <a:pt x="444" y="210"/>
                  </a:cubicBezTo>
                  <a:cubicBezTo>
                    <a:pt x="399" y="197"/>
                    <a:pt x="345" y="153"/>
                    <a:pt x="305" y="135"/>
                  </a:cubicBezTo>
                  <a:cubicBezTo>
                    <a:pt x="265" y="117"/>
                    <a:pt x="238" y="108"/>
                    <a:pt x="204" y="99"/>
                  </a:cubicBezTo>
                  <a:cubicBezTo>
                    <a:pt x="170" y="90"/>
                    <a:pt x="117" y="78"/>
                    <a:pt x="102" y="81"/>
                  </a:cubicBezTo>
                  <a:lnTo>
                    <a:pt x="114" y="118"/>
                  </a:lnTo>
                  <a:lnTo>
                    <a:pt x="0" y="57"/>
                  </a:lnTo>
                  <a:lnTo>
                    <a:pt x="72" y="0"/>
                  </a:lnTo>
                  <a:cubicBezTo>
                    <a:pt x="104" y="1"/>
                    <a:pt x="70" y="31"/>
                    <a:pt x="81" y="36"/>
                  </a:cubicBezTo>
                  <a:cubicBezTo>
                    <a:pt x="92" y="41"/>
                    <a:pt x="121" y="30"/>
                    <a:pt x="141" y="30"/>
                  </a:cubicBezTo>
                  <a:cubicBezTo>
                    <a:pt x="161" y="30"/>
                    <a:pt x="182" y="31"/>
                    <a:pt x="201" y="36"/>
                  </a:cubicBezTo>
                  <a:cubicBezTo>
                    <a:pt x="220" y="41"/>
                    <a:pt x="236" y="51"/>
                    <a:pt x="255" y="61"/>
                  </a:cubicBezTo>
                  <a:cubicBezTo>
                    <a:pt x="274" y="71"/>
                    <a:pt x="294" y="81"/>
                    <a:pt x="315" y="93"/>
                  </a:cubicBezTo>
                  <a:cubicBezTo>
                    <a:pt x="336" y="105"/>
                    <a:pt x="354" y="118"/>
                    <a:pt x="378" y="132"/>
                  </a:cubicBezTo>
                  <a:cubicBezTo>
                    <a:pt x="402" y="146"/>
                    <a:pt x="431" y="174"/>
                    <a:pt x="462" y="180"/>
                  </a:cubicBezTo>
                  <a:cubicBezTo>
                    <a:pt x="493" y="186"/>
                    <a:pt x="529" y="165"/>
                    <a:pt x="567" y="169"/>
                  </a:cubicBezTo>
                  <a:cubicBezTo>
                    <a:pt x="605" y="173"/>
                    <a:pt x="655" y="196"/>
                    <a:pt x="691" y="205"/>
                  </a:cubicBezTo>
                  <a:cubicBezTo>
                    <a:pt x="739" y="217"/>
                    <a:pt x="751" y="233"/>
                    <a:pt x="783" y="225"/>
                  </a:cubicBezTo>
                  <a:cubicBezTo>
                    <a:pt x="825" y="235"/>
                    <a:pt x="864" y="255"/>
                    <a:pt x="907" y="265"/>
                  </a:cubicBezTo>
                  <a:cubicBezTo>
                    <a:pt x="924" y="266"/>
                    <a:pt x="968" y="288"/>
                    <a:pt x="985" y="295"/>
                  </a:cubicBezTo>
                  <a:cubicBezTo>
                    <a:pt x="1021" y="295"/>
                    <a:pt x="1115" y="293"/>
                    <a:pt x="1107" y="323"/>
                  </a:cubicBezTo>
                  <a:cubicBezTo>
                    <a:pt x="1085" y="347"/>
                    <a:pt x="1132" y="371"/>
                    <a:pt x="1098" y="387"/>
                  </a:cubicBezTo>
                  <a:cubicBezTo>
                    <a:pt x="1104" y="415"/>
                    <a:pt x="1151" y="370"/>
                    <a:pt x="1191" y="405"/>
                  </a:cubicBezTo>
                  <a:cubicBezTo>
                    <a:pt x="1205" y="417"/>
                    <a:pt x="1332" y="423"/>
                    <a:pt x="1347" y="435"/>
                  </a:cubicBezTo>
                  <a:cubicBezTo>
                    <a:pt x="1355" y="441"/>
                    <a:pt x="1293" y="487"/>
                    <a:pt x="1397" y="475"/>
                  </a:cubicBezTo>
                  <a:cubicBezTo>
                    <a:pt x="1427" y="477"/>
                    <a:pt x="1481" y="485"/>
                    <a:pt x="1509" y="511"/>
                  </a:cubicBezTo>
                  <a:cubicBezTo>
                    <a:pt x="1534" y="532"/>
                    <a:pt x="1615" y="581"/>
                    <a:pt x="1636" y="606"/>
                  </a:cubicBezTo>
                  <a:cubicBezTo>
                    <a:pt x="1657" y="631"/>
                    <a:pt x="1637" y="641"/>
                    <a:pt x="1636" y="663"/>
                  </a:cubicBezTo>
                  <a:cubicBezTo>
                    <a:pt x="1635" y="685"/>
                    <a:pt x="1630" y="717"/>
                    <a:pt x="1630" y="738"/>
                  </a:cubicBezTo>
                  <a:cubicBezTo>
                    <a:pt x="1630" y="759"/>
                    <a:pt x="1635" y="770"/>
                    <a:pt x="1636" y="789"/>
                  </a:cubicBezTo>
                  <a:cubicBezTo>
                    <a:pt x="1637" y="808"/>
                    <a:pt x="1624" y="832"/>
                    <a:pt x="1635" y="853"/>
                  </a:cubicBezTo>
                  <a:cubicBezTo>
                    <a:pt x="1646" y="874"/>
                    <a:pt x="1675" y="899"/>
                    <a:pt x="1703" y="917"/>
                  </a:cubicBezTo>
                  <a:cubicBezTo>
                    <a:pt x="1733" y="935"/>
                    <a:pt x="1790" y="946"/>
                    <a:pt x="1801" y="960"/>
                  </a:cubicBezTo>
                  <a:cubicBezTo>
                    <a:pt x="1812" y="974"/>
                    <a:pt x="1773" y="986"/>
                    <a:pt x="1769" y="999"/>
                  </a:cubicBezTo>
                  <a:cubicBezTo>
                    <a:pt x="1765" y="1012"/>
                    <a:pt x="1767" y="1026"/>
                    <a:pt x="1777" y="1037"/>
                  </a:cubicBezTo>
                  <a:cubicBezTo>
                    <a:pt x="1787" y="1048"/>
                    <a:pt x="1810" y="1053"/>
                    <a:pt x="1827" y="1063"/>
                  </a:cubicBezTo>
                  <a:cubicBezTo>
                    <a:pt x="1849" y="1078"/>
                    <a:pt x="1878" y="1106"/>
                    <a:pt x="1911" y="1125"/>
                  </a:cubicBezTo>
                  <a:cubicBezTo>
                    <a:pt x="1944" y="1144"/>
                    <a:pt x="2000" y="1164"/>
                    <a:pt x="2023" y="1179"/>
                  </a:cubicBezTo>
                  <a:cubicBezTo>
                    <a:pt x="2046" y="1194"/>
                    <a:pt x="2062" y="1201"/>
                    <a:pt x="2051" y="1213"/>
                  </a:cubicBezTo>
                  <a:cubicBezTo>
                    <a:pt x="2035" y="1217"/>
                    <a:pt x="1959" y="1251"/>
                    <a:pt x="1959" y="1251"/>
                  </a:cubicBezTo>
                  <a:cubicBezTo>
                    <a:pt x="1946" y="1267"/>
                    <a:pt x="1982" y="1295"/>
                    <a:pt x="1975" y="1307"/>
                  </a:cubicBezTo>
                  <a:cubicBezTo>
                    <a:pt x="1968" y="1319"/>
                    <a:pt x="1916" y="1319"/>
                    <a:pt x="1917" y="1325"/>
                  </a:cubicBezTo>
                  <a:cubicBezTo>
                    <a:pt x="1918" y="1331"/>
                    <a:pt x="1957" y="1340"/>
                    <a:pt x="1979" y="1345"/>
                  </a:cubicBezTo>
                  <a:cubicBezTo>
                    <a:pt x="2001" y="1350"/>
                    <a:pt x="2032" y="1349"/>
                    <a:pt x="2051" y="1353"/>
                  </a:cubicBezTo>
                  <a:cubicBezTo>
                    <a:pt x="2070" y="1357"/>
                    <a:pt x="2084" y="1363"/>
                    <a:pt x="2093" y="1371"/>
                  </a:cubicBezTo>
                  <a:cubicBezTo>
                    <a:pt x="2102" y="1379"/>
                    <a:pt x="2096" y="1393"/>
                    <a:pt x="2105" y="1401"/>
                  </a:cubicBezTo>
                  <a:cubicBezTo>
                    <a:pt x="2079" y="1422"/>
                    <a:pt x="2173" y="1413"/>
                    <a:pt x="2145" y="1421"/>
                  </a:cubicBezTo>
                  <a:cubicBezTo>
                    <a:pt x="2150" y="1429"/>
                    <a:pt x="2199" y="1440"/>
                    <a:pt x="2201" y="1449"/>
                  </a:cubicBezTo>
                  <a:cubicBezTo>
                    <a:pt x="2203" y="1458"/>
                    <a:pt x="2150" y="1467"/>
                    <a:pt x="2159" y="1475"/>
                  </a:cubicBezTo>
                  <a:cubicBezTo>
                    <a:pt x="2179" y="1485"/>
                    <a:pt x="2221" y="1488"/>
                    <a:pt x="2253" y="1495"/>
                  </a:cubicBezTo>
                </a:path>
              </a:pathLst>
            </a:custGeom>
            <a:solidFill>
              <a:srgbClr val="3399FF"/>
            </a:solidFill>
            <a:ln w="9525">
              <a:solidFill>
                <a:srgbClr val="00B0F0"/>
              </a:solidFill>
              <a:round/>
              <a:headEnd/>
              <a:tailEnd/>
            </a:ln>
            <a:effectLst>
              <a:outerShdw dist="56796" dir="3806097" algn="ctr" rotWithShape="0">
                <a:schemeClr val="tx1"/>
              </a:outerShdw>
            </a:effectLst>
          </p:spPr>
          <p:txBody>
            <a:bodyPr wrap="none"/>
            <a:lstStyle/>
            <a:p>
              <a:pPr algn="ctr" eaLnBrk="0" fontAlgn="auto" hangingPunct="0">
                <a:spcBef>
                  <a:spcPts val="0"/>
                </a:spcBef>
                <a:spcAft>
                  <a:spcPts val="0"/>
                </a:spcAft>
                <a:defRPr/>
              </a:pPr>
              <a:endParaRPr lang="en-US" dirty="0">
                <a:solidFill>
                  <a:srgbClr val="95A5A6"/>
                </a:solidFill>
                <a:effectLst>
                  <a:outerShdw blurRad="38100" dist="38100" dir="2700000" algn="tl">
                    <a:srgbClr val="000000">
                      <a:alpha val="43137"/>
                    </a:srgbClr>
                  </a:outerShdw>
                </a:effectLst>
                <a:cs typeface="+mn-cs"/>
              </a:endParaRPr>
            </a:p>
          </p:txBody>
        </p:sp>
      </p:grpSp>
      <p:sp>
        <p:nvSpPr>
          <p:cNvPr id="690222" name="Rectangle 46"/>
          <p:cNvSpPr>
            <a:spLocks noChangeArrowheads="1"/>
          </p:cNvSpPr>
          <p:nvPr/>
        </p:nvSpPr>
        <p:spPr bwMode="invGray">
          <a:xfrm>
            <a:off x="5740400" y="1600200"/>
            <a:ext cx="3733800" cy="800100"/>
          </a:xfrm>
          <a:prstGeom prst="rect">
            <a:avLst/>
          </a:prstGeom>
          <a:noFill/>
          <a:ln w="38100">
            <a:noFill/>
            <a:miter lim="800000"/>
            <a:headEnd/>
            <a:tailEnd/>
          </a:ln>
          <a:effectLst>
            <a:outerShdw dist="45791" dir="3378596" algn="ctr" rotWithShape="0">
              <a:schemeClr val="tx1"/>
            </a:outerShdw>
          </a:effectLst>
        </p:spPr>
        <p:txBody>
          <a:bodyPr>
            <a:spAutoFit/>
          </a:bodyPr>
          <a:lstStyle/>
          <a:p>
            <a:pPr eaLnBrk="0" fontAlgn="auto" hangingPunct="0">
              <a:spcBef>
                <a:spcPct val="50000"/>
              </a:spcBef>
              <a:spcAft>
                <a:spcPts val="0"/>
              </a:spcAft>
              <a:defRPr/>
            </a:pPr>
            <a:r>
              <a:rPr lang="en-US" sz="2400" b="1" dirty="0">
                <a:solidFill>
                  <a:prstClr val="white"/>
                </a:solidFill>
                <a:cs typeface="+mn-cs"/>
              </a:rPr>
              <a:t>Sacramento River</a:t>
            </a:r>
            <a:br>
              <a:rPr lang="en-US" sz="2400" b="1" dirty="0">
                <a:solidFill>
                  <a:prstClr val="white"/>
                </a:solidFill>
                <a:cs typeface="+mn-cs"/>
              </a:rPr>
            </a:br>
            <a:endParaRPr lang="en-US" sz="2200" b="1" dirty="0">
              <a:solidFill>
                <a:prstClr val="white"/>
              </a:solidFill>
              <a:cs typeface="+mn-cs"/>
            </a:endParaRPr>
          </a:p>
        </p:txBody>
      </p:sp>
      <p:sp>
        <p:nvSpPr>
          <p:cNvPr id="690183" name="Rectangle 7"/>
          <p:cNvSpPr>
            <a:spLocks noChangeArrowheads="1"/>
          </p:cNvSpPr>
          <p:nvPr/>
        </p:nvSpPr>
        <p:spPr bwMode="invGray">
          <a:xfrm>
            <a:off x="7327900" y="4629153"/>
            <a:ext cx="1892300" cy="1200329"/>
          </a:xfrm>
          <a:prstGeom prst="rect">
            <a:avLst/>
          </a:prstGeom>
          <a:noFill/>
          <a:ln w="38100">
            <a:noFill/>
            <a:miter lim="800000"/>
            <a:headEnd/>
            <a:tailEnd/>
          </a:ln>
          <a:effectLst>
            <a:outerShdw dist="45791" dir="3378596" algn="ctr" rotWithShape="0">
              <a:schemeClr val="tx1"/>
            </a:outerShdw>
          </a:effectLst>
        </p:spPr>
        <p:txBody>
          <a:bodyPr>
            <a:spAutoFit/>
          </a:bodyPr>
          <a:lstStyle/>
          <a:p>
            <a:pPr algn="ctr" eaLnBrk="0" fontAlgn="auto" hangingPunct="0">
              <a:spcBef>
                <a:spcPct val="50000"/>
              </a:spcBef>
              <a:spcAft>
                <a:spcPts val="0"/>
              </a:spcAft>
              <a:defRPr/>
            </a:pPr>
            <a:r>
              <a:rPr lang="en-US" sz="2400" b="1" dirty="0">
                <a:solidFill>
                  <a:prstClr val="white"/>
                </a:solidFill>
                <a:cs typeface="+mn-cs"/>
              </a:rPr>
              <a:t>San Joaquin River</a:t>
            </a:r>
            <a:endParaRPr lang="en-US" sz="2200" b="1" dirty="0">
              <a:solidFill>
                <a:prstClr val="white"/>
              </a:solidFill>
              <a:cs typeface="+mn-cs"/>
            </a:endParaRPr>
          </a:p>
        </p:txBody>
      </p:sp>
      <p:sp>
        <p:nvSpPr>
          <p:cNvPr id="690194" name="Rectangle 18"/>
          <p:cNvSpPr>
            <a:spLocks noChangeArrowheads="1"/>
          </p:cNvSpPr>
          <p:nvPr/>
        </p:nvSpPr>
        <p:spPr bwMode="invGray">
          <a:xfrm>
            <a:off x="533400" y="2895600"/>
            <a:ext cx="3124200" cy="717550"/>
          </a:xfrm>
          <a:prstGeom prst="rect">
            <a:avLst/>
          </a:prstGeom>
          <a:noFill/>
          <a:ln w="9525">
            <a:noFill/>
            <a:miter lim="800000"/>
            <a:headEnd/>
            <a:tailEnd/>
          </a:ln>
          <a:effectLst>
            <a:outerShdw dist="28398" dir="1593903" algn="ctr" rotWithShape="0">
              <a:schemeClr val="tx1"/>
            </a:outerShdw>
          </a:effectLst>
        </p:spPr>
        <p:txBody>
          <a:bodyPr anchor="ctr"/>
          <a:lstStyle/>
          <a:p>
            <a:pPr algn="ctr" eaLnBrk="0" fontAlgn="auto" hangingPunct="0">
              <a:spcBef>
                <a:spcPts val="0"/>
              </a:spcBef>
              <a:spcAft>
                <a:spcPts val="0"/>
              </a:spcAft>
              <a:defRPr/>
            </a:pPr>
            <a:r>
              <a:rPr lang="en-US" sz="2400" b="1" dirty="0" smtClean="0">
                <a:solidFill>
                  <a:prstClr val="white"/>
                </a:solidFill>
                <a:cs typeface="+mn-cs"/>
              </a:rPr>
              <a:t>Sacramento River/</a:t>
            </a:r>
            <a:r>
              <a:rPr lang="en-US" sz="2400" b="1" dirty="0">
                <a:solidFill>
                  <a:prstClr val="white"/>
                </a:solidFill>
                <a:cs typeface="+mn-cs"/>
              </a:rPr>
              <a:t/>
            </a:r>
            <a:br>
              <a:rPr lang="en-US" sz="2400" b="1" dirty="0">
                <a:solidFill>
                  <a:prstClr val="white"/>
                </a:solidFill>
                <a:cs typeface="+mn-cs"/>
              </a:rPr>
            </a:br>
            <a:r>
              <a:rPr lang="en-US" sz="2400" b="1" dirty="0">
                <a:solidFill>
                  <a:prstClr val="white"/>
                </a:solidFill>
                <a:cs typeface="+mn-cs"/>
              </a:rPr>
              <a:t>West Delta</a:t>
            </a:r>
          </a:p>
        </p:txBody>
      </p:sp>
      <p:sp>
        <p:nvSpPr>
          <p:cNvPr id="690214" name="Oval 38"/>
          <p:cNvSpPr>
            <a:spLocks noChangeArrowheads="1"/>
          </p:cNvSpPr>
          <p:nvPr/>
        </p:nvSpPr>
        <p:spPr bwMode="auto">
          <a:xfrm>
            <a:off x="5181600" y="3048000"/>
            <a:ext cx="228600" cy="228600"/>
          </a:xfrm>
          <a:prstGeom prst="ellipse">
            <a:avLst/>
          </a:prstGeom>
          <a:gradFill rotWithShape="0">
            <a:gsLst>
              <a:gs pos="0">
                <a:srgbClr val="FF3300"/>
              </a:gs>
              <a:gs pos="100000">
                <a:srgbClr val="FF3300">
                  <a:gamma/>
                  <a:shade val="86275"/>
                  <a:invGamma/>
                </a:srgbClr>
              </a:gs>
            </a:gsLst>
            <a:path path="shape">
              <a:fillToRect l="50000" t="50000" r="50000" b="50000"/>
            </a:path>
          </a:gradFill>
          <a:ln w="28575">
            <a:solidFill>
              <a:schemeClr val="bg1"/>
            </a:solidFill>
            <a:round/>
            <a:headEnd/>
            <a:tailEnd/>
          </a:ln>
          <a:effectLst/>
        </p:spPr>
        <p:txBody>
          <a:bodyPr wrap="none" anchor="ctr"/>
          <a:lstStyle/>
          <a:p>
            <a:pPr algn="ctr" eaLnBrk="0" fontAlgn="auto" hangingPunct="0">
              <a:spcBef>
                <a:spcPct val="20000"/>
              </a:spcBef>
              <a:spcAft>
                <a:spcPts val="0"/>
              </a:spcAft>
              <a:defRPr/>
            </a:pPr>
            <a:endParaRPr lang="en-US" dirty="0">
              <a:solidFill>
                <a:srgbClr val="FFFF00"/>
              </a:solidFill>
              <a:effectLst>
                <a:outerShdw blurRad="38100" dist="38100" dir="2700000" algn="tl">
                  <a:srgbClr val="000000"/>
                </a:outerShdw>
              </a:effectLst>
              <a:cs typeface="+mn-cs"/>
            </a:endParaRPr>
          </a:p>
        </p:txBody>
      </p:sp>
      <p:grpSp>
        <p:nvGrpSpPr>
          <p:cNvPr id="11" name="Group 59"/>
          <p:cNvGrpSpPr>
            <a:grpSpLocks/>
          </p:cNvGrpSpPr>
          <p:nvPr/>
        </p:nvGrpSpPr>
        <p:grpSpPr bwMode="auto">
          <a:xfrm>
            <a:off x="3429000" y="5943600"/>
            <a:ext cx="685800" cy="304800"/>
            <a:chOff x="2160" y="3744"/>
            <a:chExt cx="432" cy="192"/>
          </a:xfrm>
        </p:grpSpPr>
        <p:sp>
          <p:nvSpPr>
            <p:cNvPr id="690217" name="Oval 41"/>
            <p:cNvSpPr>
              <a:spLocks noChangeArrowheads="1"/>
            </p:cNvSpPr>
            <p:nvPr/>
          </p:nvSpPr>
          <p:spPr bwMode="auto">
            <a:xfrm>
              <a:off x="2160" y="3744"/>
              <a:ext cx="144" cy="144"/>
            </a:xfrm>
            <a:prstGeom prst="ellipse">
              <a:avLst/>
            </a:prstGeom>
            <a:solidFill>
              <a:srgbClr val="FFFF00"/>
            </a:solidFill>
            <a:ln w="28575">
              <a:solidFill>
                <a:schemeClr val="bg1"/>
              </a:solidFill>
              <a:round/>
              <a:headEnd/>
              <a:tailEnd/>
            </a:ln>
            <a:effectLst/>
          </p:spPr>
          <p:txBody>
            <a:bodyPr wrap="none" anchor="ctr"/>
            <a:lstStyle/>
            <a:p>
              <a:pPr algn="ctr" eaLnBrk="0" fontAlgn="auto" hangingPunct="0">
                <a:spcBef>
                  <a:spcPct val="20000"/>
                </a:spcBef>
                <a:spcAft>
                  <a:spcPts val="0"/>
                </a:spcAft>
                <a:defRPr/>
              </a:pPr>
              <a:endParaRPr lang="en-US" dirty="0">
                <a:solidFill>
                  <a:srgbClr val="FFFF00"/>
                </a:solidFill>
                <a:effectLst>
                  <a:outerShdw blurRad="38100" dist="38100" dir="2700000" algn="tl">
                    <a:srgbClr val="000000"/>
                  </a:outerShdw>
                </a:effectLst>
                <a:cs typeface="+mn-cs"/>
              </a:endParaRPr>
            </a:p>
          </p:txBody>
        </p:sp>
        <p:sp>
          <p:nvSpPr>
            <p:cNvPr id="690220" name="Oval 44"/>
            <p:cNvSpPr>
              <a:spLocks noChangeArrowheads="1"/>
            </p:cNvSpPr>
            <p:nvPr/>
          </p:nvSpPr>
          <p:spPr bwMode="auto">
            <a:xfrm>
              <a:off x="2448" y="3792"/>
              <a:ext cx="144" cy="144"/>
            </a:xfrm>
            <a:prstGeom prst="ellipse">
              <a:avLst/>
            </a:prstGeom>
            <a:solidFill>
              <a:srgbClr val="FFFF00"/>
            </a:solidFill>
            <a:ln w="28575">
              <a:solidFill>
                <a:schemeClr val="bg1"/>
              </a:solidFill>
              <a:round/>
              <a:headEnd/>
              <a:tailEnd/>
            </a:ln>
            <a:effectLst/>
          </p:spPr>
          <p:txBody>
            <a:bodyPr wrap="none" anchor="ctr"/>
            <a:lstStyle/>
            <a:p>
              <a:pPr algn="ctr" eaLnBrk="0" fontAlgn="auto" hangingPunct="0">
                <a:spcBef>
                  <a:spcPct val="20000"/>
                </a:spcBef>
                <a:spcAft>
                  <a:spcPts val="0"/>
                </a:spcAft>
                <a:defRPr/>
              </a:pPr>
              <a:endParaRPr lang="en-US" dirty="0">
                <a:solidFill>
                  <a:srgbClr val="FFFF00"/>
                </a:solidFill>
                <a:effectLst>
                  <a:outerShdw blurRad="38100" dist="38100" dir="2700000" algn="tl">
                    <a:srgbClr val="000000"/>
                  </a:outerShdw>
                </a:effectLst>
                <a:cs typeface="+mn-cs"/>
              </a:endParaRPr>
            </a:p>
          </p:txBody>
        </p:sp>
      </p:grpSp>
      <p:sp>
        <p:nvSpPr>
          <p:cNvPr id="42" name="Text Box 3"/>
          <p:cNvSpPr txBox="1">
            <a:spLocks noChangeArrowheads="1"/>
          </p:cNvSpPr>
          <p:nvPr/>
        </p:nvSpPr>
        <p:spPr bwMode="auto">
          <a:xfrm>
            <a:off x="5510212" y="2000250"/>
            <a:ext cx="2422525" cy="457200"/>
          </a:xfrm>
          <a:prstGeom prst="rect">
            <a:avLst/>
          </a:prstGeom>
          <a:noFill/>
          <a:ln w="38100">
            <a:noFill/>
            <a:miter lim="800000"/>
            <a:headEnd/>
            <a:tailEnd/>
          </a:ln>
          <a:effectLst>
            <a:outerShdw dist="53882" dir="2700000" algn="ctr" rotWithShape="0">
              <a:schemeClr val="tx1"/>
            </a:outerShdw>
          </a:effectLst>
        </p:spPr>
        <p:txBody>
          <a:bodyPr>
            <a:spAutoFit/>
          </a:bodyPr>
          <a:lstStyle/>
          <a:p>
            <a:pPr algn="ctr" eaLnBrk="0" fontAlgn="auto" hangingPunct="0">
              <a:spcBef>
                <a:spcPct val="50000"/>
              </a:spcBef>
              <a:spcAft>
                <a:spcPts val="0"/>
              </a:spcAft>
              <a:defRPr/>
            </a:pPr>
            <a:r>
              <a:rPr lang="en-US" sz="2400" i="1" dirty="0">
                <a:solidFill>
                  <a:prstClr val="white"/>
                </a:solidFill>
                <a:cs typeface="+mn-cs"/>
              </a:rPr>
              <a:t>Sacramento</a:t>
            </a:r>
          </a:p>
        </p:txBody>
      </p:sp>
      <p:sp>
        <p:nvSpPr>
          <p:cNvPr id="43" name="Text Box 5"/>
          <p:cNvSpPr txBox="1">
            <a:spLocks noChangeArrowheads="1"/>
          </p:cNvSpPr>
          <p:nvPr/>
        </p:nvSpPr>
        <p:spPr bwMode="auto">
          <a:xfrm>
            <a:off x="6973887" y="3829050"/>
            <a:ext cx="2422525" cy="457200"/>
          </a:xfrm>
          <a:prstGeom prst="rect">
            <a:avLst/>
          </a:prstGeom>
          <a:noFill/>
          <a:ln w="38100">
            <a:noFill/>
            <a:miter lim="800000"/>
            <a:headEnd/>
            <a:tailEnd/>
          </a:ln>
          <a:effectLst>
            <a:outerShdw dist="53882" dir="2700000" algn="ctr" rotWithShape="0">
              <a:schemeClr val="tx1"/>
            </a:outerShdw>
          </a:effectLst>
        </p:spPr>
        <p:txBody>
          <a:bodyPr>
            <a:spAutoFit/>
          </a:bodyPr>
          <a:lstStyle/>
          <a:p>
            <a:pPr algn="ctr" eaLnBrk="0" fontAlgn="auto" hangingPunct="0">
              <a:spcBef>
                <a:spcPct val="50000"/>
              </a:spcBef>
              <a:spcAft>
                <a:spcPts val="0"/>
              </a:spcAft>
              <a:defRPr/>
            </a:pPr>
            <a:r>
              <a:rPr lang="en-US" sz="2400" i="1" dirty="0">
                <a:solidFill>
                  <a:prstClr val="white"/>
                </a:solidFill>
                <a:cs typeface="+mn-cs"/>
              </a:rPr>
              <a:t>Stockton</a:t>
            </a:r>
          </a:p>
        </p:txBody>
      </p:sp>
      <p:sp>
        <p:nvSpPr>
          <p:cNvPr id="44" name="Text Box 16"/>
          <p:cNvSpPr txBox="1">
            <a:spLocks noChangeArrowheads="1"/>
          </p:cNvSpPr>
          <p:nvPr/>
        </p:nvSpPr>
        <p:spPr bwMode="invGray">
          <a:xfrm>
            <a:off x="1371600" y="5791200"/>
            <a:ext cx="1913971" cy="401812"/>
          </a:xfrm>
          <a:prstGeom prst="flowChartAlternateProcess">
            <a:avLst/>
          </a:prstGeom>
          <a:solidFill>
            <a:schemeClr val="accent2">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fontAlgn="auto">
              <a:spcBef>
                <a:spcPts val="0"/>
              </a:spcBef>
              <a:spcAft>
                <a:spcPts val="0"/>
              </a:spcAft>
            </a:pPr>
            <a:r>
              <a:rPr lang="en-US" dirty="0"/>
              <a:t>SWP Pumps</a:t>
            </a:r>
          </a:p>
        </p:txBody>
      </p:sp>
      <p:sp>
        <p:nvSpPr>
          <p:cNvPr id="45" name="Text Box 16"/>
          <p:cNvSpPr txBox="1">
            <a:spLocks noChangeArrowheads="1"/>
          </p:cNvSpPr>
          <p:nvPr/>
        </p:nvSpPr>
        <p:spPr bwMode="invGray">
          <a:xfrm>
            <a:off x="4191000" y="6324600"/>
            <a:ext cx="1828800" cy="401812"/>
          </a:xfrm>
          <a:prstGeom prst="flowChartAlternateProcess">
            <a:avLst/>
          </a:prstGeom>
          <a:solidFill>
            <a:schemeClr val="accent2">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fontAlgn="auto">
              <a:spcBef>
                <a:spcPts val="0"/>
              </a:spcBef>
              <a:spcAft>
                <a:spcPts val="0"/>
              </a:spcAft>
            </a:pPr>
            <a:r>
              <a:rPr lang="en-US" dirty="0"/>
              <a:t>CVP Pumps</a:t>
            </a:r>
          </a:p>
        </p:txBody>
      </p:sp>
      <p:sp>
        <p:nvSpPr>
          <p:cNvPr id="4" name="Slide Number Placeholder 3"/>
          <p:cNvSpPr>
            <a:spLocks noGrp="1"/>
          </p:cNvSpPr>
          <p:nvPr>
            <p:ph type="sldNum" sz="quarter" idx="12"/>
          </p:nvPr>
        </p:nvSpPr>
        <p:spPr/>
        <p:txBody>
          <a:bodyPr/>
          <a:lstStyle/>
          <a:p>
            <a:fld id="{B6F15528-21DE-4FAA-801E-634DDDAF4B2B}" type="slidenum">
              <a:rPr lang="en-US" smtClean="0">
                <a:solidFill>
                  <a:prstClr val="white"/>
                </a:solidFill>
              </a:rPr>
              <a:pPr/>
              <a:t>29</a:t>
            </a:fld>
            <a:endParaRPr lang="en-US" dirty="0">
              <a:solidFill>
                <a:prstClr val="white"/>
              </a:solidFill>
            </a:endParaRPr>
          </a:p>
        </p:txBody>
      </p:sp>
    </p:spTree>
    <p:extLst>
      <p:ext uri="{BB962C8B-B14F-4D97-AF65-F5344CB8AC3E}">
        <p14:creationId xmlns:p14="http://schemas.microsoft.com/office/powerpoint/2010/main" val="419600875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690231"/>
                                        </p:tgtEl>
                                        <p:attrNameLst>
                                          <p:attrName>style.visibility</p:attrName>
                                        </p:attrNameLst>
                                      </p:cBhvr>
                                      <p:to>
                                        <p:strVal val="visible"/>
                                      </p:to>
                                    </p:set>
                                    <p:animEffect transition="in" filter="wipe(up)">
                                      <p:cBhvr>
                                        <p:cTn id="7" dur="500"/>
                                        <p:tgtEl>
                                          <p:spTgt spid="690231"/>
                                        </p:tgtEl>
                                      </p:cBhvr>
                                    </p:animEffect>
                                  </p:childTnLst>
                                </p:cTn>
                              </p:par>
                            </p:childTnLst>
                          </p:cTn>
                        </p:par>
                        <p:par>
                          <p:cTn id="8" fill="hold">
                            <p:stCondLst>
                              <p:cond delay="500"/>
                            </p:stCondLst>
                            <p:childTnLst>
                              <p:par>
                                <p:cTn id="9" presetID="23" presetClass="entr" presetSubtype="272" fill="hold" grpId="0" nodeType="afterEffect">
                                  <p:stCondLst>
                                    <p:cond delay="0"/>
                                  </p:stCondLst>
                                  <p:childTnLst>
                                    <p:set>
                                      <p:cBhvr>
                                        <p:cTn id="10" dur="1" fill="hold">
                                          <p:stCondLst>
                                            <p:cond delay="0"/>
                                          </p:stCondLst>
                                        </p:cTn>
                                        <p:tgtEl>
                                          <p:spTgt spid="690214"/>
                                        </p:tgtEl>
                                        <p:attrNameLst>
                                          <p:attrName>style.visibility</p:attrName>
                                        </p:attrNameLst>
                                      </p:cBhvr>
                                      <p:to>
                                        <p:strVal val="visible"/>
                                      </p:to>
                                    </p:set>
                                    <p:anim calcmode="lin" valueType="num">
                                      <p:cBhvr>
                                        <p:cTn id="11" dur="500" fill="hold"/>
                                        <p:tgtEl>
                                          <p:spTgt spid="690214"/>
                                        </p:tgtEl>
                                        <p:attrNameLst>
                                          <p:attrName>ppt_w</p:attrName>
                                        </p:attrNameLst>
                                      </p:cBhvr>
                                      <p:tavLst>
                                        <p:tav tm="0">
                                          <p:val>
                                            <p:strVal val="2/3*#ppt_w"/>
                                          </p:val>
                                        </p:tav>
                                        <p:tav tm="100000">
                                          <p:val>
                                            <p:strVal val="#ppt_w"/>
                                          </p:val>
                                        </p:tav>
                                      </p:tavLst>
                                    </p:anim>
                                    <p:anim calcmode="lin" valueType="num">
                                      <p:cBhvr>
                                        <p:cTn id="12" dur="500" fill="hold"/>
                                        <p:tgtEl>
                                          <p:spTgt spid="690214"/>
                                        </p:tgtEl>
                                        <p:attrNameLst>
                                          <p:attrName>ppt_h</p:attrName>
                                        </p:attrNameLst>
                                      </p:cBhvr>
                                      <p:tavLst>
                                        <p:tav tm="0">
                                          <p:val>
                                            <p:strVal val="2/3*#ppt_h"/>
                                          </p:val>
                                        </p:tav>
                                        <p:tav tm="100000">
                                          <p:val>
                                            <p:strVal val="#ppt_h"/>
                                          </p:val>
                                        </p:tav>
                                      </p:tavLst>
                                    </p:anim>
                                  </p:childTnLst>
                                </p:cTn>
                              </p:par>
                            </p:childTnLst>
                          </p:cTn>
                        </p:par>
                        <p:par>
                          <p:cTn id="13" fill="hold">
                            <p:stCondLst>
                              <p:cond delay="1000"/>
                            </p:stCondLst>
                            <p:childTnLst>
                              <p:par>
                                <p:cTn id="14" presetID="22" presetClass="entr" presetSubtype="1" fill="hold" nodeType="afterEffect">
                                  <p:stCondLst>
                                    <p:cond delay="0"/>
                                  </p:stCondLst>
                                  <p:childTnLst>
                                    <p:set>
                                      <p:cBhvr>
                                        <p:cTn id="15" dur="1" fill="hold">
                                          <p:stCondLst>
                                            <p:cond delay="0"/>
                                          </p:stCondLst>
                                        </p:cTn>
                                        <p:tgtEl>
                                          <p:spTgt spid="5"/>
                                        </p:tgtEl>
                                        <p:attrNameLst>
                                          <p:attrName>style.visibility</p:attrName>
                                        </p:attrNameLst>
                                      </p:cBhvr>
                                      <p:to>
                                        <p:strVal val="visible"/>
                                      </p:to>
                                    </p:set>
                                    <p:animEffect transition="in" filter="wipe(up)">
                                      <p:cBhvr>
                                        <p:cTn id="16" dur="500"/>
                                        <p:tgtEl>
                                          <p:spTgt spid="5"/>
                                        </p:tgtEl>
                                      </p:cBhvr>
                                    </p:animEffect>
                                  </p:childTnLst>
                                </p:cTn>
                              </p:par>
                            </p:childTnLst>
                          </p:cTn>
                        </p:par>
                        <p:par>
                          <p:cTn id="17" fill="hold">
                            <p:stCondLst>
                              <p:cond delay="1500"/>
                            </p:stCondLst>
                            <p:childTnLst>
                              <p:par>
                                <p:cTn id="18" presetID="22" presetClass="entr" presetSubtype="1" fill="hold" nodeType="afterEffect">
                                  <p:stCondLst>
                                    <p:cond delay="0"/>
                                  </p:stCondLst>
                                  <p:childTnLst>
                                    <p:set>
                                      <p:cBhvr>
                                        <p:cTn id="19" dur="1" fill="hold">
                                          <p:stCondLst>
                                            <p:cond delay="0"/>
                                          </p:stCondLst>
                                        </p:cTn>
                                        <p:tgtEl>
                                          <p:spTgt spid="6"/>
                                        </p:tgtEl>
                                        <p:attrNameLst>
                                          <p:attrName>style.visibility</p:attrName>
                                        </p:attrNameLst>
                                      </p:cBhvr>
                                      <p:to>
                                        <p:strVal val="visible"/>
                                      </p:to>
                                    </p:set>
                                    <p:animEffect transition="in" filter="wipe(up)">
                                      <p:cBhvr>
                                        <p:cTn id="20" dur="500"/>
                                        <p:tgtEl>
                                          <p:spTgt spid="6"/>
                                        </p:tgtEl>
                                      </p:cBhvr>
                                    </p:animEffect>
                                  </p:childTnLst>
                                </p:cTn>
                              </p:par>
                            </p:childTnLst>
                          </p:cTn>
                        </p:par>
                        <p:par>
                          <p:cTn id="21" fill="hold">
                            <p:stCondLst>
                              <p:cond delay="2000"/>
                            </p:stCondLst>
                            <p:childTnLst>
                              <p:par>
                                <p:cTn id="22" presetID="22" presetClass="entr" presetSubtype="1" fill="hold" nodeType="afterEffect">
                                  <p:stCondLst>
                                    <p:cond delay="0"/>
                                  </p:stCondLst>
                                  <p:childTnLst>
                                    <p:set>
                                      <p:cBhvr>
                                        <p:cTn id="23" dur="1" fill="hold">
                                          <p:stCondLst>
                                            <p:cond delay="0"/>
                                          </p:stCondLst>
                                        </p:cTn>
                                        <p:tgtEl>
                                          <p:spTgt spid="11"/>
                                        </p:tgtEl>
                                        <p:attrNameLst>
                                          <p:attrName>style.visibility</p:attrName>
                                        </p:attrNameLst>
                                      </p:cBhvr>
                                      <p:to>
                                        <p:strVal val="visible"/>
                                      </p:to>
                                    </p:set>
                                    <p:animEffect transition="in" filter="wipe(up)">
                                      <p:cBhvr>
                                        <p:cTn id="24" dur="500"/>
                                        <p:tgtEl>
                                          <p:spTgt spid="11"/>
                                        </p:tgtEl>
                                      </p:cBhvr>
                                    </p:animEffect>
                                  </p:childTnLst>
                                </p:cTn>
                              </p:par>
                            </p:childTnLst>
                          </p:cTn>
                        </p:par>
                        <p:par>
                          <p:cTn id="25" fill="hold">
                            <p:stCondLst>
                              <p:cond delay="2500"/>
                            </p:stCondLst>
                            <p:childTnLst>
                              <p:par>
                                <p:cTn id="26" presetID="22" presetClass="entr" presetSubtype="2" fill="hold" nodeType="afterEffect">
                                  <p:stCondLst>
                                    <p:cond delay="0"/>
                                  </p:stCondLst>
                                  <p:childTnLst>
                                    <p:set>
                                      <p:cBhvr>
                                        <p:cTn id="27" dur="1" fill="hold">
                                          <p:stCondLst>
                                            <p:cond delay="0"/>
                                          </p:stCondLst>
                                        </p:cTn>
                                        <p:tgtEl>
                                          <p:spTgt spid="7"/>
                                        </p:tgtEl>
                                        <p:attrNameLst>
                                          <p:attrName>style.visibility</p:attrName>
                                        </p:attrNameLst>
                                      </p:cBhvr>
                                      <p:to>
                                        <p:strVal val="visible"/>
                                      </p:to>
                                    </p:set>
                                    <p:animEffect transition="in" filter="wipe(right)">
                                      <p:cBhvr>
                                        <p:cTn id="28" dur="500"/>
                                        <p:tgtEl>
                                          <p:spTgt spid="7"/>
                                        </p:tgtEl>
                                      </p:cBhvr>
                                    </p:animEffect>
                                  </p:childTnLst>
                                </p:cTn>
                              </p:par>
                            </p:childTnLst>
                          </p:cTn>
                        </p:par>
                        <p:par>
                          <p:cTn id="29" fill="hold">
                            <p:stCondLst>
                              <p:cond delay="3000"/>
                            </p:stCondLst>
                            <p:childTnLst>
                              <p:par>
                                <p:cTn id="30" presetID="22" presetClass="entr" presetSubtype="1" fill="hold" grpId="0" nodeType="afterEffect">
                                  <p:stCondLst>
                                    <p:cond delay="0"/>
                                  </p:stCondLst>
                                  <p:childTnLst>
                                    <p:set>
                                      <p:cBhvr>
                                        <p:cTn id="31" dur="1" fill="hold">
                                          <p:stCondLst>
                                            <p:cond delay="0"/>
                                          </p:stCondLst>
                                        </p:cTn>
                                        <p:tgtEl>
                                          <p:spTgt spid="690206"/>
                                        </p:tgtEl>
                                        <p:attrNameLst>
                                          <p:attrName>style.visibility</p:attrName>
                                        </p:attrNameLst>
                                      </p:cBhvr>
                                      <p:to>
                                        <p:strVal val="visible"/>
                                      </p:to>
                                    </p:set>
                                    <p:animEffect transition="in" filter="wipe(up)">
                                      <p:cBhvr>
                                        <p:cTn id="32" dur="500"/>
                                        <p:tgtEl>
                                          <p:spTgt spid="690206"/>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1" fill="hold" nodeType="clickEffect">
                                  <p:stCondLst>
                                    <p:cond delay="0"/>
                                  </p:stCondLst>
                                  <p:childTnLst>
                                    <p:set>
                                      <p:cBhvr>
                                        <p:cTn id="36" dur="1" fill="hold">
                                          <p:stCondLst>
                                            <p:cond delay="0"/>
                                          </p:stCondLst>
                                        </p:cTn>
                                        <p:tgtEl>
                                          <p:spTgt spid="2"/>
                                        </p:tgtEl>
                                        <p:attrNameLst>
                                          <p:attrName>style.visibility</p:attrName>
                                        </p:attrNameLst>
                                      </p:cBhvr>
                                      <p:to>
                                        <p:strVal val="visible"/>
                                      </p:to>
                                    </p:set>
                                    <p:animEffect transition="in" filter="wipe(up)">
                                      <p:cBhvr>
                                        <p:cTn id="3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90231" grpId="0" animBg="1" autoUpdateAnimBg="0"/>
      <p:bldP spid="690206" grpId="0" animBg="1" autoUpdateAnimBg="0"/>
      <p:bldP spid="690214" grpId="0" animBg="1" autoUpdateAnimBg="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102" name="Slide Number Placeholder 32"/>
          <p:cNvSpPr txBox="1">
            <a:spLocks noGrp="1"/>
          </p:cNvSpPr>
          <p:nvPr/>
        </p:nvSpPr>
        <p:spPr bwMode="auto">
          <a:xfrm>
            <a:off x="8458200" y="6492875"/>
            <a:ext cx="685800" cy="365125"/>
          </a:xfrm>
          <a:prstGeom prst="rect">
            <a:avLst/>
          </a:prstGeom>
          <a:noFill/>
          <a:ln>
            <a:miter lim="800000"/>
            <a:headEnd/>
            <a:tailEnd/>
          </a:ln>
        </p:spPr>
        <p:txBody>
          <a:bodyPr/>
          <a:lstStyle/>
          <a:p>
            <a:pPr algn="ctr">
              <a:defRPr/>
            </a:pPr>
            <a:fld id="{E33413DC-CD34-4353-A23B-DED72AF95523}" type="slidenum">
              <a:rPr lang="en-US">
                <a:solidFill>
                  <a:prstClr val="white"/>
                </a:solidFill>
                <a:effectLst>
                  <a:outerShdw blurRad="38100" dist="38100" dir="2700000" algn="tl">
                    <a:srgbClr val="000000">
                      <a:alpha val="43137"/>
                    </a:srgbClr>
                  </a:outerShdw>
                </a:effectLst>
                <a:cs typeface="Arial" charset="0"/>
              </a:rPr>
              <a:pPr algn="ctr">
                <a:defRPr/>
              </a:pPr>
              <a:t>3</a:t>
            </a:fld>
            <a:endParaRPr lang="en-US" dirty="0">
              <a:solidFill>
                <a:prstClr val="white"/>
              </a:solidFill>
              <a:effectLst>
                <a:outerShdw blurRad="38100" dist="38100" dir="2700000" algn="tl">
                  <a:srgbClr val="000000">
                    <a:alpha val="43137"/>
                  </a:srgbClr>
                </a:outerShdw>
              </a:effectLst>
              <a:cs typeface="Arial" charset="0"/>
            </a:endParaRPr>
          </a:p>
        </p:txBody>
      </p:sp>
      <p:grpSp>
        <p:nvGrpSpPr>
          <p:cNvPr id="5" name="Bacground Pic"/>
          <p:cNvGrpSpPr>
            <a:grpSpLocks/>
          </p:cNvGrpSpPr>
          <p:nvPr/>
        </p:nvGrpSpPr>
        <p:grpSpPr bwMode="auto">
          <a:xfrm>
            <a:off x="-34925" y="1176338"/>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21" name="Westside - Isolated Facility" hidden="1"/>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grpSp>
        <p:nvGrpSpPr>
          <p:cNvPr id="24" name="Eastside - Isolated Facility" hidden="1"/>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hidden="1"/>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a:defRPr/>
            </a:pPr>
            <a:endParaRPr lang="en-US" dirty="0">
              <a:solidFill>
                <a:prstClr val="white"/>
              </a:solidFill>
            </a:endParaRPr>
          </a:p>
        </p:txBody>
      </p:sp>
      <p:grpSp>
        <p:nvGrpSpPr>
          <p:cNvPr id="2" name="North-South Mokelumne &amp; Old-Middle River"/>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2" name="Sourth Fork Mokelumne - Old River"/>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sp>
        <p:nvSpPr>
          <p:cNvPr id="40970" name="San Joaquin River"/>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nvGrpSpPr>
          <p:cNvPr id="3" name="Sac River"/>
          <p:cNvGrpSpPr>
            <a:grpSpLocks/>
          </p:cNvGrpSpPr>
          <p:nvPr/>
        </p:nvGrpSpPr>
        <p:grpSpPr bwMode="auto">
          <a:xfrm>
            <a:off x="2590800" y="1739900"/>
            <a:ext cx="2795588" cy="2616200"/>
            <a:chOff x="2590800" y="1739900"/>
            <a:chExt cx="2795588" cy="2616200"/>
          </a:xfrm>
        </p:grpSpPr>
        <p:sp>
          <p:nvSpPr>
            <p:cNvPr id="41069"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0"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cxnSp>
        <p:nvCxnSpPr>
          <p:cNvPr id="111" name="CCFB Split"/>
          <p:cNvCxnSpPr/>
          <p:nvPr/>
        </p:nvCxnSpPr>
        <p:spPr>
          <a:xfrm flipV="1">
            <a:off x="4064177" y="5848846"/>
            <a:ext cx="425273" cy="94560"/>
          </a:xfrm>
          <a:prstGeom prst="line">
            <a:avLst/>
          </a:prstGeom>
          <a:ln w="19050">
            <a:solidFill>
              <a:schemeClr val="accent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0" name="Tunnel - Old Alignment" hidden="1"/>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112" name="Tunnel - New Alignment"/>
          <p:cNvSpPr/>
          <p:nvPr/>
        </p:nvSpPr>
        <p:spPr>
          <a:xfrm>
            <a:off x="4438778" y="3391611"/>
            <a:ext cx="1031531" cy="2386888"/>
          </a:xfrm>
          <a:custGeom>
            <a:avLst/>
            <a:gdLst>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047750 w 1333935"/>
              <a:gd name="connsiteY0" fmla="*/ 0 h 2076450"/>
              <a:gd name="connsiteX1" fmla="*/ 1333500 w 1333935"/>
              <a:gd name="connsiteY1" fmla="*/ 120650 h 2076450"/>
              <a:gd name="connsiteX2" fmla="*/ 1104900 w 1333935"/>
              <a:gd name="connsiteY2" fmla="*/ 412750 h 2076450"/>
              <a:gd name="connsiteX3" fmla="*/ 798182 w 1333935"/>
              <a:gd name="connsiteY3" fmla="*/ 666537 h 2076450"/>
              <a:gd name="connsiteX4" fmla="*/ 469900 w 1333935"/>
              <a:gd name="connsiteY4" fmla="*/ 1797050 h 2076450"/>
              <a:gd name="connsiteX5" fmla="*/ 0 w 1333935"/>
              <a:gd name="connsiteY5" fmla="*/ 2076450 h 2076450"/>
              <a:gd name="connsiteX0" fmla="*/ 1028700 w 1334247"/>
              <a:gd name="connsiteY0" fmla="*/ 0 h 2109787"/>
              <a:gd name="connsiteX1" fmla="*/ 1333500 w 1334247"/>
              <a:gd name="connsiteY1" fmla="*/ 153987 h 2109787"/>
              <a:gd name="connsiteX2" fmla="*/ 1104900 w 1334247"/>
              <a:gd name="connsiteY2" fmla="*/ 446087 h 2109787"/>
              <a:gd name="connsiteX3" fmla="*/ 798182 w 1334247"/>
              <a:gd name="connsiteY3" fmla="*/ 699874 h 2109787"/>
              <a:gd name="connsiteX4" fmla="*/ 469900 w 1334247"/>
              <a:gd name="connsiteY4" fmla="*/ 1830387 h 2109787"/>
              <a:gd name="connsiteX5" fmla="*/ 0 w 1334247"/>
              <a:gd name="connsiteY5" fmla="*/ 2109787 h 2109787"/>
              <a:gd name="connsiteX0" fmla="*/ 1028700 w 1272681"/>
              <a:gd name="connsiteY0" fmla="*/ 0 h 2109787"/>
              <a:gd name="connsiteX1" fmla="*/ 1271588 w 1272681"/>
              <a:gd name="connsiteY1" fmla="*/ 163512 h 2109787"/>
              <a:gd name="connsiteX2" fmla="*/ 1104900 w 1272681"/>
              <a:gd name="connsiteY2" fmla="*/ 446087 h 2109787"/>
              <a:gd name="connsiteX3" fmla="*/ 798182 w 1272681"/>
              <a:gd name="connsiteY3" fmla="*/ 699874 h 2109787"/>
              <a:gd name="connsiteX4" fmla="*/ 469900 w 1272681"/>
              <a:gd name="connsiteY4" fmla="*/ 1830387 h 2109787"/>
              <a:gd name="connsiteX5" fmla="*/ 0 w 1272681"/>
              <a:gd name="connsiteY5" fmla="*/ 2109787 h 2109787"/>
              <a:gd name="connsiteX0" fmla="*/ 1028700 w 1296329"/>
              <a:gd name="connsiteY0" fmla="*/ 0 h 2109787"/>
              <a:gd name="connsiteX1" fmla="*/ 1295401 w 1296329"/>
              <a:gd name="connsiteY1" fmla="*/ 173037 h 2109787"/>
              <a:gd name="connsiteX2" fmla="*/ 1104900 w 1296329"/>
              <a:gd name="connsiteY2" fmla="*/ 446087 h 2109787"/>
              <a:gd name="connsiteX3" fmla="*/ 798182 w 1296329"/>
              <a:gd name="connsiteY3" fmla="*/ 699874 h 2109787"/>
              <a:gd name="connsiteX4" fmla="*/ 469900 w 1296329"/>
              <a:gd name="connsiteY4" fmla="*/ 1830387 h 2109787"/>
              <a:gd name="connsiteX5" fmla="*/ 0 w 1296329"/>
              <a:gd name="connsiteY5" fmla="*/ 2109787 h 210978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990600 w 1297325"/>
              <a:gd name="connsiteY0" fmla="*/ 0 h 2095500"/>
              <a:gd name="connsiteX1" fmla="*/ 1295401 w 1297325"/>
              <a:gd name="connsiteY1" fmla="*/ 158750 h 2095500"/>
              <a:gd name="connsiteX2" fmla="*/ 1104900 w 1297325"/>
              <a:gd name="connsiteY2" fmla="*/ 431800 h 2095500"/>
              <a:gd name="connsiteX3" fmla="*/ 798182 w 1297325"/>
              <a:gd name="connsiteY3" fmla="*/ 685587 h 2095500"/>
              <a:gd name="connsiteX4" fmla="*/ 469900 w 1297325"/>
              <a:gd name="connsiteY4" fmla="*/ 1816100 h 2095500"/>
              <a:gd name="connsiteX5" fmla="*/ 0 w 1297325"/>
              <a:gd name="connsiteY5" fmla="*/ 2095500 h 2095500"/>
              <a:gd name="connsiteX0" fmla="*/ 1039368 w 1346093"/>
              <a:gd name="connsiteY0" fmla="*/ 0 h 2217420"/>
              <a:gd name="connsiteX1" fmla="*/ 1344169 w 1346093"/>
              <a:gd name="connsiteY1" fmla="*/ 158750 h 2217420"/>
              <a:gd name="connsiteX2" fmla="*/ 1153668 w 1346093"/>
              <a:gd name="connsiteY2" fmla="*/ 431800 h 2217420"/>
              <a:gd name="connsiteX3" fmla="*/ 846950 w 1346093"/>
              <a:gd name="connsiteY3" fmla="*/ 685587 h 2217420"/>
              <a:gd name="connsiteX4" fmla="*/ 518668 w 1346093"/>
              <a:gd name="connsiteY4" fmla="*/ 1816100 h 2217420"/>
              <a:gd name="connsiteX5" fmla="*/ 0 w 1346093"/>
              <a:gd name="connsiteY5" fmla="*/ 2217420 h 2217420"/>
              <a:gd name="connsiteX0" fmla="*/ 1039368 w 1216797"/>
              <a:gd name="connsiteY0" fmla="*/ 0 h 2217420"/>
              <a:gd name="connsiteX1" fmla="*/ 1208838 w 1216797"/>
              <a:gd name="connsiteY1" fmla="*/ 162408 h 2217420"/>
              <a:gd name="connsiteX2" fmla="*/ 1153668 w 1216797"/>
              <a:gd name="connsiteY2" fmla="*/ 431800 h 2217420"/>
              <a:gd name="connsiteX3" fmla="*/ 846950 w 1216797"/>
              <a:gd name="connsiteY3" fmla="*/ 685587 h 2217420"/>
              <a:gd name="connsiteX4" fmla="*/ 518668 w 1216797"/>
              <a:gd name="connsiteY4" fmla="*/ 1816100 h 2217420"/>
              <a:gd name="connsiteX5" fmla="*/ 0 w 1216797"/>
              <a:gd name="connsiteY5" fmla="*/ 2217420 h 2217420"/>
              <a:gd name="connsiteX0" fmla="*/ 1039368 w 1225123"/>
              <a:gd name="connsiteY0" fmla="*/ 0 h 2217420"/>
              <a:gd name="connsiteX1" fmla="*/ 1208838 w 1225123"/>
              <a:gd name="connsiteY1" fmla="*/ 162408 h 2217420"/>
              <a:gd name="connsiteX2" fmla="*/ 1212139 w 1225123"/>
              <a:gd name="connsiteY2" fmla="*/ 302566 h 2217420"/>
              <a:gd name="connsiteX3" fmla="*/ 1153668 w 1225123"/>
              <a:gd name="connsiteY3" fmla="*/ 431800 h 2217420"/>
              <a:gd name="connsiteX4" fmla="*/ 846950 w 1225123"/>
              <a:gd name="connsiteY4" fmla="*/ 685587 h 2217420"/>
              <a:gd name="connsiteX5" fmla="*/ 518668 w 1225123"/>
              <a:gd name="connsiteY5" fmla="*/ 1816100 h 2217420"/>
              <a:gd name="connsiteX6" fmla="*/ 0 w 1225123"/>
              <a:gd name="connsiteY6" fmla="*/ 2217420 h 2217420"/>
              <a:gd name="connsiteX0" fmla="*/ 1039368 w 1258236"/>
              <a:gd name="connsiteY0" fmla="*/ 0 h 2217420"/>
              <a:gd name="connsiteX1" fmla="*/ 1208838 w 1258236"/>
              <a:gd name="connsiteY1" fmla="*/ 162408 h 2217420"/>
              <a:gd name="connsiteX2" fmla="*/ 1256030 w 1258236"/>
              <a:gd name="connsiteY2" fmla="*/ 273305 h 2217420"/>
              <a:gd name="connsiteX3" fmla="*/ 1153668 w 1258236"/>
              <a:gd name="connsiteY3" fmla="*/ 431800 h 2217420"/>
              <a:gd name="connsiteX4" fmla="*/ 846950 w 1258236"/>
              <a:gd name="connsiteY4" fmla="*/ 685587 h 2217420"/>
              <a:gd name="connsiteX5" fmla="*/ 518668 w 1258236"/>
              <a:gd name="connsiteY5" fmla="*/ 1816100 h 2217420"/>
              <a:gd name="connsiteX6" fmla="*/ 0 w 1258236"/>
              <a:gd name="connsiteY6" fmla="*/ 2217420 h 2217420"/>
              <a:gd name="connsiteX0" fmla="*/ 1057656 w 1258049"/>
              <a:gd name="connsiteY0" fmla="*/ 0 h 2341778"/>
              <a:gd name="connsiteX1" fmla="*/ 1208838 w 1258049"/>
              <a:gd name="connsiteY1" fmla="*/ 286766 h 2341778"/>
              <a:gd name="connsiteX2" fmla="*/ 1256030 w 1258049"/>
              <a:gd name="connsiteY2" fmla="*/ 397663 h 2341778"/>
              <a:gd name="connsiteX3" fmla="*/ 1153668 w 1258049"/>
              <a:gd name="connsiteY3" fmla="*/ 556158 h 2341778"/>
              <a:gd name="connsiteX4" fmla="*/ 846950 w 1258049"/>
              <a:gd name="connsiteY4" fmla="*/ 809945 h 2341778"/>
              <a:gd name="connsiteX5" fmla="*/ 518668 w 1258049"/>
              <a:gd name="connsiteY5" fmla="*/ 1940458 h 2341778"/>
              <a:gd name="connsiteX6" fmla="*/ 0 w 1258049"/>
              <a:gd name="connsiteY6" fmla="*/ 2341778 h 2341778"/>
              <a:gd name="connsiteX0" fmla="*/ 1057656 w 1258226"/>
              <a:gd name="connsiteY0" fmla="*/ 0 h 2341778"/>
              <a:gd name="connsiteX1" fmla="*/ 1040232 w 1258226"/>
              <a:gd name="connsiteY1" fmla="*/ 134316 h 2341778"/>
              <a:gd name="connsiteX2" fmla="*/ 1208838 w 1258226"/>
              <a:gd name="connsiteY2" fmla="*/ 286766 h 2341778"/>
              <a:gd name="connsiteX3" fmla="*/ 1256030 w 1258226"/>
              <a:gd name="connsiteY3" fmla="*/ 397663 h 2341778"/>
              <a:gd name="connsiteX4" fmla="*/ 1153668 w 1258226"/>
              <a:gd name="connsiteY4" fmla="*/ 556158 h 2341778"/>
              <a:gd name="connsiteX5" fmla="*/ 846950 w 1258226"/>
              <a:gd name="connsiteY5" fmla="*/ 809945 h 2341778"/>
              <a:gd name="connsiteX6" fmla="*/ 518668 w 1258226"/>
              <a:gd name="connsiteY6" fmla="*/ 1940458 h 2341778"/>
              <a:gd name="connsiteX7" fmla="*/ 0 w 1258226"/>
              <a:gd name="connsiteY7" fmla="*/ 2341778 h 234177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46950 w 1258226"/>
              <a:gd name="connsiteY5" fmla="*/ 82457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87183 w 1258226"/>
              <a:gd name="connsiteY5" fmla="*/ 861151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25004 w 1258226"/>
              <a:gd name="connsiteY5" fmla="*/ 99282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40879 w 1258226"/>
              <a:gd name="connsiteY5" fmla="*/ 1040374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26249 w 1258226"/>
              <a:gd name="connsiteY5" fmla="*/ 1036716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279907 w 1258226"/>
              <a:gd name="connsiteY7" fmla="*/ 2216709 h 2356408"/>
              <a:gd name="connsiteX8" fmla="*/ 0 w 1258226"/>
              <a:gd name="connsiteY8"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279907 w 1258226"/>
              <a:gd name="connsiteY7" fmla="*/ 2216709 h 2356408"/>
              <a:gd name="connsiteX8" fmla="*/ 0 w 1258226"/>
              <a:gd name="connsiteY8" fmla="*/ 2356408 h 2356408"/>
              <a:gd name="connsiteX0" fmla="*/ 958139 w 1147736"/>
              <a:gd name="connsiteY0" fmla="*/ 0 h 2312593"/>
              <a:gd name="connsiteX1" fmla="*/ 929742 w 1147736"/>
              <a:gd name="connsiteY1" fmla="*/ 148946 h 2312593"/>
              <a:gd name="connsiteX2" fmla="*/ 1098348 w 1147736"/>
              <a:gd name="connsiteY2" fmla="*/ 301396 h 2312593"/>
              <a:gd name="connsiteX3" fmla="*/ 1145540 w 1147736"/>
              <a:gd name="connsiteY3" fmla="*/ 412293 h 2312593"/>
              <a:gd name="connsiteX4" fmla="*/ 1043178 w 1147736"/>
              <a:gd name="connsiteY4" fmla="*/ 570788 h 2312593"/>
              <a:gd name="connsiteX5" fmla="*/ 626731 w 1147736"/>
              <a:gd name="connsiteY5" fmla="*/ 1047689 h 2312593"/>
              <a:gd name="connsiteX6" fmla="*/ 408178 w 1147736"/>
              <a:gd name="connsiteY6" fmla="*/ 1955088 h 2312593"/>
              <a:gd name="connsiteX7" fmla="*/ 169417 w 1147736"/>
              <a:gd name="connsiteY7" fmla="*/ 2216709 h 2312593"/>
              <a:gd name="connsiteX8" fmla="*/ 0 w 1147736"/>
              <a:gd name="connsiteY8" fmla="*/ 2312593 h 231259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89407 w 1067726"/>
              <a:gd name="connsiteY7" fmla="*/ 2216709 h 2365933"/>
              <a:gd name="connsiteX8" fmla="*/ 0 w 1067726"/>
              <a:gd name="connsiteY8" fmla="*/ 2365933 h 236593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112267 w 1067726"/>
              <a:gd name="connsiteY7" fmla="*/ 2226234 h 2365933"/>
              <a:gd name="connsiteX8" fmla="*/ 0 w 1067726"/>
              <a:gd name="connsiteY8" fmla="*/ 2365933 h 236593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123697 w 1067726"/>
              <a:gd name="connsiteY7" fmla="*/ 2231949 h 2365933"/>
              <a:gd name="connsiteX8" fmla="*/ 0 w 1067726"/>
              <a:gd name="connsiteY8" fmla="*/ 2365933 h 2365933"/>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87502 w 1031531"/>
              <a:gd name="connsiteY7" fmla="*/ 2231949 h 2386888"/>
              <a:gd name="connsiteX8" fmla="*/ 0 w 1031531"/>
              <a:gd name="connsiteY8" fmla="*/ 2386888 h 2386888"/>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114172 w 1031531"/>
              <a:gd name="connsiteY7" fmla="*/ 2245284 h 2386888"/>
              <a:gd name="connsiteX8" fmla="*/ 0 w 1031531"/>
              <a:gd name="connsiteY8" fmla="*/ 2386888 h 2386888"/>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129412 w 1031531"/>
              <a:gd name="connsiteY7" fmla="*/ 2245284 h 2386888"/>
              <a:gd name="connsiteX8" fmla="*/ 0 w 1031531"/>
              <a:gd name="connsiteY8" fmla="*/ 2386888 h 23868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31531" h="2386888">
                <a:moveTo>
                  <a:pt x="841934" y="0"/>
                </a:moveTo>
                <a:cubicBezTo>
                  <a:pt x="853051" y="15680"/>
                  <a:pt x="788340" y="101152"/>
                  <a:pt x="813537" y="148946"/>
                </a:cubicBezTo>
                <a:cubicBezTo>
                  <a:pt x="838734" y="196740"/>
                  <a:pt x="946177" y="257505"/>
                  <a:pt x="982143" y="301396"/>
                </a:cubicBezTo>
                <a:cubicBezTo>
                  <a:pt x="1018109" y="345287"/>
                  <a:pt x="1038530" y="367394"/>
                  <a:pt x="1029335" y="412293"/>
                </a:cubicBezTo>
                <a:cubicBezTo>
                  <a:pt x="1020140" y="457192"/>
                  <a:pt x="1013441" y="464889"/>
                  <a:pt x="926973" y="570788"/>
                </a:cubicBezTo>
                <a:cubicBezTo>
                  <a:pt x="840505" y="676687"/>
                  <a:pt x="563809" y="922076"/>
                  <a:pt x="510526" y="1047689"/>
                </a:cubicBezTo>
                <a:cubicBezTo>
                  <a:pt x="457243" y="1173302"/>
                  <a:pt x="368192" y="1760252"/>
                  <a:pt x="291973" y="1955088"/>
                </a:cubicBezTo>
                <a:cubicBezTo>
                  <a:pt x="215754" y="2149924"/>
                  <a:pt x="215857" y="2178397"/>
                  <a:pt x="129412" y="2245284"/>
                </a:cubicBezTo>
                <a:cubicBezTo>
                  <a:pt x="48682" y="2315981"/>
                  <a:pt x="46651" y="2363605"/>
                  <a:pt x="0" y="2386888"/>
                </a:cubicBezTo>
              </a:path>
            </a:pathLst>
          </a:custGeom>
          <a:noFill/>
          <a:ln w="19050">
            <a:solidFill>
              <a:srgbClr val="66FF33"/>
            </a:solidFill>
            <a:prstDash val="sysDash"/>
          </a:ln>
          <a:effectLst>
            <a:glow rad="63500">
              <a:schemeClr val="bg1">
                <a:alpha val="40000"/>
              </a:schemeClr>
            </a:glo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a:defRPr/>
            </a:pPr>
            <a:r>
              <a:rPr lang="en-US" sz="1400" b="1" i="1" dirty="0">
                <a:solidFill>
                  <a:srgbClr val="FFC000"/>
                </a:solidFill>
                <a:effectLst>
                  <a:glow rad="101600">
                    <a:prstClr val="black">
                      <a:alpha val="60000"/>
                    </a:prstClr>
                  </a:glow>
                </a:effectLst>
              </a:rPr>
              <a:t>Preliminary Subject to Revision</a:t>
            </a:r>
          </a:p>
        </p:txBody>
      </p:sp>
      <p:sp>
        <p:nvSpPr>
          <p:cNvPr id="78" name="Tunnel - Text Box"/>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Tunnels</a:t>
            </a:r>
          </a:p>
        </p:txBody>
      </p:sp>
      <p:sp>
        <p:nvSpPr>
          <p:cNvPr id="66" name="SJ River Textbox"/>
          <p:cNvSpPr txBox="1">
            <a:spLocks noChangeArrowheads="1"/>
          </p:cNvSpPr>
          <p:nvPr/>
        </p:nvSpPr>
        <p:spPr bwMode="invGray">
          <a:xfrm>
            <a:off x="7315200" y="55626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a:solidFill>
                  <a:prstClr val="white"/>
                </a:solidFill>
              </a:rPr>
              <a:t>SJ </a:t>
            </a:r>
            <a:r>
              <a:rPr lang="en-US" sz="2000" b="1" dirty="0" smtClean="0">
                <a:solidFill>
                  <a:prstClr val="white"/>
                </a:solidFill>
              </a:rPr>
              <a:t>River</a:t>
            </a:r>
          </a:p>
        </p:txBody>
      </p:sp>
      <p:sp>
        <p:nvSpPr>
          <p:cNvPr id="108" name="Thru-Delta - Text Box" hidden="1"/>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hangingPunct="0">
              <a:spcBef>
                <a:spcPct val="50000"/>
              </a:spcBef>
              <a:defRPr/>
            </a:pPr>
            <a:r>
              <a:rPr lang="en-US" sz="2400" b="1" dirty="0">
                <a:solidFill>
                  <a:prstClr val="white"/>
                </a:solidFill>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hangingPunct="0">
              <a:spcBef>
                <a:spcPct val="50000"/>
              </a:spcBef>
              <a:defRPr/>
            </a:pPr>
            <a:r>
              <a:rPr lang="en-US" sz="2400" b="1" dirty="0">
                <a:solidFill>
                  <a:prstClr val="white"/>
                </a:solidFill>
              </a:rPr>
              <a:t>SWP Pumps</a:t>
            </a:r>
          </a:p>
        </p:txBody>
      </p:sp>
      <p:sp>
        <p:nvSpPr>
          <p:cNvPr id="54" name="Sacramento Textbox"/>
          <p:cNvSpPr txBox="1">
            <a:spLocks noChangeArrowheads="1"/>
          </p:cNvSpPr>
          <p:nvPr/>
        </p:nvSpPr>
        <p:spPr bwMode="invGray">
          <a:xfrm>
            <a:off x="5943600" y="2590800"/>
            <a:ext cx="23622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acramento</a:t>
            </a:r>
          </a:p>
        </p:txBody>
      </p:sp>
      <p:sp>
        <p:nvSpPr>
          <p:cNvPr id="53" name="Stockton Textbox" hidden="1"/>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tockton</a:t>
            </a:r>
          </a:p>
        </p:txBody>
      </p:sp>
      <p:sp>
        <p:nvSpPr>
          <p:cNvPr id="52" name="Sac River  Textbox"/>
          <p:cNvSpPr txBox="1">
            <a:spLocks noChangeArrowheads="1"/>
          </p:cNvSpPr>
          <p:nvPr/>
        </p:nvSpPr>
        <p:spPr bwMode="invGray">
          <a:xfrm>
            <a:off x="2552700"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a:solidFill>
                  <a:prstClr val="white"/>
                </a:solidFill>
              </a:rPr>
              <a:t>Sac </a:t>
            </a:r>
            <a:r>
              <a:rPr lang="en-US" sz="2000" b="1" dirty="0" smtClean="0">
                <a:solidFill>
                  <a:prstClr val="white"/>
                </a:solidFill>
              </a:rPr>
              <a:t>River</a:t>
            </a:r>
          </a:p>
        </p:txBody>
      </p:sp>
      <p:sp>
        <p:nvSpPr>
          <p:cNvPr id="75" name="West Canal - Text Box" hidden="1"/>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West Canal</a:t>
            </a:r>
          </a:p>
        </p:txBody>
      </p:sp>
      <p:sp>
        <p:nvSpPr>
          <p:cNvPr id="77" name="East Canal - Text Box" hidden="1"/>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East Canal</a:t>
            </a:r>
          </a:p>
        </p:txBody>
      </p:sp>
      <p:grpSp>
        <p:nvGrpSpPr>
          <p:cNvPr id="88" name="Intakes"/>
          <p:cNvGrpSpPr/>
          <p:nvPr/>
        </p:nvGrpSpPr>
        <p:grpSpPr>
          <a:xfrm>
            <a:off x="4973171" y="3263900"/>
            <a:ext cx="343535" cy="287655"/>
            <a:chOff x="4975548" y="3264947"/>
            <a:chExt cx="343535" cy="287655"/>
          </a:xfrm>
        </p:grpSpPr>
        <p:sp>
          <p:nvSpPr>
            <p:cNvPr id="90" name="Intake 4"/>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91" name="Intake 3"/>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92" name="Intake 1"/>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sp>
        <p:nvSpPr>
          <p:cNvPr id="128" name="Afterbay Connection to CVP" hidden="1"/>
          <p:cNvSpPr>
            <a:spLocks/>
          </p:cNvSpPr>
          <p:nvPr/>
        </p:nvSpPr>
        <p:spPr bwMode="auto">
          <a:xfrm>
            <a:off x="4061800" y="6132931"/>
            <a:ext cx="265049" cy="12949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129" name="Eastside Afterbay" hidden="1"/>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Red Rectangle - North Delta" hidden="1"/>
          <p:cNvSpPr/>
          <p:nvPr/>
        </p:nvSpPr>
        <p:spPr bwMode="auto">
          <a:xfrm>
            <a:off x="4754569" y="3174479"/>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2" name="Red Rectangle - North Delta" hidden="1"/>
          <p:cNvSpPr/>
          <p:nvPr/>
        </p:nvSpPr>
        <p:spPr bwMode="auto">
          <a:xfrm>
            <a:off x="3429000" y="5867400"/>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6" name="Freeform 9" hidden="1"/>
          <p:cNvSpPr>
            <a:spLocks/>
          </p:cNvSpPr>
          <p:nvPr/>
        </p:nvSpPr>
        <p:spPr bwMode="auto">
          <a:xfrm>
            <a:off x="4209992" y="6101785"/>
            <a:ext cx="215954" cy="878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92D050"/>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black"/>
              </a:solidFill>
              <a:latin typeface="Arial" charset="0"/>
              <a:cs typeface="Arial" charset="0"/>
            </a:endParaRPr>
          </a:p>
        </p:txBody>
      </p:sp>
      <p:sp>
        <p:nvSpPr>
          <p:cNvPr id="137" name="Oval 17"/>
          <p:cNvSpPr>
            <a:spLocks noChangeAspect="1" noChangeArrowheads="1"/>
          </p:cNvSpPr>
          <p:nvPr/>
        </p:nvSpPr>
        <p:spPr bwMode="invGray">
          <a:xfrm>
            <a:off x="3746125" y="6056081"/>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8" name="Oval 17"/>
          <p:cNvSpPr>
            <a:spLocks noChangeAspect="1" noChangeArrowheads="1"/>
          </p:cNvSpPr>
          <p:nvPr/>
        </p:nvSpPr>
        <p:spPr bwMode="invGray">
          <a:xfrm>
            <a:off x="4038600" y="6172200"/>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9" name="Freeform 138" hidden="1"/>
          <p:cNvSpPr/>
          <p:nvPr/>
        </p:nvSpPr>
        <p:spPr bwMode="auto">
          <a:xfrm>
            <a:off x="4159928" y="5974461"/>
            <a:ext cx="422791" cy="109728"/>
          </a:xfrm>
          <a:custGeom>
            <a:avLst/>
            <a:gdLst>
              <a:gd name="connsiteX0" fmla="*/ 175565 w 186538"/>
              <a:gd name="connsiteY0" fmla="*/ 0 h 109728"/>
              <a:gd name="connsiteX1" fmla="*/ 142646 w 186538"/>
              <a:gd name="connsiteY1" fmla="*/ 10973 h 109728"/>
              <a:gd name="connsiteX2" fmla="*/ 54864 w 186538"/>
              <a:gd name="connsiteY2" fmla="*/ 21946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6538" h="109728">
                <a:moveTo>
                  <a:pt x="175565" y="0"/>
                </a:moveTo>
                <a:lnTo>
                  <a:pt x="142646" y="10973"/>
                </a:lnTo>
                <a:lnTo>
                  <a:pt x="54864" y="21946"/>
                </a:lnTo>
                <a:lnTo>
                  <a:pt x="0" y="76810"/>
                </a:lnTo>
                <a:lnTo>
                  <a:pt x="40234" y="109728"/>
                </a:lnTo>
                <a:lnTo>
                  <a:pt x="117043" y="102413"/>
                </a:lnTo>
                <a:lnTo>
                  <a:pt x="175565" y="102413"/>
                </a:lnTo>
                <a:lnTo>
                  <a:pt x="186538" y="62179"/>
                </a:lnTo>
                <a:lnTo>
                  <a:pt x="175565" y="0"/>
                </a:lnTo>
                <a:close/>
              </a:path>
            </a:pathLst>
          </a:custGeom>
          <a:solidFill>
            <a:srgbClr val="0070C0"/>
          </a:solidFill>
          <a:ln w="1905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40" name="Text Box 16"/>
          <p:cNvSpPr txBox="1">
            <a:spLocks noChangeArrowheads="1"/>
          </p:cNvSpPr>
          <p:nvPr/>
        </p:nvSpPr>
        <p:spPr bwMode="invGray">
          <a:xfrm>
            <a:off x="1295400" y="5867400"/>
            <a:ext cx="2209800" cy="400110"/>
          </a:xfrm>
          <a:prstGeom prst="rect">
            <a:avLst/>
          </a:prstGeom>
          <a:noFill/>
          <a:ln w="9525">
            <a:noFill/>
            <a:miter lim="800000"/>
            <a:headEnd/>
            <a:tailEnd/>
          </a:ln>
          <a:effectLst>
            <a:outerShdw blurRad="50800" dist="38100" dir="2700000" algn="tl" rotWithShape="0">
              <a:prstClr val="black"/>
            </a:outerShdw>
          </a:effectLst>
        </p:spPr>
        <p:txBody>
          <a:bodyPr>
            <a:spAutoFit/>
          </a:bodyPr>
          <a:lstStyle/>
          <a:p>
            <a:pPr algn="r" eaLnBrk="0" hangingPunct="0">
              <a:spcBef>
                <a:spcPct val="50000"/>
              </a:spcBef>
              <a:defRPr/>
            </a:pPr>
            <a:r>
              <a:rPr lang="en-US" sz="2000" b="1" dirty="0">
                <a:solidFill>
                  <a:prstClr val="white"/>
                </a:solidFill>
                <a:effectLst>
                  <a:outerShdw blurRad="50800" dist="38100" dir="2700000" algn="tl" rotWithShape="0">
                    <a:prstClr val="black"/>
                  </a:outerShdw>
                </a:effectLst>
                <a:latin typeface="Arial Black" pitchFamily="34" charset="0"/>
                <a:cs typeface="Arial" charset="0"/>
              </a:rPr>
              <a:t>SWP Pumps</a:t>
            </a:r>
          </a:p>
        </p:txBody>
      </p:sp>
      <p:sp>
        <p:nvSpPr>
          <p:cNvPr id="141" name="Text Box 16"/>
          <p:cNvSpPr txBox="1">
            <a:spLocks noChangeArrowheads="1"/>
          </p:cNvSpPr>
          <p:nvPr/>
        </p:nvSpPr>
        <p:spPr bwMode="invGray">
          <a:xfrm>
            <a:off x="2078038" y="6172200"/>
            <a:ext cx="2209800" cy="400110"/>
          </a:xfrm>
          <a:prstGeom prst="rect">
            <a:avLst/>
          </a:prstGeom>
          <a:noFill/>
          <a:ln w="9525">
            <a:noFill/>
            <a:miter lim="800000"/>
            <a:headEnd/>
            <a:tailEnd/>
          </a:ln>
          <a:effectLst>
            <a:outerShdw blurRad="50800" dist="38100" dir="2700000" algn="tl" rotWithShape="0">
              <a:prstClr val="black"/>
            </a:outerShdw>
          </a:effectLst>
        </p:spPr>
        <p:txBody>
          <a:bodyPr>
            <a:spAutoFit/>
          </a:bodyPr>
          <a:lstStyle>
            <a:defPPr>
              <a:defRPr lang="en-US"/>
            </a:defPPr>
            <a:lvl1pPr algn="r" eaLnBrk="0" hangingPunct="0">
              <a:spcBef>
                <a:spcPct val="50000"/>
              </a:spcBef>
              <a:defRPr sz="2000" b="1">
                <a:solidFill>
                  <a:prstClr val="white"/>
                </a:solidFill>
                <a:effectLst>
                  <a:outerShdw blurRad="50800" dist="38100" dir="2700000" algn="tl" rotWithShape="0">
                    <a:prstClr val="black"/>
                  </a:outerShdw>
                </a:effectLst>
                <a:latin typeface="Arial Black" pitchFamily="34" charset="0"/>
                <a:cs typeface="Arial" charset="0"/>
              </a:defRPr>
            </a:lvl1pPr>
          </a:lstStyle>
          <a:p>
            <a:r>
              <a:rPr lang="en-US" dirty="0"/>
              <a:t>CVP Pumps</a:t>
            </a:r>
          </a:p>
        </p:txBody>
      </p:sp>
      <p:sp>
        <p:nvSpPr>
          <p:cNvPr id="133" name="Rounded Rectangle 132" hidden="1"/>
          <p:cNvSpPr/>
          <p:nvPr/>
        </p:nvSpPr>
        <p:spPr bwMode="auto">
          <a:xfrm>
            <a:off x="4953000" y="5201383"/>
            <a:ext cx="3977391" cy="1332034"/>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80000"/>
              </a:lnSpc>
              <a:spcAft>
                <a:spcPts val="600"/>
              </a:spcAft>
            </a:pPr>
            <a:r>
              <a:rPr lang="en-US" sz="2400" b="1" dirty="0" smtClean="0">
                <a:solidFill>
                  <a:prstClr val="white"/>
                </a:solidFill>
              </a:rPr>
              <a:t>South Delta</a:t>
            </a:r>
            <a:endParaRPr lang="en-US" sz="2400" b="1" dirty="0">
              <a:solidFill>
                <a:prstClr val="white"/>
              </a:solidFill>
            </a:endParaRPr>
          </a:p>
          <a:p>
            <a:pPr marL="228600" indent="-228600" defTabSz="912813" eaLnBrk="0" hangingPunct="0">
              <a:lnSpc>
                <a:spcPct val="80000"/>
              </a:lnSpc>
              <a:spcAft>
                <a:spcPts val="600"/>
              </a:spcAft>
              <a:buFontTx/>
              <a:buBlip>
                <a:blip r:embed="rId4"/>
              </a:buBlip>
            </a:pPr>
            <a:r>
              <a:rPr lang="en-US" sz="2200" dirty="0">
                <a:solidFill>
                  <a:prstClr val="white"/>
                </a:solidFill>
              </a:rPr>
              <a:t>Reduces reverse </a:t>
            </a:r>
            <a:r>
              <a:rPr lang="en-US" sz="2200" dirty="0" smtClean="0">
                <a:solidFill>
                  <a:prstClr val="white"/>
                </a:solidFill>
              </a:rPr>
              <a:t>flows in river </a:t>
            </a:r>
          </a:p>
          <a:p>
            <a:pPr marL="228600" indent="-228600" defTabSz="912813" eaLnBrk="0" hangingPunct="0">
              <a:lnSpc>
                <a:spcPct val="80000"/>
              </a:lnSpc>
              <a:spcAft>
                <a:spcPts val="600"/>
              </a:spcAft>
              <a:buFontTx/>
              <a:buBlip>
                <a:blip r:embed="rId4"/>
              </a:buBlip>
            </a:pPr>
            <a:r>
              <a:rPr lang="en-US" sz="2200" dirty="0" smtClean="0">
                <a:solidFill>
                  <a:prstClr val="white"/>
                </a:solidFill>
              </a:rPr>
              <a:t>Less fish salvage at pumps</a:t>
            </a:r>
          </a:p>
        </p:txBody>
      </p:sp>
      <p:sp>
        <p:nvSpPr>
          <p:cNvPr id="142" name="Rounded Rectangle 141" hidden="1"/>
          <p:cNvSpPr/>
          <p:nvPr/>
        </p:nvSpPr>
        <p:spPr bwMode="auto">
          <a:xfrm>
            <a:off x="212308" y="1507565"/>
            <a:ext cx="4105661" cy="1951915"/>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80000"/>
              </a:lnSpc>
              <a:spcAft>
                <a:spcPts val="600"/>
              </a:spcAft>
            </a:pPr>
            <a:r>
              <a:rPr lang="en-US" sz="2400" b="1" dirty="0" smtClean="0">
                <a:solidFill>
                  <a:prstClr val="white"/>
                </a:solidFill>
              </a:rPr>
              <a:t>North Delta</a:t>
            </a:r>
            <a:endParaRPr lang="en-US" sz="2400" b="1" dirty="0">
              <a:solidFill>
                <a:prstClr val="white"/>
              </a:solidFill>
            </a:endParaRPr>
          </a:p>
          <a:p>
            <a:pPr marL="228600" indent="-228600" defTabSz="912813" eaLnBrk="0" hangingPunct="0">
              <a:lnSpc>
                <a:spcPct val="80000"/>
              </a:lnSpc>
              <a:spcAft>
                <a:spcPts val="600"/>
              </a:spcAft>
              <a:buFontTx/>
              <a:buBlip>
                <a:blip r:embed="rId4"/>
              </a:buBlip>
            </a:pPr>
            <a:r>
              <a:rPr lang="en-US" sz="2200" dirty="0" smtClean="0">
                <a:solidFill>
                  <a:prstClr val="white"/>
                </a:solidFill>
              </a:rPr>
              <a:t>Modern intake screens allow fish to bypass without salvage</a:t>
            </a:r>
            <a:endParaRPr lang="en-US" sz="2200" dirty="0">
              <a:solidFill>
                <a:prstClr val="white"/>
              </a:solidFill>
            </a:endParaRPr>
          </a:p>
          <a:p>
            <a:pPr marL="228600" indent="-228600" defTabSz="912813" eaLnBrk="0" hangingPunct="0">
              <a:lnSpc>
                <a:spcPct val="80000"/>
              </a:lnSpc>
              <a:spcAft>
                <a:spcPts val="600"/>
              </a:spcAft>
              <a:buFontTx/>
              <a:buBlip>
                <a:blip r:embed="rId4"/>
              </a:buBlip>
            </a:pPr>
            <a:r>
              <a:rPr lang="en-US" sz="2200" dirty="0" smtClean="0">
                <a:solidFill>
                  <a:prstClr val="white"/>
                </a:solidFill>
              </a:rPr>
              <a:t>Flexibility to divert excess flood flows &amp; reduce fish impacts during low flow periods</a:t>
            </a:r>
            <a:endParaRPr lang="en-US" sz="2200" dirty="0">
              <a:solidFill>
                <a:prstClr val="white"/>
              </a:solidFill>
            </a:endParaRPr>
          </a:p>
        </p:txBody>
      </p:sp>
      <p:sp>
        <p:nvSpPr>
          <p:cNvPr id="145" name="Slide Number Placeholder 3"/>
          <p:cNvSpPr>
            <a:spLocks noGrp="1"/>
          </p:cNvSpPr>
          <p:nvPr>
            <p:ph type="sldNum" sz="quarter" idx="4294967295"/>
          </p:nvPr>
        </p:nvSpPr>
        <p:spPr>
          <a:xfrm>
            <a:off x="8458200" y="6427788"/>
            <a:ext cx="685800" cy="365125"/>
          </a:xfrm>
          <a:prstGeom prst="rect">
            <a:avLst/>
          </a:prstGeom>
        </p:spPr>
        <p:txBody>
          <a:bodyPr/>
          <a:lstStyle/>
          <a:p>
            <a:pPr algn="ctr">
              <a:defRPr/>
            </a:pPr>
            <a:fld id="{C0EB94D2-C09E-4D1C-9021-245F4B6DCC28}" type="slidenum">
              <a:rPr lang="en-US" smtClean="0">
                <a:solidFill>
                  <a:prstClr val="white"/>
                </a:solidFill>
              </a:rPr>
              <a:pPr algn="ctr">
                <a:defRPr/>
              </a:pPr>
              <a:t>3</a:t>
            </a:fld>
            <a:endParaRPr lang="en-US" dirty="0">
              <a:solidFill>
                <a:prstClr val="white"/>
              </a:solidFill>
            </a:endParaRPr>
          </a:p>
        </p:txBody>
      </p:sp>
      <p:sp>
        <p:nvSpPr>
          <p:cNvPr id="130" name="Slide Title"/>
          <p:cNvSpPr txBox="1">
            <a:spLocks noChangeArrowheads="1"/>
          </p:cNvSpPr>
          <p:nvPr/>
        </p:nvSpPr>
        <p:spPr bwMode="invGray">
          <a:xfrm>
            <a:off x="90402" y="76200"/>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r" defTabSz="914363">
              <a:lnSpc>
                <a:spcPct val="80000"/>
              </a:lnSpc>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California WaterFix</a:t>
            </a:r>
          </a:p>
          <a:p>
            <a:pPr algn="r" defTabSz="914363">
              <a:lnSpc>
                <a:spcPct val="80000"/>
              </a:lnSpc>
              <a:defRPr/>
            </a:pPr>
            <a:r>
              <a:rPr lang="en-US" sz="3600" b="1" spc="-150" dirty="0" smtClean="0">
                <a:ln w="3175">
                  <a:noFill/>
                </a:ln>
                <a:solidFill>
                  <a:prstClr val="white"/>
                </a:solidFill>
                <a:effectLst>
                  <a:outerShdw blurRad="50800" dist="50800" dir="2700000" algn="tl" rotWithShape="0">
                    <a:prstClr val="black"/>
                  </a:outerShdw>
                </a:effectLst>
                <a:latin typeface="Calibri"/>
                <a:cs typeface="Arial" charset="0"/>
              </a:rPr>
              <a:t>Proposed Conveyance</a:t>
            </a:r>
            <a:endParaRPr lang="en-US" sz="3600" b="1" spc="-150" dirty="0">
              <a:ln w="3175">
                <a:noFill/>
              </a:ln>
              <a:solidFill>
                <a:prstClr val="white"/>
              </a:solidFill>
              <a:effectLst>
                <a:outerShdw blurRad="50800" dist="50800" dir="2700000" algn="tl" rotWithShape="0">
                  <a:prstClr val="black"/>
                </a:outerShdw>
              </a:effectLst>
              <a:latin typeface="Calibri"/>
              <a:cs typeface="Arial" charset="0"/>
            </a:endParaRPr>
          </a:p>
        </p:txBody>
      </p:sp>
      <p:sp>
        <p:nvSpPr>
          <p:cNvPr id="134" name="X-Channel Textbox" hidden="1"/>
          <p:cNvSpPr txBox="1">
            <a:spLocks noChangeArrowheads="1"/>
          </p:cNvSpPr>
          <p:nvPr/>
        </p:nvSpPr>
        <p:spPr bwMode="invGray">
          <a:xfrm>
            <a:off x="5523628" y="3321367"/>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smtClean="0">
                <a:solidFill>
                  <a:prstClr val="white"/>
                </a:solidFill>
              </a:rPr>
              <a:t>X-Channel</a:t>
            </a:r>
          </a:p>
          <a:p>
            <a:pPr algn="ctr" eaLnBrk="0" hangingPunct="0">
              <a:lnSpc>
                <a:spcPct val="90000"/>
              </a:lnSpc>
              <a:spcBef>
                <a:spcPts val="0"/>
              </a:spcBef>
              <a:buClr>
                <a:srgbClr val="A116E0"/>
              </a:buClr>
              <a:buSzPct val="140000"/>
              <a:buFont typeface="Wingdings" pitchFamily="2" charset="2"/>
              <a:buNone/>
              <a:defRPr/>
            </a:pPr>
            <a:r>
              <a:rPr lang="en-US" sz="1600" b="1" i="1" dirty="0" smtClean="0">
                <a:solidFill>
                  <a:prstClr val="white"/>
                </a:solidFill>
              </a:rPr>
              <a:t>Gates Closed</a:t>
            </a:r>
            <a:endParaRPr lang="en-US" sz="1600" b="1" i="1" dirty="0">
              <a:solidFill>
                <a:prstClr val="white"/>
              </a:solidFill>
            </a:endParaRPr>
          </a:p>
        </p:txBody>
      </p:sp>
      <p:sp>
        <p:nvSpPr>
          <p:cNvPr id="135" name="OMR  Textbox" hidden="1"/>
          <p:cNvSpPr txBox="1">
            <a:spLocks noChangeArrowheads="1"/>
          </p:cNvSpPr>
          <p:nvPr/>
        </p:nvSpPr>
        <p:spPr bwMode="invGray">
          <a:xfrm>
            <a:off x="2824104" y="4632697"/>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80000"/>
              </a:lnSpc>
              <a:spcBef>
                <a:spcPts val="0"/>
              </a:spcBef>
              <a:buClr>
                <a:srgbClr val="A116E0"/>
              </a:buClr>
              <a:buSzPct val="140000"/>
              <a:buFont typeface="Wingdings" pitchFamily="2" charset="2"/>
              <a:buNone/>
              <a:defRPr/>
            </a:pPr>
            <a:r>
              <a:rPr lang="en-US" sz="2000" b="1" dirty="0" smtClean="0">
                <a:solidFill>
                  <a:prstClr val="white"/>
                </a:solidFill>
              </a:rPr>
              <a:t>Old &amp; Middle River</a:t>
            </a:r>
          </a:p>
          <a:p>
            <a:pPr algn="ctr" eaLnBrk="0" hangingPunct="0">
              <a:lnSpc>
                <a:spcPct val="80000"/>
              </a:lnSpc>
              <a:spcBef>
                <a:spcPts val="0"/>
              </a:spcBef>
              <a:buClr>
                <a:srgbClr val="A116E0"/>
              </a:buClr>
              <a:buSzPct val="140000"/>
              <a:buFont typeface="Wingdings" pitchFamily="2" charset="2"/>
              <a:buNone/>
              <a:defRPr/>
            </a:pPr>
            <a:r>
              <a:rPr lang="en-US" sz="1600" b="1" i="1" dirty="0" smtClean="0">
                <a:solidFill>
                  <a:prstClr val="white"/>
                </a:solidFill>
              </a:rPr>
              <a:t>- 2,500 cfs limit</a:t>
            </a:r>
            <a:endParaRPr lang="en-US" sz="1600" b="1" i="1" dirty="0">
              <a:solidFill>
                <a:prstClr val="white"/>
              </a:solidFill>
            </a:endParaRPr>
          </a:p>
        </p:txBody>
      </p:sp>
      <p:sp>
        <p:nvSpPr>
          <p:cNvPr id="143" name="Rounded Rectangle 142"/>
          <p:cNvSpPr/>
          <p:nvPr/>
        </p:nvSpPr>
        <p:spPr bwMode="auto">
          <a:xfrm>
            <a:off x="4953000" y="5201383"/>
            <a:ext cx="3977391" cy="1332034"/>
          </a:xfrm>
          <a:prstGeom prst="roundRect">
            <a:avLst>
              <a:gd name="adj" fmla="val 11958"/>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45720" tIns="45718" rIns="45720" bIns="45718" numCol="1" rtlCol="0" anchor="ctr" anchorCtr="0" compatLnSpc="1">
            <a:prstTxWarp prst="textNoShape">
              <a:avLst/>
            </a:prstTxWarp>
          </a:bodyPr>
          <a:lstStyle/>
          <a:p>
            <a:pPr marL="228600" marR="0" lvl="0" indent="-228600" defTabSz="912813" eaLnBrk="0" fontAlgn="auto" latinLnBrk="0" hangingPunct="0">
              <a:lnSpc>
                <a:spcPct val="80000"/>
              </a:lnSpc>
              <a:spcBef>
                <a:spcPts val="0"/>
              </a:spcBef>
              <a:spcAft>
                <a:spcPts val="600"/>
              </a:spcAft>
              <a:buClrTx/>
              <a:buSzTx/>
              <a:buFontTx/>
              <a:buNone/>
              <a:tabLst/>
              <a:defRPr/>
            </a:pPr>
            <a:r>
              <a:rPr kumimoji="0" lang="en-US" sz="2400" b="1" i="0" u="none" strike="noStrike" kern="0" cap="none" spc="0" normalizeH="0" baseline="0" noProof="0" dirty="0" smtClean="0">
                <a:ln>
                  <a:noFill/>
                </a:ln>
                <a:solidFill>
                  <a:prstClr val="white"/>
                </a:solidFill>
                <a:effectLst/>
                <a:uLnTx/>
                <a:uFillTx/>
                <a:latin typeface="Calibri"/>
                <a:ea typeface="+mn-ea"/>
                <a:cs typeface="+mn-cs"/>
              </a:rPr>
              <a:t>South Delta</a:t>
            </a:r>
          </a:p>
          <a:p>
            <a:pPr marL="228600" marR="0" lvl="0" indent="-228600" defTabSz="912813" eaLnBrk="0" fontAlgn="auto" latinLnBrk="0" hangingPunct="0">
              <a:lnSpc>
                <a:spcPct val="80000"/>
              </a:lnSpc>
              <a:spcBef>
                <a:spcPts val="0"/>
              </a:spcBef>
              <a:spcAft>
                <a:spcPts val="600"/>
              </a:spcAft>
              <a:buClrTx/>
              <a:buSzTx/>
              <a:buFontTx/>
              <a:buBlip>
                <a:blip r:embed="rId4"/>
              </a:buBlip>
              <a:tabLst/>
              <a:defRPr/>
            </a:pPr>
            <a:r>
              <a:rPr kumimoji="0" lang="en-US" sz="2200" b="0" i="0" u="none" strike="noStrike" kern="0" cap="none" spc="0" normalizeH="0" baseline="0" noProof="0" dirty="0" smtClean="0">
                <a:ln>
                  <a:noFill/>
                </a:ln>
                <a:solidFill>
                  <a:prstClr val="white"/>
                </a:solidFill>
                <a:effectLst/>
                <a:uLnTx/>
                <a:uFillTx/>
                <a:latin typeface="Calibri"/>
                <a:ea typeface="+mn-ea"/>
                <a:cs typeface="+mn-cs"/>
              </a:rPr>
              <a:t>Reduces reverse flows in river </a:t>
            </a:r>
          </a:p>
          <a:p>
            <a:pPr marL="228600" marR="0" lvl="0" indent="-228600" defTabSz="912813" eaLnBrk="0" fontAlgn="auto" latinLnBrk="0" hangingPunct="0">
              <a:lnSpc>
                <a:spcPct val="80000"/>
              </a:lnSpc>
              <a:spcBef>
                <a:spcPts val="0"/>
              </a:spcBef>
              <a:spcAft>
                <a:spcPts val="600"/>
              </a:spcAft>
              <a:buClrTx/>
              <a:buSzTx/>
              <a:buFontTx/>
              <a:buBlip>
                <a:blip r:embed="rId4"/>
              </a:buBlip>
              <a:tabLst/>
              <a:defRPr/>
            </a:pPr>
            <a:r>
              <a:rPr kumimoji="0" lang="en-US" sz="2200" b="0" i="0" u="none" strike="noStrike" kern="0" cap="none" spc="0" normalizeH="0" baseline="0" noProof="0" dirty="0" smtClean="0">
                <a:ln>
                  <a:noFill/>
                </a:ln>
                <a:solidFill>
                  <a:prstClr val="white"/>
                </a:solidFill>
                <a:effectLst/>
                <a:uLnTx/>
                <a:uFillTx/>
                <a:latin typeface="Calibri"/>
                <a:ea typeface="+mn-ea"/>
                <a:cs typeface="+mn-cs"/>
              </a:rPr>
              <a:t>Less fish diversion at pumps</a:t>
            </a:r>
          </a:p>
        </p:txBody>
      </p:sp>
      <p:sp>
        <p:nvSpPr>
          <p:cNvPr id="144" name="Rounded Rectangle 143"/>
          <p:cNvSpPr/>
          <p:nvPr/>
        </p:nvSpPr>
        <p:spPr bwMode="auto">
          <a:xfrm>
            <a:off x="212308" y="1781885"/>
            <a:ext cx="4105661" cy="1951915"/>
          </a:xfrm>
          <a:prstGeom prst="roundRect">
            <a:avLst>
              <a:gd name="adj" fmla="val 11958"/>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45720" tIns="45718" rIns="45720" bIns="45718" numCol="1" rtlCol="0" anchor="ctr" anchorCtr="0" compatLnSpc="1">
            <a:prstTxWarp prst="textNoShape">
              <a:avLst/>
            </a:prstTxWarp>
          </a:bodyPr>
          <a:lstStyle/>
          <a:p>
            <a:pPr marL="228600" marR="0" lvl="0" indent="-228600" defTabSz="912813" eaLnBrk="0" fontAlgn="auto" latinLnBrk="0" hangingPunct="0">
              <a:lnSpc>
                <a:spcPct val="80000"/>
              </a:lnSpc>
              <a:spcBef>
                <a:spcPts val="0"/>
              </a:spcBef>
              <a:spcAft>
                <a:spcPts val="600"/>
              </a:spcAft>
              <a:buClrTx/>
              <a:buSzTx/>
              <a:buFontTx/>
              <a:buNone/>
              <a:tabLst/>
              <a:defRPr/>
            </a:pPr>
            <a:r>
              <a:rPr kumimoji="0" lang="en-US" sz="2400" b="1" i="0" u="none" strike="noStrike" kern="0" cap="none" spc="0" normalizeH="0" baseline="0" noProof="0" dirty="0" smtClean="0">
                <a:ln>
                  <a:noFill/>
                </a:ln>
                <a:solidFill>
                  <a:prstClr val="white"/>
                </a:solidFill>
                <a:effectLst/>
                <a:uLnTx/>
                <a:uFillTx/>
                <a:latin typeface="Calibri"/>
                <a:ea typeface="+mn-ea"/>
                <a:cs typeface="+mn-cs"/>
              </a:rPr>
              <a:t>North Delta</a:t>
            </a:r>
          </a:p>
          <a:p>
            <a:pPr marL="228600" marR="0" lvl="0" indent="-228600" defTabSz="912813" eaLnBrk="0" fontAlgn="auto" latinLnBrk="0" hangingPunct="0">
              <a:lnSpc>
                <a:spcPct val="80000"/>
              </a:lnSpc>
              <a:spcBef>
                <a:spcPts val="0"/>
              </a:spcBef>
              <a:spcAft>
                <a:spcPts val="600"/>
              </a:spcAft>
              <a:buClrTx/>
              <a:buSzTx/>
              <a:buFontTx/>
              <a:buBlip>
                <a:blip r:embed="rId4"/>
              </a:buBlip>
              <a:tabLst/>
              <a:defRPr/>
            </a:pPr>
            <a:r>
              <a:rPr kumimoji="0" lang="en-US" sz="2200" b="0" i="0" u="none" strike="noStrike" kern="0" cap="none" spc="0" normalizeH="0" baseline="0" noProof="0" dirty="0" smtClean="0">
                <a:ln>
                  <a:noFill/>
                </a:ln>
                <a:solidFill>
                  <a:prstClr val="white"/>
                </a:solidFill>
                <a:effectLst/>
                <a:uLnTx/>
                <a:uFillTx/>
                <a:latin typeface="Calibri"/>
                <a:ea typeface="+mn-ea"/>
                <a:cs typeface="+mn-cs"/>
              </a:rPr>
              <a:t>Modern intake screens allow fish to bypass without diversion</a:t>
            </a:r>
          </a:p>
          <a:p>
            <a:pPr marL="228600" marR="0" lvl="0" indent="-228600" defTabSz="912813" eaLnBrk="0" fontAlgn="auto" latinLnBrk="0" hangingPunct="0">
              <a:lnSpc>
                <a:spcPct val="80000"/>
              </a:lnSpc>
              <a:spcBef>
                <a:spcPts val="0"/>
              </a:spcBef>
              <a:spcAft>
                <a:spcPts val="600"/>
              </a:spcAft>
              <a:buClrTx/>
              <a:buSzTx/>
              <a:buFontTx/>
              <a:buBlip>
                <a:blip r:embed="rId4"/>
              </a:buBlip>
              <a:tabLst/>
              <a:defRPr/>
            </a:pPr>
            <a:r>
              <a:rPr kumimoji="0" lang="en-US" sz="2200" b="0" i="0" u="none" strike="noStrike" kern="0" cap="none" spc="0" normalizeH="0" baseline="0" noProof="0" dirty="0" smtClean="0">
                <a:ln>
                  <a:noFill/>
                </a:ln>
                <a:solidFill>
                  <a:prstClr val="white"/>
                </a:solidFill>
                <a:effectLst/>
                <a:uLnTx/>
                <a:uFillTx/>
                <a:latin typeface="Calibri"/>
                <a:ea typeface="+mn-ea"/>
                <a:cs typeface="+mn-cs"/>
              </a:rPr>
              <a:t>Flexibility to divert excess flood flows &amp; reduce fish impacts during low flow periods</a:t>
            </a:r>
          </a:p>
        </p:txBody>
      </p:sp>
    </p:spTree>
    <p:extLst>
      <p:ext uri="{BB962C8B-B14F-4D97-AF65-F5344CB8AC3E}">
        <p14:creationId xmlns:p14="http://schemas.microsoft.com/office/powerpoint/2010/main" val="180692075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7"/>
                                        </p:tgtEl>
                                        <p:attrNameLst>
                                          <p:attrName>style.visibility</p:attrName>
                                        </p:attrNameLst>
                                      </p:cBhvr>
                                      <p:to>
                                        <p:strVal val="visible"/>
                                      </p:to>
                                    </p:set>
                                    <p:animEffect transition="in" filter="fade">
                                      <p:cBhvr>
                                        <p:cTn id="10" dur="500"/>
                                        <p:tgtEl>
                                          <p:spTgt spid="7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grpId="1" nodeType="clickEffect">
                                  <p:stCondLst>
                                    <p:cond delay="0"/>
                                  </p:stCondLst>
                                  <p:childTnLst>
                                    <p:animEffect transition="out" filter="fade">
                                      <p:cBhvr>
                                        <p:cTn id="14" dur="500"/>
                                        <p:tgtEl>
                                          <p:spTgt spid="77"/>
                                        </p:tgtEl>
                                      </p:cBhvr>
                                    </p:animEffect>
                                    <p:set>
                                      <p:cBhvr>
                                        <p:cTn id="15" dur="1" fill="hold">
                                          <p:stCondLst>
                                            <p:cond delay="499"/>
                                          </p:stCondLst>
                                        </p:cTn>
                                        <p:tgtEl>
                                          <p:spTgt spid="77"/>
                                        </p:tgtEl>
                                        <p:attrNameLst>
                                          <p:attrName>style.visibility</p:attrName>
                                        </p:attrNameLst>
                                      </p:cBhvr>
                                      <p:to>
                                        <p:strVal val="hidden"/>
                                      </p:to>
                                    </p:set>
                                  </p:childTnLst>
                                </p:cTn>
                              </p:par>
                              <p:par>
                                <p:cTn id="16" presetID="10" presetClass="exit" presetSubtype="0" fill="hold" nodeType="withEffect">
                                  <p:stCondLst>
                                    <p:cond delay="0"/>
                                  </p:stCondLst>
                                  <p:childTnLst>
                                    <p:animEffect transition="out" filter="fade">
                                      <p:cBhvr>
                                        <p:cTn id="17" dur="500"/>
                                        <p:tgtEl>
                                          <p:spTgt spid="24"/>
                                        </p:tgtEl>
                                      </p:cBhvr>
                                    </p:animEffect>
                                    <p:set>
                                      <p:cBhvr>
                                        <p:cTn id="18" dur="1" fill="hold">
                                          <p:stCondLst>
                                            <p:cond delay="499"/>
                                          </p:stCondLst>
                                        </p:cTn>
                                        <p:tgtEl>
                                          <p:spTgt spid="24"/>
                                        </p:tgtEl>
                                        <p:attrNameLst>
                                          <p:attrName>style.visibility</p:attrName>
                                        </p:attrNameLst>
                                      </p:cBhvr>
                                      <p:to>
                                        <p:strVal val="hidden"/>
                                      </p:to>
                                    </p:set>
                                  </p:childTnLst>
                                </p:cTn>
                              </p:par>
                            </p:childTnLst>
                          </p:cTn>
                        </p:par>
                        <p:par>
                          <p:cTn id="19" fill="hold">
                            <p:stCondLst>
                              <p:cond delay="500"/>
                            </p:stCondLst>
                            <p:childTnLst>
                              <p:par>
                                <p:cTn id="20" presetID="22" presetClass="entr" presetSubtype="1" fill="hold" nodeType="after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wipe(up)">
                                      <p:cBhvr>
                                        <p:cTn id="22" dur="3000"/>
                                        <p:tgtEl>
                                          <p:spTgt spid="2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75"/>
                                        </p:tgtEl>
                                        <p:attrNameLst>
                                          <p:attrName>style.visibility</p:attrName>
                                        </p:attrNameLst>
                                      </p:cBhvr>
                                      <p:to>
                                        <p:strVal val="visible"/>
                                      </p:to>
                                    </p:set>
                                    <p:animEffect transition="in" filter="fade">
                                      <p:cBhvr>
                                        <p:cTn id="25" dur="500"/>
                                        <p:tgtEl>
                                          <p:spTgt spid="75"/>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21"/>
                                        </p:tgtEl>
                                      </p:cBhvr>
                                    </p:animEffect>
                                    <p:set>
                                      <p:cBhvr>
                                        <p:cTn id="30" dur="1" fill="hold">
                                          <p:stCondLst>
                                            <p:cond delay="499"/>
                                          </p:stCondLst>
                                        </p:cTn>
                                        <p:tgtEl>
                                          <p:spTgt spid="21"/>
                                        </p:tgtEl>
                                        <p:attrNameLst>
                                          <p:attrName>style.visibility</p:attrName>
                                        </p:attrNameLst>
                                      </p:cBhvr>
                                      <p:to>
                                        <p:strVal val="hidden"/>
                                      </p:to>
                                    </p:set>
                                  </p:childTnLst>
                                </p:cTn>
                              </p:par>
                              <p:par>
                                <p:cTn id="31" presetID="10" presetClass="exit" presetSubtype="0" fill="hold" grpId="1" nodeType="withEffect">
                                  <p:stCondLst>
                                    <p:cond delay="0"/>
                                  </p:stCondLst>
                                  <p:childTnLst>
                                    <p:animEffect transition="out" filter="fade">
                                      <p:cBhvr>
                                        <p:cTn id="32" dur="500"/>
                                        <p:tgtEl>
                                          <p:spTgt spid="75"/>
                                        </p:tgtEl>
                                      </p:cBhvr>
                                    </p:animEffect>
                                    <p:set>
                                      <p:cBhvr>
                                        <p:cTn id="33" dur="1" fill="hold">
                                          <p:stCondLst>
                                            <p:cond delay="499"/>
                                          </p:stCondLst>
                                        </p:cTn>
                                        <p:tgtEl>
                                          <p:spTgt spid="75"/>
                                        </p:tgtEl>
                                        <p:attrNameLst>
                                          <p:attrName>style.visibility</p:attrName>
                                        </p:attrNameLst>
                                      </p:cBhvr>
                                      <p:to>
                                        <p:strVal val="hidden"/>
                                      </p:to>
                                    </p:set>
                                  </p:childTnLst>
                                </p:cTn>
                              </p:par>
                            </p:childTnLst>
                          </p:cTn>
                        </p:par>
                        <p:par>
                          <p:cTn id="34" fill="hold">
                            <p:stCondLst>
                              <p:cond delay="500"/>
                            </p:stCondLst>
                            <p:childTnLst>
                              <p:par>
                                <p:cTn id="35" presetID="22" presetClass="entr" presetSubtype="1" fill="hold" grpId="0" nodeType="after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wipe(up)">
                                      <p:cBhvr>
                                        <p:cTn id="37" dur="2750"/>
                                        <p:tgtEl>
                                          <p:spTgt spid="74"/>
                                        </p:tgtEl>
                                      </p:cBhvr>
                                    </p:animEffect>
                                  </p:childTnLst>
                                </p:cTn>
                              </p:par>
                              <p:par>
                                <p:cTn id="38" presetID="22" presetClass="entr" presetSubtype="1" fill="hold" nodeType="withEffect">
                                  <p:stCondLst>
                                    <p:cond delay="0"/>
                                  </p:stCondLst>
                                  <p:childTnLst>
                                    <p:set>
                                      <p:cBhvr>
                                        <p:cTn id="39" dur="1" fill="hold">
                                          <p:stCondLst>
                                            <p:cond delay="0"/>
                                          </p:stCondLst>
                                        </p:cTn>
                                        <p:tgtEl>
                                          <p:spTgt spid="2"/>
                                        </p:tgtEl>
                                        <p:attrNameLst>
                                          <p:attrName>style.visibility</p:attrName>
                                        </p:attrNameLst>
                                      </p:cBhvr>
                                      <p:to>
                                        <p:strVal val="visible"/>
                                      </p:to>
                                    </p:set>
                                    <p:animEffect transition="in" filter="wipe(up)">
                                      <p:cBhvr>
                                        <p:cTn id="40" dur="2750"/>
                                        <p:tgtEl>
                                          <p:spTgt spid="2"/>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08"/>
                                        </p:tgtEl>
                                        <p:attrNameLst>
                                          <p:attrName>style.visibility</p:attrName>
                                        </p:attrNameLst>
                                      </p:cBhvr>
                                      <p:to>
                                        <p:strVal val="visible"/>
                                      </p:to>
                                    </p:set>
                                    <p:animEffect transition="in" filter="fade">
                                      <p:cBhvr>
                                        <p:cTn id="43" dur="500"/>
                                        <p:tgtEl>
                                          <p:spTgt spid="10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xit" presetSubtype="0" fill="hold" grpId="1" nodeType="clickEffect">
                                  <p:stCondLst>
                                    <p:cond delay="0"/>
                                  </p:stCondLst>
                                  <p:childTnLst>
                                    <p:animEffect transition="out" filter="fade">
                                      <p:cBhvr>
                                        <p:cTn id="47" dur="500"/>
                                        <p:tgtEl>
                                          <p:spTgt spid="74"/>
                                        </p:tgtEl>
                                      </p:cBhvr>
                                    </p:animEffect>
                                    <p:set>
                                      <p:cBhvr>
                                        <p:cTn id="48" dur="1" fill="hold">
                                          <p:stCondLst>
                                            <p:cond delay="499"/>
                                          </p:stCondLst>
                                        </p:cTn>
                                        <p:tgtEl>
                                          <p:spTgt spid="74"/>
                                        </p:tgtEl>
                                        <p:attrNameLst>
                                          <p:attrName>style.visibility</p:attrName>
                                        </p:attrNameLst>
                                      </p:cBhvr>
                                      <p:to>
                                        <p:strVal val="hidden"/>
                                      </p:to>
                                    </p:set>
                                  </p:childTnLst>
                                </p:cTn>
                              </p:par>
                              <p:par>
                                <p:cTn id="49" presetID="10" presetClass="exit" presetSubtype="0" fill="hold" grpId="1" nodeType="withEffect">
                                  <p:stCondLst>
                                    <p:cond delay="0"/>
                                  </p:stCondLst>
                                  <p:childTnLst>
                                    <p:animEffect transition="out" filter="fade">
                                      <p:cBhvr>
                                        <p:cTn id="50" dur="500"/>
                                        <p:tgtEl>
                                          <p:spTgt spid="108"/>
                                        </p:tgtEl>
                                      </p:cBhvr>
                                    </p:animEffect>
                                    <p:set>
                                      <p:cBhvr>
                                        <p:cTn id="51" dur="1" fill="hold">
                                          <p:stCondLst>
                                            <p:cond delay="499"/>
                                          </p:stCondLst>
                                        </p:cTn>
                                        <p:tgtEl>
                                          <p:spTgt spid="108"/>
                                        </p:tgtEl>
                                        <p:attrNameLst>
                                          <p:attrName>style.visibility</p:attrName>
                                        </p:attrNameLst>
                                      </p:cBhvr>
                                      <p:to>
                                        <p:strVal val="hidden"/>
                                      </p:to>
                                    </p:set>
                                  </p:childTnLst>
                                </p:cTn>
                              </p:par>
                              <p:par>
                                <p:cTn id="52" presetID="10" presetClass="exit" presetSubtype="0" fill="hold" nodeType="withEffect">
                                  <p:stCondLst>
                                    <p:cond delay="0"/>
                                  </p:stCondLst>
                                  <p:childTnLst>
                                    <p:animEffect transition="out" filter="fade">
                                      <p:cBhvr>
                                        <p:cTn id="53" dur="500"/>
                                        <p:tgtEl>
                                          <p:spTgt spid="2"/>
                                        </p:tgtEl>
                                      </p:cBhvr>
                                    </p:animEffect>
                                    <p:set>
                                      <p:cBhvr>
                                        <p:cTn id="54" dur="1" fill="hold">
                                          <p:stCondLst>
                                            <p:cond delay="499"/>
                                          </p:stCondLst>
                                        </p:cTn>
                                        <p:tgtEl>
                                          <p:spTgt spid="2"/>
                                        </p:tgtEl>
                                        <p:attrNameLst>
                                          <p:attrName>style.visibility</p:attrName>
                                        </p:attrNameLst>
                                      </p:cBhvr>
                                      <p:to>
                                        <p:strVal val="hidden"/>
                                      </p:to>
                                    </p:set>
                                  </p:childTnLst>
                                </p:cTn>
                              </p:par>
                              <p:par>
                                <p:cTn id="55" presetID="10" presetClass="entr" presetSubtype="0" fill="hold" grpId="0" nodeType="withEffect">
                                  <p:stCondLst>
                                    <p:cond delay="0"/>
                                  </p:stCondLst>
                                  <p:childTnLst>
                                    <p:set>
                                      <p:cBhvr>
                                        <p:cTn id="56" dur="1" fill="hold">
                                          <p:stCondLst>
                                            <p:cond delay="0"/>
                                          </p:stCondLst>
                                        </p:cTn>
                                        <p:tgtEl>
                                          <p:spTgt spid="78"/>
                                        </p:tgtEl>
                                        <p:attrNameLst>
                                          <p:attrName>style.visibility</p:attrName>
                                        </p:attrNameLst>
                                      </p:cBhvr>
                                      <p:to>
                                        <p:strVal val="visible"/>
                                      </p:to>
                                    </p:set>
                                    <p:animEffect transition="in" filter="fade">
                                      <p:cBhvr>
                                        <p:cTn id="57" dur="500"/>
                                        <p:tgtEl>
                                          <p:spTgt spid="78"/>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129"/>
                                        </p:tgtEl>
                                        <p:attrNameLst>
                                          <p:attrName>style.visibility</p:attrName>
                                        </p:attrNameLst>
                                      </p:cBhvr>
                                      <p:to>
                                        <p:strVal val="visible"/>
                                      </p:to>
                                    </p:set>
                                    <p:animEffect transition="in" filter="fade">
                                      <p:cBhvr>
                                        <p:cTn id="60" dur="500"/>
                                        <p:tgtEl>
                                          <p:spTgt spid="129"/>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grpId="0" nodeType="clickEffect">
                                  <p:stCondLst>
                                    <p:cond delay="0"/>
                                  </p:stCondLst>
                                  <p:childTnLst>
                                    <p:set>
                                      <p:cBhvr>
                                        <p:cTn id="64" dur="1" fill="hold">
                                          <p:stCondLst>
                                            <p:cond delay="0"/>
                                          </p:stCondLst>
                                        </p:cTn>
                                        <p:tgtEl>
                                          <p:spTgt spid="142"/>
                                        </p:tgtEl>
                                        <p:attrNameLst>
                                          <p:attrName>style.visibility</p:attrName>
                                        </p:attrNameLst>
                                      </p:cBhvr>
                                      <p:to>
                                        <p:strVal val="visible"/>
                                      </p:to>
                                    </p:set>
                                    <p:animEffect transition="in" filter="fade">
                                      <p:cBhvr>
                                        <p:cTn id="65" dur="1000"/>
                                        <p:tgtEl>
                                          <p:spTgt spid="142"/>
                                        </p:tgtEl>
                                      </p:cBhvr>
                                    </p:animEffect>
                                  </p:childTnLst>
                                </p:cTn>
                              </p:par>
                            </p:childTnLst>
                          </p:cTn>
                        </p:par>
                      </p:childTnLst>
                    </p:cTn>
                  </p:par>
                  <p:par>
                    <p:cTn id="66" fill="hold">
                      <p:stCondLst>
                        <p:cond delay="indefinite"/>
                      </p:stCondLst>
                      <p:childTnLst>
                        <p:par>
                          <p:cTn id="67" fill="hold">
                            <p:stCondLst>
                              <p:cond delay="0"/>
                            </p:stCondLst>
                            <p:childTnLst>
                              <p:par>
                                <p:cTn id="68" presetID="10" presetClass="entr" presetSubtype="0" fill="hold" grpId="0" nodeType="clickEffect">
                                  <p:stCondLst>
                                    <p:cond delay="0"/>
                                  </p:stCondLst>
                                  <p:childTnLst>
                                    <p:set>
                                      <p:cBhvr>
                                        <p:cTn id="69" dur="1" fill="hold">
                                          <p:stCondLst>
                                            <p:cond delay="0"/>
                                          </p:stCondLst>
                                        </p:cTn>
                                        <p:tgtEl>
                                          <p:spTgt spid="133"/>
                                        </p:tgtEl>
                                        <p:attrNameLst>
                                          <p:attrName>style.visibility</p:attrName>
                                        </p:attrNameLst>
                                      </p:cBhvr>
                                      <p:to>
                                        <p:strVal val="visible"/>
                                      </p:to>
                                    </p:set>
                                    <p:animEffect transition="in" filter="fade">
                                      <p:cBhvr>
                                        <p:cTn id="70" dur="500"/>
                                        <p:tgtEl>
                                          <p:spTgt spid="133"/>
                                        </p:tgtEl>
                                      </p:cBhvr>
                                    </p:animEffect>
                                  </p:childTnLst>
                                </p:cTn>
                              </p:par>
                            </p:childTnLst>
                          </p:cTn>
                        </p:par>
                      </p:childTnLst>
                    </p:cTn>
                  </p:par>
                  <p:par>
                    <p:cTn id="71" fill="hold">
                      <p:stCondLst>
                        <p:cond delay="indefinite"/>
                      </p:stCondLst>
                      <p:childTnLst>
                        <p:par>
                          <p:cTn id="72" fill="hold">
                            <p:stCondLst>
                              <p:cond delay="0"/>
                            </p:stCondLst>
                            <p:childTnLst>
                              <p:par>
                                <p:cTn id="73" presetID="10" presetClass="entr" presetSubtype="0" fill="hold" grpId="0" nodeType="clickEffect">
                                  <p:stCondLst>
                                    <p:cond delay="0"/>
                                  </p:stCondLst>
                                  <p:childTnLst>
                                    <p:set>
                                      <p:cBhvr>
                                        <p:cTn id="74" dur="1" fill="hold">
                                          <p:stCondLst>
                                            <p:cond delay="0"/>
                                          </p:stCondLst>
                                        </p:cTn>
                                        <p:tgtEl>
                                          <p:spTgt spid="144"/>
                                        </p:tgtEl>
                                        <p:attrNameLst>
                                          <p:attrName>style.visibility</p:attrName>
                                        </p:attrNameLst>
                                      </p:cBhvr>
                                      <p:to>
                                        <p:strVal val="visible"/>
                                      </p:to>
                                    </p:set>
                                    <p:animEffect transition="in" filter="fade">
                                      <p:cBhvr>
                                        <p:cTn id="75" dur="1000"/>
                                        <p:tgtEl>
                                          <p:spTgt spid="144"/>
                                        </p:tgtEl>
                                      </p:cBhvr>
                                    </p:animEffect>
                                  </p:childTnLst>
                                </p:cTn>
                              </p:par>
                            </p:childTnLst>
                          </p:cTn>
                        </p:par>
                      </p:childTnLst>
                    </p:cTn>
                  </p:par>
                  <p:par>
                    <p:cTn id="76" fill="hold">
                      <p:stCondLst>
                        <p:cond delay="indefinite"/>
                      </p:stCondLst>
                      <p:childTnLst>
                        <p:par>
                          <p:cTn id="77" fill="hold">
                            <p:stCondLst>
                              <p:cond delay="0"/>
                            </p:stCondLst>
                            <p:childTnLst>
                              <p:par>
                                <p:cTn id="78" presetID="10" presetClass="entr" presetSubtype="0" fill="hold" grpId="0" nodeType="clickEffect">
                                  <p:stCondLst>
                                    <p:cond delay="0"/>
                                  </p:stCondLst>
                                  <p:childTnLst>
                                    <p:set>
                                      <p:cBhvr>
                                        <p:cTn id="79" dur="1" fill="hold">
                                          <p:stCondLst>
                                            <p:cond delay="0"/>
                                          </p:stCondLst>
                                        </p:cTn>
                                        <p:tgtEl>
                                          <p:spTgt spid="143"/>
                                        </p:tgtEl>
                                        <p:attrNameLst>
                                          <p:attrName>style.visibility</p:attrName>
                                        </p:attrNameLst>
                                      </p:cBhvr>
                                      <p:to>
                                        <p:strVal val="visible"/>
                                      </p:to>
                                    </p:set>
                                    <p:animEffect transition="in" filter="fade">
                                      <p:cBhvr>
                                        <p:cTn id="80" dur="500"/>
                                        <p:tgtEl>
                                          <p:spTgt spid="14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78" grpId="0" animBg="1"/>
      <p:bldP spid="108" grpId="0" animBg="1"/>
      <p:bldP spid="108" grpId="1" animBg="1"/>
      <p:bldP spid="75" grpId="0" animBg="1"/>
      <p:bldP spid="75" grpId="1" animBg="1"/>
      <p:bldP spid="77" grpId="0" animBg="1"/>
      <p:bldP spid="77" grpId="1" animBg="1"/>
      <p:bldP spid="129" grpId="0" animBg="1"/>
      <p:bldP spid="133" grpId="0" animBg="1"/>
      <p:bldP spid="142" grpId="0" animBg="1"/>
      <p:bldP spid="143" grpId="0" animBg="1"/>
      <p:bldP spid="144"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5"/>
          <p:cNvGrpSpPr>
            <a:grpSpLocks/>
          </p:cNvGrpSpPr>
          <p:nvPr/>
        </p:nvGrpSpPr>
        <p:grpSpPr bwMode="auto">
          <a:xfrm>
            <a:off x="5181600" y="1447800"/>
            <a:ext cx="4038600" cy="2484554"/>
            <a:chOff x="5181600" y="1647825"/>
            <a:chExt cx="4038600" cy="2485224"/>
          </a:xfrm>
        </p:grpSpPr>
        <p:pic>
          <p:nvPicPr>
            <p:cNvPr id="12308" name="Picture 13" descr="C:\MyFiles 2\grafix\jpegs11-01\chinook-FI0043_1l-cropped.jpg"/>
            <p:cNvPicPr>
              <a:picLocks noChangeAspect="1" noChangeArrowheads="1"/>
            </p:cNvPicPr>
            <p:nvPr/>
          </p:nvPicPr>
          <p:blipFill>
            <a:blip r:embed="rId3" cstate="print">
              <a:clrChange>
                <a:clrFrom>
                  <a:srgbClr val="314295"/>
                </a:clrFrom>
                <a:clrTo>
                  <a:srgbClr val="314295">
                    <a:alpha val="0"/>
                  </a:srgbClr>
                </a:clrTo>
              </a:clrChange>
            </a:blip>
            <a:srcRect/>
            <a:stretch>
              <a:fillRect/>
            </a:stretch>
          </p:blipFill>
          <p:spPr bwMode="auto">
            <a:xfrm>
              <a:off x="5419995" y="1647825"/>
              <a:ext cx="2590372" cy="1238764"/>
            </a:xfrm>
            <a:prstGeom prst="rect">
              <a:avLst/>
            </a:prstGeom>
            <a:noFill/>
            <a:ln w="9525">
              <a:noFill/>
              <a:miter lim="800000"/>
              <a:headEnd/>
              <a:tailEnd/>
            </a:ln>
          </p:spPr>
        </p:pic>
        <p:sp>
          <p:nvSpPr>
            <p:cNvPr id="20" name="Text Box 6"/>
            <p:cNvSpPr txBox="1">
              <a:spLocks noChangeArrowheads="1"/>
            </p:cNvSpPr>
            <p:nvPr/>
          </p:nvSpPr>
          <p:spPr bwMode="auto">
            <a:xfrm>
              <a:off x="5181600" y="2840038"/>
              <a:ext cx="4038600" cy="1293011"/>
            </a:xfrm>
            <a:prstGeom prst="rect">
              <a:avLst/>
            </a:prstGeom>
            <a:noFill/>
            <a:ln w="9525">
              <a:noFill/>
              <a:miter lim="800000"/>
              <a:headEnd/>
              <a:tailEnd/>
            </a:ln>
            <a:effectLst/>
          </p:spPr>
          <p:txBody>
            <a:bodyPr>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Chinook Salmon</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89 – Winter-Run: Endangered (CESA)</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90 – Winter-Run: Endangered (FESA)</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99 – Spring-Run: Threatened (CESA/FESA)</a:t>
              </a:r>
            </a:p>
          </p:txBody>
        </p:sp>
      </p:grpSp>
      <p:grpSp>
        <p:nvGrpSpPr>
          <p:cNvPr id="3" name="Group 26"/>
          <p:cNvGrpSpPr>
            <a:grpSpLocks/>
          </p:cNvGrpSpPr>
          <p:nvPr/>
        </p:nvGrpSpPr>
        <p:grpSpPr bwMode="auto">
          <a:xfrm>
            <a:off x="4799013" y="4343401"/>
            <a:ext cx="4040187" cy="1946260"/>
            <a:chOff x="4799013" y="4343400"/>
            <a:chExt cx="4040187" cy="1945586"/>
          </a:xfrm>
        </p:grpSpPr>
        <p:pic>
          <p:nvPicPr>
            <p:cNvPr id="12306" name="Picture 18" descr="C:\MyFiles 2\grafix\jpegs11-01\sturgeon-white-FI0194_1l-cropped.jpg"/>
            <p:cNvPicPr>
              <a:picLocks noChangeAspect="1" noChangeArrowheads="1"/>
            </p:cNvPicPr>
            <p:nvPr/>
          </p:nvPicPr>
          <p:blipFill>
            <a:blip r:embed="rId4" cstate="print">
              <a:clrChange>
                <a:clrFrom>
                  <a:srgbClr val="36328A"/>
                </a:clrFrom>
                <a:clrTo>
                  <a:srgbClr val="36328A">
                    <a:alpha val="0"/>
                  </a:srgbClr>
                </a:clrTo>
              </a:clrChange>
            </a:blip>
            <a:srcRect/>
            <a:stretch>
              <a:fillRect/>
            </a:stretch>
          </p:blipFill>
          <p:spPr bwMode="auto">
            <a:xfrm>
              <a:off x="4799013" y="4343400"/>
              <a:ext cx="4040187" cy="1371028"/>
            </a:xfrm>
            <a:prstGeom prst="rect">
              <a:avLst/>
            </a:prstGeom>
            <a:noFill/>
            <a:ln w="9525">
              <a:noFill/>
              <a:miter lim="800000"/>
              <a:headEnd/>
              <a:tailEnd/>
            </a:ln>
          </p:spPr>
        </p:pic>
        <p:sp>
          <p:nvSpPr>
            <p:cNvPr id="21" name="Text Box 6"/>
            <p:cNvSpPr txBox="1">
              <a:spLocks noChangeArrowheads="1"/>
            </p:cNvSpPr>
            <p:nvPr/>
          </p:nvSpPr>
          <p:spPr bwMode="auto">
            <a:xfrm>
              <a:off x="5181600" y="5273675"/>
              <a:ext cx="3589338" cy="1015311"/>
            </a:xfrm>
            <a:prstGeom prst="rect">
              <a:avLst/>
            </a:prstGeom>
            <a:noFill/>
            <a:ln w="9525">
              <a:noFill/>
              <a:miter lim="800000"/>
              <a:headEnd/>
              <a:tailEnd/>
            </a:ln>
            <a:effectLst/>
          </p:spPr>
          <p:txBody>
            <a:bodyPr>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Green Sturgeon</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2006 – Threatened (FESA)</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No CESA listing</a:t>
              </a:r>
            </a:p>
          </p:txBody>
        </p:sp>
      </p:grpSp>
      <p:grpSp>
        <p:nvGrpSpPr>
          <p:cNvPr id="4" name="Group 28"/>
          <p:cNvGrpSpPr>
            <a:grpSpLocks/>
          </p:cNvGrpSpPr>
          <p:nvPr/>
        </p:nvGrpSpPr>
        <p:grpSpPr bwMode="auto">
          <a:xfrm>
            <a:off x="152400" y="3179764"/>
            <a:ext cx="2590800" cy="1863694"/>
            <a:chOff x="152400" y="3135313"/>
            <a:chExt cx="2590800" cy="1863022"/>
          </a:xfrm>
        </p:grpSpPr>
        <p:pic>
          <p:nvPicPr>
            <p:cNvPr id="12304" name="Picture 11" descr="C:\MyFiles 2\grafix\jpegs11-01\steelheadmale.jpg"/>
            <p:cNvPicPr>
              <a:picLocks noChangeAspect="1" noChangeArrowheads="1"/>
            </p:cNvPicPr>
            <p:nvPr/>
          </p:nvPicPr>
          <p:blipFill>
            <a:blip r:embed="rId5" cstate="print">
              <a:clrChange>
                <a:clrFrom>
                  <a:srgbClr val="314397"/>
                </a:clrFrom>
                <a:clrTo>
                  <a:srgbClr val="314397">
                    <a:alpha val="0"/>
                  </a:srgbClr>
                </a:clrTo>
              </a:clrChange>
            </a:blip>
            <a:srcRect/>
            <a:stretch>
              <a:fillRect/>
            </a:stretch>
          </p:blipFill>
          <p:spPr bwMode="auto">
            <a:xfrm>
              <a:off x="152400" y="3135313"/>
              <a:ext cx="2286000" cy="1032912"/>
            </a:xfrm>
            <a:prstGeom prst="rect">
              <a:avLst/>
            </a:prstGeom>
            <a:noFill/>
            <a:ln w="9525">
              <a:noFill/>
              <a:miter lim="800000"/>
              <a:headEnd/>
              <a:tailEnd/>
            </a:ln>
          </p:spPr>
        </p:pic>
        <p:sp>
          <p:nvSpPr>
            <p:cNvPr id="22" name="Text Box 6"/>
            <p:cNvSpPr txBox="1">
              <a:spLocks noChangeArrowheads="1"/>
            </p:cNvSpPr>
            <p:nvPr/>
          </p:nvSpPr>
          <p:spPr bwMode="auto">
            <a:xfrm>
              <a:off x="171450" y="3983038"/>
              <a:ext cx="2571750" cy="1015297"/>
            </a:xfrm>
            <a:prstGeom prst="rect">
              <a:avLst/>
            </a:prstGeom>
            <a:noFill/>
            <a:ln w="9525">
              <a:noFill/>
              <a:miter lim="800000"/>
              <a:headEnd/>
              <a:tailEnd/>
            </a:ln>
            <a:effectLst/>
          </p:spPr>
          <p:txBody>
            <a:bodyPr>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eelhead</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98 – Threatened (FESA)</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No CESA listing</a:t>
              </a:r>
            </a:p>
          </p:txBody>
        </p:sp>
      </p:grpSp>
      <p:grpSp>
        <p:nvGrpSpPr>
          <p:cNvPr id="5" name="Group 27"/>
          <p:cNvGrpSpPr>
            <a:grpSpLocks/>
          </p:cNvGrpSpPr>
          <p:nvPr/>
        </p:nvGrpSpPr>
        <p:grpSpPr bwMode="auto">
          <a:xfrm>
            <a:off x="1447800" y="4724399"/>
            <a:ext cx="3429000" cy="2075049"/>
            <a:chOff x="1219200" y="4953000"/>
            <a:chExt cx="3429000" cy="2075715"/>
          </a:xfrm>
        </p:grpSpPr>
        <p:pic>
          <p:nvPicPr>
            <p:cNvPr id="12302" name="Picture 8" descr="S:\BayDelta\BD_Graphics\Before_7-31-01\FishPics\sacsplit2.GIF"/>
            <p:cNvPicPr>
              <a:picLocks noChangeAspect="1" noChangeArrowheads="1"/>
            </p:cNvPicPr>
            <p:nvPr/>
          </p:nvPicPr>
          <p:blipFill>
            <a:blip r:embed="rId6" cstate="print">
              <a:clrChange>
                <a:clrFrom>
                  <a:srgbClr val="FFFFFF"/>
                </a:clrFrom>
                <a:clrTo>
                  <a:srgbClr val="FFFFFF">
                    <a:alpha val="0"/>
                  </a:srgbClr>
                </a:clrTo>
              </a:clrChange>
              <a:lum bright="8000"/>
            </a:blip>
            <a:srcRect b="32950"/>
            <a:stretch>
              <a:fillRect/>
            </a:stretch>
          </p:blipFill>
          <p:spPr bwMode="auto">
            <a:xfrm>
              <a:off x="1219200" y="4953000"/>
              <a:ext cx="3025775" cy="914318"/>
            </a:xfrm>
            <a:prstGeom prst="rect">
              <a:avLst/>
            </a:prstGeom>
            <a:noFill/>
            <a:ln w="9525">
              <a:noFill/>
              <a:miter lim="800000"/>
              <a:headEnd/>
              <a:tailEnd/>
            </a:ln>
          </p:spPr>
        </p:pic>
        <p:sp>
          <p:nvSpPr>
            <p:cNvPr id="23" name="Text Box 6"/>
            <p:cNvSpPr txBox="1">
              <a:spLocks noChangeArrowheads="1"/>
            </p:cNvSpPr>
            <p:nvPr/>
          </p:nvSpPr>
          <p:spPr bwMode="auto">
            <a:xfrm>
              <a:off x="1447800" y="5735638"/>
              <a:ext cx="3200400" cy="1293077"/>
            </a:xfrm>
            <a:prstGeom prst="rect">
              <a:avLst/>
            </a:prstGeom>
            <a:noFill/>
            <a:ln w="9525">
              <a:noFill/>
              <a:miter lim="800000"/>
              <a:headEnd/>
              <a:tailEnd/>
            </a:ln>
            <a:effectLst/>
          </p:spPr>
          <p:txBody>
            <a:bodyPr>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acramento Splittail</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99 – Threatened (FESA)</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2003 – FESA listing removed</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No CESA listing</a:t>
              </a:r>
            </a:p>
          </p:txBody>
        </p:sp>
      </p:grpSp>
      <p:grpSp>
        <p:nvGrpSpPr>
          <p:cNvPr id="6" name="Group 30"/>
          <p:cNvGrpSpPr>
            <a:grpSpLocks/>
          </p:cNvGrpSpPr>
          <p:nvPr/>
        </p:nvGrpSpPr>
        <p:grpSpPr bwMode="auto">
          <a:xfrm>
            <a:off x="2971800" y="3190639"/>
            <a:ext cx="2295795" cy="1305161"/>
            <a:chOff x="2743199" y="3200400"/>
            <a:chExt cx="2295795" cy="1305207"/>
          </a:xfrm>
        </p:grpSpPr>
        <p:pic>
          <p:nvPicPr>
            <p:cNvPr id="12300" name="Picture 27" descr="\\USMWD108\FSDStWtrPrj\shared\Bay-Delta\Presentations &amp; Photos\Photos\FishPics\Longfin Smelt.gif"/>
            <p:cNvPicPr>
              <a:picLocks noChangeAspect="1" noChangeArrowheads="1"/>
            </p:cNvPicPr>
            <p:nvPr/>
          </p:nvPicPr>
          <p:blipFill>
            <a:blip r:embed="rId7" cstate="print"/>
            <a:srcRect t="18959" b="27321"/>
            <a:stretch>
              <a:fillRect/>
            </a:stretch>
          </p:blipFill>
          <p:spPr bwMode="auto">
            <a:xfrm>
              <a:off x="2895600" y="3200400"/>
              <a:ext cx="1886088" cy="802439"/>
            </a:xfrm>
            <a:prstGeom prst="rect">
              <a:avLst/>
            </a:prstGeom>
            <a:noFill/>
            <a:ln w="9525">
              <a:noFill/>
              <a:miter lim="800000"/>
              <a:headEnd/>
              <a:tailEnd/>
            </a:ln>
          </p:spPr>
        </p:pic>
        <p:sp>
          <p:nvSpPr>
            <p:cNvPr id="15" name="Text Box 9"/>
            <p:cNvSpPr txBox="1">
              <a:spLocks noChangeArrowheads="1"/>
            </p:cNvSpPr>
            <p:nvPr/>
          </p:nvSpPr>
          <p:spPr bwMode="ltGray">
            <a:xfrm>
              <a:off x="2743199" y="3736139"/>
              <a:ext cx="2295795" cy="769468"/>
            </a:xfrm>
            <a:prstGeom prst="rect">
              <a:avLst/>
            </a:prstGeom>
            <a:noFill/>
            <a:ln w="9525">
              <a:noFill/>
              <a:miter lim="800000"/>
              <a:headEnd/>
              <a:tailEnd/>
            </a:ln>
            <a:effectLst/>
          </p:spPr>
          <p:txBody>
            <a:bodyPr wrap="square">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Longfin smelt</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2007 – </a:t>
              </a:r>
              <a:r>
                <a:rPr lang="en-US"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Threatened (CESA</a:t>
              </a: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a:t>
              </a:r>
              <a:endParaRPr lang="en-US" sz="20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grpSp>
      <p:grpSp>
        <p:nvGrpSpPr>
          <p:cNvPr id="7" name="Group 29"/>
          <p:cNvGrpSpPr>
            <a:grpSpLocks/>
          </p:cNvGrpSpPr>
          <p:nvPr/>
        </p:nvGrpSpPr>
        <p:grpSpPr bwMode="auto">
          <a:xfrm>
            <a:off x="1219200" y="1720850"/>
            <a:ext cx="3124200" cy="1416759"/>
            <a:chOff x="1219200" y="1676400"/>
            <a:chExt cx="3124200" cy="1416274"/>
          </a:xfrm>
        </p:grpSpPr>
        <p:sp>
          <p:nvSpPr>
            <p:cNvPr id="19" name="Text Box 6"/>
            <p:cNvSpPr txBox="1">
              <a:spLocks noChangeArrowheads="1"/>
            </p:cNvSpPr>
            <p:nvPr/>
          </p:nvSpPr>
          <p:spPr bwMode="auto">
            <a:xfrm>
              <a:off x="1295400" y="2354263"/>
              <a:ext cx="3048000" cy="738411"/>
            </a:xfrm>
            <a:prstGeom prst="rect">
              <a:avLst/>
            </a:prstGeom>
            <a:noFill/>
            <a:ln w="9525">
              <a:noFill/>
              <a:miter lim="800000"/>
              <a:headEnd/>
              <a:tailEnd/>
            </a:ln>
            <a:effectLst/>
          </p:spPr>
          <p:txBody>
            <a:bodyPr>
              <a:spAutoFit/>
            </a:bodyPr>
            <a:lstStyle/>
            <a:p>
              <a:pPr>
                <a:spcBef>
                  <a:spcPts val="0"/>
                </a:spcBef>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Delta smelt</a:t>
              </a:r>
            </a:p>
            <a:p>
              <a:pPr>
                <a:spcBef>
                  <a:spcPts val="0"/>
                </a:spcBef>
                <a:defRPr/>
              </a:pPr>
              <a:r>
                <a:rPr lang="en-US" b="1" spc="-150" dirty="0">
                  <a:ln w="3175">
                    <a:noFill/>
                  </a:ln>
                  <a:solidFill>
                    <a:prstClr val="white"/>
                  </a:solidFill>
                  <a:effectLst>
                    <a:outerShdw blurRad="50800" dist="38100" dir="2700000" algn="tl" rotWithShape="0">
                      <a:prstClr val="black">
                        <a:alpha val="40000"/>
                      </a:prstClr>
                    </a:outerShdw>
                  </a:effectLst>
                  <a:latin typeface="Calibri"/>
                  <a:cs typeface="Arial" charset="0"/>
                </a:rPr>
                <a:t>1993 – Threatened (CESA/FESA)</a:t>
              </a:r>
              <a:endParaRPr lang="en-US" sz="1200" dirty="0">
                <a:solidFill>
                  <a:prstClr val="white"/>
                </a:solidFill>
                <a:effectLst>
                  <a:outerShdw blurRad="38100" dist="38100" dir="2700000" algn="tl">
                    <a:srgbClr val="000000"/>
                  </a:outerShdw>
                </a:effectLst>
                <a:latin typeface="Arial" charset="0"/>
              </a:endParaRPr>
            </a:p>
          </p:txBody>
        </p:sp>
        <p:pic>
          <p:nvPicPr>
            <p:cNvPr id="12299" name="Picture 15" descr="S:\Bay-Delta\Presentations &amp; Photos\Photos\FishPics\DeltaSmelt-285.jpg"/>
            <p:cNvPicPr>
              <a:picLocks noChangeAspect="1" noChangeArrowheads="1"/>
            </p:cNvPicPr>
            <p:nvPr/>
          </p:nvPicPr>
          <p:blipFill>
            <a:blip r:embed="rId8" cstate="print">
              <a:clrChange>
                <a:clrFrom>
                  <a:srgbClr val="09093C"/>
                </a:clrFrom>
                <a:clrTo>
                  <a:srgbClr val="09093C">
                    <a:alpha val="0"/>
                  </a:srgbClr>
                </a:clrTo>
              </a:clrChange>
            </a:blip>
            <a:srcRect/>
            <a:stretch>
              <a:fillRect/>
            </a:stretch>
          </p:blipFill>
          <p:spPr bwMode="auto">
            <a:xfrm rot="21303007" flipH="1">
              <a:off x="1219200" y="1676400"/>
              <a:ext cx="2587162" cy="691175"/>
            </a:xfrm>
            <a:prstGeom prst="rect">
              <a:avLst/>
            </a:prstGeom>
            <a:noFill/>
            <a:ln w="9525">
              <a:noFill/>
              <a:miter lim="800000"/>
              <a:headEnd/>
              <a:tailEnd/>
            </a:ln>
          </p:spPr>
        </p:pic>
      </p:grpSp>
      <p:sp>
        <p:nvSpPr>
          <p:cNvPr id="8" name="Title 7"/>
          <p:cNvSpPr>
            <a:spLocks noGrp="1"/>
          </p:cNvSpPr>
          <p:nvPr>
            <p:ph type="title"/>
          </p:nvPr>
        </p:nvSpPr>
        <p:spPr>
          <a:xfrm>
            <a:off x="533400" y="304800"/>
            <a:ext cx="8229600" cy="1107996"/>
          </a:xfrm>
        </p:spPr>
        <p:txBody>
          <a:bodyPr/>
          <a:lstStyle/>
          <a:p>
            <a:r>
              <a:rPr lang="en-US" dirty="0" smtClean="0"/>
              <a:t>Delta Fisheries</a:t>
            </a:r>
            <a:br>
              <a:rPr lang="en-US" dirty="0" smtClean="0"/>
            </a:br>
            <a:r>
              <a:rPr lang="en-US" sz="3600" dirty="0" smtClean="0">
                <a:solidFill>
                  <a:schemeClr val="tx1"/>
                </a:solidFill>
              </a:rPr>
              <a:t>Endangered Species Act Listings</a:t>
            </a:r>
            <a:endParaRPr lang="en-US" sz="3600" dirty="0">
              <a:solidFill>
                <a:schemeClr val="tx1"/>
              </a:solidFill>
            </a:endParaRPr>
          </a:p>
        </p:txBody>
      </p:sp>
    </p:spTree>
    <p:extLst>
      <p:ext uri="{BB962C8B-B14F-4D97-AF65-F5344CB8AC3E}">
        <p14:creationId xmlns:p14="http://schemas.microsoft.com/office/powerpoint/2010/main" val="60573181"/>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1000"/>
                                        <p:tgtEl>
                                          <p:spTgt spid="7"/>
                                        </p:tgtEl>
                                      </p:cBhvr>
                                    </p:animEffect>
                                  </p:childTnLst>
                                </p:cTn>
                              </p:par>
                            </p:childTnLst>
                          </p:cTn>
                        </p:par>
                        <p:par>
                          <p:cTn id="8" fill="hold">
                            <p:stCondLst>
                              <p:cond delay="1000"/>
                            </p:stCondLst>
                            <p:childTnLst>
                              <p:par>
                                <p:cTn id="9" presetID="10" presetClass="entr" presetSubtype="0" fill="hold"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1000"/>
                                        <p:tgtEl>
                                          <p:spTgt spid="2"/>
                                        </p:tgtEl>
                                      </p:cBhvr>
                                    </p:animEffect>
                                  </p:childTnLst>
                                </p:cTn>
                              </p:par>
                            </p:childTnLst>
                          </p:cTn>
                        </p:par>
                        <p:par>
                          <p:cTn id="12" fill="hold">
                            <p:stCondLst>
                              <p:cond delay="2000"/>
                            </p:stCondLst>
                            <p:childTnLst>
                              <p:par>
                                <p:cTn id="13" presetID="10" presetClass="entr" presetSubtype="0" fill="hold" nodeType="afterEffect">
                                  <p:stCondLst>
                                    <p:cond delay="0"/>
                                  </p:stCondLst>
                                  <p:childTnLst>
                                    <p:set>
                                      <p:cBhvr>
                                        <p:cTn id="14" dur="1" fill="hold">
                                          <p:stCondLst>
                                            <p:cond delay="0"/>
                                          </p:stCondLst>
                                        </p:cTn>
                                        <p:tgtEl>
                                          <p:spTgt spid="4"/>
                                        </p:tgtEl>
                                        <p:attrNameLst>
                                          <p:attrName>style.visibility</p:attrName>
                                        </p:attrNameLst>
                                      </p:cBhvr>
                                      <p:to>
                                        <p:strVal val="visible"/>
                                      </p:to>
                                    </p:set>
                                    <p:animEffect transition="in" filter="fade">
                                      <p:cBhvr>
                                        <p:cTn id="15" dur="1000"/>
                                        <p:tgtEl>
                                          <p:spTgt spid="4"/>
                                        </p:tgtEl>
                                      </p:cBhvr>
                                    </p:animEffect>
                                  </p:childTnLst>
                                </p:cTn>
                              </p:par>
                            </p:childTnLst>
                          </p:cTn>
                        </p:par>
                        <p:par>
                          <p:cTn id="16" fill="hold">
                            <p:stCondLst>
                              <p:cond delay="3000"/>
                            </p:stCondLst>
                            <p:childTnLst>
                              <p:par>
                                <p:cTn id="17" presetID="10" presetClass="entr" presetSubtype="0" fill="hold" nodeType="afterEffect">
                                  <p:stCondLst>
                                    <p:cond delay="0"/>
                                  </p:stCondLst>
                                  <p:childTnLst>
                                    <p:set>
                                      <p:cBhvr>
                                        <p:cTn id="18" dur="1" fill="hold">
                                          <p:stCondLst>
                                            <p:cond delay="0"/>
                                          </p:stCondLst>
                                        </p:cTn>
                                        <p:tgtEl>
                                          <p:spTgt spid="5"/>
                                        </p:tgtEl>
                                        <p:attrNameLst>
                                          <p:attrName>style.visibility</p:attrName>
                                        </p:attrNameLst>
                                      </p:cBhvr>
                                      <p:to>
                                        <p:strVal val="visible"/>
                                      </p:to>
                                    </p:set>
                                    <p:animEffect transition="in" filter="fade">
                                      <p:cBhvr>
                                        <p:cTn id="19" dur="1000"/>
                                        <p:tgtEl>
                                          <p:spTgt spid="5"/>
                                        </p:tgtEl>
                                      </p:cBhvr>
                                    </p:animEffect>
                                  </p:childTnLst>
                                </p:cTn>
                              </p:par>
                            </p:childTnLst>
                          </p:cTn>
                        </p:par>
                        <p:par>
                          <p:cTn id="20" fill="hold">
                            <p:stCondLst>
                              <p:cond delay="4000"/>
                            </p:stCondLst>
                            <p:childTnLst>
                              <p:par>
                                <p:cTn id="21" presetID="10" presetClass="entr" presetSubtype="0" fill="hold" nodeType="afterEffect">
                                  <p:stCondLst>
                                    <p:cond delay="0"/>
                                  </p:stCondLst>
                                  <p:childTnLst>
                                    <p:set>
                                      <p:cBhvr>
                                        <p:cTn id="22" dur="1" fill="hold">
                                          <p:stCondLst>
                                            <p:cond delay="0"/>
                                          </p:stCondLst>
                                        </p:cTn>
                                        <p:tgtEl>
                                          <p:spTgt spid="3"/>
                                        </p:tgtEl>
                                        <p:attrNameLst>
                                          <p:attrName>style.visibility</p:attrName>
                                        </p:attrNameLst>
                                      </p:cBhvr>
                                      <p:to>
                                        <p:strVal val="visible"/>
                                      </p:to>
                                    </p:set>
                                    <p:animEffect transition="in" filter="fade">
                                      <p:cBhvr>
                                        <p:cTn id="23" dur="1000"/>
                                        <p:tgtEl>
                                          <p:spTgt spid="3"/>
                                        </p:tgtEl>
                                      </p:cBhvr>
                                    </p:animEffect>
                                  </p:childTnLst>
                                </p:cTn>
                              </p:par>
                            </p:childTnLst>
                          </p:cTn>
                        </p:par>
                        <p:par>
                          <p:cTn id="24" fill="hold">
                            <p:stCondLst>
                              <p:cond delay="5000"/>
                            </p:stCondLst>
                            <p:childTnLst>
                              <p:par>
                                <p:cTn id="25" presetID="10" presetClass="entr" presetSubtype="0" fill="hold" nodeType="after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fade">
                                      <p:cBhvr>
                                        <p:cTn id="27"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102" name="Slide Number Placeholder 32"/>
          <p:cNvSpPr txBox="1">
            <a:spLocks noGrp="1"/>
          </p:cNvSpPr>
          <p:nvPr/>
        </p:nvSpPr>
        <p:spPr bwMode="auto">
          <a:xfrm>
            <a:off x="8458200" y="6492875"/>
            <a:ext cx="685800" cy="365125"/>
          </a:xfrm>
          <a:prstGeom prst="rect">
            <a:avLst/>
          </a:prstGeom>
          <a:noFill/>
          <a:ln>
            <a:miter lim="800000"/>
            <a:headEnd/>
            <a:tailEnd/>
          </a:ln>
        </p:spPr>
        <p:txBody>
          <a:bodyPr/>
          <a:lstStyle/>
          <a:p>
            <a:pPr algn="ctr">
              <a:defRPr/>
            </a:pPr>
            <a:fld id="{E33413DC-CD34-4353-A23B-DED72AF95523}" type="slidenum">
              <a:rPr lang="en-US">
                <a:solidFill>
                  <a:prstClr val="white"/>
                </a:solidFill>
                <a:effectLst>
                  <a:outerShdw blurRad="38100" dist="38100" dir="2700000" algn="tl">
                    <a:srgbClr val="000000">
                      <a:alpha val="43137"/>
                    </a:srgbClr>
                  </a:outerShdw>
                </a:effectLst>
                <a:cs typeface="Arial" charset="0"/>
              </a:rPr>
              <a:pPr algn="ctr">
                <a:defRPr/>
              </a:pPr>
              <a:t>31</a:t>
            </a:fld>
            <a:endParaRPr lang="en-US" dirty="0">
              <a:solidFill>
                <a:prstClr val="white"/>
              </a:solidFill>
              <a:effectLst>
                <a:outerShdw blurRad="38100" dist="38100" dir="2700000" algn="tl">
                  <a:srgbClr val="000000">
                    <a:alpha val="43137"/>
                  </a:srgbClr>
                </a:outerShdw>
              </a:effectLst>
              <a:cs typeface="Arial" charset="0"/>
            </a:endParaRPr>
          </a:p>
        </p:txBody>
      </p:sp>
      <p:grpSp>
        <p:nvGrpSpPr>
          <p:cNvPr id="5" name="Bacground Pic"/>
          <p:cNvGrpSpPr>
            <a:grpSpLocks/>
          </p:cNvGrpSpPr>
          <p:nvPr/>
        </p:nvGrpSpPr>
        <p:grpSpPr bwMode="auto">
          <a:xfrm>
            <a:off x="-34925" y="1176338"/>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21" name="Westside - Isolated Facility" hidden="1"/>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grpSp>
        <p:nvGrpSpPr>
          <p:cNvPr id="24" name="Eastside - Isolated Facility" hidden="1"/>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hidden="1"/>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a:defRPr/>
            </a:pPr>
            <a:endParaRPr lang="en-US" dirty="0">
              <a:solidFill>
                <a:prstClr val="white"/>
              </a:solidFill>
            </a:endParaRPr>
          </a:p>
        </p:txBody>
      </p:sp>
      <p:grpSp>
        <p:nvGrpSpPr>
          <p:cNvPr id="2" name="North-South Mokelumne &amp; Old-Middle River"/>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2" name="Sourth Fork Mokelumne - Old River"/>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sp>
        <p:nvSpPr>
          <p:cNvPr id="40970" name="San Joaquin River"/>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nvGrpSpPr>
          <p:cNvPr id="3" name="Sac River"/>
          <p:cNvGrpSpPr>
            <a:grpSpLocks/>
          </p:cNvGrpSpPr>
          <p:nvPr/>
        </p:nvGrpSpPr>
        <p:grpSpPr bwMode="auto">
          <a:xfrm>
            <a:off x="2590800" y="1739900"/>
            <a:ext cx="2795588" cy="2616200"/>
            <a:chOff x="2590800" y="1739900"/>
            <a:chExt cx="2795588" cy="2616200"/>
          </a:xfrm>
        </p:grpSpPr>
        <p:sp>
          <p:nvSpPr>
            <p:cNvPr id="41069"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0"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cxnSp>
        <p:nvCxnSpPr>
          <p:cNvPr id="111" name="CCFB Split"/>
          <p:cNvCxnSpPr/>
          <p:nvPr/>
        </p:nvCxnSpPr>
        <p:spPr>
          <a:xfrm flipV="1">
            <a:off x="4064177" y="5848846"/>
            <a:ext cx="425273" cy="94560"/>
          </a:xfrm>
          <a:prstGeom prst="line">
            <a:avLst/>
          </a:prstGeom>
          <a:ln w="19050">
            <a:solidFill>
              <a:schemeClr val="accent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0" name="Tunnel - Old Alignment" hidden="1"/>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112" name="Tunnel - New Alignment" hidden="1"/>
          <p:cNvSpPr/>
          <p:nvPr/>
        </p:nvSpPr>
        <p:spPr>
          <a:xfrm>
            <a:off x="4438778" y="3391611"/>
            <a:ext cx="1031531" cy="2386888"/>
          </a:xfrm>
          <a:custGeom>
            <a:avLst/>
            <a:gdLst>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62"/>
              <a:gd name="connsiteY0" fmla="*/ 0 h 2266950"/>
              <a:gd name="connsiteX1" fmla="*/ 1047750 w 1333962"/>
              <a:gd name="connsiteY1" fmla="*/ 190500 h 2266950"/>
              <a:gd name="connsiteX2" fmla="*/ 1333500 w 1333962"/>
              <a:gd name="connsiteY2" fmla="*/ 311150 h 2266950"/>
              <a:gd name="connsiteX3" fmla="*/ 1104900 w 1333962"/>
              <a:gd name="connsiteY3" fmla="*/ 603250 h 2266950"/>
              <a:gd name="connsiteX4" fmla="*/ 742950 w 1333962"/>
              <a:gd name="connsiteY4" fmla="*/ 850900 h 2266950"/>
              <a:gd name="connsiteX5" fmla="*/ 469900 w 1333962"/>
              <a:gd name="connsiteY5" fmla="*/ 1987550 h 2266950"/>
              <a:gd name="connsiteX6" fmla="*/ 0 w 1333962"/>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136650 w 1333935"/>
              <a:gd name="connsiteY0" fmla="*/ 0 h 2266950"/>
              <a:gd name="connsiteX1" fmla="*/ 1047750 w 1333935"/>
              <a:gd name="connsiteY1" fmla="*/ 190500 h 2266950"/>
              <a:gd name="connsiteX2" fmla="*/ 1333500 w 1333935"/>
              <a:gd name="connsiteY2" fmla="*/ 311150 h 2266950"/>
              <a:gd name="connsiteX3" fmla="*/ 1104900 w 1333935"/>
              <a:gd name="connsiteY3" fmla="*/ 603250 h 2266950"/>
              <a:gd name="connsiteX4" fmla="*/ 798182 w 1333935"/>
              <a:gd name="connsiteY4" fmla="*/ 857037 h 2266950"/>
              <a:gd name="connsiteX5" fmla="*/ 469900 w 1333935"/>
              <a:gd name="connsiteY5" fmla="*/ 1987550 h 2266950"/>
              <a:gd name="connsiteX6" fmla="*/ 0 w 1333935"/>
              <a:gd name="connsiteY6" fmla="*/ 2266950 h 2266950"/>
              <a:gd name="connsiteX0" fmla="*/ 1047750 w 1333935"/>
              <a:gd name="connsiteY0" fmla="*/ 0 h 2076450"/>
              <a:gd name="connsiteX1" fmla="*/ 1333500 w 1333935"/>
              <a:gd name="connsiteY1" fmla="*/ 120650 h 2076450"/>
              <a:gd name="connsiteX2" fmla="*/ 1104900 w 1333935"/>
              <a:gd name="connsiteY2" fmla="*/ 412750 h 2076450"/>
              <a:gd name="connsiteX3" fmla="*/ 798182 w 1333935"/>
              <a:gd name="connsiteY3" fmla="*/ 666537 h 2076450"/>
              <a:gd name="connsiteX4" fmla="*/ 469900 w 1333935"/>
              <a:gd name="connsiteY4" fmla="*/ 1797050 h 2076450"/>
              <a:gd name="connsiteX5" fmla="*/ 0 w 1333935"/>
              <a:gd name="connsiteY5" fmla="*/ 2076450 h 2076450"/>
              <a:gd name="connsiteX0" fmla="*/ 1028700 w 1334247"/>
              <a:gd name="connsiteY0" fmla="*/ 0 h 2109787"/>
              <a:gd name="connsiteX1" fmla="*/ 1333500 w 1334247"/>
              <a:gd name="connsiteY1" fmla="*/ 153987 h 2109787"/>
              <a:gd name="connsiteX2" fmla="*/ 1104900 w 1334247"/>
              <a:gd name="connsiteY2" fmla="*/ 446087 h 2109787"/>
              <a:gd name="connsiteX3" fmla="*/ 798182 w 1334247"/>
              <a:gd name="connsiteY3" fmla="*/ 699874 h 2109787"/>
              <a:gd name="connsiteX4" fmla="*/ 469900 w 1334247"/>
              <a:gd name="connsiteY4" fmla="*/ 1830387 h 2109787"/>
              <a:gd name="connsiteX5" fmla="*/ 0 w 1334247"/>
              <a:gd name="connsiteY5" fmla="*/ 2109787 h 2109787"/>
              <a:gd name="connsiteX0" fmla="*/ 1028700 w 1272681"/>
              <a:gd name="connsiteY0" fmla="*/ 0 h 2109787"/>
              <a:gd name="connsiteX1" fmla="*/ 1271588 w 1272681"/>
              <a:gd name="connsiteY1" fmla="*/ 163512 h 2109787"/>
              <a:gd name="connsiteX2" fmla="*/ 1104900 w 1272681"/>
              <a:gd name="connsiteY2" fmla="*/ 446087 h 2109787"/>
              <a:gd name="connsiteX3" fmla="*/ 798182 w 1272681"/>
              <a:gd name="connsiteY3" fmla="*/ 699874 h 2109787"/>
              <a:gd name="connsiteX4" fmla="*/ 469900 w 1272681"/>
              <a:gd name="connsiteY4" fmla="*/ 1830387 h 2109787"/>
              <a:gd name="connsiteX5" fmla="*/ 0 w 1272681"/>
              <a:gd name="connsiteY5" fmla="*/ 2109787 h 2109787"/>
              <a:gd name="connsiteX0" fmla="*/ 1028700 w 1296329"/>
              <a:gd name="connsiteY0" fmla="*/ 0 h 2109787"/>
              <a:gd name="connsiteX1" fmla="*/ 1295401 w 1296329"/>
              <a:gd name="connsiteY1" fmla="*/ 173037 h 2109787"/>
              <a:gd name="connsiteX2" fmla="*/ 1104900 w 1296329"/>
              <a:gd name="connsiteY2" fmla="*/ 446087 h 2109787"/>
              <a:gd name="connsiteX3" fmla="*/ 798182 w 1296329"/>
              <a:gd name="connsiteY3" fmla="*/ 699874 h 2109787"/>
              <a:gd name="connsiteX4" fmla="*/ 469900 w 1296329"/>
              <a:gd name="connsiteY4" fmla="*/ 1830387 h 2109787"/>
              <a:gd name="connsiteX5" fmla="*/ 0 w 1296329"/>
              <a:gd name="connsiteY5" fmla="*/ 2109787 h 210978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1023938 w 1296438"/>
              <a:gd name="connsiteY0" fmla="*/ 0 h 2090737"/>
              <a:gd name="connsiteX1" fmla="*/ 1295401 w 1296438"/>
              <a:gd name="connsiteY1" fmla="*/ 153987 h 2090737"/>
              <a:gd name="connsiteX2" fmla="*/ 1104900 w 1296438"/>
              <a:gd name="connsiteY2" fmla="*/ 427037 h 2090737"/>
              <a:gd name="connsiteX3" fmla="*/ 798182 w 1296438"/>
              <a:gd name="connsiteY3" fmla="*/ 680824 h 2090737"/>
              <a:gd name="connsiteX4" fmla="*/ 469900 w 1296438"/>
              <a:gd name="connsiteY4" fmla="*/ 1811337 h 2090737"/>
              <a:gd name="connsiteX5" fmla="*/ 0 w 1296438"/>
              <a:gd name="connsiteY5" fmla="*/ 2090737 h 2090737"/>
              <a:gd name="connsiteX0" fmla="*/ 990600 w 1297325"/>
              <a:gd name="connsiteY0" fmla="*/ 0 h 2095500"/>
              <a:gd name="connsiteX1" fmla="*/ 1295401 w 1297325"/>
              <a:gd name="connsiteY1" fmla="*/ 158750 h 2095500"/>
              <a:gd name="connsiteX2" fmla="*/ 1104900 w 1297325"/>
              <a:gd name="connsiteY2" fmla="*/ 431800 h 2095500"/>
              <a:gd name="connsiteX3" fmla="*/ 798182 w 1297325"/>
              <a:gd name="connsiteY3" fmla="*/ 685587 h 2095500"/>
              <a:gd name="connsiteX4" fmla="*/ 469900 w 1297325"/>
              <a:gd name="connsiteY4" fmla="*/ 1816100 h 2095500"/>
              <a:gd name="connsiteX5" fmla="*/ 0 w 1297325"/>
              <a:gd name="connsiteY5" fmla="*/ 2095500 h 2095500"/>
              <a:gd name="connsiteX0" fmla="*/ 1039368 w 1346093"/>
              <a:gd name="connsiteY0" fmla="*/ 0 h 2217420"/>
              <a:gd name="connsiteX1" fmla="*/ 1344169 w 1346093"/>
              <a:gd name="connsiteY1" fmla="*/ 158750 h 2217420"/>
              <a:gd name="connsiteX2" fmla="*/ 1153668 w 1346093"/>
              <a:gd name="connsiteY2" fmla="*/ 431800 h 2217420"/>
              <a:gd name="connsiteX3" fmla="*/ 846950 w 1346093"/>
              <a:gd name="connsiteY3" fmla="*/ 685587 h 2217420"/>
              <a:gd name="connsiteX4" fmla="*/ 518668 w 1346093"/>
              <a:gd name="connsiteY4" fmla="*/ 1816100 h 2217420"/>
              <a:gd name="connsiteX5" fmla="*/ 0 w 1346093"/>
              <a:gd name="connsiteY5" fmla="*/ 2217420 h 2217420"/>
              <a:gd name="connsiteX0" fmla="*/ 1039368 w 1216797"/>
              <a:gd name="connsiteY0" fmla="*/ 0 h 2217420"/>
              <a:gd name="connsiteX1" fmla="*/ 1208838 w 1216797"/>
              <a:gd name="connsiteY1" fmla="*/ 162408 h 2217420"/>
              <a:gd name="connsiteX2" fmla="*/ 1153668 w 1216797"/>
              <a:gd name="connsiteY2" fmla="*/ 431800 h 2217420"/>
              <a:gd name="connsiteX3" fmla="*/ 846950 w 1216797"/>
              <a:gd name="connsiteY3" fmla="*/ 685587 h 2217420"/>
              <a:gd name="connsiteX4" fmla="*/ 518668 w 1216797"/>
              <a:gd name="connsiteY4" fmla="*/ 1816100 h 2217420"/>
              <a:gd name="connsiteX5" fmla="*/ 0 w 1216797"/>
              <a:gd name="connsiteY5" fmla="*/ 2217420 h 2217420"/>
              <a:gd name="connsiteX0" fmla="*/ 1039368 w 1225123"/>
              <a:gd name="connsiteY0" fmla="*/ 0 h 2217420"/>
              <a:gd name="connsiteX1" fmla="*/ 1208838 w 1225123"/>
              <a:gd name="connsiteY1" fmla="*/ 162408 h 2217420"/>
              <a:gd name="connsiteX2" fmla="*/ 1212139 w 1225123"/>
              <a:gd name="connsiteY2" fmla="*/ 302566 h 2217420"/>
              <a:gd name="connsiteX3" fmla="*/ 1153668 w 1225123"/>
              <a:gd name="connsiteY3" fmla="*/ 431800 h 2217420"/>
              <a:gd name="connsiteX4" fmla="*/ 846950 w 1225123"/>
              <a:gd name="connsiteY4" fmla="*/ 685587 h 2217420"/>
              <a:gd name="connsiteX5" fmla="*/ 518668 w 1225123"/>
              <a:gd name="connsiteY5" fmla="*/ 1816100 h 2217420"/>
              <a:gd name="connsiteX6" fmla="*/ 0 w 1225123"/>
              <a:gd name="connsiteY6" fmla="*/ 2217420 h 2217420"/>
              <a:gd name="connsiteX0" fmla="*/ 1039368 w 1258236"/>
              <a:gd name="connsiteY0" fmla="*/ 0 h 2217420"/>
              <a:gd name="connsiteX1" fmla="*/ 1208838 w 1258236"/>
              <a:gd name="connsiteY1" fmla="*/ 162408 h 2217420"/>
              <a:gd name="connsiteX2" fmla="*/ 1256030 w 1258236"/>
              <a:gd name="connsiteY2" fmla="*/ 273305 h 2217420"/>
              <a:gd name="connsiteX3" fmla="*/ 1153668 w 1258236"/>
              <a:gd name="connsiteY3" fmla="*/ 431800 h 2217420"/>
              <a:gd name="connsiteX4" fmla="*/ 846950 w 1258236"/>
              <a:gd name="connsiteY4" fmla="*/ 685587 h 2217420"/>
              <a:gd name="connsiteX5" fmla="*/ 518668 w 1258236"/>
              <a:gd name="connsiteY5" fmla="*/ 1816100 h 2217420"/>
              <a:gd name="connsiteX6" fmla="*/ 0 w 1258236"/>
              <a:gd name="connsiteY6" fmla="*/ 2217420 h 2217420"/>
              <a:gd name="connsiteX0" fmla="*/ 1057656 w 1258049"/>
              <a:gd name="connsiteY0" fmla="*/ 0 h 2341778"/>
              <a:gd name="connsiteX1" fmla="*/ 1208838 w 1258049"/>
              <a:gd name="connsiteY1" fmla="*/ 286766 h 2341778"/>
              <a:gd name="connsiteX2" fmla="*/ 1256030 w 1258049"/>
              <a:gd name="connsiteY2" fmla="*/ 397663 h 2341778"/>
              <a:gd name="connsiteX3" fmla="*/ 1153668 w 1258049"/>
              <a:gd name="connsiteY3" fmla="*/ 556158 h 2341778"/>
              <a:gd name="connsiteX4" fmla="*/ 846950 w 1258049"/>
              <a:gd name="connsiteY4" fmla="*/ 809945 h 2341778"/>
              <a:gd name="connsiteX5" fmla="*/ 518668 w 1258049"/>
              <a:gd name="connsiteY5" fmla="*/ 1940458 h 2341778"/>
              <a:gd name="connsiteX6" fmla="*/ 0 w 1258049"/>
              <a:gd name="connsiteY6" fmla="*/ 2341778 h 2341778"/>
              <a:gd name="connsiteX0" fmla="*/ 1057656 w 1258226"/>
              <a:gd name="connsiteY0" fmla="*/ 0 h 2341778"/>
              <a:gd name="connsiteX1" fmla="*/ 1040232 w 1258226"/>
              <a:gd name="connsiteY1" fmla="*/ 134316 h 2341778"/>
              <a:gd name="connsiteX2" fmla="*/ 1208838 w 1258226"/>
              <a:gd name="connsiteY2" fmla="*/ 286766 h 2341778"/>
              <a:gd name="connsiteX3" fmla="*/ 1256030 w 1258226"/>
              <a:gd name="connsiteY3" fmla="*/ 397663 h 2341778"/>
              <a:gd name="connsiteX4" fmla="*/ 1153668 w 1258226"/>
              <a:gd name="connsiteY4" fmla="*/ 556158 h 2341778"/>
              <a:gd name="connsiteX5" fmla="*/ 846950 w 1258226"/>
              <a:gd name="connsiteY5" fmla="*/ 809945 h 2341778"/>
              <a:gd name="connsiteX6" fmla="*/ 518668 w 1258226"/>
              <a:gd name="connsiteY6" fmla="*/ 1940458 h 2341778"/>
              <a:gd name="connsiteX7" fmla="*/ 0 w 1258226"/>
              <a:gd name="connsiteY7" fmla="*/ 2341778 h 234177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46950 w 1258226"/>
              <a:gd name="connsiteY5" fmla="*/ 82457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87183 w 1258226"/>
              <a:gd name="connsiteY5" fmla="*/ 861151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825004 w 1258226"/>
              <a:gd name="connsiteY5" fmla="*/ 992825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40879 w 1258226"/>
              <a:gd name="connsiteY5" fmla="*/ 1040374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26249 w 1258226"/>
              <a:gd name="connsiteY5" fmla="*/ 1036716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0 w 1258226"/>
              <a:gd name="connsiteY7"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279907 w 1258226"/>
              <a:gd name="connsiteY7" fmla="*/ 2216709 h 2356408"/>
              <a:gd name="connsiteX8" fmla="*/ 0 w 1258226"/>
              <a:gd name="connsiteY8" fmla="*/ 2356408 h 2356408"/>
              <a:gd name="connsiteX0" fmla="*/ 1068629 w 1258226"/>
              <a:gd name="connsiteY0" fmla="*/ 0 h 2356408"/>
              <a:gd name="connsiteX1" fmla="*/ 1040232 w 1258226"/>
              <a:gd name="connsiteY1" fmla="*/ 148946 h 2356408"/>
              <a:gd name="connsiteX2" fmla="*/ 1208838 w 1258226"/>
              <a:gd name="connsiteY2" fmla="*/ 301396 h 2356408"/>
              <a:gd name="connsiteX3" fmla="*/ 1256030 w 1258226"/>
              <a:gd name="connsiteY3" fmla="*/ 412293 h 2356408"/>
              <a:gd name="connsiteX4" fmla="*/ 1153668 w 1258226"/>
              <a:gd name="connsiteY4" fmla="*/ 570788 h 2356408"/>
              <a:gd name="connsiteX5" fmla="*/ 737221 w 1258226"/>
              <a:gd name="connsiteY5" fmla="*/ 1047689 h 2356408"/>
              <a:gd name="connsiteX6" fmla="*/ 518668 w 1258226"/>
              <a:gd name="connsiteY6" fmla="*/ 1955088 h 2356408"/>
              <a:gd name="connsiteX7" fmla="*/ 279907 w 1258226"/>
              <a:gd name="connsiteY7" fmla="*/ 2216709 h 2356408"/>
              <a:gd name="connsiteX8" fmla="*/ 0 w 1258226"/>
              <a:gd name="connsiteY8" fmla="*/ 2356408 h 2356408"/>
              <a:gd name="connsiteX0" fmla="*/ 958139 w 1147736"/>
              <a:gd name="connsiteY0" fmla="*/ 0 h 2312593"/>
              <a:gd name="connsiteX1" fmla="*/ 929742 w 1147736"/>
              <a:gd name="connsiteY1" fmla="*/ 148946 h 2312593"/>
              <a:gd name="connsiteX2" fmla="*/ 1098348 w 1147736"/>
              <a:gd name="connsiteY2" fmla="*/ 301396 h 2312593"/>
              <a:gd name="connsiteX3" fmla="*/ 1145540 w 1147736"/>
              <a:gd name="connsiteY3" fmla="*/ 412293 h 2312593"/>
              <a:gd name="connsiteX4" fmla="*/ 1043178 w 1147736"/>
              <a:gd name="connsiteY4" fmla="*/ 570788 h 2312593"/>
              <a:gd name="connsiteX5" fmla="*/ 626731 w 1147736"/>
              <a:gd name="connsiteY5" fmla="*/ 1047689 h 2312593"/>
              <a:gd name="connsiteX6" fmla="*/ 408178 w 1147736"/>
              <a:gd name="connsiteY6" fmla="*/ 1955088 h 2312593"/>
              <a:gd name="connsiteX7" fmla="*/ 169417 w 1147736"/>
              <a:gd name="connsiteY7" fmla="*/ 2216709 h 2312593"/>
              <a:gd name="connsiteX8" fmla="*/ 0 w 1147736"/>
              <a:gd name="connsiteY8" fmla="*/ 2312593 h 231259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89407 w 1067726"/>
              <a:gd name="connsiteY7" fmla="*/ 2216709 h 2365933"/>
              <a:gd name="connsiteX8" fmla="*/ 0 w 1067726"/>
              <a:gd name="connsiteY8" fmla="*/ 2365933 h 236593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112267 w 1067726"/>
              <a:gd name="connsiteY7" fmla="*/ 2226234 h 2365933"/>
              <a:gd name="connsiteX8" fmla="*/ 0 w 1067726"/>
              <a:gd name="connsiteY8" fmla="*/ 2365933 h 2365933"/>
              <a:gd name="connsiteX0" fmla="*/ 878129 w 1067726"/>
              <a:gd name="connsiteY0" fmla="*/ 0 h 2365933"/>
              <a:gd name="connsiteX1" fmla="*/ 849732 w 1067726"/>
              <a:gd name="connsiteY1" fmla="*/ 148946 h 2365933"/>
              <a:gd name="connsiteX2" fmla="*/ 1018338 w 1067726"/>
              <a:gd name="connsiteY2" fmla="*/ 301396 h 2365933"/>
              <a:gd name="connsiteX3" fmla="*/ 1065530 w 1067726"/>
              <a:gd name="connsiteY3" fmla="*/ 412293 h 2365933"/>
              <a:gd name="connsiteX4" fmla="*/ 963168 w 1067726"/>
              <a:gd name="connsiteY4" fmla="*/ 570788 h 2365933"/>
              <a:gd name="connsiteX5" fmla="*/ 546721 w 1067726"/>
              <a:gd name="connsiteY5" fmla="*/ 1047689 h 2365933"/>
              <a:gd name="connsiteX6" fmla="*/ 328168 w 1067726"/>
              <a:gd name="connsiteY6" fmla="*/ 1955088 h 2365933"/>
              <a:gd name="connsiteX7" fmla="*/ 123697 w 1067726"/>
              <a:gd name="connsiteY7" fmla="*/ 2231949 h 2365933"/>
              <a:gd name="connsiteX8" fmla="*/ 0 w 1067726"/>
              <a:gd name="connsiteY8" fmla="*/ 2365933 h 2365933"/>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87502 w 1031531"/>
              <a:gd name="connsiteY7" fmla="*/ 2231949 h 2386888"/>
              <a:gd name="connsiteX8" fmla="*/ 0 w 1031531"/>
              <a:gd name="connsiteY8" fmla="*/ 2386888 h 2386888"/>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114172 w 1031531"/>
              <a:gd name="connsiteY7" fmla="*/ 2245284 h 2386888"/>
              <a:gd name="connsiteX8" fmla="*/ 0 w 1031531"/>
              <a:gd name="connsiteY8" fmla="*/ 2386888 h 2386888"/>
              <a:gd name="connsiteX0" fmla="*/ 841934 w 1031531"/>
              <a:gd name="connsiteY0" fmla="*/ 0 h 2386888"/>
              <a:gd name="connsiteX1" fmla="*/ 813537 w 1031531"/>
              <a:gd name="connsiteY1" fmla="*/ 148946 h 2386888"/>
              <a:gd name="connsiteX2" fmla="*/ 982143 w 1031531"/>
              <a:gd name="connsiteY2" fmla="*/ 301396 h 2386888"/>
              <a:gd name="connsiteX3" fmla="*/ 1029335 w 1031531"/>
              <a:gd name="connsiteY3" fmla="*/ 412293 h 2386888"/>
              <a:gd name="connsiteX4" fmla="*/ 926973 w 1031531"/>
              <a:gd name="connsiteY4" fmla="*/ 570788 h 2386888"/>
              <a:gd name="connsiteX5" fmla="*/ 510526 w 1031531"/>
              <a:gd name="connsiteY5" fmla="*/ 1047689 h 2386888"/>
              <a:gd name="connsiteX6" fmla="*/ 291973 w 1031531"/>
              <a:gd name="connsiteY6" fmla="*/ 1955088 h 2386888"/>
              <a:gd name="connsiteX7" fmla="*/ 129412 w 1031531"/>
              <a:gd name="connsiteY7" fmla="*/ 2245284 h 2386888"/>
              <a:gd name="connsiteX8" fmla="*/ 0 w 1031531"/>
              <a:gd name="connsiteY8" fmla="*/ 2386888 h 23868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31531" h="2386888">
                <a:moveTo>
                  <a:pt x="841934" y="0"/>
                </a:moveTo>
                <a:cubicBezTo>
                  <a:pt x="853051" y="15680"/>
                  <a:pt x="788340" y="101152"/>
                  <a:pt x="813537" y="148946"/>
                </a:cubicBezTo>
                <a:cubicBezTo>
                  <a:pt x="838734" y="196740"/>
                  <a:pt x="946177" y="257505"/>
                  <a:pt x="982143" y="301396"/>
                </a:cubicBezTo>
                <a:cubicBezTo>
                  <a:pt x="1018109" y="345287"/>
                  <a:pt x="1038530" y="367394"/>
                  <a:pt x="1029335" y="412293"/>
                </a:cubicBezTo>
                <a:cubicBezTo>
                  <a:pt x="1020140" y="457192"/>
                  <a:pt x="1013441" y="464889"/>
                  <a:pt x="926973" y="570788"/>
                </a:cubicBezTo>
                <a:cubicBezTo>
                  <a:pt x="840505" y="676687"/>
                  <a:pt x="563809" y="922076"/>
                  <a:pt x="510526" y="1047689"/>
                </a:cubicBezTo>
                <a:cubicBezTo>
                  <a:pt x="457243" y="1173302"/>
                  <a:pt x="368192" y="1760252"/>
                  <a:pt x="291973" y="1955088"/>
                </a:cubicBezTo>
                <a:cubicBezTo>
                  <a:pt x="215754" y="2149924"/>
                  <a:pt x="215857" y="2178397"/>
                  <a:pt x="129412" y="2245284"/>
                </a:cubicBezTo>
                <a:cubicBezTo>
                  <a:pt x="48682" y="2315981"/>
                  <a:pt x="46651" y="2363605"/>
                  <a:pt x="0" y="2386888"/>
                </a:cubicBezTo>
              </a:path>
            </a:pathLst>
          </a:custGeom>
          <a:noFill/>
          <a:ln w="19050">
            <a:solidFill>
              <a:srgbClr val="66FF33"/>
            </a:solidFill>
            <a:prstDash val="sysDash"/>
          </a:ln>
          <a:effectLst>
            <a:glow rad="63500">
              <a:schemeClr val="bg1">
                <a:alpha val="40000"/>
              </a:schemeClr>
            </a:glo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a:defRPr/>
            </a:pPr>
            <a:r>
              <a:rPr lang="en-US" sz="1400" b="1" i="1" dirty="0">
                <a:solidFill>
                  <a:srgbClr val="FFC000"/>
                </a:solidFill>
                <a:effectLst>
                  <a:glow rad="101600">
                    <a:prstClr val="black">
                      <a:alpha val="60000"/>
                    </a:prstClr>
                  </a:glow>
                </a:effectLst>
              </a:rPr>
              <a:t>Preliminary Subject to Revision</a:t>
            </a:r>
          </a:p>
        </p:txBody>
      </p:sp>
      <p:sp>
        <p:nvSpPr>
          <p:cNvPr id="78" name="Tunnel - Text Box" hidden="1"/>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Tunnels</a:t>
            </a:r>
          </a:p>
        </p:txBody>
      </p:sp>
      <p:sp>
        <p:nvSpPr>
          <p:cNvPr id="66" name="SJ River Textbox"/>
          <p:cNvSpPr txBox="1">
            <a:spLocks noChangeArrowheads="1"/>
          </p:cNvSpPr>
          <p:nvPr/>
        </p:nvSpPr>
        <p:spPr bwMode="invGray">
          <a:xfrm>
            <a:off x="7315200" y="55626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a:solidFill>
                  <a:prstClr val="white"/>
                </a:solidFill>
              </a:rPr>
              <a:t>SJ </a:t>
            </a:r>
            <a:r>
              <a:rPr lang="en-US" sz="2000" b="1" dirty="0" smtClean="0">
                <a:solidFill>
                  <a:prstClr val="white"/>
                </a:solidFill>
              </a:rPr>
              <a:t>River</a:t>
            </a:r>
          </a:p>
        </p:txBody>
      </p:sp>
      <p:sp>
        <p:nvSpPr>
          <p:cNvPr id="108" name="Thru-Delta - Text Box" hidden="1"/>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hangingPunct="0">
              <a:spcBef>
                <a:spcPct val="50000"/>
              </a:spcBef>
              <a:defRPr/>
            </a:pPr>
            <a:r>
              <a:rPr lang="en-US" sz="2400" b="1" dirty="0">
                <a:solidFill>
                  <a:prstClr val="white"/>
                </a:solidFill>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hangingPunct="0">
              <a:spcBef>
                <a:spcPct val="50000"/>
              </a:spcBef>
              <a:defRPr/>
            </a:pPr>
            <a:r>
              <a:rPr lang="en-US" sz="2400" b="1" dirty="0">
                <a:solidFill>
                  <a:prstClr val="white"/>
                </a:solidFill>
              </a:rPr>
              <a:t>SWP Pumps</a:t>
            </a:r>
          </a:p>
        </p:txBody>
      </p:sp>
      <p:sp>
        <p:nvSpPr>
          <p:cNvPr id="54" name="Sacramento Textbox"/>
          <p:cNvSpPr txBox="1">
            <a:spLocks noChangeArrowheads="1"/>
          </p:cNvSpPr>
          <p:nvPr/>
        </p:nvSpPr>
        <p:spPr bwMode="invGray">
          <a:xfrm>
            <a:off x="5943600" y="2590800"/>
            <a:ext cx="23622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acramento</a:t>
            </a:r>
          </a:p>
        </p:txBody>
      </p:sp>
      <p:sp>
        <p:nvSpPr>
          <p:cNvPr id="53" name="Stockton Textbox" hidden="1"/>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tockton</a:t>
            </a:r>
          </a:p>
        </p:txBody>
      </p:sp>
      <p:sp>
        <p:nvSpPr>
          <p:cNvPr id="52" name="Sac River  Textbox"/>
          <p:cNvSpPr txBox="1">
            <a:spLocks noChangeArrowheads="1"/>
          </p:cNvSpPr>
          <p:nvPr/>
        </p:nvSpPr>
        <p:spPr bwMode="invGray">
          <a:xfrm>
            <a:off x="2552700"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a:solidFill>
                  <a:prstClr val="white"/>
                </a:solidFill>
              </a:rPr>
              <a:t>Sac </a:t>
            </a:r>
            <a:r>
              <a:rPr lang="en-US" sz="2000" b="1" dirty="0" smtClean="0">
                <a:solidFill>
                  <a:prstClr val="white"/>
                </a:solidFill>
              </a:rPr>
              <a:t>River</a:t>
            </a:r>
          </a:p>
        </p:txBody>
      </p:sp>
      <p:sp>
        <p:nvSpPr>
          <p:cNvPr id="75" name="West Canal - Text Box" hidden="1"/>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West Canal</a:t>
            </a:r>
          </a:p>
        </p:txBody>
      </p:sp>
      <p:sp>
        <p:nvSpPr>
          <p:cNvPr id="77" name="East Canal - Text Box" hidden="1"/>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East Canal</a:t>
            </a:r>
          </a:p>
        </p:txBody>
      </p:sp>
      <p:grpSp>
        <p:nvGrpSpPr>
          <p:cNvPr id="88" name="Intakes" hidden="1"/>
          <p:cNvGrpSpPr/>
          <p:nvPr/>
        </p:nvGrpSpPr>
        <p:grpSpPr>
          <a:xfrm>
            <a:off x="4973171" y="3263900"/>
            <a:ext cx="343535" cy="287655"/>
            <a:chOff x="4975548" y="3264947"/>
            <a:chExt cx="343535" cy="287655"/>
          </a:xfrm>
        </p:grpSpPr>
        <p:sp>
          <p:nvSpPr>
            <p:cNvPr id="90" name="Intake 4"/>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91" name="Intake 3"/>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92" name="Intake 1"/>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sp>
        <p:nvSpPr>
          <p:cNvPr id="128" name="Afterbay Connection to CVP" hidden="1"/>
          <p:cNvSpPr>
            <a:spLocks/>
          </p:cNvSpPr>
          <p:nvPr/>
        </p:nvSpPr>
        <p:spPr bwMode="auto">
          <a:xfrm>
            <a:off x="4061800" y="6132931"/>
            <a:ext cx="265049" cy="12949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129" name="Eastside Afterbay" hidden="1"/>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Red Rectangle - North Delta" hidden="1"/>
          <p:cNvSpPr/>
          <p:nvPr/>
        </p:nvSpPr>
        <p:spPr bwMode="auto">
          <a:xfrm>
            <a:off x="4754569" y="3174479"/>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2" name="Red Rectangle - North Delta" hidden="1"/>
          <p:cNvSpPr/>
          <p:nvPr/>
        </p:nvSpPr>
        <p:spPr bwMode="auto">
          <a:xfrm>
            <a:off x="3429000" y="5867400"/>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6" name="Freeform 9" hidden="1"/>
          <p:cNvSpPr>
            <a:spLocks/>
          </p:cNvSpPr>
          <p:nvPr/>
        </p:nvSpPr>
        <p:spPr bwMode="auto">
          <a:xfrm>
            <a:off x="4209992" y="6101785"/>
            <a:ext cx="215954" cy="878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92D050"/>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black"/>
              </a:solidFill>
              <a:latin typeface="Arial" charset="0"/>
              <a:cs typeface="Arial" charset="0"/>
            </a:endParaRPr>
          </a:p>
        </p:txBody>
      </p:sp>
      <p:sp>
        <p:nvSpPr>
          <p:cNvPr id="137" name="Oval 17"/>
          <p:cNvSpPr>
            <a:spLocks noChangeAspect="1" noChangeArrowheads="1"/>
          </p:cNvSpPr>
          <p:nvPr/>
        </p:nvSpPr>
        <p:spPr bwMode="invGray">
          <a:xfrm>
            <a:off x="3746125" y="6056081"/>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8" name="Oval 17"/>
          <p:cNvSpPr>
            <a:spLocks noChangeAspect="1" noChangeArrowheads="1"/>
          </p:cNvSpPr>
          <p:nvPr/>
        </p:nvSpPr>
        <p:spPr bwMode="invGray">
          <a:xfrm>
            <a:off x="4038600" y="6172200"/>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9" name="Freeform 138" hidden="1"/>
          <p:cNvSpPr/>
          <p:nvPr/>
        </p:nvSpPr>
        <p:spPr bwMode="auto">
          <a:xfrm>
            <a:off x="4159928" y="5974461"/>
            <a:ext cx="422791" cy="109728"/>
          </a:xfrm>
          <a:custGeom>
            <a:avLst/>
            <a:gdLst>
              <a:gd name="connsiteX0" fmla="*/ 175565 w 186538"/>
              <a:gd name="connsiteY0" fmla="*/ 0 h 109728"/>
              <a:gd name="connsiteX1" fmla="*/ 142646 w 186538"/>
              <a:gd name="connsiteY1" fmla="*/ 10973 h 109728"/>
              <a:gd name="connsiteX2" fmla="*/ 54864 w 186538"/>
              <a:gd name="connsiteY2" fmla="*/ 21946 h 109728"/>
              <a:gd name="connsiteX3" fmla="*/ 0 w 186538"/>
              <a:gd name="connsiteY3" fmla="*/ 76810 h 109728"/>
              <a:gd name="connsiteX4" fmla="*/ 40234 w 186538"/>
              <a:gd name="connsiteY4" fmla="*/ 109728 h 109728"/>
              <a:gd name="connsiteX5" fmla="*/ 117043 w 186538"/>
              <a:gd name="connsiteY5" fmla="*/ 102413 h 109728"/>
              <a:gd name="connsiteX6" fmla="*/ 175565 w 186538"/>
              <a:gd name="connsiteY6" fmla="*/ 102413 h 109728"/>
              <a:gd name="connsiteX7" fmla="*/ 186538 w 186538"/>
              <a:gd name="connsiteY7" fmla="*/ 62179 h 109728"/>
              <a:gd name="connsiteX8" fmla="*/ 175565 w 186538"/>
              <a:gd name="connsiteY8" fmla="*/ 0 h 109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6538" h="109728">
                <a:moveTo>
                  <a:pt x="175565" y="0"/>
                </a:moveTo>
                <a:lnTo>
                  <a:pt x="142646" y="10973"/>
                </a:lnTo>
                <a:lnTo>
                  <a:pt x="54864" y="21946"/>
                </a:lnTo>
                <a:lnTo>
                  <a:pt x="0" y="76810"/>
                </a:lnTo>
                <a:lnTo>
                  <a:pt x="40234" y="109728"/>
                </a:lnTo>
                <a:lnTo>
                  <a:pt x="117043" y="102413"/>
                </a:lnTo>
                <a:lnTo>
                  <a:pt x="175565" y="102413"/>
                </a:lnTo>
                <a:lnTo>
                  <a:pt x="186538" y="62179"/>
                </a:lnTo>
                <a:lnTo>
                  <a:pt x="175565" y="0"/>
                </a:lnTo>
                <a:close/>
              </a:path>
            </a:pathLst>
          </a:custGeom>
          <a:solidFill>
            <a:srgbClr val="0070C0"/>
          </a:solidFill>
          <a:ln w="1905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40" name="Text Box 16"/>
          <p:cNvSpPr txBox="1">
            <a:spLocks noChangeArrowheads="1"/>
          </p:cNvSpPr>
          <p:nvPr/>
        </p:nvSpPr>
        <p:spPr bwMode="invGray">
          <a:xfrm>
            <a:off x="1295400" y="5867400"/>
            <a:ext cx="2209800" cy="400110"/>
          </a:xfrm>
          <a:prstGeom prst="rect">
            <a:avLst/>
          </a:prstGeom>
          <a:noFill/>
          <a:ln w="9525">
            <a:noFill/>
            <a:miter lim="800000"/>
            <a:headEnd/>
            <a:tailEnd/>
          </a:ln>
          <a:effectLst>
            <a:outerShdw blurRad="50800" dist="38100" dir="2700000" algn="tl" rotWithShape="0">
              <a:prstClr val="black"/>
            </a:outerShdw>
          </a:effectLst>
        </p:spPr>
        <p:txBody>
          <a:bodyPr>
            <a:spAutoFit/>
          </a:bodyPr>
          <a:lstStyle/>
          <a:p>
            <a:pPr algn="r" eaLnBrk="0" hangingPunct="0">
              <a:spcBef>
                <a:spcPct val="50000"/>
              </a:spcBef>
              <a:defRPr/>
            </a:pPr>
            <a:r>
              <a:rPr lang="en-US" sz="2000" b="1" dirty="0">
                <a:solidFill>
                  <a:prstClr val="white"/>
                </a:solidFill>
                <a:effectLst>
                  <a:outerShdw blurRad="50800" dist="38100" dir="2700000" algn="tl" rotWithShape="0">
                    <a:prstClr val="black"/>
                  </a:outerShdw>
                </a:effectLst>
                <a:latin typeface="Arial Black" pitchFamily="34" charset="0"/>
                <a:cs typeface="Arial" charset="0"/>
              </a:rPr>
              <a:t>SWP Pumps</a:t>
            </a:r>
          </a:p>
        </p:txBody>
      </p:sp>
      <p:sp>
        <p:nvSpPr>
          <p:cNvPr id="141" name="Text Box 16"/>
          <p:cNvSpPr txBox="1">
            <a:spLocks noChangeArrowheads="1"/>
          </p:cNvSpPr>
          <p:nvPr/>
        </p:nvSpPr>
        <p:spPr bwMode="invGray">
          <a:xfrm>
            <a:off x="2078038" y="6172200"/>
            <a:ext cx="2209800" cy="400110"/>
          </a:xfrm>
          <a:prstGeom prst="rect">
            <a:avLst/>
          </a:prstGeom>
          <a:noFill/>
          <a:ln w="9525">
            <a:noFill/>
            <a:miter lim="800000"/>
            <a:headEnd/>
            <a:tailEnd/>
          </a:ln>
          <a:effectLst>
            <a:outerShdw blurRad="50800" dist="38100" dir="2700000" algn="tl" rotWithShape="0">
              <a:prstClr val="black"/>
            </a:outerShdw>
          </a:effectLst>
        </p:spPr>
        <p:txBody>
          <a:bodyPr>
            <a:spAutoFit/>
          </a:bodyPr>
          <a:lstStyle>
            <a:defPPr>
              <a:defRPr lang="en-US"/>
            </a:defPPr>
            <a:lvl1pPr algn="r" eaLnBrk="0" hangingPunct="0">
              <a:spcBef>
                <a:spcPct val="50000"/>
              </a:spcBef>
              <a:defRPr sz="2000" b="1">
                <a:solidFill>
                  <a:prstClr val="white"/>
                </a:solidFill>
                <a:effectLst>
                  <a:outerShdw blurRad="50800" dist="38100" dir="2700000" algn="tl" rotWithShape="0">
                    <a:prstClr val="black"/>
                  </a:outerShdw>
                </a:effectLst>
                <a:latin typeface="Arial Black" pitchFamily="34" charset="0"/>
                <a:cs typeface="Arial" charset="0"/>
              </a:defRPr>
            </a:lvl1pPr>
          </a:lstStyle>
          <a:p>
            <a:r>
              <a:rPr lang="en-US" dirty="0"/>
              <a:t>CVP Pumps</a:t>
            </a:r>
          </a:p>
        </p:txBody>
      </p:sp>
      <p:sp>
        <p:nvSpPr>
          <p:cNvPr id="133" name="Rounded Rectangle 132" hidden="1"/>
          <p:cNvSpPr/>
          <p:nvPr/>
        </p:nvSpPr>
        <p:spPr bwMode="auto">
          <a:xfrm>
            <a:off x="4953000" y="5201383"/>
            <a:ext cx="3977391" cy="1332034"/>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80000"/>
              </a:lnSpc>
              <a:spcAft>
                <a:spcPts val="600"/>
              </a:spcAft>
            </a:pPr>
            <a:r>
              <a:rPr lang="en-US" sz="2400" b="1" dirty="0" smtClean="0">
                <a:solidFill>
                  <a:prstClr val="white"/>
                </a:solidFill>
              </a:rPr>
              <a:t>South Delta</a:t>
            </a:r>
            <a:endParaRPr lang="en-US" sz="2400" b="1" dirty="0">
              <a:solidFill>
                <a:prstClr val="white"/>
              </a:solidFill>
            </a:endParaRPr>
          </a:p>
          <a:p>
            <a:pPr marL="228600" indent="-228600" defTabSz="912813" eaLnBrk="0" hangingPunct="0">
              <a:lnSpc>
                <a:spcPct val="80000"/>
              </a:lnSpc>
              <a:spcAft>
                <a:spcPts val="600"/>
              </a:spcAft>
              <a:buFontTx/>
              <a:buBlip>
                <a:blip r:embed="rId4"/>
              </a:buBlip>
            </a:pPr>
            <a:r>
              <a:rPr lang="en-US" sz="2200" dirty="0">
                <a:solidFill>
                  <a:prstClr val="white"/>
                </a:solidFill>
              </a:rPr>
              <a:t>Reduces reverse </a:t>
            </a:r>
            <a:r>
              <a:rPr lang="en-US" sz="2200" dirty="0" smtClean="0">
                <a:solidFill>
                  <a:prstClr val="white"/>
                </a:solidFill>
              </a:rPr>
              <a:t>flows in river </a:t>
            </a:r>
          </a:p>
          <a:p>
            <a:pPr marL="228600" indent="-228600" defTabSz="912813" eaLnBrk="0" hangingPunct="0">
              <a:lnSpc>
                <a:spcPct val="80000"/>
              </a:lnSpc>
              <a:spcAft>
                <a:spcPts val="600"/>
              </a:spcAft>
              <a:buFontTx/>
              <a:buBlip>
                <a:blip r:embed="rId4"/>
              </a:buBlip>
            </a:pPr>
            <a:r>
              <a:rPr lang="en-US" sz="2200" dirty="0" smtClean="0">
                <a:solidFill>
                  <a:prstClr val="white"/>
                </a:solidFill>
              </a:rPr>
              <a:t>Less fish salvage at pumps</a:t>
            </a:r>
          </a:p>
        </p:txBody>
      </p:sp>
      <p:sp>
        <p:nvSpPr>
          <p:cNvPr id="142" name="Rounded Rectangle 141" hidden="1"/>
          <p:cNvSpPr/>
          <p:nvPr/>
        </p:nvSpPr>
        <p:spPr bwMode="auto">
          <a:xfrm>
            <a:off x="212308" y="1507565"/>
            <a:ext cx="4105661" cy="1951915"/>
          </a:xfrm>
          <a:prstGeom prst="roundRect">
            <a:avLst>
              <a:gd name="adj" fmla="val 11958"/>
            </a:avLst>
          </a:prstGeom>
          <a:solidFill>
            <a:srgbClr val="215968">
              <a:alpha val="65098"/>
            </a:srgbClr>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45720" tIns="45718" rIns="45720" bIns="45718" numCol="1" rtlCol="0" anchor="ctr" anchorCtr="0" compatLnSpc="1">
            <a:prstTxWarp prst="textNoShape">
              <a:avLst/>
            </a:prstTxWarp>
          </a:bodyPr>
          <a:lstStyle/>
          <a:p>
            <a:pPr marL="228600" indent="-228600" defTabSz="912813" eaLnBrk="0" hangingPunct="0">
              <a:lnSpc>
                <a:spcPct val="80000"/>
              </a:lnSpc>
              <a:spcAft>
                <a:spcPts val="600"/>
              </a:spcAft>
            </a:pPr>
            <a:r>
              <a:rPr lang="en-US" sz="2400" b="1" dirty="0" smtClean="0">
                <a:solidFill>
                  <a:prstClr val="white"/>
                </a:solidFill>
              </a:rPr>
              <a:t>North Delta</a:t>
            </a:r>
            <a:endParaRPr lang="en-US" sz="2400" b="1" dirty="0">
              <a:solidFill>
                <a:prstClr val="white"/>
              </a:solidFill>
            </a:endParaRPr>
          </a:p>
          <a:p>
            <a:pPr marL="228600" indent="-228600" defTabSz="912813" eaLnBrk="0" hangingPunct="0">
              <a:lnSpc>
                <a:spcPct val="80000"/>
              </a:lnSpc>
              <a:spcAft>
                <a:spcPts val="600"/>
              </a:spcAft>
              <a:buFontTx/>
              <a:buBlip>
                <a:blip r:embed="rId4"/>
              </a:buBlip>
            </a:pPr>
            <a:r>
              <a:rPr lang="en-US" sz="2200" dirty="0" smtClean="0">
                <a:solidFill>
                  <a:prstClr val="white"/>
                </a:solidFill>
              </a:rPr>
              <a:t>Modern intake screens allow fish to bypass without salvage</a:t>
            </a:r>
            <a:endParaRPr lang="en-US" sz="2200" dirty="0">
              <a:solidFill>
                <a:prstClr val="white"/>
              </a:solidFill>
            </a:endParaRPr>
          </a:p>
          <a:p>
            <a:pPr marL="228600" indent="-228600" defTabSz="912813" eaLnBrk="0" hangingPunct="0">
              <a:lnSpc>
                <a:spcPct val="80000"/>
              </a:lnSpc>
              <a:spcAft>
                <a:spcPts val="600"/>
              </a:spcAft>
              <a:buFontTx/>
              <a:buBlip>
                <a:blip r:embed="rId4"/>
              </a:buBlip>
            </a:pPr>
            <a:r>
              <a:rPr lang="en-US" sz="2200" dirty="0" smtClean="0">
                <a:solidFill>
                  <a:prstClr val="white"/>
                </a:solidFill>
              </a:rPr>
              <a:t>Flexibility to divert excess flood flows &amp; reduce fish impacts during low flow periods</a:t>
            </a:r>
            <a:endParaRPr lang="en-US" sz="2200" dirty="0">
              <a:solidFill>
                <a:prstClr val="white"/>
              </a:solidFill>
            </a:endParaRPr>
          </a:p>
        </p:txBody>
      </p:sp>
      <p:sp>
        <p:nvSpPr>
          <p:cNvPr id="145" name="Slide Number Placeholder 3"/>
          <p:cNvSpPr>
            <a:spLocks noGrp="1"/>
          </p:cNvSpPr>
          <p:nvPr>
            <p:ph type="sldNum" sz="quarter" idx="4294967295"/>
          </p:nvPr>
        </p:nvSpPr>
        <p:spPr>
          <a:xfrm>
            <a:off x="8458200" y="6427788"/>
            <a:ext cx="685800" cy="365125"/>
          </a:xfrm>
          <a:prstGeom prst="rect">
            <a:avLst/>
          </a:prstGeom>
        </p:spPr>
        <p:txBody>
          <a:bodyPr/>
          <a:lstStyle/>
          <a:p>
            <a:pPr algn="ctr">
              <a:defRPr/>
            </a:pPr>
            <a:fld id="{C0EB94D2-C09E-4D1C-9021-245F4B6DCC28}" type="slidenum">
              <a:rPr lang="en-US" smtClean="0">
                <a:solidFill>
                  <a:prstClr val="white"/>
                </a:solidFill>
              </a:rPr>
              <a:pPr algn="ctr">
                <a:defRPr/>
              </a:pPr>
              <a:t>31</a:t>
            </a:fld>
            <a:endParaRPr lang="en-US" dirty="0">
              <a:solidFill>
                <a:prstClr val="white"/>
              </a:solidFill>
            </a:endParaRPr>
          </a:p>
        </p:txBody>
      </p:sp>
      <p:sp>
        <p:nvSpPr>
          <p:cNvPr id="130" name="Slide Title"/>
          <p:cNvSpPr txBox="1">
            <a:spLocks noChangeArrowheads="1"/>
          </p:cNvSpPr>
          <p:nvPr/>
        </p:nvSpPr>
        <p:spPr bwMode="invGray">
          <a:xfrm>
            <a:off x="90402" y="76200"/>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r" defTabSz="914363">
              <a:lnSpc>
                <a:spcPct val="80000"/>
              </a:lnSpc>
              <a:defRPr/>
            </a:pP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Improving Ecosystems through </a:t>
            </a:r>
            <a:b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b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Calibri"/>
                <a:cs typeface="Arial" charset="0"/>
              </a:rPr>
              <a:t>Adaptive Management</a:t>
            </a:r>
          </a:p>
        </p:txBody>
      </p:sp>
      <p:sp>
        <p:nvSpPr>
          <p:cNvPr id="134" name="X-Channel Textbox" hidden="1"/>
          <p:cNvSpPr txBox="1">
            <a:spLocks noChangeArrowheads="1"/>
          </p:cNvSpPr>
          <p:nvPr/>
        </p:nvSpPr>
        <p:spPr bwMode="invGray">
          <a:xfrm>
            <a:off x="5523628" y="3321367"/>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smtClean="0">
                <a:solidFill>
                  <a:prstClr val="white"/>
                </a:solidFill>
              </a:rPr>
              <a:t>X-Channel</a:t>
            </a:r>
          </a:p>
          <a:p>
            <a:pPr algn="ctr" eaLnBrk="0" hangingPunct="0">
              <a:lnSpc>
                <a:spcPct val="90000"/>
              </a:lnSpc>
              <a:spcBef>
                <a:spcPts val="0"/>
              </a:spcBef>
              <a:buClr>
                <a:srgbClr val="A116E0"/>
              </a:buClr>
              <a:buSzPct val="140000"/>
              <a:buFont typeface="Wingdings" pitchFamily="2" charset="2"/>
              <a:buNone/>
              <a:defRPr/>
            </a:pPr>
            <a:r>
              <a:rPr lang="en-US" sz="1600" b="1" i="1" dirty="0" smtClean="0">
                <a:solidFill>
                  <a:prstClr val="white"/>
                </a:solidFill>
              </a:rPr>
              <a:t>Gates Closed</a:t>
            </a:r>
            <a:endParaRPr lang="en-US" sz="1600" b="1" i="1" dirty="0">
              <a:solidFill>
                <a:prstClr val="white"/>
              </a:solidFill>
            </a:endParaRPr>
          </a:p>
        </p:txBody>
      </p:sp>
      <p:sp>
        <p:nvSpPr>
          <p:cNvPr id="135" name="OMR  Textbox" hidden="1"/>
          <p:cNvSpPr txBox="1">
            <a:spLocks noChangeArrowheads="1"/>
          </p:cNvSpPr>
          <p:nvPr/>
        </p:nvSpPr>
        <p:spPr bwMode="invGray">
          <a:xfrm>
            <a:off x="2824104" y="4632697"/>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80000"/>
              </a:lnSpc>
              <a:spcBef>
                <a:spcPts val="0"/>
              </a:spcBef>
              <a:buClr>
                <a:srgbClr val="A116E0"/>
              </a:buClr>
              <a:buSzPct val="140000"/>
              <a:buFont typeface="Wingdings" pitchFamily="2" charset="2"/>
              <a:buNone/>
              <a:defRPr/>
            </a:pPr>
            <a:r>
              <a:rPr lang="en-US" sz="2000" b="1" dirty="0" smtClean="0">
                <a:solidFill>
                  <a:prstClr val="white"/>
                </a:solidFill>
              </a:rPr>
              <a:t>Old &amp; Middle River</a:t>
            </a:r>
          </a:p>
          <a:p>
            <a:pPr algn="ctr" eaLnBrk="0" hangingPunct="0">
              <a:lnSpc>
                <a:spcPct val="80000"/>
              </a:lnSpc>
              <a:spcBef>
                <a:spcPts val="0"/>
              </a:spcBef>
              <a:buClr>
                <a:srgbClr val="A116E0"/>
              </a:buClr>
              <a:buSzPct val="140000"/>
              <a:buFont typeface="Wingdings" pitchFamily="2" charset="2"/>
              <a:buNone/>
              <a:defRPr/>
            </a:pPr>
            <a:r>
              <a:rPr lang="en-US" sz="1600" b="1" i="1" dirty="0" smtClean="0">
                <a:solidFill>
                  <a:prstClr val="white"/>
                </a:solidFill>
              </a:rPr>
              <a:t>- 2,500 cfs limit</a:t>
            </a:r>
            <a:endParaRPr lang="en-US" sz="1600" b="1" i="1" dirty="0">
              <a:solidFill>
                <a:prstClr val="white"/>
              </a:solidFill>
            </a:endParaRPr>
          </a:p>
        </p:txBody>
      </p:sp>
      <p:sp>
        <p:nvSpPr>
          <p:cNvPr id="6" name="Oval 5"/>
          <p:cNvSpPr/>
          <p:nvPr/>
        </p:nvSpPr>
        <p:spPr bwMode="auto">
          <a:xfrm>
            <a:off x="1295401" y="3657600"/>
            <a:ext cx="1600200" cy="533484"/>
          </a:xfrm>
          <a:prstGeom prst="ellipse">
            <a:avLst/>
          </a:prstGeom>
          <a:solidFill>
            <a:schemeClr val="accent3">
              <a:lumMod val="50000"/>
              <a:alpha val="50196"/>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43" name="Oval 142"/>
          <p:cNvSpPr/>
          <p:nvPr/>
        </p:nvSpPr>
        <p:spPr bwMode="auto">
          <a:xfrm rot="19191150">
            <a:off x="3618590" y="3224027"/>
            <a:ext cx="888371" cy="290013"/>
          </a:xfrm>
          <a:prstGeom prst="ellipse">
            <a:avLst/>
          </a:prstGeom>
          <a:solidFill>
            <a:schemeClr val="accent3">
              <a:lumMod val="50000"/>
              <a:alpha val="50196"/>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46" name="Oval 145"/>
          <p:cNvSpPr/>
          <p:nvPr/>
        </p:nvSpPr>
        <p:spPr bwMode="auto">
          <a:xfrm>
            <a:off x="4032284" y="5176796"/>
            <a:ext cx="1600200" cy="533484"/>
          </a:xfrm>
          <a:prstGeom prst="ellipse">
            <a:avLst/>
          </a:prstGeom>
          <a:solidFill>
            <a:schemeClr val="bg2">
              <a:lumMod val="75000"/>
              <a:alpha val="50196"/>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47" name="Oval 146"/>
          <p:cNvSpPr/>
          <p:nvPr/>
        </p:nvSpPr>
        <p:spPr bwMode="auto">
          <a:xfrm>
            <a:off x="5112335" y="3368179"/>
            <a:ext cx="602665" cy="289421"/>
          </a:xfrm>
          <a:prstGeom prst="ellipse">
            <a:avLst/>
          </a:prstGeom>
          <a:solidFill>
            <a:schemeClr val="accent1">
              <a:lumMod val="50000"/>
              <a:alpha val="50196"/>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48" name="Sac River  Textbox"/>
          <p:cNvSpPr txBox="1">
            <a:spLocks noChangeArrowheads="1"/>
          </p:cNvSpPr>
          <p:nvPr/>
        </p:nvSpPr>
        <p:spPr bwMode="invGray">
          <a:xfrm>
            <a:off x="2209800" y="3200400"/>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smtClean="0">
                <a:solidFill>
                  <a:prstClr val="white"/>
                </a:solidFill>
              </a:rPr>
              <a:t>Ecosystem Restoration</a:t>
            </a:r>
          </a:p>
        </p:txBody>
      </p:sp>
      <p:sp>
        <p:nvSpPr>
          <p:cNvPr id="149" name="Sac River  Textbox"/>
          <p:cNvSpPr txBox="1">
            <a:spLocks noChangeArrowheads="1"/>
          </p:cNvSpPr>
          <p:nvPr/>
        </p:nvSpPr>
        <p:spPr bwMode="invGray">
          <a:xfrm>
            <a:off x="5201608" y="5546352"/>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smtClean="0">
                <a:solidFill>
                  <a:prstClr val="white"/>
                </a:solidFill>
              </a:rPr>
              <a:t>Turbidity Management</a:t>
            </a:r>
          </a:p>
        </p:txBody>
      </p:sp>
      <p:sp>
        <p:nvSpPr>
          <p:cNvPr id="150" name="Sac River  Textbox"/>
          <p:cNvSpPr txBox="1">
            <a:spLocks noChangeArrowheads="1"/>
          </p:cNvSpPr>
          <p:nvPr/>
        </p:nvSpPr>
        <p:spPr bwMode="invGray">
          <a:xfrm>
            <a:off x="5715000" y="3349465"/>
            <a:ext cx="22098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ts val="0"/>
              </a:spcBef>
              <a:buClr>
                <a:srgbClr val="A116E0"/>
              </a:buClr>
              <a:buSzPct val="140000"/>
              <a:buFont typeface="Wingdings" pitchFamily="2" charset="2"/>
              <a:buNone/>
              <a:defRPr/>
            </a:pPr>
            <a:r>
              <a:rPr lang="en-US" sz="2000" b="1" dirty="0" smtClean="0">
                <a:solidFill>
                  <a:prstClr val="white"/>
                </a:solidFill>
              </a:rPr>
              <a:t>Water Quality Improvements</a:t>
            </a:r>
          </a:p>
        </p:txBody>
      </p:sp>
    </p:spTree>
    <p:extLst>
      <p:ext uri="{BB962C8B-B14F-4D97-AF65-F5344CB8AC3E}">
        <p14:creationId xmlns:p14="http://schemas.microsoft.com/office/powerpoint/2010/main" val="734691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7"/>
                                        </p:tgtEl>
                                        <p:attrNameLst>
                                          <p:attrName>style.visibility</p:attrName>
                                        </p:attrNameLst>
                                      </p:cBhvr>
                                      <p:to>
                                        <p:strVal val="visible"/>
                                      </p:to>
                                    </p:set>
                                    <p:animEffect transition="in" filter="fade">
                                      <p:cBhvr>
                                        <p:cTn id="10" dur="500"/>
                                        <p:tgtEl>
                                          <p:spTgt spid="7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grpId="1" nodeType="clickEffect">
                                  <p:stCondLst>
                                    <p:cond delay="0"/>
                                  </p:stCondLst>
                                  <p:childTnLst>
                                    <p:animEffect transition="out" filter="fade">
                                      <p:cBhvr>
                                        <p:cTn id="14" dur="500"/>
                                        <p:tgtEl>
                                          <p:spTgt spid="77"/>
                                        </p:tgtEl>
                                      </p:cBhvr>
                                    </p:animEffect>
                                    <p:set>
                                      <p:cBhvr>
                                        <p:cTn id="15" dur="1" fill="hold">
                                          <p:stCondLst>
                                            <p:cond delay="499"/>
                                          </p:stCondLst>
                                        </p:cTn>
                                        <p:tgtEl>
                                          <p:spTgt spid="77"/>
                                        </p:tgtEl>
                                        <p:attrNameLst>
                                          <p:attrName>style.visibility</p:attrName>
                                        </p:attrNameLst>
                                      </p:cBhvr>
                                      <p:to>
                                        <p:strVal val="hidden"/>
                                      </p:to>
                                    </p:set>
                                  </p:childTnLst>
                                </p:cTn>
                              </p:par>
                              <p:par>
                                <p:cTn id="16" presetID="10" presetClass="exit" presetSubtype="0" fill="hold" nodeType="withEffect">
                                  <p:stCondLst>
                                    <p:cond delay="0"/>
                                  </p:stCondLst>
                                  <p:childTnLst>
                                    <p:animEffect transition="out" filter="fade">
                                      <p:cBhvr>
                                        <p:cTn id="17" dur="500"/>
                                        <p:tgtEl>
                                          <p:spTgt spid="24"/>
                                        </p:tgtEl>
                                      </p:cBhvr>
                                    </p:animEffect>
                                    <p:set>
                                      <p:cBhvr>
                                        <p:cTn id="18" dur="1" fill="hold">
                                          <p:stCondLst>
                                            <p:cond delay="499"/>
                                          </p:stCondLst>
                                        </p:cTn>
                                        <p:tgtEl>
                                          <p:spTgt spid="24"/>
                                        </p:tgtEl>
                                        <p:attrNameLst>
                                          <p:attrName>style.visibility</p:attrName>
                                        </p:attrNameLst>
                                      </p:cBhvr>
                                      <p:to>
                                        <p:strVal val="hidden"/>
                                      </p:to>
                                    </p:set>
                                  </p:childTnLst>
                                </p:cTn>
                              </p:par>
                            </p:childTnLst>
                          </p:cTn>
                        </p:par>
                        <p:par>
                          <p:cTn id="19" fill="hold">
                            <p:stCondLst>
                              <p:cond delay="500"/>
                            </p:stCondLst>
                            <p:childTnLst>
                              <p:par>
                                <p:cTn id="20" presetID="22" presetClass="entr" presetSubtype="1" fill="hold" nodeType="after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wipe(up)">
                                      <p:cBhvr>
                                        <p:cTn id="22" dur="3000"/>
                                        <p:tgtEl>
                                          <p:spTgt spid="2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75"/>
                                        </p:tgtEl>
                                        <p:attrNameLst>
                                          <p:attrName>style.visibility</p:attrName>
                                        </p:attrNameLst>
                                      </p:cBhvr>
                                      <p:to>
                                        <p:strVal val="visible"/>
                                      </p:to>
                                    </p:set>
                                    <p:animEffect transition="in" filter="fade">
                                      <p:cBhvr>
                                        <p:cTn id="25" dur="500"/>
                                        <p:tgtEl>
                                          <p:spTgt spid="75"/>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21"/>
                                        </p:tgtEl>
                                      </p:cBhvr>
                                    </p:animEffect>
                                    <p:set>
                                      <p:cBhvr>
                                        <p:cTn id="30" dur="1" fill="hold">
                                          <p:stCondLst>
                                            <p:cond delay="499"/>
                                          </p:stCondLst>
                                        </p:cTn>
                                        <p:tgtEl>
                                          <p:spTgt spid="21"/>
                                        </p:tgtEl>
                                        <p:attrNameLst>
                                          <p:attrName>style.visibility</p:attrName>
                                        </p:attrNameLst>
                                      </p:cBhvr>
                                      <p:to>
                                        <p:strVal val="hidden"/>
                                      </p:to>
                                    </p:set>
                                  </p:childTnLst>
                                </p:cTn>
                              </p:par>
                              <p:par>
                                <p:cTn id="31" presetID="10" presetClass="exit" presetSubtype="0" fill="hold" grpId="1" nodeType="withEffect">
                                  <p:stCondLst>
                                    <p:cond delay="0"/>
                                  </p:stCondLst>
                                  <p:childTnLst>
                                    <p:animEffect transition="out" filter="fade">
                                      <p:cBhvr>
                                        <p:cTn id="32" dur="500"/>
                                        <p:tgtEl>
                                          <p:spTgt spid="75"/>
                                        </p:tgtEl>
                                      </p:cBhvr>
                                    </p:animEffect>
                                    <p:set>
                                      <p:cBhvr>
                                        <p:cTn id="33" dur="1" fill="hold">
                                          <p:stCondLst>
                                            <p:cond delay="499"/>
                                          </p:stCondLst>
                                        </p:cTn>
                                        <p:tgtEl>
                                          <p:spTgt spid="75"/>
                                        </p:tgtEl>
                                        <p:attrNameLst>
                                          <p:attrName>style.visibility</p:attrName>
                                        </p:attrNameLst>
                                      </p:cBhvr>
                                      <p:to>
                                        <p:strVal val="hidden"/>
                                      </p:to>
                                    </p:set>
                                  </p:childTnLst>
                                </p:cTn>
                              </p:par>
                            </p:childTnLst>
                          </p:cTn>
                        </p:par>
                        <p:par>
                          <p:cTn id="34" fill="hold">
                            <p:stCondLst>
                              <p:cond delay="500"/>
                            </p:stCondLst>
                            <p:childTnLst>
                              <p:par>
                                <p:cTn id="35" presetID="22" presetClass="entr" presetSubtype="1" fill="hold" grpId="0" nodeType="after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wipe(up)">
                                      <p:cBhvr>
                                        <p:cTn id="37" dur="2750"/>
                                        <p:tgtEl>
                                          <p:spTgt spid="74"/>
                                        </p:tgtEl>
                                      </p:cBhvr>
                                    </p:animEffect>
                                  </p:childTnLst>
                                </p:cTn>
                              </p:par>
                              <p:par>
                                <p:cTn id="38" presetID="22" presetClass="entr" presetSubtype="1" fill="hold" nodeType="withEffect">
                                  <p:stCondLst>
                                    <p:cond delay="0"/>
                                  </p:stCondLst>
                                  <p:childTnLst>
                                    <p:set>
                                      <p:cBhvr>
                                        <p:cTn id="39" dur="1" fill="hold">
                                          <p:stCondLst>
                                            <p:cond delay="0"/>
                                          </p:stCondLst>
                                        </p:cTn>
                                        <p:tgtEl>
                                          <p:spTgt spid="2"/>
                                        </p:tgtEl>
                                        <p:attrNameLst>
                                          <p:attrName>style.visibility</p:attrName>
                                        </p:attrNameLst>
                                      </p:cBhvr>
                                      <p:to>
                                        <p:strVal val="visible"/>
                                      </p:to>
                                    </p:set>
                                    <p:animEffect transition="in" filter="wipe(up)">
                                      <p:cBhvr>
                                        <p:cTn id="40" dur="2750"/>
                                        <p:tgtEl>
                                          <p:spTgt spid="2"/>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08"/>
                                        </p:tgtEl>
                                        <p:attrNameLst>
                                          <p:attrName>style.visibility</p:attrName>
                                        </p:attrNameLst>
                                      </p:cBhvr>
                                      <p:to>
                                        <p:strVal val="visible"/>
                                      </p:to>
                                    </p:set>
                                    <p:animEffect transition="in" filter="fade">
                                      <p:cBhvr>
                                        <p:cTn id="43" dur="500"/>
                                        <p:tgtEl>
                                          <p:spTgt spid="10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xit" presetSubtype="0" fill="hold" grpId="1" nodeType="clickEffect">
                                  <p:stCondLst>
                                    <p:cond delay="0"/>
                                  </p:stCondLst>
                                  <p:childTnLst>
                                    <p:animEffect transition="out" filter="fade">
                                      <p:cBhvr>
                                        <p:cTn id="47" dur="500"/>
                                        <p:tgtEl>
                                          <p:spTgt spid="74"/>
                                        </p:tgtEl>
                                      </p:cBhvr>
                                    </p:animEffect>
                                    <p:set>
                                      <p:cBhvr>
                                        <p:cTn id="48" dur="1" fill="hold">
                                          <p:stCondLst>
                                            <p:cond delay="499"/>
                                          </p:stCondLst>
                                        </p:cTn>
                                        <p:tgtEl>
                                          <p:spTgt spid="74"/>
                                        </p:tgtEl>
                                        <p:attrNameLst>
                                          <p:attrName>style.visibility</p:attrName>
                                        </p:attrNameLst>
                                      </p:cBhvr>
                                      <p:to>
                                        <p:strVal val="hidden"/>
                                      </p:to>
                                    </p:set>
                                  </p:childTnLst>
                                </p:cTn>
                              </p:par>
                              <p:par>
                                <p:cTn id="49" presetID="10" presetClass="exit" presetSubtype="0" fill="hold" grpId="1" nodeType="withEffect">
                                  <p:stCondLst>
                                    <p:cond delay="0"/>
                                  </p:stCondLst>
                                  <p:childTnLst>
                                    <p:animEffect transition="out" filter="fade">
                                      <p:cBhvr>
                                        <p:cTn id="50" dur="500"/>
                                        <p:tgtEl>
                                          <p:spTgt spid="108"/>
                                        </p:tgtEl>
                                      </p:cBhvr>
                                    </p:animEffect>
                                    <p:set>
                                      <p:cBhvr>
                                        <p:cTn id="51" dur="1" fill="hold">
                                          <p:stCondLst>
                                            <p:cond delay="499"/>
                                          </p:stCondLst>
                                        </p:cTn>
                                        <p:tgtEl>
                                          <p:spTgt spid="108"/>
                                        </p:tgtEl>
                                        <p:attrNameLst>
                                          <p:attrName>style.visibility</p:attrName>
                                        </p:attrNameLst>
                                      </p:cBhvr>
                                      <p:to>
                                        <p:strVal val="hidden"/>
                                      </p:to>
                                    </p:set>
                                  </p:childTnLst>
                                </p:cTn>
                              </p:par>
                              <p:par>
                                <p:cTn id="52" presetID="10" presetClass="exit" presetSubtype="0" fill="hold" nodeType="withEffect">
                                  <p:stCondLst>
                                    <p:cond delay="0"/>
                                  </p:stCondLst>
                                  <p:childTnLst>
                                    <p:animEffect transition="out" filter="fade">
                                      <p:cBhvr>
                                        <p:cTn id="53" dur="500"/>
                                        <p:tgtEl>
                                          <p:spTgt spid="2"/>
                                        </p:tgtEl>
                                      </p:cBhvr>
                                    </p:animEffect>
                                    <p:set>
                                      <p:cBhvr>
                                        <p:cTn id="54" dur="1" fill="hold">
                                          <p:stCondLst>
                                            <p:cond delay="499"/>
                                          </p:stCondLst>
                                        </p:cTn>
                                        <p:tgtEl>
                                          <p:spTgt spid="2"/>
                                        </p:tgtEl>
                                        <p:attrNameLst>
                                          <p:attrName>style.visibility</p:attrName>
                                        </p:attrNameLst>
                                      </p:cBhvr>
                                      <p:to>
                                        <p:strVal val="hidden"/>
                                      </p:to>
                                    </p:set>
                                  </p:childTnLst>
                                </p:cTn>
                              </p:par>
                              <p:par>
                                <p:cTn id="55" presetID="10" presetClass="entr" presetSubtype="0" fill="hold" grpId="0" nodeType="withEffect">
                                  <p:stCondLst>
                                    <p:cond delay="0"/>
                                  </p:stCondLst>
                                  <p:childTnLst>
                                    <p:set>
                                      <p:cBhvr>
                                        <p:cTn id="56" dur="1" fill="hold">
                                          <p:stCondLst>
                                            <p:cond delay="0"/>
                                          </p:stCondLst>
                                        </p:cTn>
                                        <p:tgtEl>
                                          <p:spTgt spid="78"/>
                                        </p:tgtEl>
                                        <p:attrNameLst>
                                          <p:attrName>style.visibility</p:attrName>
                                        </p:attrNameLst>
                                      </p:cBhvr>
                                      <p:to>
                                        <p:strVal val="visible"/>
                                      </p:to>
                                    </p:set>
                                    <p:animEffect transition="in" filter="fade">
                                      <p:cBhvr>
                                        <p:cTn id="57" dur="500"/>
                                        <p:tgtEl>
                                          <p:spTgt spid="78"/>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129"/>
                                        </p:tgtEl>
                                        <p:attrNameLst>
                                          <p:attrName>style.visibility</p:attrName>
                                        </p:attrNameLst>
                                      </p:cBhvr>
                                      <p:to>
                                        <p:strVal val="visible"/>
                                      </p:to>
                                    </p:set>
                                    <p:animEffect transition="in" filter="fade">
                                      <p:cBhvr>
                                        <p:cTn id="60" dur="500"/>
                                        <p:tgtEl>
                                          <p:spTgt spid="129"/>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grpId="0" nodeType="clickEffect">
                                  <p:stCondLst>
                                    <p:cond delay="0"/>
                                  </p:stCondLst>
                                  <p:childTnLst>
                                    <p:set>
                                      <p:cBhvr>
                                        <p:cTn id="64" dur="1" fill="hold">
                                          <p:stCondLst>
                                            <p:cond delay="0"/>
                                          </p:stCondLst>
                                        </p:cTn>
                                        <p:tgtEl>
                                          <p:spTgt spid="142"/>
                                        </p:tgtEl>
                                        <p:attrNameLst>
                                          <p:attrName>style.visibility</p:attrName>
                                        </p:attrNameLst>
                                      </p:cBhvr>
                                      <p:to>
                                        <p:strVal val="visible"/>
                                      </p:to>
                                    </p:set>
                                    <p:animEffect transition="in" filter="fade">
                                      <p:cBhvr>
                                        <p:cTn id="65" dur="1000"/>
                                        <p:tgtEl>
                                          <p:spTgt spid="142"/>
                                        </p:tgtEl>
                                      </p:cBhvr>
                                    </p:animEffect>
                                  </p:childTnLst>
                                </p:cTn>
                              </p:par>
                            </p:childTnLst>
                          </p:cTn>
                        </p:par>
                      </p:childTnLst>
                    </p:cTn>
                  </p:par>
                  <p:par>
                    <p:cTn id="66" fill="hold">
                      <p:stCondLst>
                        <p:cond delay="indefinite"/>
                      </p:stCondLst>
                      <p:childTnLst>
                        <p:par>
                          <p:cTn id="67" fill="hold">
                            <p:stCondLst>
                              <p:cond delay="0"/>
                            </p:stCondLst>
                            <p:childTnLst>
                              <p:par>
                                <p:cTn id="68" presetID="10" presetClass="entr" presetSubtype="0" fill="hold" grpId="0" nodeType="clickEffect">
                                  <p:stCondLst>
                                    <p:cond delay="0"/>
                                  </p:stCondLst>
                                  <p:childTnLst>
                                    <p:set>
                                      <p:cBhvr>
                                        <p:cTn id="69" dur="1" fill="hold">
                                          <p:stCondLst>
                                            <p:cond delay="0"/>
                                          </p:stCondLst>
                                        </p:cTn>
                                        <p:tgtEl>
                                          <p:spTgt spid="133"/>
                                        </p:tgtEl>
                                        <p:attrNameLst>
                                          <p:attrName>style.visibility</p:attrName>
                                        </p:attrNameLst>
                                      </p:cBhvr>
                                      <p:to>
                                        <p:strVal val="visible"/>
                                      </p:to>
                                    </p:set>
                                    <p:animEffect transition="in" filter="fade">
                                      <p:cBhvr>
                                        <p:cTn id="70" dur="500"/>
                                        <p:tgtEl>
                                          <p:spTgt spid="1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78" grpId="0" animBg="1"/>
      <p:bldP spid="108" grpId="0" animBg="1"/>
      <p:bldP spid="108" grpId="1" animBg="1"/>
      <p:bldP spid="75" grpId="0" animBg="1"/>
      <p:bldP spid="75" grpId="1" animBg="1"/>
      <p:bldP spid="77" grpId="0" animBg="1"/>
      <p:bldP spid="77" grpId="1" animBg="1"/>
      <p:bldP spid="129" grpId="0" animBg="1"/>
      <p:bldP spid="133" grpId="0" animBg="1"/>
      <p:bldP spid="142"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59"/>
          <p:cNvPicPr>
            <a:picLocks noChangeAspect="1" noChangeArrowheads="1"/>
          </p:cNvPicPr>
          <p:nvPr/>
        </p:nvPicPr>
        <p:blipFill>
          <a:blip r:embed="rId3" cstate="print">
            <a:lum/>
          </a:blip>
          <a:srcRect/>
          <a:stretch>
            <a:fillRect/>
          </a:stretch>
        </p:blipFill>
        <p:spPr bwMode="ltGray">
          <a:xfrm>
            <a:off x="0" y="0"/>
            <a:ext cx="9143999" cy="6858000"/>
          </a:xfrm>
          <a:prstGeom prst="rect">
            <a:avLst/>
          </a:prstGeom>
          <a:noFill/>
          <a:ln w="19050">
            <a:noFill/>
            <a:miter lim="800000"/>
            <a:headEnd/>
            <a:tailEnd/>
          </a:ln>
          <a:effectLst>
            <a:glow rad="228600">
              <a:schemeClr val="bg1">
                <a:alpha val="40000"/>
              </a:schemeClr>
            </a:glow>
          </a:effectLst>
        </p:spPr>
      </p:pic>
      <p:sp>
        <p:nvSpPr>
          <p:cNvPr id="5" name="Title 1"/>
          <p:cNvSpPr txBox="1">
            <a:spLocks/>
          </p:cNvSpPr>
          <p:nvPr/>
        </p:nvSpPr>
        <p:spPr bwMode="invGray">
          <a:xfrm>
            <a:off x="304800" y="557514"/>
            <a:ext cx="8458200" cy="1107996"/>
          </a:xfrm>
          <a:prstGeom prst="rect">
            <a:avLst/>
          </a:prstGeom>
          <a:noFill/>
          <a:ln w="9525">
            <a:noFill/>
            <a:miter lim="800000"/>
            <a:headEnd/>
            <a:tailEnd/>
          </a:ln>
          <a:effectLst>
            <a:outerShdw blurRad="63500" dist="38100" dir="2700000" algn="tl" rotWithShape="0">
              <a:srgbClr val="000000">
                <a:alpha val="74997"/>
              </a:srgbClr>
            </a:outerShdw>
          </a:effectLst>
        </p:spPr>
        <p:txBody>
          <a:bodyPr wrap="square" lIns="0" tIns="0" rIns="0" bIns="0">
            <a:spAutoFit/>
          </a:bodyPr>
          <a:lstStyle/>
          <a:p>
            <a:pPr algn="r" defTabSz="912813" eaLnBrk="0" hangingPunct="0">
              <a:lnSpc>
                <a:spcPct val="90000"/>
              </a:lnSpc>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rPr>
              <a:t>Impacts of Regulation</a:t>
            </a:r>
          </a:p>
          <a:p>
            <a:pPr algn="r" defTabSz="912813" eaLnBrk="0" hangingPunct="0">
              <a:lnSpc>
                <a:spcPct val="90000"/>
              </a:lnSpc>
              <a:defRPr/>
            </a:pPr>
            <a:r>
              <a:rPr lang="en-US" sz="3600" b="1" spc="-150" dirty="0">
                <a:ln w="3175">
                  <a:noFill/>
                </a:ln>
                <a:solidFill>
                  <a:prstClr val="white"/>
                </a:solidFill>
                <a:effectLst>
                  <a:outerShdw blurRad="38100" dist="38100" dir="2700000" algn="tl">
                    <a:srgbClr val="000000">
                      <a:alpha val="43137"/>
                    </a:srgbClr>
                  </a:outerShdw>
                </a:effectLst>
                <a:latin typeface="Calibri"/>
              </a:rPr>
              <a:t>On California’s Water Supply</a:t>
            </a:r>
          </a:p>
        </p:txBody>
      </p:sp>
      <p:graphicFrame>
        <p:nvGraphicFramePr>
          <p:cNvPr id="6" name="Table 5"/>
          <p:cNvGraphicFramePr>
            <a:graphicFrameLocks noGrp="1"/>
          </p:cNvGraphicFramePr>
          <p:nvPr>
            <p:extLst>
              <p:ext uri="{D42A27DB-BD31-4B8C-83A1-F6EECF244321}">
                <p14:modId xmlns:p14="http://schemas.microsoft.com/office/powerpoint/2010/main" val="2518203691"/>
              </p:ext>
            </p:extLst>
          </p:nvPr>
        </p:nvGraphicFramePr>
        <p:xfrm>
          <a:off x="-3341920" y="2968681"/>
          <a:ext cx="3113320" cy="3852672"/>
        </p:xfrm>
        <a:graphic>
          <a:graphicData uri="http://schemas.openxmlformats.org/drawingml/2006/table">
            <a:tbl>
              <a:tblPr firstRow="1" bandRow="1">
                <a:tableStyleId>{7DF18680-E054-41AD-8BC1-D1AEF772440D}</a:tableStyleId>
              </a:tblPr>
              <a:tblGrid>
                <a:gridCol w="1055920"/>
                <a:gridCol w="2057400"/>
              </a:tblGrid>
              <a:tr h="339707">
                <a:tc>
                  <a:txBody>
                    <a:bodyPr/>
                    <a:lstStyle/>
                    <a:p>
                      <a:pPr algn="ctr"/>
                      <a:r>
                        <a:rPr lang="en-US" sz="2200" dirty="0" smtClean="0"/>
                        <a:t>Year</a:t>
                      </a:r>
                      <a:endParaRPr lang="en-US" sz="2200" dirty="0"/>
                    </a:p>
                  </a:txBody>
                  <a:tcPr anchor="ctr"/>
                </a:tc>
                <a:tc>
                  <a:txBody>
                    <a:bodyPr/>
                    <a:lstStyle/>
                    <a:p>
                      <a:pPr algn="ctr"/>
                      <a:r>
                        <a:rPr lang="en-US" sz="2200" dirty="0" smtClean="0"/>
                        <a:t>State/Federal Project Impacts</a:t>
                      </a:r>
                      <a:endParaRPr lang="en-US" sz="2200" dirty="0"/>
                    </a:p>
                  </a:txBody>
                  <a:tcPr anchor="ctr"/>
                </a:tc>
              </a:tr>
              <a:tr h="261113">
                <a:tc>
                  <a:txBody>
                    <a:bodyPr/>
                    <a:lstStyle/>
                    <a:p>
                      <a:pPr algn="ctr">
                        <a:lnSpc>
                          <a:spcPct val="80000"/>
                        </a:lnSpc>
                      </a:pPr>
                      <a:r>
                        <a:rPr lang="en-US" dirty="0" smtClean="0"/>
                        <a:t>2008</a:t>
                      </a:r>
                    </a:p>
                  </a:txBody>
                  <a:tcPr marT="36576" marB="36576"/>
                </a:tc>
                <a:tc>
                  <a:txBody>
                    <a:bodyPr/>
                    <a:lstStyle/>
                    <a:p>
                      <a:pPr algn="r">
                        <a:lnSpc>
                          <a:spcPct val="80000"/>
                        </a:lnSpc>
                      </a:pPr>
                      <a:r>
                        <a:rPr lang="en-US" dirty="0" smtClean="0"/>
                        <a:t>655,000</a:t>
                      </a:r>
                      <a:endParaRPr lang="en-US" dirty="0"/>
                    </a:p>
                  </a:txBody>
                  <a:tcPr marT="36576" marB="36576"/>
                </a:tc>
              </a:tr>
              <a:tr h="150006">
                <a:tc>
                  <a:txBody>
                    <a:bodyPr/>
                    <a:lstStyle/>
                    <a:p>
                      <a:pPr algn="ctr">
                        <a:lnSpc>
                          <a:spcPct val="80000"/>
                        </a:lnSpc>
                      </a:pPr>
                      <a:r>
                        <a:rPr lang="en-US" dirty="0" smtClean="0"/>
                        <a:t>2009</a:t>
                      </a:r>
                      <a:endParaRPr lang="en-US" dirty="0"/>
                    </a:p>
                  </a:txBody>
                  <a:tcPr marT="36576" marB="36576"/>
                </a:tc>
                <a:tc>
                  <a:txBody>
                    <a:bodyPr/>
                    <a:lstStyle/>
                    <a:p>
                      <a:pPr algn="r">
                        <a:lnSpc>
                          <a:spcPct val="80000"/>
                        </a:lnSpc>
                      </a:pPr>
                      <a:r>
                        <a:rPr lang="en-US" dirty="0" smtClean="0"/>
                        <a:t>336,000</a:t>
                      </a:r>
                      <a:endParaRPr lang="en-US" dirty="0"/>
                    </a:p>
                  </a:txBody>
                  <a:tcPr marT="36576" marB="36576"/>
                </a:tc>
              </a:tr>
              <a:tr h="115099">
                <a:tc>
                  <a:txBody>
                    <a:bodyPr/>
                    <a:lstStyle/>
                    <a:p>
                      <a:pPr algn="ctr">
                        <a:lnSpc>
                          <a:spcPct val="80000"/>
                        </a:lnSpc>
                      </a:pPr>
                      <a:r>
                        <a:rPr lang="en-US" dirty="0" smtClean="0"/>
                        <a:t>2010</a:t>
                      </a:r>
                      <a:endParaRPr lang="en-US" dirty="0"/>
                    </a:p>
                  </a:txBody>
                  <a:tcPr marT="36576" marB="36576"/>
                </a:tc>
                <a:tc>
                  <a:txBody>
                    <a:bodyPr/>
                    <a:lstStyle/>
                    <a:p>
                      <a:pPr algn="r">
                        <a:lnSpc>
                          <a:spcPct val="80000"/>
                        </a:lnSpc>
                      </a:pPr>
                      <a:r>
                        <a:rPr lang="en-US" dirty="0" smtClean="0"/>
                        <a:t>1,080,000</a:t>
                      </a:r>
                      <a:endParaRPr lang="en-US" dirty="0"/>
                    </a:p>
                  </a:txBody>
                  <a:tcPr marT="36576" marB="36576"/>
                </a:tc>
              </a:tr>
              <a:tr h="156392">
                <a:tc>
                  <a:txBody>
                    <a:bodyPr/>
                    <a:lstStyle/>
                    <a:p>
                      <a:pPr algn="ctr">
                        <a:lnSpc>
                          <a:spcPct val="80000"/>
                        </a:lnSpc>
                      </a:pPr>
                      <a:r>
                        <a:rPr lang="en-US" dirty="0" smtClean="0"/>
                        <a:t>2011</a:t>
                      </a:r>
                      <a:endParaRPr lang="en-US" dirty="0"/>
                    </a:p>
                  </a:txBody>
                  <a:tcPr marT="36576" marB="36576"/>
                </a:tc>
                <a:tc>
                  <a:txBody>
                    <a:bodyPr/>
                    <a:lstStyle/>
                    <a:p>
                      <a:pPr algn="r">
                        <a:lnSpc>
                          <a:spcPct val="80000"/>
                        </a:lnSpc>
                      </a:pPr>
                      <a:r>
                        <a:rPr lang="en-US" dirty="0" smtClean="0"/>
                        <a:t>611,000</a:t>
                      </a:r>
                      <a:endParaRPr lang="en-US" dirty="0"/>
                    </a:p>
                  </a:txBody>
                  <a:tcPr marT="36576" marB="36576"/>
                </a:tc>
              </a:tr>
              <a:tr h="197685">
                <a:tc>
                  <a:txBody>
                    <a:bodyPr/>
                    <a:lstStyle/>
                    <a:p>
                      <a:pPr algn="ctr">
                        <a:lnSpc>
                          <a:spcPct val="80000"/>
                        </a:lnSpc>
                      </a:pPr>
                      <a:r>
                        <a:rPr lang="en-US" dirty="0" smtClean="0"/>
                        <a:t>2012</a:t>
                      </a:r>
                      <a:endParaRPr lang="en-US" dirty="0"/>
                    </a:p>
                  </a:txBody>
                  <a:tcPr marT="36576" marB="36576"/>
                </a:tc>
                <a:tc>
                  <a:txBody>
                    <a:bodyPr/>
                    <a:lstStyle/>
                    <a:p>
                      <a:pPr algn="r">
                        <a:lnSpc>
                          <a:spcPct val="80000"/>
                        </a:lnSpc>
                      </a:pPr>
                      <a:r>
                        <a:rPr lang="en-US" dirty="0" smtClean="0"/>
                        <a:t>634,000</a:t>
                      </a:r>
                      <a:endParaRPr lang="en-US" dirty="0"/>
                    </a:p>
                  </a:txBody>
                  <a:tcPr marT="36576" marB="36576"/>
                </a:tc>
              </a:tr>
              <a:tr h="0">
                <a:tc>
                  <a:txBody>
                    <a:bodyPr/>
                    <a:lstStyle/>
                    <a:p>
                      <a:pPr algn="ctr">
                        <a:lnSpc>
                          <a:spcPct val="80000"/>
                        </a:lnSpc>
                      </a:pPr>
                      <a:r>
                        <a:rPr lang="en-US" dirty="0" smtClean="0"/>
                        <a:t>2013</a:t>
                      </a:r>
                      <a:endParaRPr lang="en-US" dirty="0"/>
                    </a:p>
                  </a:txBody>
                  <a:tcPr marT="36576" marB="36576"/>
                </a:tc>
                <a:tc>
                  <a:txBody>
                    <a:bodyPr/>
                    <a:lstStyle/>
                    <a:p>
                      <a:pPr algn="r">
                        <a:lnSpc>
                          <a:spcPct val="80000"/>
                        </a:lnSpc>
                      </a:pPr>
                      <a:r>
                        <a:rPr lang="en-US" dirty="0" smtClean="0"/>
                        <a:t>1,027,000</a:t>
                      </a:r>
                      <a:endParaRPr lang="en-US" dirty="0"/>
                    </a:p>
                  </a:txBody>
                  <a:tcPr marT="36576" marB="36576"/>
                </a:tc>
              </a:tr>
              <a:tr h="127871">
                <a:tc>
                  <a:txBody>
                    <a:bodyPr/>
                    <a:lstStyle/>
                    <a:p>
                      <a:pPr algn="ctr">
                        <a:lnSpc>
                          <a:spcPct val="80000"/>
                        </a:lnSpc>
                      </a:pPr>
                      <a:r>
                        <a:rPr lang="en-US" dirty="0" smtClean="0"/>
                        <a:t>2014</a:t>
                      </a:r>
                      <a:endParaRPr lang="en-US" dirty="0"/>
                    </a:p>
                  </a:txBody>
                  <a:tcPr marT="36576" marB="36576"/>
                </a:tc>
                <a:tc>
                  <a:txBody>
                    <a:bodyPr/>
                    <a:lstStyle/>
                    <a:p>
                      <a:pPr algn="r">
                        <a:lnSpc>
                          <a:spcPct val="80000"/>
                        </a:lnSpc>
                      </a:pPr>
                      <a:r>
                        <a:rPr lang="en-US" dirty="0" smtClean="0"/>
                        <a:t>65,000</a:t>
                      </a:r>
                      <a:endParaRPr lang="en-US" dirty="0"/>
                    </a:p>
                  </a:txBody>
                  <a:tcPr marT="36576" marB="36576"/>
                </a:tc>
              </a:tr>
              <a:tr h="0">
                <a:tc>
                  <a:txBody>
                    <a:bodyPr/>
                    <a:lstStyle/>
                    <a:p>
                      <a:pPr algn="ctr">
                        <a:lnSpc>
                          <a:spcPct val="80000"/>
                        </a:lnSpc>
                      </a:pPr>
                      <a:r>
                        <a:rPr lang="en-US" dirty="0" smtClean="0"/>
                        <a:t>2015</a:t>
                      </a:r>
                      <a:endParaRPr lang="en-US" dirty="0"/>
                    </a:p>
                  </a:txBody>
                  <a:tcPr marT="36576" marB="36576"/>
                </a:tc>
                <a:tc>
                  <a:txBody>
                    <a:bodyPr/>
                    <a:lstStyle/>
                    <a:p>
                      <a:pPr algn="r">
                        <a:lnSpc>
                          <a:spcPct val="80000"/>
                        </a:lnSpc>
                      </a:pPr>
                      <a:r>
                        <a:rPr lang="en-US" dirty="0" smtClean="0"/>
                        <a:t>250,000</a:t>
                      </a:r>
                    </a:p>
                  </a:txBody>
                  <a:tcPr marT="36576" marB="36576"/>
                </a:tc>
              </a:tr>
              <a:tr h="134257">
                <a:tc>
                  <a:txBody>
                    <a:bodyPr/>
                    <a:lstStyle/>
                    <a:p>
                      <a:pPr algn="ctr">
                        <a:lnSpc>
                          <a:spcPct val="80000"/>
                        </a:lnSpc>
                      </a:pPr>
                      <a:r>
                        <a:rPr lang="en-US" dirty="0" smtClean="0"/>
                        <a:t>   2016 *</a:t>
                      </a:r>
                      <a:endParaRPr lang="en-US" dirty="0"/>
                    </a:p>
                  </a:txBody>
                  <a:tcPr marT="36576" marB="36576"/>
                </a:tc>
                <a:tc>
                  <a:txBody>
                    <a:bodyPr/>
                    <a:lstStyle/>
                    <a:p>
                      <a:pPr algn="r">
                        <a:lnSpc>
                          <a:spcPct val="80000"/>
                        </a:lnSpc>
                      </a:pPr>
                      <a:r>
                        <a:rPr lang="en-US" dirty="0" smtClean="0"/>
                        <a:t>503,000</a:t>
                      </a:r>
                      <a:endParaRPr lang="en-US" dirty="0"/>
                    </a:p>
                  </a:txBody>
                  <a:tcPr marT="36576" marB="36576"/>
                </a:tc>
              </a:tr>
              <a:tr h="339707">
                <a:tc>
                  <a:txBody>
                    <a:bodyPr/>
                    <a:lstStyle/>
                    <a:p>
                      <a:pPr algn="ctr"/>
                      <a:r>
                        <a:rPr lang="en-US" sz="2400" b="1" dirty="0" smtClean="0"/>
                        <a:t>TOTAL</a:t>
                      </a:r>
                      <a:endParaRPr lang="en-US" sz="2400" b="1" dirty="0">
                        <a:solidFill>
                          <a:schemeClr val="tx1"/>
                        </a:solidFill>
                      </a:endParaRPr>
                    </a:p>
                  </a:txBody>
                  <a:tcPr/>
                </a:tc>
                <a:tc>
                  <a:txBody>
                    <a:bodyPr/>
                    <a:lstStyle/>
                    <a:p>
                      <a:pPr marL="0" algn="r" defTabSz="914363" rtl="0" eaLnBrk="1" fontAlgn="ctr" latinLnBrk="0" hangingPunct="1"/>
                      <a:r>
                        <a:rPr lang="en-US" sz="2400" b="1" kern="1200" dirty="0" smtClean="0"/>
                        <a:t>5.2 million AF</a:t>
                      </a:r>
                      <a:endParaRPr lang="en-US" sz="2400" b="1" kern="1200" dirty="0">
                        <a:solidFill>
                          <a:schemeClr val="tx1"/>
                        </a:solidFill>
                        <a:latin typeface="+mn-lt"/>
                        <a:ea typeface="+mn-ea"/>
                        <a:cs typeface="+mn-cs"/>
                      </a:endParaRPr>
                    </a:p>
                  </a:txBody>
                  <a:tcPr marL="9525" marR="85725" marT="9525" marB="0" anchor="ctr"/>
                </a:tc>
              </a:tr>
            </a:tbl>
          </a:graphicData>
        </a:graphic>
      </p:graphicFrame>
      <p:sp>
        <p:nvSpPr>
          <p:cNvPr id="7" name="TextBox 6"/>
          <p:cNvSpPr txBox="1"/>
          <p:nvPr/>
        </p:nvSpPr>
        <p:spPr>
          <a:xfrm>
            <a:off x="212885" y="6443003"/>
            <a:ext cx="2052934" cy="307777"/>
          </a:xfrm>
          <a:prstGeom prst="rect">
            <a:avLst/>
          </a:prstGeom>
          <a:noFill/>
        </p:spPr>
        <p:txBody>
          <a:bodyPr wrap="none" rtlCol="0">
            <a:spAutoFit/>
          </a:bodyPr>
          <a:lstStyle/>
          <a:p>
            <a:r>
              <a:rPr lang="en-US" sz="1400" i="1" dirty="0" smtClean="0">
                <a:solidFill>
                  <a:srgbClr val="FFC000"/>
                </a:solidFill>
                <a:latin typeface="Calibri"/>
              </a:rPr>
              <a:t>* 2016 data thru March 3</a:t>
            </a:r>
            <a:endParaRPr lang="en-US" sz="1400" i="1" dirty="0">
              <a:solidFill>
                <a:srgbClr val="FFC000"/>
              </a:solidFill>
              <a:latin typeface="Calibri"/>
            </a:endParaRPr>
          </a:p>
        </p:txBody>
      </p:sp>
      <p:pic>
        <p:nvPicPr>
          <p:cNvPr id="2052"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126830" y="2992826"/>
            <a:ext cx="2899534" cy="3749040"/>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20400000" lon="0" rev="0"/>
            </a:camera>
            <a:lightRig rig="twoPt" dir="t">
              <a:rot lat="0" lon="0" rev="7200000"/>
            </a:lightRig>
          </a:scene3d>
          <a:sp3d prstMaterial="matte">
            <a:bevelT w="22860" h="12700"/>
            <a:contourClr>
              <a:srgbClr val="FFFFFF"/>
            </a:contourClr>
          </a:sp3d>
          <a:extLst/>
        </p:spPr>
      </p:pic>
      <p:sp>
        <p:nvSpPr>
          <p:cNvPr id="8"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32</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868601630"/>
      </p:ext>
    </p:extLst>
  </p:cSld>
  <p:clrMapOvr>
    <a:masterClrMapping/>
  </p:clrMapOvr>
  <p:transition spd="slow">
    <p:fade/>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5"/>
          <p:cNvSpPr txBox="1">
            <a:spLocks/>
          </p:cNvSpPr>
          <p:nvPr/>
        </p:nvSpPr>
        <p:spPr bwMode="ltGray">
          <a:xfrm>
            <a:off x="304800" y="152400"/>
            <a:ext cx="845820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Bay Delta Conservation Plan</a:t>
            </a:r>
          </a:p>
          <a:p>
            <a:pPr algn="r" defTabSz="914363" fontAlgn="auto">
              <a:lnSpc>
                <a:spcPct val="90000"/>
              </a:lnSpc>
              <a:spcAft>
                <a:spcPts val="0"/>
              </a:spcAft>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Collaborative Science &amp; Adaptive Management</a:t>
            </a:r>
          </a:p>
        </p:txBody>
      </p:sp>
      <p:sp>
        <p:nvSpPr>
          <p:cNvPr id="3" name="Content Placeholder 2"/>
          <p:cNvSpPr>
            <a:spLocks noGrp="1"/>
          </p:cNvSpPr>
          <p:nvPr>
            <p:ph idx="1"/>
          </p:nvPr>
        </p:nvSpPr>
        <p:spPr>
          <a:xfrm>
            <a:off x="381000" y="1828800"/>
            <a:ext cx="8610600" cy="4447371"/>
          </a:xfrm>
          <a:noFill/>
          <a:ln w="9525">
            <a:noFill/>
            <a:miter lim="800000"/>
            <a:headEnd/>
            <a:tailEnd/>
          </a:ln>
        </p:spPr>
        <p:txBody>
          <a:bodyPr vert="horz" wrap="square" lIns="0" tIns="0" rIns="0" bIns="0" numCol="1" anchor="t" anchorCtr="0" compatLnSpc="1">
            <a:prstTxWarp prst="textNoShape">
              <a:avLst/>
            </a:prstTxWarp>
            <a:spAutoFit/>
          </a:bodyPr>
          <a:lstStyle/>
          <a:p>
            <a:pPr>
              <a:spcAft>
                <a:spcPts val="600"/>
              </a:spcAft>
            </a:pPr>
            <a:r>
              <a:rPr lang="en-US" dirty="0" smtClean="0"/>
              <a:t>Ongoing Collaborative Science</a:t>
            </a:r>
            <a:endParaRPr lang="en-US" dirty="0"/>
          </a:p>
          <a:p>
            <a:pPr lvl="1">
              <a:spcAft>
                <a:spcPts val="600"/>
              </a:spcAft>
              <a:buClr>
                <a:srgbClr val="D8B25C"/>
              </a:buClr>
            </a:pPr>
            <a:r>
              <a:rPr lang="en-US" sz="2400" dirty="0" smtClean="0">
                <a:solidFill>
                  <a:schemeClr val="tx1"/>
                </a:solidFill>
              </a:rPr>
              <a:t>Two-tiered collaborate policy &amp; technical </a:t>
            </a:r>
            <a:r>
              <a:rPr lang="en-US" sz="2400" dirty="0">
                <a:solidFill>
                  <a:schemeClr val="tx1"/>
                </a:solidFill>
              </a:rPr>
              <a:t>team </a:t>
            </a:r>
            <a:endParaRPr lang="en-US" sz="2400" dirty="0" smtClean="0">
              <a:solidFill>
                <a:schemeClr val="tx1"/>
              </a:solidFill>
            </a:endParaRPr>
          </a:p>
          <a:p>
            <a:pPr lvl="1">
              <a:spcAft>
                <a:spcPts val="600"/>
              </a:spcAft>
              <a:buClr>
                <a:srgbClr val="D8B25C"/>
              </a:buClr>
            </a:pPr>
            <a:r>
              <a:rPr lang="en-US" sz="2400" dirty="0">
                <a:solidFill>
                  <a:schemeClr val="tx1"/>
                </a:solidFill>
              </a:rPr>
              <a:t>Conducts joint research on key Delta fishery issues</a:t>
            </a:r>
          </a:p>
          <a:p>
            <a:pPr lvl="1">
              <a:spcAft>
                <a:spcPts val="600"/>
              </a:spcAft>
              <a:buClr>
                <a:srgbClr val="D8B25C"/>
              </a:buClr>
            </a:pPr>
            <a:r>
              <a:rPr lang="en-US" sz="2400" dirty="0" smtClean="0">
                <a:solidFill>
                  <a:schemeClr val="tx1"/>
                </a:solidFill>
              </a:rPr>
              <a:t>Includes </a:t>
            </a:r>
          </a:p>
          <a:p>
            <a:pPr lvl="2">
              <a:spcAft>
                <a:spcPts val="600"/>
              </a:spcAft>
              <a:buClr>
                <a:srgbClr val="D8B25C"/>
              </a:buClr>
            </a:pPr>
            <a:r>
              <a:rPr lang="en-US" sz="2000" dirty="0" smtClean="0">
                <a:solidFill>
                  <a:schemeClr val="tx1"/>
                </a:solidFill>
              </a:rPr>
              <a:t>United States Fish and Wildlife Service</a:t>
            </a:r>
          </a:p>
          <a:p>
            <a:pPr lvl="2">
              <a:spcAft>
                <a:spcPts val="600"/>
              </a:spcAft>
              <a:buClr>
                <a:srgbClr val="D8B25C"/>
              </a:buClr>
            </a:pPr>
            <a:r>
              <a:rPr lang="en-US" sz="2000" dirty="0" smtClean="0">
                <a:solidFill>
                  <a:schemeClr val="tx1"/>
                </a:solidFill>
              </a:rPr>
              <a:t>National Marine Fisheries Service</a:t>
            </a:r>
          </a:p>
          <a:p>
            <a:pPr lvl="2">
              <a:spcAft>
                <a:spcPts val="600"/>
              </a:spcAft>
              <a:buClr>
                <a:srgbClr val="D8B25C"/>
              </a:buClr>
            </a:pPr>
            <a:r>
              <a:rPr lang="en-US" sz="2000" dirty="0" smtClean="0">
                <a:solidFill>
                  <a:schemeClr val="tx1"/>
                </a:solidFill>
              </a:rPr>
              <a:t>California Department of Fish and Wildlife</a:t>
            </a:r>
          </a:p>
          <a:p>
            <a:pPr lvl="2">
              <a:spcAft>
                <a:spcPts val="600"/>
              </a:spcAft>
              <a:buClr>
                <a:srgbClr val="D8B25C"/>
              </a:buClr>
            </a:pPr>
            <a:r>
              <a:rPr lang="en-US" sz="2000" dirty="0" smtClean="0">
                <a:solidFill>
                  <a:schemeClr val="tx1"/>
                </a:solidFill>
              </a:rPr>
              <a:t>United States Bureau of Reclamation</a:t>
            </a:r>
          </a:p>
          <a:p>
            <a:pPr lvl="2">
              <a:spcAft>
                <a:spcPts val="600"/>
              </a:spcAft>
              <a:buClr>
                <a:srgbClr val="D8B25C"/>
              </a:buClr>
            </a:pPr>
            <a:r>
              <a:rPr lang="en-US" sz="2000" dirty="0" smtClean="0">
                <a:solidFill>
                  <a:schemeClr val="tx1"/>
                </a:solidFill>
              </a:rPr>
              <a:t>California Department of Water Resources</a:t>
            </a:r>
          </a:p>
          <a:p>
            <a:pPr lvl="2">
              <a:spcAft>
                <a:spcPts val="600"/>
              </a:spcAft>
              <a:buClr>
                <a:srgbClr val="D8B25C"/>
              </a:buClr>
            </a:pPr>
            <a:r>
              <a:rPr lang="en-US" sz="2000" dirty="0" smtClean="0">
                <a:solidFill>
                  <a:schemeClr val="tx1"/>
                </a:solidFill>
              </a:rPr>
              <a:t>Environmental interests </a:t>
            </a:r>
            <a:r>
              <a:rPr lang="en-US" sz="2000" dirty="0">
                <a:solidFill>
                  <a:schemeClr val="tx1"/>
                </a:solidFill>
              </a:rPr>
              <a:t>(</a:t>
            </a:r>
            <a:r>
              <a:rPr lang="en-US" sz="2000" dirty="0" smtClean="0">
                <a:solidFill>
                  <a:schemeClr val="tx1"/>
                </a:solidFill>
              </a:rPr>
              <a:t>NRDC, TNC, PCFFA and Water4Fish)</a:t>
            </a:r>
            <a:endParaRPr lang="en-US" sz="2000" dirty="0">
              <a:solidFill>
                <a:schemeClr val="tx1"/>
              </a:solidFill>
            </a:endParaRPr>
          </a:p>
          <a:p>
            <a:pPr lvl="2">
              <a:spcAft>
                <a:spcPts val="600"/>
              </a:spcAft>
              <a:buClr>
                <a:srgbClr val="D8B25C"/>
              </a:buClr>
            </a:pPr>
            <a:r>
              <a:rPr lang="en-US" sz="2000" dirty="0">
                <a:solidFill>
                  <a:schemeClr val="tx1"/>
                </a:solidFill>
              </a:rPr>
              <a:t>Non-Governmental Organizations</a:t>
            </a:r>
          </a:p>
          <a:p>
            <a:pPr lvl="2">
              <a:spcAft>
                <a:spcPts val="600"/>
              </a:spcAft>
              <a:buClr>
                <a:srgbClr val="D8B25C"/>
              </a:buClr>
            </a:pPr>
            <a:r>
              <a:rPr lang="en-US" sz="2000" dirty="0" smtClean="0">
                <a:solidFill>
                  <a:schemeClr val="tx1"/>
                </a:solidFill>
              </a:rPr>
              <a:t>State and </a:t>
            </a:r>
            <a:r>
              <a:rPr lang="en-US" sz="2000" dirty="0">
                <a:solidFill>
                  <a:schemeClr val="tx1"/>
                </a:solidFill>
              </a:rPr>
              <a:t>Federal water </a:t>
            </a:r>
            <a:r>
              <a:rPr lang="en-US" sz="2000" dirty="0" smtClean="0">
                <a:solidFill>
                  <a:schemeClr val="tx1"/>
                </a:solidFill>
              </a:rPr>
              <a:t>contractors</a:t>
            </a:r>
          </a:p>
        </p:txBody>
      </p:sp>
    </p:spTree>
    <p:extLst>
      <p:ext uri="{BB962C8B-B14F-4D97-AF65-F5344CB8AC3E}">
        <p14:creationId xmlns:p14="http://schemas.microsoft.com/office/powerpoint/2010/main" val="2727058370"/>
      </p:ext>
    </p:extLst>
  </p:cSld>
  <p:clrMapOvr>
    <a:masterClrMapping/>
  </p:clrMapOvr>
  <p:transition>
    <p:fade/>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5"/>
          <p:cNvSpPr txBox="1">
            <a:spLocks/>
          </p:cNvSpPr>
          <p:nvPr/>
        </p:nvSpPr>
        <p:spPr bwMode="ltGray">
          <a:xfrm>
            <a:off x="304800" y="152400"/>
            <a:ext cx="845820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Bay Delta Conservation Plan</a:t>
            </a:r>
          </a:p>
          <a:p>
            <a:pPr algn="r" defTabSz="914363" fontAlgn="auto">
              <a:lnSpc>
                <a:spcPct val="90000"/>
              </a:lnSpc>
              <a:spcAft>
                <a:spcPts val="0"/>
              </a:spcAft>
              <a:defRPr/>
            </a:pPr>
            <a:r>
              <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Collaborative Science &amp; Adaptive Management</a:t>
            </a:r>
          </a:p>
        </p:txBody>
      </p:sp>
      <p:sp>
        <p:nvSpPr>
          <p:cNvPr id="3" name="Content Placeholder 2"/>
          <p:cNvSpPr>
            <a:spLocks noGrp="1"/>
          </p:cNvSpPr>
          <p:nvPr>
            <p:ph idx="1"/>
          </p:nvPr>
        </p:nvSpPr>
        <p:spPr>
          <a:xfrm>
            <a:off x="304800" y="2245209"/>
            <a:ext cx="8610600" cy="2511457"/>
          </a:xfrm>
          <a:noFill/>
          <a:ln w="9525">
            <a:noFill/>
            <a:miter lim="800000"/>
            <a:headEnd/>
            <a:tailEnd/>
          </a:ln>
        </p:spPr>
        <p:txBody>
          <a:bodyPr vert="horz" wrap="square" lIns="0" tIns="0" rIns="0" bIns="0" numCol="1" anchor="t" anchorCtr="0" compatLnSpc="1">
            <a:prstTxWarp prst="textNoShape">
              <a:avLst/>
            </a:prstTxWarp>
            <a:spAutoFit/>
          </a:bodyPr>
          <a:lstStyle/>
          <a:p>
            <a:pPr>
              <a:spcAft>
                <a:spcPts val="1200"/>
              </a:spcAft>
            </a:pPr>
            <a:r>
              <a:rPr lang="en-US" dirty="0" smtClean="0"/>
              <a:t>Adaptive Management &amp; Monitoring Plan</a:t>
            </a:r>
            <a:endParaRPr lang="en-US" dirty="0"/>
          </a:p>
          <a:p>
            <a:pPr lvl="1">
              <a:spcAft>
                <a:spcPts val="1200"/>
              </a:spcAft>
              <a:buClr>
                <a:srgbClr val="D8B25C"/>
              </a:buClr>
            </a:pPr>
            <a:r>
              <a:rPr lang="en-US" sz="2400" dirty="0" smtClean="0">
                <a:solidFill>
                  <a:schemeClr val="tx1"/>
                </a:solidFill>
              </a:rPr>
              <a:t>Mechanism to review and appropriately adjust existing and new operating requirements based </a:t>
            </a:r>
            <a:r>
              <a:rPr lang="en-US" sz="2400" dirty="0">
                <a:solidFill>
                  <a:schemeClr val="tx1"/>
                </a:solidFill>
              </a:rPr>
              <a:t>on </a:t>
            </a:r>
            <a:r>
              <a:rPr lang="en-US" sz="2400" dirty="0" smtClean="0">
                <a:solidFill>
                  <a:schemeClr val="tx1"/>
                </a:solidFill>
              </a:rPr>
              <a:t>new scientific information </a:t>
            </a:r>
            <a:r>
              <a:rPr lang="en-US" sz="2400" dirty="0">
                <a:solidFill>
                  <a:schemeClr val="tx1"/>
                </a:solidFill>
              </a:rPr>
              <a:t>and </a:t>
            </a:r>
            <a:r>
              <a:rPr lang="en-US" sz="2400" dirty="0" smtClean="0">
                <a:solidFill>
                  <a:schemeClr val="tx1"/>
                </a:solidFill>
              </a:rPr>
              <a:t>monitoring</a:t>
            </a:r>
          </a:p>
          <a:p>
            <a:pPr lvl="1">
              <a:spcAft>
                <a:spcPts val="1200"/>
              </a:spcAft>
              <a:buClr>
                <a:srgbClr val="D8B25C"/>
              </a:buClr>
            </a:pPr>
            <a:r>
              <a:rPr lang="en-US" sz="2400" dirty="0" smtClean="0">
                <a:solidFill>
                  <a:schemeClr val="tx1"/>
                </a:solidFill>
              </a:rPr>
              <a:t>Addresses </a:t>
            </a:r>
            <a:r>
              <a:rPr lang="en-US" sz="2400" dirty="0">
                <a:solidFill>
                  <a:schemeClr val="tx1"/>
                </a:solidFill>
              </a:rPr>
              <a:t>gaps in </a:t>
            </a:r>
            <a:r>
              <a:rPr lang="en-US" sz="2400" dirty="0" smtClean="0">
                <a:solidFill>
                  <a:schemeClr val="tx1"/>
                </a:solidFill>
              </a:rPr>
              <a:t>knowledge</a:t>
            </a:r>
          </a:p>
          <a:p>
            <a:pPr lvl="1">
              <a:spcAft>
                <a:spcPts val="1200"/>
              </a:spcAft>
              <a:buClr>
                <a:srgbClr val="D8B25C"/>
              </a:buClr>
            </a:pPr>
            <a:r>
              <a:rPr lang="en-US" sz="2400" dirty="0" smtClean="0">
                <a:solidFill>
                  <a:schemeClr val="tx1"/>
                </a:solidFill>
              </a:rPr>
              <a:t>Demonstrate project avoids jeopardy to listed species</a:t>
            </a:r>
          </a:p>
        </p:txBody>
      </p:sp>
    </p:spTree>
    <p:extLst>
      <p:ext uri="{BB962C8B-B14F-4D97-AF65-F5344CB8AC3E}">
        <p14:creationId xmlns:p14="http://schemas.microsoft.com/office/powerpoint/2010/main" val="1191069204"/>
      </p:ext>
    </p:extLst>
  </p:cSld>
  <p:clrMapOvr>
    <a:masterClrMapping/>
  </p:clrMapOvr>
  <p:transition>
    <p:fade/>
  </p:transition>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sz="4000" b="1" dirty="0" smtClean="0"/>
              <a:t>Adaptive Management</a:t>
            </a:r>
            <a:br>
              <a:rPr lang="en-US" sz="4000" b="1" dirty="0" smtClean="0"/>
            </a:br>
            <a:r>
              <a:rPr lang="en-US" sz="3200" b="1" dirty="0" smtClean="0">
                <a:solidFill>
                  <a:schemeClr val="tx1"/>
                </a:solidFill>
              </a:rPr>
              <a:t>Conceptual Process</a:t>
            </a:r>
            <a:endParaRPr lang="en-US" sz="2800" b="1" dirty="0">
              <a:solidFill>
                <a:schemeClr val="tx1"/>
              </a:solidFill>
            </a:endParaRPr>
          </a:p>
        </p:txBody>
      </p:sp>
      <p:sp>
        <p:nvSpPr>
          <p:cNvPr id="11" name="Rounded Rectangle 10"/>
          <p:cNvSpPr/>
          <p:nvPr/>
        </p:nvSpPr>
        <p:spPr bwMode="auto">
          <a:xfrm>
            <a:off x="2883409" y="5638800"/>
            <a:ext cx="2069591" cy="990600"/>
          </a:xfrm>
          <a:prstGeom prst="roundRect">
            <a:avLst/>
          </a:prstGeom>
          <a:solidFill>
            <a:schemeClr val="accent2">
              <a:lumMod val="75000"/>
            </a:schemeClr>
          </a:solidFill>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Tech</a:t>
            </a:r>
          </a:p>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Teams</a:t>
            </a:r>
            <a:endParaRPr lang="en-US" sz="2000" dirty="0">
              <a:solidFill>
                <a:srgbClr val="FFFFFF"/>
              </a:solidFill>
              <a:effectLst>
                <a:outerShdw blurRad="38100" dist="38100" dir="2700000" algn="tl">
                  <a:srgbClr val="000000">
                    <a:alpha val="43137"/>
                  </a:srgbClr>
                </a:outerShdw>
              </a:effectLst>
              <a:latin typeface="Segoe" pitchFamily="34" charset="0"/>
            </a:endParaRPr>
          </a:p>
        </p:txBody>
      </p:sp>
      <p:sp>
        <p:nvSpPr>
          <p:cNvPr id="12" name="Rounded Rectangle 11"/>
          <p:cNvSpPr/>
          <p:nvPr/>
        </p:nvSpPr>
        <p:spPr bwMode="auto">
          <a:xfrm>
            <a:off x="76200" y="2438400"/>
            <a:ext cx="1752600" cy="1839019"/>
          </a:xfrm>
          <a:prstGeom prst="roundRect">
            <a:avLst/>
          </a:prstGeom>
          <a:solidFill>
            <a:schemeClr val="accent5">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Collaborative </a:t>
            </a:r>
            <a:endParaRPr lang="en-US" dirty="0">
              <a:solidFill>
                <a:srgbClr val="FFFFFF"/>
              </a:solidFill>
              <a:effectLst>
                <a:outerShdw blurRad="38100" dist="38100" dir="2700000" algn="tl">
                  <a:srgbClr val="000000">
                    <a:alpha val="43137"/>
                  </a:srgbClr>
                </a:outerShdw>
              </a:effectLst>
              <a:latin typeface="Segoe" pitchFamily="34" charset="0"/>
            </a:endParaRPr>
          </a:p>
          <a:p>
            <a:pPr algn="ctr" defTabSz="914099"/>
            <a:r>
              <a:rPr lang="en-US" dirty="0" smtClean="0">
                <a:solidFill>
                  <a:srgbClr val="FFFFFF"/>
                </a:solidFill>
                <a:effectLst>
                  <a:outerShdw blurRad="38100" dist="38100" dir="2700000" algn="tl">
                    <a:srgbClr val="000000">
                      <a:alpha val="43137"/>
                    </a:srgbClr>
                  </a:outerShdw>
                </a:effectLst>
                <a:latin typeface="Segoe" pitchFamily="34" charset="0"/>
              </a:rPr>
              <a:t>Science</a:t>
            </a:r>
          </a:p>
        </p:txBody>
      </p:sp>
      <p:sp>
        <p:nvSpPr>
          <p:cNvPr id="13" name="Rounded Rectangle 12"/>
          <p:cNvSpPr/>
          <p:nvPr/>
        </p:nvSpPr>
        <p:spPr bwMode="auto">
          <a:xfrm>
            <a:off x="2590800" y="2438400"/>
            <a:ext cx="2666999" cy="1905000"/>
          </a:xfrm>
          <a:prstGeom prst="roundRect">
            <a:avLst/>
          </a:prstGeom>
          <a:solidFill>
            <a:schemeClr val="accent5">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b="1" dirty="0" smtClean="0">
                <a:solidFill>
                  <a:srgbClr val="FFFFFF"/>
                </a:solidFill>
                <a:effectLst>
                  <a:outerShdw blurRad="38100" dist="38100" dir="2700000" algn="tl">
                    <a:srgbClr val="000000">
                      <a:alpha val="43137"/>
                    </a:srgbClr>
                  </a:outerShdw>
                </a:effectLst>
                <a:latin typeface="Segoe" pitchFamily="34" charset="0"/>
              </a:rPr>
              <a:t>Proposed Management Actions Based on Science</a:t>
            </a:r>
          </a:p>
          <a:p>
            <a:pPr algn="ctr" defTabSz="914099"/>
            <a:r>
              <a:rPr lang="en-US" sz="1400" i="1" dirty="0" smtClean="0">
                <a:solidFill>
                  <a:srgbClr val="FFFFFF"/>
                </a:solidFill>
                <a:effectLst>
                  <a:outerShdw blurRad="38100" dist="38100" dir="2700000" algn="tl">
                    <a:srgbClr val="000000">
                      <a:alpha val="43137"/>
                    </a:srgbClr>
                  </a:outerShdw>
                </a:effectLst>
                <a:latin typeface="Segoe" pitchFamily="34" charset="0"/>
              </a:rPr>
              <a:t>Agencies and Contractors</a:t>
            </a:r>
          </a:p>
        </p:txBody>
      </p:sp>
      <p:sp>
        <p:nvSpPr>
          <p:cNvPr id="14" name="Rounded Rectangle 13"/>
          <p:cNvSpPr/>
          <p:nvPr/>
        </p:nvSpPr>
        <p:spPr bwMode="auto">
          <a:xfrm>
            <a:off x="5867400" y="2438399"/>
            <a:ext cx="1295400" cy="1875205"/>
          </a:xfrm>
          <a:prstGeom prst="roundRect">
            <a:avLst/>
          </a:prstGeom>
          <a:solidFill>
            <a:schemeClr val="accent5">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600" b="1" dirty="0" smtClean="0">
                <a:solidFill>
                  <a:srgbClr val="FFFFFF"/>
                </a:solidFill>
                <a:effectLst>
                  <a:outerShdw blurRad="38100" dist="38100" dir="2700000" algn="tl">
                    <a:srgbClr val="000000">
                      <a:alpha val="43137"/>
                    </a:srgbClr>
                  </a:outerShdw>
                </a:effectLst>
                <a:latin typeface="Segoe" pitchFamily="34" charset="0"/>
              </a:rPr>
              <a:t>Action Agencies</a:t>
            </a:r>
            <a:endParaRPr lang="en-US" sz="1600" b="1" dirty="0">
              <a:solidFill>
                <a:srgbClr val="FFFFFF"/>
              </a:solidFill>
              <a:effectLst>
                <a:outerShdw blurRad="38100" dist="38100" dir="2700000" algn="tl">
                  <a:srgbClr val="000000">
                    <a:alpha val="43137"/>
                  </a:srgbClr>
                </a:outerShdw>
              </a:effectLst>
              <a:latin typeface="Segoe" pitchFamily="34" charset="0"/>
            </a:endParaRPr>
          </a:p>
          <a:p>
            <a:pPr algn="ctr" defTabSz="914099"/>
            <a:r>
              <a:rPr lang="en-US" sz="1400" i="1" dirty="0" smtClean="0">
                <a:solidFill>
                  <a:srgbClr val="FFFFFF"/>
                </a:solidFill>
                <a:effectLst>
                  <a:outerShdw blurRad="38100" dist="38100" dir="2700000" algn="tl">
                    <a:srgbClr val="000000">
                      <a:alpha val="43137"/>
                    </a:srgbClr>
                  </a:outerShdw>
                </a:effectLst>
                <a:latin typeface="Segoe" pitchFamily="34" charset="0"/>
              </a:rPr>
              <a:t>DWR, USBR</a:t>
            </a:r>
            <a:endParaRPr lang="en-US" sz="1400" i="1" dirty="0">
              <a:solidFill>
                <a:srgbClr val="FFFFFF"/>
              </a:solidFill>
              <a:effectLst>
                <a:outerShdw blurRad="38100" dist="38100" dir="2700000" algn="tl">
                  <a:srgbClr val="000000">
                    <a:alpha val="43137"/>
                  </a:srgbClr>
                </a:outerShdw>
              </a:effectLst>
              <a:latin typeface="Segoe" pitchFamily="34" charset="0"/>
            </a:endParaRPr>
          </a:p>
        </p:txBody>
      </p:sp>
      <p:sp>
        <p:nvSpPr>
          <p:cNvPr id="18" name="Rounded Rectangle 17"/>
          <p:cNvSpPr/>
          <p:nvPr/>
        </p:nvSpPr>
        <p:spPr bwMode="auto">
          <a:xfrm>
            <a:off x="7772400" y="2438400"/>
            <a:ext cx="1143000" cy="1905001"/>
          </a:xfrm>
          <a:prstGeom prst="roundRect">
            <a:avLst/>
          </a:prstGeom>
          <a:solidFill>
            <a:schemeClr val="accent5">
              <a:lumMod val="75000"/>
            </a:schemeClr>
          </a:solidFill>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600" b="1" dirty="0" smtClean="0">
                <a:solidFill>
                  <a:srgbClr val="FFFFFF"/>
                </a:solidFill>
                <a:effectLst>
                  <a:outerShdw blurRad="38100" dist="38100" dir="2700000" algn="tl">
                    <a:srgbClr val="000000">
                      <a:alpha val="43137"/>
                    </a:srgbClr>
                  </a:outerShdw>
                </a:effectLst>
                <a:latin typeface="Segoe" pitchFamily="34" charset="0"/>
              </a:rPr>
              <a:t>USFWS</a:t>
            </a:r>
          </a:p>
          <a:p>
            <a:pPr algn="ctr" defTabSz="914099"/>
            <a:r>
              <a:rPr lang="en-US" sz="1600" b="1" dirty="0" smtClean="0">
                <a:solidFill>
                  <a:srgbClr val="FFFFFF"/>
                </a:solidFill>
                <a:effectLst>
                  <a:outerShdw blurRad="38100" dist="38100" dir="2700000" algn="tl">
                    <a:srgbClr val="000000">
                      <a:alpha val="43137"/>
                    </a:srgbClr>
                  </a:outerShdw>
                </a:effectLst>
                <a:latin typeface="Segoe" pitchFamily="34" charset="0"/>
              </a:rPr>
              <a:t>NMFS</a:t>
            </a:r>
          </a:p>
          <a:p>
            <a:pPr algn="ctr" defTabSz="914099"/>
            <a:r>
              <a:rPr lang="en-US" sz="1600" b="1" dirty="0" smtClean="0">
                <a:solidFill>
                  <a:srgbClr val="FFFFFF"/>
                </a:solidFill>
                <a:effectLst>
                  <a:outerShdw blurRad="38100" dist="38100" dir="2700000" algn="tl">
                    <a:srgbClr val="000000">
                      <a:alpha val="43137"/>
                    </a:srgbClr>
                  </a:outerShdw>
                </a:effectLst>
                <a:latin typeface="Segoe" pitchFamily="34" charset="0"/>
              </a:rPr>
              <a:t>CDFW</a:t>
            </a:r>
            <a:endParaRPr lang="en-US" sz="1600" b="1" dirty="0">
              <a:solidFill>
                <a:srgbClr val="FFFFFF"/>
              </a:solidFill>
              <a:effectLst>
                <a:outerShdw blurRad="38100" dist="38100" dir="2700000" algn="tl">
                  <a:srgbClr val="000000">
                    <a:alpha val="43137"/>
                  </a:srgbClr>
                </a:outerShdw>
              </a:effectLst>
              <a:latin typeface="Segoe" pitchFamily="34" charset="0"/>
            </a:endParaRPr>
          </a:p>
        </p:txBody>
      </p:sp>
      <p:sp>
        <p:nvSpPr>
          <p:cNvPr id="15" name="Down Arrow 14"/>
          <p:cNvSpPr/>
          <p:nvPr/>
        </p:nvSpPr>
        <p:spPr bwMode="auto">
          <a:xfrm>
            <a:off x="3352800" y="4358639"/>
            <a:ext cx="228600" cy="1280160"/>
          </a:xfrm>
          <a:prstGeom prst="downArrow">
            <a:avLst/>
          </a:prstGeom>
          <a:solidFill>
            <a:schemeClr val="accent4"/>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8" name="Right Arrow 7"/>
          <p:cNvSpPr/>
          <p:nvPr/>
        </p:nvSpPr>
        <p:spPr bwMode="auto">
          <a:xfrm>
            <a:off x="1859280" y="2819400"/>
            <a:ext cx="731520" cy="228600"/>
          </a:xfrm>
          <a:prstGeom prst="rightArrow">
            <a:avLst/>
          </a:prstGeom>
          <a:solidFill>
            <a:schemeClr val="accent4"/>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Left Arrow 9"/>
          <p:cNvSpPr/>
          <p:nvPr/>
        </p:nvSpPr>
        <p:spPr bwMode="auto">
          <a:xfrm>
            <a:off x="1859280" y="3733800"/>
            <a:ext cx="731520" cy="228600"/>
          </a:xfrm>
          <a:prstGeom prst="leftArrow">
            <a:avLst/>
          </a:prstGeom>
          <a:solidFill>
            <a:schemeClr val="accent4"/>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0" name="Rectangle 19"/>
          <p:cNvSpPr/>
          <p:nvPr/>
        </p:nvSpPr>
        <p:spPr bwMode="auto">
          <a:xfrm>
            <a:off x="1569720" y="2362200"/>
            <a:ext cx="121920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Funding Science Needs</a:t>
            </a:r>
          </a:p>
        </p:txBody>
      </p:sp>
      <p:sp>
        <p:nvSpPr>
          <p:cNvPr id="21" name="Rectangle 20"/>
          <p:cNvSpPr/>
          <p:nvPr/>
        </p:nvSpPr>
        <p:spPr bwMode="auto">
          <a:xfrm>
            <a:off x="1447800" y="4038600"/>
            <a:ext cx="155448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cience</a:t>
            </a:r>
          </a:p>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Proposals/ Recommendations</a:t>
            </a:r>
          </a:p>
        </p:txBody>
      </p:sp>
      <p:sp>
        <p:nvSpPr>
          <p:cNvPr id="22" name="Right Arrow 21"/>
          <p:cNvSpPr/>
          <p:nvPr/>
        </p:nvSpPr>
        <p:spPr bwMode="auto">
          <a:xfrm>
            <a:off x="7162800" y="3962400"/>
            <a:ext cx="548640" cy="228600"/>
          </a:xfrm>
          <a:prstGeom prst="rightArrow">
            <a:avLst/>
          </a:prstGeom>
          <a:solidFill>
            <a:schemeClr val="accent4"/>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3" name="Left Arrow 22"/>
          <p:cNvSpPr/>
          <p:nvPr/>
        </p:nvSpPr>
        <p:spPr bwMode="auto">
          <a:xfrm>
            <a:off x="7162800" y="2667000"/>
            <a:ext cx="548640" cy="228600"/>
          </a:xfrm>
          <a:prstGeom prst="leftArrow">
            <a:avLst/>
          </a:prstGeom>
          <a:solidFill>
            <a:schemeClr val="accent4"/>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4" name="Rectangle 23"/>
          <p:cNvSpPr/>
          <p:nvPr/>
        </p:nvSpPr>
        <p:spPr bwMode="auto">
          <a:xfrm>
            <a:off x="6891513" y="2057400"/>
            <a:ext cx="121920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Regulatory Response</a:t>
            </a:r>
          </a:p>
        </p:txBody>
      </p:sp>
      <p:sp>
        <p:nvSpPr>
          <p:cNvPr id="25" name="Rectangle 24"/>
          <p:cNvSpPr/>
          <p:nvPr/>
        </p:nvSpPr>
        <p:spPr bwMode="auto">
          <a:xfrm>
            <a:off x="6705600" y="4191000"/>
            <a:ext cx="155448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Reinitiate Consultation</a:t>
            </a:r>
          </a:p>
        </p:txBody>
      </p:sp>
      <p:sp>
        <p:nvSpPr>
          <p:cNvPr id="26" name="Right Arrow 25"/>
          <p:cNvSpPr/>
          <p:nvPr/>
        </p:nvSpPr>
        <p:spPr bwMode="auto">
          <a:xfrm>
            <a:off x="5318760" y="2667000"/>
            <a:ext cx="548640" cy="228600"/>
          </a:xfrm>
          <a:prstGeom prst="rightArrow">
            <a:avLst/>
          </a:prstGeom>
          <a:solidFill>
            <a:schemeClr val="accent4"/>
          </a:solidFill>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7" name="Rectangle 26"/>
          <p:cNvSpPr/>
          <p:nvPr/>
        </p:nvSpPr>
        <p:spPr bwMode="auto">
          <a:xfrm>
            <a:off x="4763610" y="2133600"/>
            <a:ext cx="155448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Recommendations</a:t>
            </a:r>
          </a:p>
        </p:txBody>
      </p:sp>
      <p:sp>
        <p:nvSpPr>
          <p:cNvPr id="28" name="Down Arrow 27"/>
          <p:cNvSpPr/>
          <p:nvPr/>
        </p:nvSpPr>
        <p:spPr bwMode="auto">
          <a:xfrm rot="10800000">
            <a:off x="4343400" y="4358639"/>
            <a:ext cx="228600" cy="1280160"/>
          </a:xfrm>
          <a:prstGeom prst="downArrow">
            <a:avLst/>
          </a:prstGeom>
          <a:solidFill>
            <a:schemeClr val="accent4"/>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29" name="Rectangle 28"/>
          <p:cNvSpPr/>
          <p:nvPr/>
        </p:nvSpPr>
        <p:spPr bwMode="auto">
          <a:xfrm rot="16200000">
            <a:off x="2423159" y="4815840"/>
            <a:ext cx="155448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Future </a:t>
            </a:r>
          </a:p>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Direction</a:t>
            </a:r>
          </a:p>
        </p:txBody>
      </p:sp>
      <p:sp>
        <p:nvSpPr>
          <p:cNvPr id="30" name="Rectangle 29"/>
          <p:cNvSpPr/>
          <p:nvPr/>
        </p:nvSpPr>
        <p:spPr bwMode="auto">
          <a:xfrm rot="16200000">
            <a:off x="3870960" y="4815841"/>
            <a:ext cx="1554480" cy="457200"/>
          </a:xfrm>
          <a:prstGeom prst="rect">
            <a:avLst/>
          </a:prstGeom>
          <a:no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1200" b="1" dirty="0" smtClean="0">
                <a:solidFill>
                  <a:srgbClr val="FFFFFF"/>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Results</a:t>
            </a:r>
          </a:p>
        </p:txBody>
      </p:sp>
    </p:spTree>
    <p:extLst>
      <p:ext uri="{BB962C8B-B14F-4D97-AF65-F5344CB8AC3E}">
        <p14:creationId xmlns:p14="http://schemas.microsoft.com/office/powerpoint/2010/main" val="2845081701"/>
      </p:ext>
    </p:extLst>
  </p:cSld>
  <p:clrMapOvr>
    <a:masterClrMapping/>
  </p:clrMapOvr>
  <p:transition spd="slow">
    <p:fade/>
  </p:transition>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sz="4000" b="1" dirty="0" smtClean="0"/>
              <a:t>State Water Resources Control Board</a:t>
            </a:r>
            <a:br>
              <a:rPr lang="en-US" sz="4000" b="1" dirty="0" smtClean="0"/>
            </a:br>
            <a:r>
              <a:rPr lang="en-US" sz="3200" b="1" dirty="0" smtClean="0">
                <a:solidFill>
                  <a:schemeClr val="tx1"/>
                </a:solidFill>
              </a:rPr>
              <a:t>Water Right Change Petition Process</a:t>
            </a:r>
            <a:endParaRPr lang="en-US" sz="2800" b="1" dirty="0">
              <a:solidFill>
                <a:schemeClr val="tx1"/>
              </a:solidFill>
            </a:endParaRPr>
          </a:p>
        </p:txBody>
      </p:sp>
      <p:sp>
        <p:nvSpPr>
          <p:cNvPr id="6" name="Rounded Rectangle 5"/>
          <p:cNvSpPr/>
          <p:nvPr/>
        </p:nvSpPr>
        <p:spPr bwMode="auto">
          <a:xfrm>
            <a:off x="457200" y="1785852"/>
            <a:ext cx="8153400" cy="838200"/>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400" b="1" dirty="0" smtClean="0">
                <a:solidFill>
                  <a:srgbClr val="FFFFFF"/>
                </a:solidFill>
                <a:effectLst>
                  <a:outerShdw blurRad="38100" dist="38100" dir="2700000" algn="tl">
                    <a:srgbClr val="000000">
                      <a:alpha val="43137"/>
                    </a:srgbClr>
                  </a:outerShdw>
                </a:effectLst>
              </a:rPr>
              <a:t>Application Filed by DWR/Reclamation &amp; Accepted by SWRCB </a:t>
            </a:r>
            <a:r>
              <a:rPr lang="en-US" sz="2000" b="1" dirty="0" smtClean="0">
                <a:solidFill>
                  <a:srgbClr val="FFFFFF"/>
                </a:solidFill>
                <a:effectLst>
                  <a:outerShdw blurRad="38100" dist="38100" dir="2700000" algn="tl">
                    <a:srgbClr val="000000">
                      <a:alpha val="43137"/>
                    </a:srgbClr>
                  </a:outerShdw>
                </a:effectLst>
              </a:rPr>
              <a:t/>
            </a:r>
            <a:br>
              <a:rPr lang="en-US" sz="2000" b="1" dirty="0" smtClean="0">
                <a:solidFill>
                  <a:srgbClr val="FFFFFF"/>
                </a:solidFill>
                <a:effectLst>
                  <a:outerShdw blurRad="38100" dist="38100" dir="2700000" algn="tl">
                    <a:srgbClr val="000000">
                      <a:alpha val="43137"/>
                    </a:srgbClr>
                  </a:outerShdw>
                </a:effectLst>
              </a:rPr>
            </a:br>
            <a:r>
              <a:rPr lang="en-US" sz="1600" b="1" dirty="0" smtClean="0">
                <a:solidFill>
                  <a:srgbClr val="FFFFFF"/>
                </a:solidFill>
                <a:effectLst>
                  <a:outerShdw blurRad="38100" dist="38100" dir="2700000" algn="tl">
                    <a:srgbClr val="000000">
                      <a:alpha val="43137"/>
                    </a:srgbClr>
                  </a:outerShdw>
                </a:effectLst>
              </a:rPr>
              <a:t>August 26, 2015</a:t>
            </a:r>
            <a:endParaRPr lang="en-US" sz="1600" b="1" dirty="0">
              <a:solidFill>
                <a:srgbClr val="FFFFFF"/>
              </a:solidFill>
              <a:effectLst>
                <a:outerShdw blurRad="38100" dist="38100" dir="2700000" algn="tl">
                  <a:srgbClr val="000000">
                    <a:alpha val="43137"/>
                  </a:srgbClr>
                </a:outerShdw>
              </a:effectLst>
            </a:endParaRPr>
          </a:p>
        </p:txBody>
      </p:sp>
      <p:sp>
        <p:nvSpPr>
          <p:cNvPr id="11" name="Rounded Rectangle 10"/>
          <p:cNvSpPr/>
          <p:nvPr/>
        </p:nvSpPr>
        <p:spPr bwMode="auto">
          <a:xfrm>
            <a:off x="838200" y="5257800"/>
            <a:ext cx="7467600" cy="990600"/>
          </a:xfrm>
          <a:prstGeom prst="roundRect">
            <a:avLst/>
          </a:prstGeom>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b="1" dirty="0" smtClean="0">
                <a:solidFill>
                  <a:srgbClr val="FFFFFF"/>
                </a:solidFill>
                <a:effectLst>
                  <a:outerShdw blurRad="38100" dist="38100" dir="2700000" algn="tl">
                    <a:srgbClr val="000000">
                      <a:alpha val="43137"/>
                    </a:srgbClr>
                  </a:outerShdw>
                </a:effectLst>
              </a:rPr>
              <a:t>SWRCB Water Rights Decision </a:t>
            </a:r>
          </a:p>
          <a:p>
            <a:pPr algn="ctr" defTabSz="914099"/>
            <a:r>
              <a:rPr lang="en-US" sz="2000" b="1" dirty="0" smtClean="0">
                <a:solidFill>
                  <a:srgbClr val="FFFFFF"/>
                </a:solidFill>
                <a:effectLst>
                  <a:outerShdw blurRad="38100" dist="38100" dir="2700000" algn="tl">
                    <a:srgbClr val="000000">
                      <a:alpha val="43137"/>
                    </a:srgbClr>
                  </a:outerShdw>
                </a:effectLst>
              </a:rPr>
              <a:t>Coupled with Separate 401 Water Quality Certification</a:t>
            </a:r>
          </a:p>
        </p:txBody>
      </p:sp>
      <p:sp>
        <p:nvSpPr>
          <p:cNvPr id="12" name="Rounded Rectangle 11"/>
          <p:cNvSpPr/>
          <p:nvPr/>
        </p:nvSpPr>
        <p:spPr bwMode="auto">
          <a:xfrm>
            <a:off x="990600" y="3484419"/>
            <a:ext cx="1828800" cy="1197033"/>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rPr>
              <a:t>Public Notice </a:t>
            </a:r>
            <a:r>
              <a:rPr lang="en-US" sz="1400" dirty="0" smtClean="0">
                <a:solidFill>
                  <a:srgbClr val="FFFFFF"/>
                </a:solidFill>
                <a:effectLst>
                  <a:outerShdw blurRad="38100" dist="38100" dir="2700000" algn="tl">
                    <a:srgbClr val="000000">
                      <a:alpha val="43137"/>
                    </a:srgbClr>
                  </a:outerShdw>
                </a:effectLst>
              </a:rPr>
              <a:t>Oct 30, 2015</a:t>
            </a:r>
            <a:endParaRPr lang="en-US" sz="1400" dirty="0">
              <a:solidFill>
                <a:srgbClr val="FFFFFF"/>
              </a:solidFill>
              <a:effectLst>
                <a:outerShdw blurRad="38100" dist="38100" dir="2700000" algn="tl">
                  <a:srgbClr val="000000">
                    <a:alpha val="43137"/>
                  </a:srgbClr>
                </a:outerShdw>
              </a:effectLst>
            </a:endParaRPr>
          </a:p>
        </p:txBody>
      </p:sp>
      <p:sp>
        <p:nvSpPr>
          <p:cNvPr id="13" name="Rounded Rectangle 12"/>
          <p:cNvSpPr/>
          <p:nvPr/>
        </p:nvSpPr>
        <p:spPr bwMode="auto">
          <a:xfrm>
            <a:off x="3162301" y="3494115"/>
            <a:ext cx="1418492" cy="1197032"/>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rPr>
              <a:t>Protests Filed</a:t>
            </a:r>
          </a:p>
          <a:p>
            <a:pPr algn="ctr" defTabSz="914099"/>
            <a:r>
              <a:rPr lang="en-US" sz="1400" dirty="0" smtClean="0">
                <a:solidFill>
                  <a:srgbClr val="FFFFFF"/>
                </a:solidFill>
                <a:effectLst>
                  <a:outerShdw blurRad="38100" dist="38100" dir="2700000" algn="tl">
                    <a:srgbClr val="000000">
                      <a:alpha val="43137"/>
                    </a:srgbClr>
                  </a:outerShdw>
                </a:effectLst>
              </a:rPr>
              <a:t>Jan 5, 2016</a:t>
            </a:r>
            <a:endParaRPr lang="en-US" sz="1400" dirty="0">
              <a:solidFill>
                <a:srgbClr val="FFFFFF"/>
              </a:solidFill>
              <a:effectLst>
                <a:outerShdw blurRad="38100" dist="38100" dir="2700000" algn="tl">
                  <a:srgbClr val="000000">
                    <a:alpha val="43137"/>
                  </a:srgbClr>
                </a:outerShdw>
              </a:effectLst>
            </a:endParaRPr>
          </a:p>
        </p:txBody>
      </p:sp>
      <p:sp>
        <p:nvSpPr>
          <p:cNvPr id="14" name="Rounded Rectangle 13"/>
          <p:cNvSpPr/>
          <p:nvPr/>
        </p:nvSpPr>
        <p:spPr bwMode="auto">
          <a:xfrm>
            <a:off x="5015345" y="3386053"/>
            <a:ext cx="1676399" cy="1318952"/>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rPr>
              <a:t>SWRCB Hearing-</a:t>
            </a:r>
          </a:p>
          <a:p>
            <a:pPr algn="ctr" defTabSz="914099"/>
            <a:r>
              <a:rPr lang="en-US" dirty="0" smtClean="0">
                <a:solidFill>
                  <a:srgbClr val="FFFFFF"/>
                </a:solidFill>
                <a:effectLst>
                  <a:outerShdw blurRad="38100" dist="38100" dir="2700000" algn="tl">
                    <a:srgbClr val="000000">
                      <a:alpha val="43137"/>
                    </a:srgbClr>
                  </a:outerShdw>
                </a:effectLst>
              </a:rPr>
              <a:t>Part A</a:t>
            </a:r>
          </a:p>
          <a:p>
            <a:pPr algn="ctr" defTabSz="914099"/>
            <a:r>
              <a:rPr lang="en-US" sz="1400" dirty="0" smtClean="0">
                <a:solidFill>
                  <a:schemeClr val="tx1"/>
                </a:solidFill>
                <a:effectLst>
                  <a:outerShdw blurRad="38100" dist="38100" dir="2700000" algn="tl">
                    <a:srgbClr val="000000">
                      <a:alpha val="43137"/>
                    </a:srgbClr>
                  </a:outerShdw>
                </a:effectLst>
              </a:rPr>
              <a:t>TBD - Originally </a:t>
            </a:r>
          </a:p>
          <a:p>
            <a:pPr algn="ctr" defTabSz="914099"/>
            <a:r>
              <a:rPr lang="en-US" sz="1400" dirty="0" smtClean="0">
                <a:solidFill>
                  <a:schemeClr val="tx1"/>
                </a:solidFill>
                <a:effectLst>
                  <a:outerShdw blurRad="38100" dist="38100" dir="2700000" algn="tl">
                    <a:srgbClr val="000000">
                      <a:alpha val="43137"/>
                    </a:srgbClr>
                  </a:outerShdw>
                </a:effectLst>
              </a:rPr>
              <a:t>Apr 7, 2016</a:t>
            </a:r>
            <a:endParaRPr lang="en-US" sz="1400" dirty="0">
              <a:solidFill>
                <a:schemeClr val="tx1"/>
              </a:solidFill>
              <a:effectLst>
                <a:outerShdw blurRad="38100" dist="38100" dir="2700000" algn="tl">
                  <a:srgbClr val="000000">
                    <a:alpha val="43137"/>
                  </a:srgbClr>
                </a:outerShdw>
              </a:effectLst>
            </a:endParaRPr>
          </a:p>
        </p:txBody>
      </p:sp>
      <p:sp>
        <p:nvSpPr>
          <p:cNvPr id="2" name="Down Arrow 1"/>
          <p:cNvSpPr/>
          <p:nvPr/>
        </p:nvSpPr>
        <p:spPr bwMode="auto">
          <a:xfrm>
            <a:off x="1905000" y="2646219"/>
            <a:ext cx="304800" cy="838200"/>
          </a:xfrm>
          <a:prstGeom prst="downArrow">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3" name="Right Arrow 2"/>
          <p:cNvSpPr/>
          <p:nvPr/>
        </p:nvSpPr>
        <p:spPr bwMode="auto">
          <a:xfrm>
            <a:off x="2819401" y="3930535"/>
            <a:ext cx="342900" cy="304800"/>
          </a:xfrm>
          <a:prstGeom prst="rightArrow">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7" name="Right Arrow 6"/>
          <p:cNvSpPr/>
          <p:nvPr/>
        </p:nvSpPr>
        <p:spPr bwMode="auto">
          <a:xfrm>
            <a:off x="4589106" y="3930535"/>
            <a:ext cx="440094" cy="304800"/>
          </a:xfrm>
          <a:prstGeom prst="rightArrow">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8" name="Rounded Rectangle 17"/>
          <p:cNvSpPr/>
          <p:nvPr/>
        </p:nvSpPr>
        <p:spPr bwMode="auto">
          <a:xfrm>
            <a:off x="7086600" y="3386053"/>
            <a:ext cx="1447800" cy="1338347"/>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dirty="0" smtClean="0">
                <a:solidFill>
                  <a:srgbClr val="FFFFFF"/>
                </a:solidFill>
                <a:effectLst>
                  <a:outerShdw blurRad="38100" dist="38100" dir="2700000" algn="tl">
                    <a:srgbClr val="000000">
                      <a:alpha val="43137"/>
                    </a:srgbClr>
                  </a:outerShdw>
                </a:effectLst>
              </a:rPr>
              <a:t>SWRCB Hearing-Part B</a:t>
            </a:r>
          </a:p>
          <a:p>
            <a:pPr algn="ctr" defTabSz="914099"/>
            <a:r>
              <a:rPr lang="en-US" sz="1400" dirty="0" smtClean="0">
                <a:solidFill>
                  <a:srgbClr val="FFFFFF"/>
                </a:solidFill>
                <a:effectLst>
                  <a:outerShdw blurRad="38100" dist="38100" dir="2700000" algn="tl">
                    <a:srgbClr val="000000">
                      <a:alpha val="43137"/>
                    </a:srgbClr>
                  </a:outerShdw>
                </a:effectLst>
              </a:rPr>
              <a:t>Post FEIR/EIS Completion</a:t>
            </a:r>
            <a:endParaRPr lang="en-US" sz="1400" dirty="0">
              <a:solidFill>
                <a:srgbClr val="FFFFFF"/>
              </a:solidFill>
              <a:effectLst>
                <a:outerShdw blurRad="38100" dist="38100" dir="2700000" algn="tl">
                  <a:srgbClr val="000000">
                    <a:alpha val="43137"/>
                  </a:srgbClr>
                </a:outerShdw>
              </a:effectLst>
            </a:endParaRPr>
          </a:p>
        </p:txBody>
      </p:sp>
      <p:sp>
        <p:nvSpPr>
          <p:cNvPr id="9" name="Right Arrow 8"/>
          <p:cNvSpPr/>
          <p:nvPr/>
        </p:nvSpPr>
        <p:spPr bwMode="auto">
          <a:xfrm>
            <a:off x="6705599" y="3973483"/>
            <a:ext cx="381001" cy="304800"/>
          </a:xfrm>
          <a:prstGeom prst="rightArrow">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5" name="Down Arrow 14"/>
          <p:cNvSpPr/>
          <p:nvPr/>
        </p:nvSpPr>
        <p:spPr bwMode="auto">
          <a:xfrm>
            <a:off x="7620000" y="4724400"/>
            <a:ext cx="304800" cy="533400"/>
          </a:xfrm>
          <a:prstGeom prst="downArrow">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Tree>
    <p:extLst>
      <p:ext uri="{BB962C8B-B14F-4D97-AF65-F5344CB8AC3E}">
        <p14:creationId xmlns:p14="http://schemas.microsoft.com/office/powerpoint/2010/main" val="2683285011"/>
      </p:ext>
    </p:extLst>
  </p:cSld>
  <p:clrMapOvr>
    <a:masterClrMapping/>
  </p:clrMapOvr>
  <p:transition spd="slow">
    <p:fade/>
  </p:transition>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202"/>
            <a:ext cx="8382000" cy="1052596"/>
          </a:xfrm>
        </p:spPr>
        <p:txBody>
          <a:bodyPr/>
          <a:lstStyle/>
          <a:p>
            <a:r>
              <a:rPr lang="en-US" dirty="0" smtClean="0"/>
              <a:t>Adaptive Management</a:t>
            </a:r>
            <a:br>
              <a:rPr lang="en-US" dirty="0" smtClean="0"/>
            </a:br>
            <a:r>
              <a:rPr lang="en-US" sz="3200" dirty="0" smtClean="0">
                <a:solidFill>
                  <a:schemeClr val="tx1"/>
                </a:solidFill>
              </a:rPr>
              <a:t>A Long-Term Science Program</a:t>
            </a:r>
            <a:endParaRPr lang="en-US" sz="3200" dirty="0">
              <a:solidFill>
                <a:schemeClr val="tx1"/>
              </a:solidFill>
            </a:endParaRPr>
          </a:p>
        </p:txBody>
      </p:sp>
      <p:sp>
        <p:nvSpPr>
          <p:cNvPr id="4" name="Content Placeholder 3"/>
          <p:cNvSpPr>
            <a:spLocks noGrp="1"/>
          </p:cNvSpPr>
          <p:nvPr>
            <p:ph idx="1"/>
          </p:nvPr>
        </p:nvSpPr>
        <p:spPr>
          <a:xfrm>
            <a:off x="533400" y="1887307"/>
            <a:ext cx="8382000" cy="4665893"/>
          </a:xfrm>
        </p:spPr>
        <p:txBody>
          <a:bodyPr/>
          <a:lstStyle/>
          <a:p>
            <a:r>
              <a:rPr lang="en-US" dirty="0"/>
              <a:t>Management actions </a:t>
            </a:r>
            <a:r>
              <a:rPr lang="en-US" dirty="0" smtClean="0"/>
              <a:t>based </a:t>
            </a:r>
            <a:r>
              <a:rPr lang="en-US" dirty="0"/>
              <a:t>on collaborative science</a:t>
            </a:r>
          </a:p>
          <a:p>
            <a:r>
              <a:rPr lang="en-US" dirty="0" smtClean="0"/>
              <a:t>Other Delta water agencies are taking similar approaches</a:t>
            </a:r>
          </a:p>
          <a:p>
            <a:pPr lvl="1"/>
            <a:r>
              <a:rPr lang="en-US" dirty="0" smtClean="0">
                <a:solidFill>
                  <a:schemeClr val="tx1"/>
                </a:solidFill>
              </a:rPr>
              <a:t>Alternative intake locations</a:t>
            </a:r>
          </a:p>
          <a:p>
            <a:pPr lvl="1"/>
            <a:r>
              <a:rPr lang="en-US" dirty="0" smtClean="0">
                <a:solidFill>
                  <a:schemeClr val="tx1"/>
                </a:solidFill>
              </a:rPr>
              <a:t>Adaptive management</a:t>
            </a:r>
          </a:p>
          <a:p>
            <a:pPr lvl="1"/>
            <a:r>
              <a:rPr lang="en-US" dirty="0" smtClean="0">
                <a:solidFill>
                  <a:schemeClr val="tx1"/>
                </a:solidFill>
              </a:rPr>
              <a:t>Better science</a:t>
            </a:r>
          </a:p>
          <a:p>
            <a:r>
              <a:rPr lang="en-US" dirty="0"/>
              <a:t>Metropolitan representation on both technical and policy </a:t>
            </a:r>
            <a:r>
              <a:rPr lang="en-US" dirty="0" smtClean="0"/>
              <a:t>teams to protect Metropolitan’s interests</a:t>
            </a:r>
            <a:endParaRPr lang="en-US" dirty="0"/>
          </a:p>
          <a:p>
            <a:r>
              <a:rPr lang="en-US" dirty="0" smtClean="0">
                <a:solidFill>
                  <a:schemeClr val="tx1"/>
                </a:solidFill>
              </a:rPr>
              <a:t>Metropolitan has a recognized science program that contributes to decisions being made</a:t>
            </a:r>
          </a:p>
          <a:p>
            <a:endParaRPr lang="en-US" dirty="0">
              <a:solidFill>
                <a:schemeClr val="tx1"/>
              </a:solidFill>
            </a:endParaRPr>
          </a:p>
        </p:txBody>
      </p:sp>
    </p:spTree>
    <p:extLst>
      <p:ext uri="{BB962C8B-B14F-4D97-AF65-F5344CB8AC3E}">
        <p14:creationId xmlns:p14="http://schemas.microsoft.com/office/powerpoint/2010/main" val="1588942478"/>
      </p:ext>
    </p:extLst>
  </p:cSld>
  <p:clrMapOvr>
    <a:masterClrMapping/>
  </p:clrMapOvr>
  <p:transition spd="slow">
    <p:fade/>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521704"/>
            <a:ext cx="8382000" cy="1661993"/>
          </a:xfrm>
        </p:spPr>
        <p:txBody>
          <a:bodyPr/>
          <a:lstStyle/>
          <a:p>
            <a:r>
              <a:rPr lang="en-US" sz="6000" dirty="0" smtClean="0"/>
              <a:t>Cost and Schedule Management</a:t>
            </a:r>
            <a:endParaRPr lang="en-US" sz="6000" dirty="0"/>
          </a:p>
        </p:txBody>
      </p:sp>
    </p:spTree>
    <p:extLst>
      <p:ext uri="{BB962C8B-B14F-4D97-AF65-F5344CB8AC3E}">
        <p14:creationId xmlns:p14="http://schemas.microsoft.com/office/powerpoint/2010/main" val="1277246578"/>
      </p:ext>
    </p:extLst>
  </p:cSld>
  <p:clrMapOvr>
    <a:masterClrMapping/>
  </p:clrMapOvr>
  <p:transition>
    <p:fade/>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Straight Connector 14"/>
          <p:cNvCxnSpPr/>
          <p:nvPr/>
        </p:nvCxnSpPr>
        <p:spPr bwMode="gray">
          <a:xfrm>
            <a:off x="4572000" y="3276600"/>
            <a:ext cx="0" cy="1280160"/>
          </a:xfrm>
          <a:prstGeom prst="line">
            <a:avLst/>
          </a:prstGeom>
          <a:ln w="76200"/>
        </p:spPr>
        <p:style>
          <a:lnRef idx="1">
            <a:schemeClr val="accent1"/>
          </a:lnRef>
          <a:fillRef idx="0">
            <a:schemeClr val="accent1"/>
          </a:fillRef>
          <a:effectRef idx="0">
            <a:schemeClr val="accent1"/>
          </a:effectRef>
          <a:fontRef idx="minor">
            <a:schemeClr val="tx1"/>
          </a:fontRef>
        </p:style>
      </p:cxnSp>
      <p:sp>
        <p:nvSpPr>
          <p:cNvPr id="5" name="Title 4"/>
          <p:cNvSpPr>
            <a:spLocks noGrp="1"/>
          </p:cNvSpPr>
          <p:nvPr>
            <p:ph type="title"/>
          </p:nvPr>
        </p:nvSpPr>
        <p:spPr/>
        <p:txBody>
          <a:bodyPr/>
          <a:lstStyle/>
          <a:p>
            <a:pPr algn="ctr"/>
            <a:r>
              <a:rPr lang="en-US" b="1" dirty="0"/>
              <a:t>Design &amp; Construction Enterprise</a:t>
            </a:r>
            <a:br>
              <a:rPr lang="en-US" b="1" dirty="0"/>
            </a:br>
            <a:r>
              <a:rPr lang="en-US" sz="3600" b="1" dirty="0" smtClean="0">
                <a:solidFill>
                  <a:schemeClr val="tx1"/>
                </a:solidFill>
              </a:rPr>
              <a:t>Overview</a:t>
            </a:r>
            <a:endParaRPr lang="en-US" sz="3600" b="1" dirty="0">
              <a:solidFill>
                <a:schemeClr val="tx1"/>
              </a:solidFill>
            </a:endParaRPr>
          </a:p>
        </p:txBody>
      </p:sp>
      <p:cxnSp>
        <p:nvCxnSpPr>
          <p:cNvPr id="16" name="Straight Connector 15"/>
          <p:cNvCxnSpPr/>
          <p:nvPr/>
        </p:nvCxnSpPr>
        <p:spPr bwMode="invGray">
          <a:xfrm>
            <a:off x="5836920" y="4902081"/>
            <a:ext cx="640080" cy="0"/>
          </a:xfrm>
          <a:prstGeom prst="line">
            <a:avLst/>
          </a:prstGeom>
          <a:ln w="76200"/>
        </p:spPr>
        <p:style>
          <a:lnRef idx="1">
            <a:schemeClr val="accent1"/>
          </a:lnRef>
          <a:fillRef idx="0">
            <a:schemeClr val="accent1"/>
          </a:fillRef>
          <a:effectRef idx="0">
            <a:schemeClr val="accent1"/>
          </a:effectRef>
          <a:fontRef idx="minor">
            <a:schemeClr val="tx1"/>
          </a:fontRef>
        </p:style>
      </p:cxnSp>
      <p:sp>
        <p:nvSpPr>
          <p:cNvPr id="4" name="Rounded Rectangle 3"/>
          <p:cNvSpPr/>
          <p:nvPr/>
        </p:nvSpPr>
        <p:spPr bwMode="invGray">
          <a:xfrm>
            <a:off x="411480" y="4241493"/>
            <a:ext cx="5608320" cy="1188720"/>
          </a:xfrm>
          <a:prstGeom prst="roundRect">
            <a:avLst/>
          </a:prstGeom>
          <a:solidFill>
            <a:schemeClr val="accent3">
              <a:lumMod val="50000"/>
            </a:schemeClr>
          </a:solidFill>
          <a:ln>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vert="horz" wrap="square" lIns="91436" tIns="45718" rIns="91436" bIns="45718" numCol="1" rtlCol="0" anchor="t" anchorCtr="0" compatLnSpc="1">
            <a:prstTxWarp prst="textNoShape">
              <a:avLst/>
            </a:prstTxWarp>
          </a:bodyPr>
          <a:lstStyle/>
          <a:p>
            <a:pPr algn="ctr" defTabSz="914099">
              <a:lnSpc>
                <a:spcPct val="80000"/>
              </a:lnSpc>
            </a:pPr>
            <a:r>
              <a:rPr lang="en-US" sz="2800" b="1" cap="small" dirty="0">
                <a:ln w="3175">
                  <a:noFill/>
                </a:ln>
                <a:solidFill>
                  <a:prstClr val="white"/>
                </a:solidFill>
                <a:effectLst>
                  <a:outerShdw blurRad="50800" dist="38100" dir="2700000" algn="tl" rotWithShape="0">
                    <a:prstClr val="black">
                      <a:alpha val="80000"/>
                    </a:prstClr>
                  </a:outerShdw>
                </a:effectLst>
                <a:cs typeface="Arial" charset="0"/>
              </a:rPr>
              <a:t>Design &amp; Construction Enterprise</a:t>
            </a:r>
          </a:p>
          <a:p>
            <a:pPr algn="ctr" defTabSz="914099">
              <a:lnSpc>
                <a:spcPct val="80000"/>
              </a:lnSpc>
            </a:pPr>
            <a:r>
              <a:rPr lang="en-US" sz="2000" b="1" cap="small" dirty="0" smtClean="0">
                <a:solidFill>
                  <a:srgbClr val="FFFFFF"/>
                </a:solidFill>
                <a:effectLst>
                  <a:outerShdw blurRad="50800" dist="76200" dir="2700000" algn="tl" rotWithShape="0">
                    <a:prstClr val="black"/>
                  </a:outerShdw>
                </a:effectLst>
              </a:rPr>
              <a:t>(Special </a:t>
            </a:r>
            <a:r>
              <a:rPr lang="en-US" sz="2000" b="1" cap="small" dirty="0">
                <a:solidFill>
                  <a:srgbClr val="FFFFFF"/>
                </a:solidFill>
                <a:effectLst>
                  <a:outerShdw blurRad="50800" dist="76200" dir="2700000" algn="tl" rotWithShape="0">
                    <a:prstClr val="black"/>
                  </a:outerShdw>
                </a:effectLst>
              </a:rPr>
              <a:t>Purpose </a:t>
            </a:r>
            <a:r>
              <a:rPr lang="en-US" sz="2000" b="1" cap="small" dirty="0" smtClean="0">
                <a:solidFill>
                  <a:srgbClr val="FFFFFF"/>
                </a:solidFill>
                <a:effectLst>
                  <a:outerShdw blurRad="50800" dist="76200" dir="2700000" algn="tl" rotWithShape="0">
                    <a:prstClr val="black"/>
                  </a:outerShdw>
                </a:effectLst>
              </a:rPr>
              <a:t>Enterprise)</a:t>
            </a:r>
          </a:p>
        </p:txBody>
      </p:sp>
      <p:sp>
        <p:nvSpPr>
          <p:cNvPr id="20" name="Content Placeholder 4"/>
          <p:cNvSpPr txBox="1">
            <a:spLocks/>
          </p:cNvSpPr>
          <p:nvPr/>
        </p:nvSpPr>
        <p:spPr bwMode="invGray">
          <a:xfrm>
            <a:off x="752138" y="4996642"/>
            <a:ext cx="4932382" cy="464050"/>
          </a:xfrm>
          <a:prstGeom prst="rect">
            <a:avLst/>
          </a:prstGeom>
          <a:noFill/>
          <a:ln>
            <a:noFill/>
          </a:ln>
          <a:effectLst/>
          <a:scene3d>
            <a:camera prst="orthographicFront" fov="0">
              <a:rot lat="0" lon="0" rev="0"/>
            </a:camera>
            <a:lightRig rig="glow" dir="t">
              <a:rot lat="0" lon="0" rev="6360000"/>
            </a:lightRig>
          </a:scene3d>
          <a:sp3d prstMaterial="flat">
            <a:contourClr>
              <a:schemeClr val="accent1">
                <a:satMod val="300000"/>
              </a:schemeClr>
            </a:contourClr>
          </a:sp3d>
        </p:spPr>
        <p:style>
          <a:lnRef idx="0">
            <a:schemeClr val="accent1"/>
          </a:lnRef>
          <a:fillRef idx="3">
            <a:schemeClr val="accent1"/>
          </a:fillRef>
          <a:effectRef idx="3">
            <a:schemeClr val="accent1"/>
          </a:effectRef>
          <a:fontRef idx="minor">
            <a:schemeClr val="lt1"/>
          </a:fontRef>
        </p:style>
        <p:txBody>
          <a:bodyPr/>
          <a:lstStyle>
            <a:lvl1pPr marL="396875" indent="-396875" algn="l" defTabSz="912813" rtl="0" eaLnBrk="0" fontAlgn="base" hangingPunct="0">
              <a:lnSpc>
                <a:spcPct val="90000"/>
              </a:lnSpc>
              <a:spcBef>
                <a:spcPts val="0"/>
              </a:spcBef>
              <a:spcAft>
                <a:spcPts val="1800"/>
              </a:spcAft>
              <a:buBlip>
                <a:blip r:embed="rId3"/>
              </a:buBlip>
              <a:defRPr lang="en-US" sz="2800" kern="1200" dirty="0">
                <a:solidFill>
                  <a:schemeClr val="tx1"/>
                </a:solidFill>
                <a:effectLst>
                  <a:outerShdw blurRad="38100" dist="38100" dir="2700000" algn="tl">
                    <a:srgbClr val="000000">
                      <a:alpha val="43137"/>
                    </a:srgbClr>
                  </a:outerShdw>
                </a:effectLst>
                <a:latin typeface="+mn-lt"/>
                <a:ea typeface="+mn-ea"/>
                <a:cs typeface="+mn-cs"/>
              </a:defRPr>
            </a:lvl1pPr>
            <a:lvl2pPr marL="914400" indent="-396875" algn="l" defTabSz="912813" rtl="0" eaLnBrk="0" fontAlgn="base" hangingPunct="0">
              <a:lnSpc>
                <a:spcPct val="90000"/>
              </a:lnSpc>
              <a:spcBef>
                <a:spcPts val="0"/>
              </a:spcBef>
              <a:spcAft>
                <a:spcPts val="1800"/>
              </a:spcAft>
              <a:buBlip>
                <a:blip r:embed="rId4"/>
              </a:buBlip>
              <a:defRPr lang="en-US" sz="2400" kern="1200" dirty="0">
                <a:solidFill>
                  <a:schemeClr val="tx1"/>
                </a:solidFill>
                <a:effectLst>
                  <a:outerShdw blurRad="38100" dist="38100" dir="2700000" algn="tl">
                    <a:srgbClr val="000000">
                      <a:alpha val="43137"/>
                    </a:srgbClr>
                  </a:outerShdw>
                </a:effectLst>
                <a:latin typeface="+mn-lt"/>
                <a:ea typeface="+mn-ea"/>
                <a:cs typeface="+mn-cs"/>
              </a:defRPr>
            </a:lvl2pPr>
            <a:lvl3pPr marL="1258888" indent="-344488" algn="l" defTabSz="912813" rtl="0" eaLnBrk="0" fontAlgn="base" hangingPunct="0">
              <a:lnSpc>
                <a:spcPct val="90000"/>
              </a:lnSpc>
              <a:spcBef>
                <a:spcPts val="0"/>
              </a:spcBef>
              <a:spcAft>
                <a:spcPts val="1800"/>
              </a:spcAft>
              <a:buBlip>
                <a:blip r:embed="rId4"/>
              </a:buBlip>
              <a:defRPr lang="en-US" sz="2400" kern="1200" dirty="0">
                <a:solidFill>
                  <a:schemeClr val="tx1"/>
                </a:solidFill>
                <a:effectLst>
                  <a:outerShdw blurRad="38100" dist="38100" dir="2700000" algn="tl">
                    <a:srgbClr val="000000">
                      <a:alpha val="43137"/>
                    </a:srgbClr>
                  </a:outerShdw>
                </a:effectLst>
                <a:latin typeface="+mn-lt"/>
                <a:ea typeface="+mn-ea"/>
                <a:cs typeface="+mn-cs"/>
              </a:defRPr>
            </a:lvl3pPr>
            <a:lvl4pPr marL="1604963" indent="-346075" algn="l" defTabSz="912813" rtl="0" eaLnBrk="0" fontAlgn="base" hangingPunct="0">
              <a:lnSpc>
                <a:spcPct val="90000"/>
              </a:lnSpc>
              <a:spcBef>
                <a:spcPts val="0"/>
              </a:spcBef>
              <a:spcAft>
                <a:spcPts val="1800"/>
              </a:spcAft>
              <a:buBlip>
                <a:blip r:embed="rId4"/>
              </a:buBlip>
              <a:defRPr lang="en-US" sz="2400" kern="1200" dirty="0">
                <a:solidFill>
                  <a:schemeClr val="tx1"/>
                </a:solidFill>
                <a:effectLst>
                  <a:outerShdw blurRad="38100" dist="38100" dir="2700000" algn="tl">
                    <a:srgbClr val="000000">
                      <a:alpha val="43137"/>
                    </a:srgbClr>
                  </a:outerShdw>
                </a:effectLst>
                <a:latin typeface="+mn-lt"/>
                <a:ea typeface="+mn-ea"/>
                <a:cs typeface="+mn-cs"/>
              </a:defRPr>
            </a:lvl4pPr>
            <a:lvl5pPr marL="1941513" indent="-336550" algn="l" defTabSz="912813" rtl="0" eaLnBrk="0" fontAlgn="base" hangingPunct="0">
              <a:lnSpc>
                <a:spcPct val="90000"/>
              </a:lnSpc>
              <a:spcBef>
                <a:spcPts val="0"/>
              </a:spcBef>
              <a:spcAft>
                <a:spcPts val="1800"/>
              </a:spcAft>
              <a:buBlip>
                <a:blip r:embed="rId4"/>
              </a:buBlip>
              <a:defRPr lang="en-US" sz="2400" kern="1200" dirty="0">
                <a:solidFill>
                  <a:schemeClr val="tx1"/>
                </a:solidFill>
                <a:effectLst>
                  <a:outerShdw blurRad="38100" dist="38100" dir="2700000" algn="tl">
                    <a:srgbClr val="000000">
                      <a:alpha val="43137"/>
                    </a:srgbClr>
                  </a:outerShdw>
                </a:effectLst>
                <a:latin typeface="+mn-lt"/>
                <a:ea typeface="+mn-ea"/>
                <a:cs typeface="+mn-cs"/>
              </a:defRPr>
            </a:lvl5pPr>
            <a:lvl6pPr marL="2514499"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681"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863"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045" indent="-228591" algn="l" defTabSz="914363"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spcAft>
                <a:spcPts val="600"/>
              </a:spcAft>
              <a:buFontTx/>
              <a:buNone/>
            </a:pPr>
            <a:r>
              <a:rPr sz="2000" b="1" cap="small" dirty="0" smtClean="0">
                <a:solidFill>
                  <a:prstClr val="white"/>
                </a:solidFill>
                <a:effectLst>
                  <a:outerShdw blurRad="50800" dist="76200" dir="2700000" algn="tl" rotWithShape="0">
                    <a:prstClr val="black"/>
                  </a:outerShdw>
                </a:effectLst>
              </a:rPr>
              <a:t>Program </a:t>
            </a:r>
            <a:r>
              <a:rPr sz="2000" b="1" cap="small" dirty="0">
                <a:solidFill>
                  <a:prstClr val="white"/>
                </a:solidFill>
                <a:effectLst>
                  <a:outerShdw blurRad="50800" dist="76200" dir="2700000" algn="tl" rotWithShape="0">
                    <a:prstClr val="black"/>
                  </a:outerShdw>
                </a:effectLst>
              </a:rPr>
              <a:t>Director | Staff | Consultants</a:t>
            </a:r>
          </a:p>
        </p:txBody>
      </p:sp>
      <p:sp>
        <p:nvSpPr>
          <p:cNvPr id="27" name="Rounded Rectangle 26"/>
          <p:cNvSpPr/>
          <p:nvPr/>
        </p:nvSpPr>
        <p:spPr bwMode="invGray">
          <a:xfrm>
            <a:off x="6385560" y="4241493"/>
            <a:ext cx="2377440" cy="1188720"/>
          </a:xfrm>
          <a:prstGeom prst="roundRect">
            <a:avLst>
              <a:gd name="adj" fmla="val 16250"/>
            </a:avLst>
          </a:prstGeom>
          <a:solidFill>
            <a:schemeClr val="accent1">
              <a:lumMod val="75000"/>
            </a:schemeClr>
          </a:solidFill>
          <a:ln>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lnSpc>
                <a:spcPct val="80000"/>
              </a:lnSpc>
            </a:pPr>
            <a:r>
              <a:rPr lang="en-US" sz="2400" b="1" cap="small" dirty="0">
                <a:ln w="3175">
                  <a:noFill/>
                </a:ln>
                <a:solidFill>
                  <a:prstClr val="white"/>
                </a:solidFill>
                <a:effectLst>
                  <a:outerShdw blurRad="50800" dist="38100" dir="2700000" algn="tl" rotWithShape="0">
                    <a:prstClr val="black">
                      <a:alpha val="80000"/>
                    </a:prstClr>
                  </a:outerShdw>
                </a:effectLst>
                <a:cs typeface="Arial" charset="0"/>
              </a:rPr>
              <a:t>Program Advisory Group</a:t>
            </a:r>
          </a:p>
          <a:p>
            <a:pPr algn="ctr" defTabSz="914099">
              <a:lnSpc>
                <a:spcPct val="80000"/>
              </a:lnSpc>
            </a:pPr>
            <a:r>
              <a:rPr lang="en-US" sz="2000" b="1" cap="small" dirty="0" smtClean="0">
                <a:solidFill>
                  <a:srgbClr val="FFFFFF"/>
                </a:solidFill>
                <a:effectLst>
                  <a:outerShdw blurRad="50800" dist="76200" dir="2700000" algn="tl" rotWithShape="0">
                    <a:prstClr val="black"/>
                  </a:outerShdw>
                </a:effectLst>
              </a:rPr>
              <a:t>(Tech Experts)</a:t>
            </a:r>
            <a:endParaRPr lang="en-US" sz="2000" b="1" cap="small" dirty="0">
              <a:solidFill>
                <a:srgbClr val="FFFFFF"/>
              </a:solidFill>
              <a:effectLst>
                <a:outerShdw blurRad="50800" dist="76200" dir="2700000" algn="tl" rotWithShape="0">
                  <a:prstClr val="black"/>
                </a:outerShdw>
              </a:effectLst>
            </a:endParaRPr>
          </a:p>
        </p:txBody>
      </p:sp>
      <p:grpSp>
        <p:nvGrpSpPr>
          <p:cNvPr id="9" name="Group 8"/>
          <p:cNvGrpSpPr/>
          <p:nvPr/>
        </p:nvGrpSpPr>
        <p:grpSpPr bwMode="invGray">
          <a:xfrm>
            <a:off x="911463" y="1905000"/>
            <a:ext cx="7321074" cy="1828800"/>
            <a:chOff x="527527" y="2286000"/>
            <a:chExt cx="7321074" cy="1828800"/>
          </a:xfrm>
          <a:solidFill>
            <a:schemeClr val="accent2">
              <a:lumMod val="75000"/>
            </a:schemeClr>
          </a:solidFill>
        </p:grpSpPr>
        <p:sp>
          <p:nvSpPr>
            <p:cNvPr id="13" name="Rounded Rectangle 12"/>
            <p:cNvSpPr/>
            <p:nvPr/>
          </p:nvSpPr>
          <p:spPr bwMode="invGray">
            <a:xfrm>
              <a:off x="527527" y="2286000"/>
              <a:ext cx="7321074" cy="1828800"/>
            </a:xfrm>
            <a:prstGeom prst="roundRect">
              <a:avLst>
                <a:gd name="adj" fmla="val 41212"/>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rot="0" spcFirstLastPara="0" vertOverflow="overflow" horzOverflow="overflow" vert="horz" wrap="square" lIns="91436" tIns="45718" rIns="91436" bIns="45718" numCol="1" spcCol="0" rtlCol="0" fromWordArt="0" anchor="t" anchorCtr="0" forceAA="0" compatLnSpc="1">
              <a:prstTxWarp prst="textNoShape">
                <a:avLst/>
              </a:prstTxWarp>
              <a:noAutofit/>
            </a:bodyPr>
            <a:lstStyle/>
            <a:p>
              <a:pPr algn="ctr" defTabSz="914099">
                <a:lnSpc>
                  <a:spcPct val="80000"/>
                </a:lnSpc>
              </a:pPr>
              <a:r>
                <a:rPr lang="en-US" sz="3200" b="1" cap="small" dirty="0" smtClean="0">
                  <a:ln w="3175">
                    <a:noFill/>
                  </a:ln>
                  <a:solidFill>
                    <a:prstClr val="white"/>
                  </a:solidFill>
                  <a:effectLst>
                    <a:outerShdw blurRad="50800" dist="38100" dir="2700000" algn="tl" rotWithShape="0">
                      <a:prstClr val="black">
                        <a:alpha val="80000"/>
                      </a:prstClr>
                    </a:outerShdw>
                  </a:effectLst>
                  <a:cs typeface="Arial" charset="0"/>
                </a:rPr>
                <a:t>Program Management</a:t>
              </a:r>
              <a:endParaRPr lang="en-US" sz="3200" b="1" cap="small" dirty="0">
                <a:ln w="3175">
                  <a:noFill/>
                </a:ln>
                <a:solidFill>
                  <a:prstClr val="white"/>
                </a:solidFill>
                <a:effectLst>
                  <a:outerShdw blurRad="50800" dist="38100" dir="2700000" algn="tl" rotWithShape="0">
                    <a:prstClr val="black">
                      <a:alpha val="80000"/>
                    </a:prstClr>
                  </a:outerShdw>
                </a:effectLst>
                <a:cs typeface="Arial" charset="0"/>
              </a:endParaRPr>
            </a:p>
          </p:txBody>
        </p:sp>
        <p:sp>
          <p:nvSpPr>
            <p:cNvPr id="6" name="TextBox 5"/>
            <p:cNvSpPr txBox="1"/>
            <p:nvPr/>
          </p:nvSpPr>
          <p:spPr bwMode="invGray">
            <a:xfrm>
              <a:off x="609600" y="2999630"/>
              <a:ext cx="3617775" cy="978729"/>
            </a:xfrm>
            <a:prstGeom prst="rect">
              <a:avLst/>
            </a:prstGeom>
            <a:noFill/>
          </p:spPr>
          <p:style>
            <a:lnRef idx="0">
              <a:schemeClr val="accent5"/>
            </a:lnRef>
            <a:fillRef idx="3">
              <a:schemeClr val="accent5"/>
            </a:fillRef>
            <a:effectRef idx="3">
              <a:schemeClr val="accent5"/>
            </a:effectRef>
            <a:fontRef idx="minor">
              <a:schemeClr val="lt1"/>
            </a:fontRef>
          </p:style>
          <p:txBody>
            <a:bodyPr wrap="square" rtlCol="0">
              <a:spAutoFit/>
            </a:bodyPr>
            <a:lstStyle/>
            <a:p>
              <a:pPr algn="ctr" defTabSz="914099">
                <a:lnSpc>
                  <a:spcPct val="80000"/>
                </a:lnSpc>
              </a:pPr>
              <a:r>
                <a:rPr lang="en-US" sz="2400" b="1" cap="small" dirty="0">
                  <a:solidFill>
                    <a:srgbClr val="FFFFFF"/>
                  </a:solidFill>
                  <a:effectLst>
                    <a:outerShdw blurRad="50800" dist="76200" dir="2700000" algn="tl" rotWithShape="0">
                      <a:prstClr val="black"/>
                    </a:outerShdw>
                  </a:effectLst>
                  <a:latin typeface="Calibri"/>
                </a:rPr>
                <a:t>Conveyance Project Coordination Agency</a:t>
              </a:r>
            </a:p>
            <a:p>
              <a:pPr algn="ctr" defTabSz="914099">
                <a:lnSpc>
                  <a:spcPct val="80000"/>
                </a:lnSpc>
              </a:pPr>
              <a:r>
                <a:rPr lang="en-US" b="1" cap="small" dirty="0">
                  <a:solidFill>
                    <a:srgbClr val="FFFFFF"/>
                  </a:solidFill>
                  <a:effectLst>
                    <a:outerShdw blurRad="50800" dist="76200" dir="2700000" algn="tl" rotWithShape="0">
                      <a:prstClr val="black"/>
                    </a:outerShdw>
                  </a:effectLst>
                  <a:latin typeface="Calibri"/>
                </a:rPr>
                <a:t>(Public Joint Powers Authority</a:t>
              </a:r>
              <a:r>
                <a:rPr lang="en-US" b="1" cap="small" dirty="0" smtClean="0">
                  <a:solidFill>
                    <a:srgbClr val="FFFFFF"/>
                  </a:solidFill>
                  <a:effectLst>
                    <a:outerShdw blurRad="50800" dist="76200" dir="2700000" algn="tl" rotWithShape="0">
                      <a:prstClr val="black"/>
                    </a:outerShdw>
                  </a:effectLst>
                  <a:latin typeface="Calibri"/>
                </a:rPr>
                <a:t>)</a:t>
              </a:r>
              <a:endParaRPr lang="en-US" sz="2400" b="1" cap="small" dirty="0">
                <a:solidFill>
                  <a:srgbClr val="FFFFFF"/>
                </a:solidFill>
                <a:effectLst>
                  <a:outerShdw blurRad="50800" dist="76200" dir="2700000" algn="tl" rotWithShape="0">
                    <a:prstClr val="black"/>
                  </a:outerShdw>
                </a:effectLst>
                <a:latin typeface="Calibri"/>
              </a:endParaRPr>
            </a:p>
          </p:txBody>
        </p:sp>
        <p:sp>
          <p:nvSpPr>
            <p:cNvPr id="17" name="TextBox 16"/>
            <p:cNvSpPr txBox="1"/>
            <p:nvPr/>
          </p:nvSpPr>
          <p:spPr bwMode="invGray">
            <a:xfrm>
              <a:off x="4028032" y="2999630"/>
              <a:ext cx="3617775" cy="978729"/>
            </a:xfrm>
            <a:prstGeom prst="rect">
              <a:avLst/>
            </a:prstGeom>
            <a:noFill/>
          </p:spPr>
          <p:style>
            <a:lnRef idx="0">
              <a:schemeClr val="accent5"/>
            </a:lnRef>
            <a:fillRef idx="3">
              <a:schemeClr val="accent5"/>
            </a:fillRef>
            <a:effectRef idx="3">
              <a:schemeClr val="accent5"/>
            </a:effectRef>
            <a:fontRef idx="minor">
              <a:schemeClr val="lt1"/>
            </a:fontRef>
          </p:style>
          <p:txBody>
            <a:bodyPr wrap="square" rtlCol="0">
              <a:spAutoFit/>
            </a:bodyPr>
            <a:lstStyle/>
            <a:p>
              <a:pPr algn="ctr" defTabSz="914099">
                <a:lnSpc>
                  <a:spcPct val="80000"/>
                </a:lnSpc>
              </a:pPr>
              <a:r>
                <a:rPr lang="en-US" sz="2400" b="1" cap="small" dirty="0" smtClean="0">
                  <a:solidFill>
                    <a:srgbClr val="FFFFFF"/>
                  </a:solidFill>
                  <a:effectLst>
                    <a:outerShdw blurRad="50800" dist="76200" dir="2700000" algn="tl" rotWithShape="0">
                      <a:prstClr val="black"/>
                    </a:outerShdw>
                  </a:effectLst>
                  <a:latin typeface="Calibri"/>
                </a:rPr>
                <a:t>Department of Water Resources</a:t>
              </a:r>
              <a:endParaRPr lang="en-US" sz="2400" b="1" cap="small" dirty="0">
                <a:solidFill>
                  <a:srgbClr val="FFFFFF"/>
                </a:solidFill>
                <a:effectLst>
                  <a:outerShdw blurRad="50800" dist="76200" dir="2700000" algn="tl" rotWithShape="0">
                    <a:prstClr val="black"/>
                  </a:outerShdw>
                </a:effectLst>
                <a:latin typeface="Calibri"/>
              </a:endParaRPr>
            </a:p>
            <a:p>
              <a:pPr algn="ctr" defTabSz="914099">
                <a:lnSpc>
                  <a:spcPct val="80000"/>
                </a:lnSpc>
              </a:pPr>
              <a:r>
                <a:rPr lang="en-US" b="1" cap="small" dirty="0" smtClean="0">
                  <a:solidFill>
                    <a:srgbClr val="FFFFFF"/>
                  </a:solidFill>
                  <a:effectLst>
                    <a:outerShdw blurRad="50800" dist="76200" dir="2700000" algn="tl" rotWithShape="0">
                      <a:prstClr val="black"/>
                    </a:outerShdw>
                  </a:effectLst>
                  <a:latin typeface="Calibri"/>
                </a:rPr>
                <a:t>(DWR Director)</a:t>
              </a:r>
              <a:endParaRPr lang="en-US" sz="2400" b="1" cap="small" dirty="0">
                <a:solidFill>
                  <a:srgbClr val="FFFFFF"/>
                </a:solidFill>
                <a:effectLst>
                  <a:outerShdw blurRad="50800" dist="76200" dir="2700000" algn="tl" rotWithShape="0">
                    <a:prstClr val="black"/>
                  </a:outerShdw>
                </a:effectLst>
                <a:latin typeface="Calibri"/>
              </a:endParaRPr>
            </a:p>
          </p:txBody>
        </p:sp>
      </p:grpSp>
      <p:sp>
        <p:nvSpPr>
          <p:cNvPr id="8" name="TextBox 7"/>
          <p:cNvSpPr txBox="1"/>
          <p:nvPr/>
        </p:nvSpPr>
        <p:spPr>
          <a:xfrm>
            <a:off x="85825" y="6354030"/>
            <a:ext cx="6619775" cy="461665"/>
          </a:xfrm>
          <a:prstGeom prst="rect">
            <a:avLst/>
          </a:prstGeom>
          <a:noFill/>
        </p:spPr>
        <p:txBody>
          <a:bodyPr wrap="square" rtlCol="0">
            <a:spAutoFit/>
          </a:bodyPr>
          <a:lstStyle/>
          <a:p>
            <a:r>
              <a:rPr lang="en-US" sz="1200" i="1" dirty="0" smtClean="0">
                <a:solidFill>
                  <a:srgbClr val="FFC000"/>
                </a:solidFill>
                <a:latin typeface="Calibri"/>
              </a:rPr>
              <a:t>The </a:t>
            </a:r>
            <a:r>
              <a:rPr lang="en-US" sz="1200" i="1" dirty="0">
                <a:solidFill>
                  <a:srgbClr val="FFC000"/>
                </a:solidFill>
                <a:latin typeface="Calibri"/>
              </a:rPr>
              <a:t>Director </a:t>
            </a:r>
            <a:r>
              <a:rPr lang="en-US" sz="1200" i="1" dirty="0" smtClean="0">
                <a:solidFill>
                  <a:srgbClr val="FFC000"/>
                </a:solidFill>
                <a:latin typeface="Calibri"/>
              </a:rPr>
              <a:t>of the Department of Water Resources has the </a:t>
            </a:r>
            <a:r>
              <a:rPr lang="en-US" sz="1200" i="1" dirty="0">
                <a:solidFill>
                  <a:srgbClr val="FFC000"/>
                </a:solidFill>
                <a:latin typeface="Calibri"/>
              </a:rPr>
              <a:t>final decision making authority </a:t>
            </a:r>
            <a:r>
              <a:rPr lang="en-US" sz="1200" i="1" dirty="0" smtClean="0">
                <a:solidFill>
                  <a:srgbClr val="FFC000"/>
                </a:solidFill>
                <a:latin typeface="Calibri"/>
              </a:rPr>
              <a:t>on all </a:t>
            </a:r>
            <a:r>
              <a:rPr lang="en-US" sz="1200" i="1" dirty="0">
                <a:solidFill>
                  <a:srgbClr val="FFC000"/>
                </a:solidFill>
                <a:latin typeface="Calibri"/>
              </a:rPr>
              <a:t>aspects of the design, construction and implementation of the </a:t>
            </a:r>
            <a:r>
              <a:rPr lang="en-US" sz="1200" i="1" dirty="0" smtClean="0">
                <a:solidFill>
                  <a:srgbClr val="FFC000"/>
                </a:solidFill>
                <a:latin typeface="Calibri"/>
              </a:rPr>
              <a:t>Conveyance Project</a:t>
            </a:r>
            <a:endParaRPr lang="en-US" sz="1200" i="1" dirty="0">
              <a:solidFill>
                <a:srgbClr val="FFC000"/>
              </a:solidFill>
              <a:latin typeface="Calibri"/>
            </a:endParaRPr>
          </a:p>
        </p:txBody>
      </p:sp>
    </p:spTree>
    <p:extLst>
      <p:ext uri="{BB962C8B-B14F-4D97-AF65-F5344CB8AC3E}">
        <p14:creationId xmlns:p14="http://schemas.microsoft.com/office/powerpoint/2010/main" val="4239855978"/>
      </p:ext>
    </p:extLst>
  </p:cSld>
  <p:clrMapOvr>
    <a:masterClrMapping/>
  </p:clrMapOvr>
  <p:transition spd="slow">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l="12174" t="5714" r="12534" b="19932"/>
          <a:stretch/>
        </p:blipFill>
        <p:spPr>
          <a:xfrm>
            <a:off x="3768811" y="-1"/>
            <a:ext cx="5375189" cy="6858001"/>
          </a:xfrm>
          <a:prstGeom prst="rect">
            <a:avLst/>
          </a:prstGeom>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31648" y="307848"/>
            <a:ext cx="3429000" cy="1199369"/>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
        <p:nvSpPr>
          <p:cNvPr id="3" name="Content Placeholder 2"/>
          <p:cNvSpPr>
            <a:spLocks noGrp="1"/>
          </p:cNvSpPr>
          <p:nvPr>
            <p:ph type="body" sz="quarter" idx="11"/>
          </p:nvPr>
        </p:nvSpPr>
        <p:spPr>
          <a:xfrm>
            <a:off x="152400" y="2133600"/>
            <a:ext cx="3764692" cy="3962400"/>
          </a:xfrm>
        </p:spPr>
        <p:txBody>
          <a:bodyPr anchor="t" anchorCtr="0">
            <a:noAutofit/>
          </a:bodyPr>
          <a:lstStyle/>
          <a:p>
            <a:r>
              <a:rPr lang="en-US" sz="2400" dirty="0" smtClean="0"/>
              <a:t>Floodplain restoration</a:t>
            </a:r>
          </a:p>
          <a:p>
            <a:r>
              <a:rPr lang="en-US" sz="2400" dirty="0" smtClean="0"/>
              <a:t>Tidal restoration</a:t>
            </a:r>
          </a:p>
          <a:p>
            <a:r>
              <a:rPr lang="en-US" sz="2400" dirty="0" smtClean="0"/>
              <a:t>Managed </a:t>
            </a:r>
            <a:r>
              <a:rPr lang="en-US" sz="2400" dirty="0"/>
              <a:t>w</a:t>
            </a:r>
            <a:r>
              <a:rPr lang="en-US" sz="2400" dirty="0" smtClean="0"/>
              <a:t>etlands</a:t>
            </a:r>
          </a:p>
          <a:p>
            <a:r>
              <a:rPr lang="en-US" sz="2400" dirty="0" smtClean="0"/>
              <a:t>Prop 1 &amp; 1E funded restoration projects</a:t>
            </a:r>
          </a:p>
          <a:p>
            <a:pPr marL="804863" lvl="1"/>
            <a:r>
              <a:rPr lang="en-US" sz="2200" dirty="0" smtClean="0">
                <a:solidFill>
                  <a:schemeClr val="tx1"/>
                </a:solidFill>
              </a:rPr>
              <a:t>Aquatic, Riparian, Upland</a:t>
            </a:r>
            <a:endParaRPr lang="en-US" sz="2200" dirty="0" smtClean="0">
              <a:solidFill>
                <a:schemeClr val="tx1"/>
              </a:solidFill>
            </a:endParaRPr>
          </a:p>
          <a:p>
            <a:pPr marL="804863" lvl="1"/>
            <a:r>
              <a:rPr lang="en-US" sz="2200" dirty="0" smtClean="0">
                <a:solidFill>
                  <a:schemeClr val="tx1"/>
                </a:solidFill>
              </a:rPr>
              <a:t>Multi-benefit </a:t>
            </a:r>
            <a:r>
              <a:rPr lang="en-US" sz="2200" dirty="0">
                <a:solidFill>
                  <a:schemeClr val="tx1"/>
                </a:solidFill>
              </a:rPr>
              <a:t>flood management projects</a:t>
            </a:r>
          </a:p>
          <a:p>
            <a:endParaRPr lang="en-US" sz="2400" dirty="0"/>
          </a:p>
        </p:txBody>
      </p:sp>
      <p:sp>
        <p:nvSpPr>
          <p:cNvPr id="9"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schemeClr val="bg1"/>
                </a:solidFill>
                <a:effectLst>
                  <a:outerShdw blurRad="38100" dist="38100" dir="2700000" algn="tl">
                    <a:srgbClr val="000000"/>
                  </a:outerShdw>
                </a:effectLst>
                <a:latin typeface="+mn-lt"/>
              </a:rPr>
              <a:pPr algn="ctr"/>
              <a:t>4</a:t>
            </a:fld>
            <a:endParaRPr lang="en-US" sz="1400" dirty="0">
              <a:solidFill>
                <a:schemeClr val="bg1"/>
              </a:solidFill>
              <a:effectLst>
                <a:outerShdw blurRad="38100" dist="38100" dir="2700000" algn="tl">
                  <a:srgbClr val="000000"/>
                </a:outerShdw>
              </a:effectLst>
              <a:latin typeface="+mn-lt"/>
            </a:endParaRPr>
          </a:p>
        </p:txBody>
      </p:sp>
    </p:spTree>
    <p:extLst>
      <p:ext uri="{BB962C8B-B14F-4D97-AF65-F5344CB8AC3E}">
        <p14:creationId xmlns:p14="http://schemas.microsoft.com/office/powerpoint/2010/main" val="1111473461"/>
      </p:ext>
    </p:extLst>
  </p:cSld>
  <p:clrMapOvr>
    <a:masterClrMapping/>
  </p:clrMapOvr>
  <p:transition spd="slow">
    <p:fade/>
  </p:transition>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533400" y="0"/>
            <a:ext cx="8229600" cy="941796"/>
          </a:xfrm>
        </p:spPr>
        <p:txBody>
          <a:bodyPr/>
          <a:lstStyle/>
          <a:p>
            <a:pPr algn="r"/>
            <a:r>
              <a:rPr lang="en-US" sz="4000" b="1" dirty="0"/>
              <a:t>Design &amp; Construction Enterprise</a:t>
            </a:r>
            <a:br>
              <a:rPr lang="en-US" sz="4000" b="1" dirty="0"/>
            </a:br>
            <a:endParaRPr lang="en-US" sz="2800" b="1" dirty="0">
              <a:solidFill>
                <a:schemeClr val="tx1"/>
              </a:solidFill>
            </a:endParaRPr>
          </a:p>
        </p:txBody>
      </p:sp>
      <p:sp>
        <p:nvSpPr>
          <p:cNvPr id="2" name="Slide Number Placeholder 1"/>
          <p:cNvSpPr>
            <a:spLocks noGrp="1"/>
          </p:cNvSpPr>
          <p:nvPr>
            <p:ph type="sldNum" sz="quarter" idx="11"/>
          </p:nvPr>
        </p:nvSpPr>
        <p:spPr>
          <a:xfrm>
            <a:off x="8471140" y="6170821"/>
            <a:ext cx="685800" cy="365125"/>
          </a:xfrm>
          <a:prstGeom prst="rect">
            <a:avLst/>
          </a:prstGeom>
        </p:spPr>
        <p:txBody>
          <a:bodyPr/>
          <a:lstStyle/>
          <a:p>
            <a:pPr>
              <a:defRPr/>
            </a:pPr>
            <a:fld id="{E3E035B2-31CA-4FE1-A0CD-FFC8645D40A9}" type="slidenum">
              <a:rPr>
                <a:solidFill>
                  <a:prstClr val="white"/>
                </a:solidFill>
              </a:rPr>
              <a:pPr>
                <a:defRPr/>
              </a:pPr>
              <a:t>40</a:t>
            </a:fld>
            <a:endParaRPr dirty="0">
              <a:solidFill>
                <a:prstClr val="white"/>
              </a:solidFill>
            </a:endParaRPr>
          </a:p>
        </p:txBody>
      </p:sp>
      <p:sp>
        <p:nvSpPr>
          <p:cNvPr id="3" name="Rectangle 2"/>
          <p:cNvSpPr/>
          <p:nvPr/>
        </p:nvSpPr>
        <p:spPr bwMode="auto">
          <a:xfrm>
            <a:off x="76200" y="3886200"/>
            <a:ext cx="457200" cy="2209800"/>
          </a:xfrm>
          <a:prstGeom prst="rect">
            <a:avLst/>
          </a:prstGeom>
          <a:solidFill>
            <a:schemeClr val="accent2">
              <a:lumMod val="7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vert270"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Funding</a:t>
            </a:r>
          </a:p>
        </p:txBody>
      </p:sp>
      <p:sp>
        <p:nvSpPr>
          <p:cNvPr id="19" name="Rectangle 18"/>
          <p:cNvSpPr/>
          <p:nvPr/>
        </p:nvSpPr>
        <p:spPr bwMode="auto">
          <a:xfrm>
            <a:off x="76200" y="533400"/>
            <a:ext cx="457200" cy="2971800"/>
          </a:xfrm>
          <a:prstGeom prst="rect">
            <a:avLst/>
          </a:prstGeom>
          <a:solidFill>
            <a:schemeClr val="accent2">
              <a:lumMod val="75000"/>
            </a:scheme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vert270"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Management</a:t>
            </a:r>
          </a:p>
        </p:txBody>
      </p:sp>
      <p:sp>
        <p:nvSpPr>
          <p:cNvPr id="6" name="Rounded Rectangle 5"/>
          <p:cNvSpPr/>
          <p:nvPr/>
        </p:nvSpPr>
        <p:spPr bwMode="auto">
          <a:xfrm>
            <a:off x="609600" y="1289180"/>
            <a:ext cx="1828800" cy="1461174"/>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DCE</a:t>
            </a:r>
          </a:p>
        </p:txBody>
      </p:sp>
      <p:sp>
        <p:nvSpPr>
          <p:cNvPr id="10" name="Rounded Rectangle 9"/>
          <p:cNvSpPr/>
          <p:nvPr/>
        </p:nvSpPr>
        <p:spPr bwMode="auto">
          <a:xfrm>
            <a:off x="3200400" y="1981200"/>
            <a:ext cx="1828800" cy="1469260"/>
          </a:xfrm>
          <a:prstGeom prst="roundRect">
            <a:avLst/>
          </a:prstGeom>
          <a:ln>
            <a:headEnd type="none" w="med" len="med"/>
            <a:tailEnd type="none" w="med" len="med"/>
          </a:ln>
        </p:spPr>
        <p:style>
          <a:lnRef idx="0">
            <a:schemeClr val="accent4"/>
          </a:lnRef>
          <a:fillRef idx="3">
            <a:schemeClr val="accent4"/>
          </a:fillRef>
          <a:effectRef idx="3">
            <a:schemeClr val="accent4"/>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Conveyance Project Coordination Agency</a:t>
            </a:r>
          </a:p>
        </p:txBody>
      </p:sp>
      <p:sp>
        <p:nvSpPr>
          <p:cNvPr id="11" name="Rounded Rectangle 10"/>
          <p:cNvSpPr/>
          <p:nvPr/>
        </p:nvSpPr>
        <p:spPr bwMode="auto">
          <a:xfrm>
            <a:off x="3215951" y="603380"/>
            <a:ext cx="1828800" cy="1097280"/>
          </a:xfrm>
          <a:prstGeom prst="roundRect">
            <a:avLst/>
          </a:prstGeom>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DWR</a:t>
            </a:r>
          </a:p>
        </p:txBody>
      </p:sp>
      <p:sp>
        <p:nvSpPr>
          <p:cNvPr id="12" name="Rounded Rectangle 11"/>
          <p:cNvSpPr/>
          <p:nvPr/>
        </p:nvSpPr>
        <p:spPr bwMode="auto">
          <a:xfrm>
            <a:off x="6949129" y="2590800"/>
            <a:ext cx="2103120" cy="109728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San Luis &amp; </a:t>
            </a:r>
            <a:br>
              <a:rPr lang="en-US" sz="2000" dirty="0" smtClean="0">
                <a:solidFill>
                  <a:srgbClr val="FFFFFF"/>
                </a:solidFill>
                <a:effectLst>
                  <a:outerShdw blurRad="38100" dist="38100" dir="2700000" algn="tl">
                    <a:srgbClr val="000000">
                      <a:alpha val="43137"/>
                    </a:srgbClr>
                  </a:outerShdw>
                </a:effectLst>
                <a:latin typeface="Segoe" pitchFamily="34" charset="0"/>
              </a:rPr>
            </a:br>
            <a:r>
              <a:rPr lang="en-US" sz="2000" dirty="0" smtClean="0">
                <a:solidFill>
                  <a:srgbClr val="FFFFFF"/>
                </a:solidFill>
                <a:effectLst>
                  <a:outerShdw blurRad="38100" dist="38100" dir="2700000" algn="tl">
                    <a:srgbClr val="000000">
                      <a:alpha val="43137"/>
                    </a:srgbClr>
                  </a:outerShdw>
                </a:effectLst>
                <a:latin typeface="Segoe" pitchFamily="34" charset="0"/>
              </a:rPr>
              <a:t>Delta Mendota Water Authority</a:t>
            </a:r>
          </a:p>
        </p:txBody>
      </p:sp>
      <p:sp>
        <p:nvSpPr>
          <p:cNvPr id="13" name="Rounded Rectangle 12"/>
          <p:cNvSpPr/>
          <p:nvPr/>
        </p:nvSpPr>
        <p:spPr bwMode="auto">
          <a:xfrm>
            <a:off x="6964680" y="1143000"/>
            <a:ext cx="2103120" cy="109728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SWP</a:t>
            </a:r>
          </a:p>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Contractors</a:t>
            </a:r>
          </a:p>
        </p:txBody>
      </p:sp>
      <p:cxnSp>
        <p:nvCxnSpPr>
          <p:cNvPr id="24" name="Straight Connector 23"/>
          <p:cNvCxnSpPr/>
          <p:nvPr/>
        </p:nvCxnSpPr>
        <p:spPr>
          <a:xfrm>
            <a:off x="228600" y="3733800"/>
            <a:ext cx="8610600" cy="76200"/>
          </a:xfrm>
          <a:prstGeom prst="line">
            <a:avLst/>
          </a:prstGeom>
          <a:ln w="571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
        <p:nvSpPr>
          <p:cNvPr id="25" name="Rounded Rectangle 24"/>
          <p:cNvSpPr/>
          <p:nvPr/>
        </p:nvSpPr>
        <p:spPr bwMode="auto">
          <a:xfrm>
            <a:off x="609600" y="4556655"/>
            <a:ext cx="1828800" cy="1348843"/>
          </a:xfrm>
          <a:prstGeom prst="round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300" dirty="0" smtClean="0">
                <a:solidFill>
                  <a:srgbClr val="FFFFFF"/>
                </a:solidFill>
                <a:effectLst>
                  <a:outerShdw blurRad="38100" dist="38100" dir="2700000" algn="tl">
                    <a:srgbClr val="000000">
                      <a:alpha val="43137"/>
                    </a:srgbClr>
                  </a:outerShdw>
                </a:effectLst>
                <a:latin typeface="Segoe" pitchFamily="34" charset="0"/>
              </a:rPr>
              <a:t>DCE</a:t>
            </a:r>
          </a:p>
        </p:txBody>
      </p:sp>
      <p:sp>
        <p:nvSpPr>
          <p:cNvPr id="27" name="Rounded Rectangle 26"/>
          <p:cNvSpPr/>
          <p:nvPr/>
        </p:nvSpPr>
        <p:spPr bwMode="auto">
          <a:xfrm>
            <a:off x="3048000" y="4530036"/>
            <a:ext cx="1828800" cy="1402080"/>
          </a:xfrm>
          <a:prstGeom prst="roundRect">
            <a:avLst/>
          </a:prstGeom>
          <a:ln>
            <a:headEnd type="none" w="med" len="med"/>
            <a:tailEnd type="none" w="med" len="med"/>
          </a:ln>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DWR</a:t>
            </a:r>
          </a:p>
        </p:txBody>
      </p:sp>
      <p:sp>
        <p:nvSpPr>
          <p:cNvPr id="28" name="Rounded Rectangle 27"/>
          <p:cNvSpPr/>
          <p:nvPr/>
        </p:nvSpPr>
        <p:spPr bwMode="auto">
          <a:xfrm>
            <a:off x="6927358" y="5410199"/>
            <a:ext cx="2103120" cy="109728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San Luis &amp; </a:t>
            </a:r>
            <a:br>
              <a:rPr lang="en-US" sz="2000" dirty="0" smtClean="0">
                <a:solidFill>
                  <a:srgbClr val="FFFFFF"/>
                </a:solidFill>
                <a:effectLst>
                  <a:outerShdw blurRad="38100" dist="38100" dir="2700000" algn="tl">
                    <a:srgbClr val="000000">
                      <a:alpha val="43137"/>
                    </a:srgbClr>
                  </a:outerShdw>
                </a:effectLst>
                <a:latin typeface="Segoe" pitchFamily="34" charset="0"/>
              </a:rPr>
            </a:br>
            <a:r>
              <a:rPr lang="en-US" sz="2000" dirty="0" smtClean="0">
                <a:solidFill>
                  <a:srgbClr val="FFFFFF"/>
                </a:solidFill>
                <a:effectLst>
                  <a:outerShdw blurRad="38100" dist="38100" dir="2700000" algn="tl">
                    <a:srgbClr val="000000">
                      <a:alpha val="43137"/>
                    </a:srgbClr>
                  </a:outerShdw>
                </a:effectLst>
                <a:latin typeface="Segoe" pitchFamily="34" charset="0"/>
              </a:rPr>
              <a:t>Delta Mendota Water Authority</a:t>
            </a:r>
          </a:p>
        </p:txBody>
      </p:sp>
      <p:sp>
        <p:nvSpPr>
          <p:cNvPr id="29" name="Rounded Rectangle 28"/>
          <p:cNvSpPr/>
          <p:nvPr/>
        </p:nvSpPr>
        <p:spPr bwMode="auto">
          <a:xfrm>
            <a:off x="6942909" y="3962399"/>
            <a:ext cx="2103120" cy="1097280"/>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SWP Contractors</a:t>
            </a:r>
          </a:p>
        </p:txBody>
      </p:sp>
      <p:sp>
        <p:nvSpPr>
          <p:cNvPr id="38" name="Rounded Rectangle 37"/>
          <p:cNvSpPr/>
          <p:nvPr/>
        </p:nvSpPr>
        <p:spPr bwMode="auto">
          <a:xfrm>
            <a:off x="5365102" y="3962399"/>
            <a:ext cx="1188098" cy="1097280"/>
          </a:xfrm>
          <a:prstGeom prst="roundRect">
            <a:avLst/>
          </a:prstGeom>
          <a:solidFill>
            <a:schemeClr val="bg2">
              <a:lumMod val="75000"/>
            </a:schemeClr>
          </a:solidFill>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SWP</a:t>
            </a:r>
          </a:p>
          <a:p>
            <a:pPr algn="ctr" defTabSz="914099"/>
            <a:r>
              <a:rPr lang="en-US" sz="2000" dirty="0" smtClean="0">
                <a:solidFill>
                  <a:srgbClr val="FFFFFF"/>
                </a:solidFill>
                <a:effectLst>
                  <a:outerShdw blurRad="38100" dist="38100" dir="2700000" algn="tl">
                    <a:srgbClr val="000000">
                      <a:alpha val="43137"/>
                    </a:srgbClr>
                  </a:outerShdw>
                </a:effectLst>
                <a:latin typeface="Segoe" pitchFamily="34" charset="0"/>
              </a:rPr>
              <a:t>JPA</a:t>
            </a:r>
          </a:p>
        </p:txBody>
      </p:sp>
      <p:cxnSp>
        <p:nvCxnSpPr>
          <p:cNvPr id="43" name="Straight Connector 42"/>
          <p:cNvCxnSpPr>
            <a:stCxn id="27" idx="1"/>
            <a:endCxn id="25" idx="3"/>
          </p:cNvCxnSpPr>
          <p:nvPr/>
        </p:nvCxnSpPr>
        <p:spPr>
          <a:xfrm flipH="1">
            <a:off x="2438400" y="5231076"/>
            <a:ext cx="609600" cy="1"/>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a:stCxn id="29" idx="1"/>
          </p:cNvCxnSpPr>
          <p:nvPr/>
        </p:nvCxnSpPr>
        <p:spPr>
          <a:xfrm flipH="1">
            <a:off x="6553200" y="4511039"/>
            <a:ext cx="389709"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2" name="Elbow Connector 51"/>
          <p:cNvCxnSpPr>
            <a:stCxn id="38" idx="1"/>
            <a:endCxn id="27" idx="3"/>
          </p:cNvCxnSpPr>
          <p:nvPr/>
        </p:nvCxnSpPr>
        <p:spPr>
          <a:xfrm rot="10800000" flipV="1">
            <a:off x="4876800" y="4511038"/>
            <a:ext cx="488302" cy="720037"/>
          </a:xfrm>
          <a:prstGeom prst="bentConnector3">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4" name="Elbow Connector 53"/>
          <p:cNvCxnSpPr>
            <a:endCxn id="27" idx="3"/>
          </p:cNvCxnSpPr>
          <p:nvPr/>
        </p:nvCxnSpPr>
        <p:spPr>
          <a:xfrm rot="10800000">
            <a:off x="4876800" y="5231076"/>
            <a:ext cx="2050560" cy="727768"/>
          </a:xfrm>
          <a:prstGeom prst="bentConnector3">
            <a:avLst>
              <a:gd name="adj1" fmla="val 88222"/>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0" name="Elbow Connector 59"/>
          <p:cNvCxnSpPr>
            <a:endCxn id="6" idx="3"/>
          </p:cNvCxnSpPr>
          <p:nvPr/>
        </p:nvCxnSpPr>
        <p:spPr>
          <a:xfrm rot="10800000" flipV="1">
            <a:off x="2438400" y="1289181"/>
            <a:ext cx="762000" cy="730585"/>
          </a:xfrm>
          <a:prstGeom prst="bentConnector3">
            <a:avLst>
              <a:gd name="adj1" fmla="val 59796"/>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2" name="Elbow Connector 61"/>
          <p:cNvCxnSpPr/>
          <p:nvPr/>
        </p:nvCxnSpPr>
        <p:spPr>
          <a:xfrm rot="16200000" flipV="1">
            <a:off x="2509468" y="2062533"/>
            <a:ext cx="924664" cy="457200"/>
          </a:xfrm>
          <a:prstGeom prst="bentConnector3">
            <a:avLst>
              <a:gd name="adj1" fmla="val 1564"/>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4" name="Elbow Connector 63"/>
          <p:cNvCxnSpPr/>
          <p:nvPr/>
        </p:nvCxnSpPr>
        <p:spPr>
          <a:xfrm rot="10800000" flipV="1">
            <a:off x="5066522" y="1283894"/>
            <a:ext cx="1935480" cy="1252791"/>
          </a:xfrm>
          <a:prstGeom prst="bentConnector3">
            <a:avLst>
              <a:gd name="adj1" fmla="val 51446"/>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6" name="Elbow Connector 65"/>
          <p:cNvCxnSpPr>
            <a:stCxn id="12" idx="1"/>
          </p:cNvCxnSpPr>
          <p:nvPr/>
        </p:nvCxnSpPr>
        <p:spPr>
          <a:xfrm rot="10800000">
            <a:off x="5959151" y="2536686"/>
            <a:ext cx="989978" cy="602755"/>
          </a:xfrm>
          <a:prstGeom prst="bentConnector3">
            <a:avLst>
              <a:gd name="adj1" fmla="val 97125"/>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3" name="TextBox 82"/>
          <p:cNvSpPr txBox="1"/>
          <p:nvPr/>
        </p:nvSpPr>
        <p:spPr>
          <a:xfrm>
            <a:off x="609600" y="6072363"/>
            <a:ext cx="6080760" cy="746358"/>
          </a:xfrm>
          <a:prstGeom prst="rect">
            <a:avLst/>
          </a:prstGeom>
          <a:noFill/>
        </p:spPr>
        <p:txBody>
          <a:bodyPr wrap="square" rtlCol="0">
            <a:spAutoFit/>
          </a:bodyPr>
          <a:lstStyle/>
          <a:p>
            <a:pPr>
              <a:lnSpc>
                <a:spcPct val="85000"/>
              </a:lnSpc>
              <a:spcBef>
                <a:spcPts val="0"/>
              </a:spcBef>
              <a:spcAft>
                <a:spcPts val="0"/>
              </a:spcAft>
              <a:defRPr/>
            </a:pPr>
            <a:r>
              <a:rPr lang="en-US" b="1" u="sng" cap="small" dirty="0">
                <a:solidFill>
                  <a:prstClr val="white"/>
                </a:solidFill>
              </a:rPr>
              <a:t>Design &amp; Construction Enterprise</a:t>
            </a:r>
          </a:p>
          <a:p>
            <a:pPr>
              <a:lnSpc>
                <a:spcPct val="85000"/>
              </a:lnSpc>
              <a:spcBef>
                <a:spcPts val="0"/>
              </a:spcBef>
              <a:spcAft>
                <a:spcPts val="0"/>
              </a:spcAft>
            </a:pPr>
            <a:r>
              <a:rPr lang="en-US" sz="1600" dirty="0">
                <a:solidFill>
                  <a:prstClr val="white"/>
                </a:solidFill>
                <a:cs typeface="Calibri"/>
              </a:rPr>
              <a:t>Special Purpose Enterprise within DWR dedicated to </a:t>
            </a:r>
            <a:r>
              <a:rPr lang="en-US" sz="1600" dirty="0" smtClean="0">
                <a:solidFill>
                  <a:prstClr val="white"/>
                </a:solidFill>
                <a:cs typeface="Calibri"/>
              </a:rPr>
              <a:t>the</a:t>
            </a:r>
            <a:br>
              <a:rPr lang="en-US" sz="1600" dirty="0" smtClean="0">
                <a:solidFill>
                  <a:prstClr val="white"/>
                </a:solidFill>
                <a:cs typeface="Calibri"/>
              </a:rPr>
            </a:br>
            <a:r>
              <a:rPr lang="en-US" sz="1600" dirty="0" smtClean="0">
                <a:solidFill>
                  <a:prstClr val="white"/>
                </a:solidFill>
                <a:cs typeface="Calibri"/>
              </a:rPr>
              <a:t>design </a:t>
            </a:r>
            <a:r>
              <a:rPr lang="en-US" sz="1600" dirty="0">
                <a:solidFill>
                  <a:prstClr val="white"/>
                </a:solidFill>
                <a:cs typeface="Calibri"/>
              </a:rPr>
              <a:t>and construction of the </a:t>
            </a:r>
            <a:r>
              <a:rPr lang="en-US" sz="1600" dirty="0" smtClean="0">
                <a:solidFill>
                  <a:prstClr val="white"/>
                </a:solidFill>
                <a:cs typeface="Calibri"/>
              </a:rPr>
              <a:t>conveyance </a:t>
            </a:r>
            <a:r>
              <a:rPr lang="en-US" sz="1600" dirty="0">
                <a:solidFill>
                  <a:prstClr val="white"/>
                </a:solidFill>
                <a:cs typeface="Calibri"/>
              </a:rPr>
              <a:t>Project</a:t>
            </a:r>
          </a:p>
        </p:txBody>
      </p:sp>
      <p:sp>
        <p:nvSpPr>
          <p:cNvPr id="84" name="Slide Number Placeholder 1"/>
          <p:cNvSpPr txBox="1">
            <a:spLocks/>
          </p:cNvSpPr>
          <p:nvPr/>
        </p:nvSpPr>
        <p:spPr>
          <a:xfrm>
            <a:off x="8471140" y="6475622"/>
            <a:ext cx="685800" cy="365125"/>
          </a:xfrm>
          <a:prstGeom prst="rect">
            <a:avLst/>
          </a:prstGeom>
          <a:ln/>
        </p:spPr>
        <p:txBody>
          <a:bodyPr/>
          <a:lstStyle>
            <a:defPPr>
              <a:defRPr lang="en-US"/>
            </a:defPPr>
            <a:lvl1pPr algn="l" rtl="0" fontAlgn="base">
              <a:spcBef>
                <a:spcPct val="0"/>
              </a:spcBef>
              <a:spcAft>
                <a:spcPct val="0"/>
              </a:spcAft>
              <a:defRPr kern="1200">
                <a:solidFill>
                  <a:schemeClr val="tx1"/>
                </a:solidFill>
                <a:latin typeface="Arial" pitchFamily="34" charset="0"/>
                <a:ea typeface="+mn-ea"/>
                <a:cs typeface="Arial" pitchFamily="34" charset="0"/>
              </a:defRPr>
            </a:lvl1pPr>
            <a:lvl2pPr marL="457200" algn="l" rtl="0" fontAlgn="base">
              <a:spcBef>
                <a:spcPct val="0"/>
              </a:spcBef>
              <a:spcAft>
                <a:spcPct val="0"/>
              </a:spcAft>
              <a:defRPr kern="1200">
                <a:solidFill>
                  <a:schemeClr val="tx1"/>
                </a:solidFill>
                <a:latin typeface="Arial" pitchFamily="34" charset="0"/>
                <a:ea typeface="+mn-ea"/>
                <a:cs typeface="Arial" pitchFamily="34" charset="0"/>
              </a:defRPr>
            </a:lvl2pPr>
            <a:lvl3pPr marL="914400" algn="l" rtl="0" fontAlgn="base">
              <a:spcBef>
                <a:spcPct val="0"/>
              </a:spcBef>
              <a:spcAft>
                <a:spcPct val="0"/>
              </a:spcAft>
              <a:defRPr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kern="1200">
                <a:solidFill>
                  <a:schemeClr val="tx1"/>
                </a:solidFill>
                <a:latin typeface="Arial" pitchFamily="34" charset="0"/>
                <a:ea typeface="+mn-ea"/>
                <a:cs typeface="Arial" pitchFamily="34" charset="0"/>
              </a:defRPr>
            </a:lvl5pPr>
            <a:lvl6pPr marL="2286000" algn="l" defTabSz="914400" rtl="0" eaLnBrk="1" latinLnBrk="0" hangingPunct="1">
              <a:defRPr kern="1200">
                <a:solidFill>
                  <a:schemeClr val="tx1"/>
                </a:solidFill>
                <a:latin typeface="Arial" pitchFamily="34" charset="0"/>
                <a:ea typeface="+mn-ea"/>
                <a:cs typeface="Arial" pitchFamily="34" charset="0"/>
              </a:defRPr>
            </a:lvl6pPr>
            <a:lvl7pPr marL="2743200" algn="l" defTabSz="914400" rtl="0" eaLnBrk="1" latinLnBrk="0" hangingPunct="1">
              <a:defRPr kern="1200">
                <a:solidFill>
                  <a:schemeClr val="tx1"/>
                </a:solidFill>
                <a:latin typeface="Arial" pitchFamily="34" charset="0"/>
                <a:ea typeface="+mn-ea"/>
                <a:cs typeface="Arial" pitchFamily="34" charset="0"/>
              </a:defRPr>
            </a:lvl7pPr>
            <a:lvl8pPr marL="3200400" algn="l" defTabSz="914400" rtl="0" eaLnBrk="1" latinLnBrk="0" hangingPunct="1">
              <a:defRPr kern="1200">
                <a:solidFill>
                  <a:schemeClr val="tx1"/>
                </a:solidFill>
                <a:latin typeface="Arial" pitchFamily="34" charset="0"/>
                <a:ea typeface="+mn-ea"/>
                <a:cs typeface="Arial" pitchFamily="34" charset="0"/>
              </a:defRPr>
            </a:lvl8pPr>
            <a:lvl9pPr marL="3657600" algn="l" defTabSz="914400" rtl="0" eaLnBrk="1" latinLnBrk="0" hangingPunct="1">
              <a:defRPr kern="1200">
                <a:solidFill>
                  <a:schemeClr val="tx1"/>
                </a:solidFill>
                <a:latin typeface="Arial" pitchFamily="34" charset="0"/>
                <a:ea typeface="+mn-ea"/>
                <a:cs typeface="Arial" pitchFamily="34" charset="0"/>
              </a:defRPr>
            </a:lvl9pPr>
          </a:lstStyle>
          <a:p>
            <a:pPr algn="ctr"/>
            <a:fld id="{A7005702-AB44-4A1F-BAC8-6B47F143A6F2}" type="slidenum">
              <a:rPr lang="en-US" sz="1400" smtClean="0">
                <a:solidFill>
                  <a:prstClr val="white"/>
                </a:solidFill>
              </a:rPr>
              <a:pPr algn="ctr"/>
              <a:t>40</a:t>
            </a:fld>
            <a:endParaRPr lang="en-US" sz="1400" dirty="0">
              <a:solidFill>
                <a:prstClr val="white"/>
              </a:solidFill>
            </a:endParaRPr>
          </a:p>
        </p:txBody>
      </p:sp>
    </p:spTree>
    <p:extLst>
      <p:ext uri="{BB962C8B-B14F-4D97-AF65-F5344CB8AC3E}">
        <p14:creationId xmlns:p14="http://schemas.microsoft.com/office/powerpoint/2010/main" val="3906381423"/>
      </p:ext>
    </p:extLst>
  </p:cSld>
  <p:clrMapOvr>
    <a:masterClrMapping/>
  </p:clrMapOvr>
  <p:transition spd="slow">
    <p:fade/>
  </p:transition>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st and Schedule Control</a:t>
            </a:r>
            <a:endParaRPr lang="en-US" dirty="0"/>
          </a:p>
        </p:txBody>
      </p:sp>
      <p:sp>
        <p:nvSpPr>
          <p:cNvPr id="3" name="Text Placeholder 2"/>
          <p:cNvSpPr>
            <a:spLocks noGrp="1"/>
          </p:cNvSpPr>
          <p:nvPr>
            <p:ph type="body" sz="quarter" idx="4294967295"/>
          </p:nvPr>
        </p:nvSpPr>
        <p:spPr>
          <a:xfrm>
            <a:off x="1066800" y="2286000"/>
            <a:ext cx="7658100" cy="3352800"/>
          </a:xfrm>
          <a:prstGeom prst="rect">
            <a:avLst/>
          </a:prstGeom>
        </p:spPr>
        <p:txBody>
          <a:bodyPr/>
          <a:lstStyle/>
          <a:p>
            <a:r>
              <a:rPr lang="en-US" dirty="0" smtClean="0"/>
              <a:t>Transparency</a:t>
            </a:r>
          </a:p>
          <a:p>
            <a:r>
              <a:rPr lang="en-US" dirty="0" smtClean="0"/>
              <a:t>Accountability</a:t>
            </a:r>
          </a:p>
          <a:p>
            <a:r>
              <a:rPr lang="en-US" dirty="0" smtClean="0"/>
              <a:t>Real-time reporting &amp; updates</a:t>
            </a:r>
          </a:p>
          <a:p>
            <a:r>
              <a:rPr lang="en-US" dirty="0" smtClean="0"/>
              <a:t>Records management</a:t>
            </a:r>
          </a:p>
          <a:p>
            <a:r>
              <a:rPr lang="en-US" dirty="0" smtClean="0"/>
              <a:t>Oversight &amp; independent audits</a:t>
            </a:r>
            <a:endParaRPr lang="en-US" dirty="0"/>
          </a:p>
        </p:txBody>
      </p:sp>
    </p:spTree>
    <p:extLst>
      <p:ext uri="{BB962C8B-B14F-4D97-AF65-F5344CB8AC3E}">
        <p14:creationId xmlns:p14="http://schemas.microsoft.com/office/powerpoint/2010/main" val="3690259876"/>
      </p:ext>
    </p:extLst>
  </p:cSld>
  <p:clrMapOvr>
    <a:masterClrMapping/>
  </p:clrMapOvr>
  <p:transition spd="slow">
    <p:fade/>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521703"/>
            <a:ext cx="8382000" cy="1661993"/>
          </a:xfrm>
        </p:spPr>
        <p:txBody>
          <a:bodyPr/>
          <a:lstStyle/>
          <a:p>
            <a:r>
              <a:rPr lang="en-US" sz="6000" dirty="0" smtClean="0"/>
              <a:t>Supplies/Historic Runoff/ Storm Flows</a:t>
            </a:r>
            <a:endParaRPr lang="en-US" sz="6000" dirty="0"/>
          </a:p>
        </p:txBody>
      </p:sp>
    </p:spTree>
    <p:extLst>
      <p:ext uri="{BB962C8B-B14F-4D97-AF65-F5344CB8AC3E}">
        <p14:creationId xmlns:p14="http://schemas.microsoft.com/office/powerpoint/2010/main" val="83544290"/>
      </p:ext>
    </p:extLst>
  </p:cSld>
  <p:clrMapOvr>
    <a:masterClrMapping/>
  </p:clrMapOvr>
  <p:transition>
    <p:fade/>
  </p:transition>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pic>
        <p:nvPicPr>
          <p:cNvPr id="22" name="Picture 21"/>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itle 2"/>
          <p:cNvSpPr>
            <a:spLocks noGrp="1"/>
          </p:cNvSpPr>
          <p:nvPr>
            <p:ph type="title"/>
          </p:nvPr>
        </p:nvSpPr>
        <p:spPr bwMode="ltGray">
          <a:xfrm>
            <a:off x="1143000" y="304800"/>
            <a:ext cx="7543800" cy="1107996"/>
          </a:xfrm>
        </p:spPr>
        <p:txBody>
          <a:bodyPr/>
          <a:lstStyle/>
          <a:p>
            <a:pPr algn="r"/>
            <a:r>
              <a:rPr lang="en-US" dirty="0" smtClean="0"/>
              <a:t>Excess Storm Flow Analysis</a:t>
            </a:r>
            <a:br>
              <a:rPr lang="en-US" dirty="0" smtClean="0"/>
            </a:br>
            <a:r>
              <a:rPr lang="en-US" sz="3600" dirty="0" smtClean="0">
                <a:solidFill>
                  <a:schemeClr val="tx1"/>
                </a:solidFill>
              </a:rPr>
              <a:t>Sacramento Watershed Annual Runoff</a:t>
            </a:r>
            <a:endParaRPr lang="en-US" sz="20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000822703"/>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4"/>
          </a:graphicData>
        </a:graphic>
      </p:graphicFrame>
      <p:sp>
        <p:nvSpPr>
          <p:cNvPr id="8" name="Title 2"/>
          <p:cNvSpPr txBox="1">
            <a:spLocks/>
          </p:cNvSpPr>
          <p:nvPr/>
        </p:nvSpPr>
        <p:spPr bwMode="invGray">
          <a:xfrm>
            <a:off x="7543800" y="1543861"/>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83</a:t>
            </a:r>
            <a:r>
              <a:rPr dirty="0" smtClean="0"/>
              <a:t/>
            </a:r>
            <a:br>
              <a:rPr dirty="0" smtClean="0"/>
            </a:br>
            <a:r>
              <a:rPr sz="2000" dirty="0" smtClean="0">
                <a:solidFill>
                  <a:prstClr val="white"/>
                </a:solidFill>
              </a:rPr>
              <a:t>38 million af</a:t>
            </a:r>
            <a:endParaRPr sz="2000" dirty="0">
              <a:solidFill>
                <a:prstClr val="white"/>
              </a:solidFill>
            </a:endParaRPr>
          </a:p>
        </p:txBody>
      </p:sp>
      <p:sp>
        <p:nvSpPr>
          <p:cNvPr id="9" name="Title 2"/>
          <p:cNvSpPr txBox="1">
            <a:spLocks/>
          </p:cNvSpPr>
          <p:nvPr/>
        </p:nvSpPr>
        <p:spPr bwMode="invGray">
          <a:xfrm>
            <a:off x="3505200" y="3581400"/>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Average</a:t>
            </a:r>
            <a:r>
              <a:rPr dirty="0" smtClean="0"/>
              <a:t/>
            </a:r>
            <a:br>
              <a:rPr dirty="0" smtClean="0"/>
            </a:br>
            <a:r>
              <a:rPr sz="2000" dirty="0">
                <a:solidFill>
                  <a:prstClr val="white"/>
                </a:solidFill>
              </a:rPr>
              <a:t>1</a:t>
            </a:r>
            <a:r>
              <a:rPr sz="2000" dirty="0" smtClean="0">
                <a:solidFill>
                  <a:prstClr val="white"/>
                </a:solidFill>
              </a:rPr>
              <a:t>8 million af</a:t>
            </a:r>
            <a:endParaRPr sz="2000" dirty="0">
              <a:solidFill>
                <a:prstClr val="white"/>
              </a:solidFill>
            </a:endParaRPr>
          </a:p>
        </p:txBody>
      </p:sp>
      <p:grpSp>
        <p:nvGrpSpPr>
          <p:cNvPr id="15" name="Group 14"/>
          <p:cNvGrpSpPr>
            <a:grpSpLocks noChangeAspect="1"/>
          </p:cNvGrpSpPr>
          <p:nvPr/>
        </p:nvGrpSpPr>
        <p:grpSpPr>
          <a:xfrm>
            <a:off x="340129" y="152400"/>
            <a:ext cx="1814040" cy="1516322"/>
            <a:chOff x="1600200" y="689316"/>
            <a:chExt cx="3450102" cy="2883877"/>
          </a:xfrm>
        </p:grpSpPr>
        <p:pic>
          <p:nvPicPr>
            <p:cNvPr id="16" name="Picture 2" descr="Base Map Topo 2"/>
            <p:cNvPicPr>
              <a:picLocks noChangeAspect="1" noChangeArrowheads="1"/>
            </p:cNvPicPr>
            <p:nvPr/>
          </p:nvPicPr>
          <p:blipFill rotWithShape="1">
            <a:blip r:embed="rId5" cstate="print">
              <a:clrChange>
                <a:clrFrom>
                  <a:srgbClr val="000000"/>
                </a:clrFrom>
                <a:clrTo>
                  <a:srgbClr val="000000">
                    <a:alpha val="0"/>
                  </a:srgbClr>
                </a:clrTo>
              </a:clrChange>
            </a:blip>
            <a:srcRect t="5961" r="37906" b="50075"/>
            <a:stretch/>
          </p:blipFill>
          <p:spPr bwMode="auto">
            <a:xfrm>
              <a:off x="1600200" y="689316"/>
              <a:ext cx="3450102" cy="2883877"/>
            </a:xfrm>
            <a:prstGeom prst="rect">
              <a:avLst/>
            </a:prstGeom>
            <a:noFill/>
            <a:ln w="9525">
              <a:noFill/>
              <a:miter lim="800000"/>
              <a:headEnd/>
              <a:tailEnd/>
            </a:ln>
            <a:effectLst/>
          </p:spPr>
        </p:pic>
        <p:grpSp>
          <p:nvGrpSpPr>
            <p:cNvPr id="17" name="Group 16"/>
            <p:cNvGrpSpPr/>
            <p:nvPr/>
          </p:nvGrpSpPr>
          <p:grpSpPr>
            <a:xfrm>
              <a:off x="2581295" y="1554163"/>
              <a:ext cx="661967" cy="1609688"/>
              <a:chOff x="2581295" y="1554163"/>
              <a:chExt cx="661967" cy="1609688"/>
            </a:xfrm>
          </p:grpSpPr>
          <p:sp>
            <p:nvSpPr>
              <p:cNvPr id="18" name="Freeform 5"/>
              <p:cNvSpPr>
                <a:spLocks/>
              </p:cNvSpPr>
              <p:nvPr/>
            </p:nvSpPr>
            <p:spPr bwMode="auto">
              <a:xfrm>
                <a:off x="2581295" y="1554163"/>
                <a:ext cx="434859" cy="1609688"/>
              </a:xfrm>
              <a:custGeom>
                <a:avLst/>
                <a:gdLst>
                  <a:gd name="connsiteX0" fmla="*/ 0 w 9699"/>
                  <a:gd name="connsiteY0" fmla="*/ 0 h 9854"/>
                  <a:gd name="connsiteX1" fmla="*/ 797 w 9699"/>
                  <a:gd name="connsiteY1" fmla="*/ 350 h 9854"/>
                  <a:gd name="connsiteX2" fmla="*/ 698 w 9699"/>
                  <a:gd name="connsiteY2" fmla="*/ 612 h 9854"/>
                  <a:gd name="connsiteX3" fmla="*/ 598 w 9699"/>
                  <a:gd name="connsiteY3" fmla="*/ 700 h 9854"/>
                  <a:gd name="connsiteX4" fmla="*/ 1296 w 9699"/>
                  <a:gd name="connsiteY4" fmla="*/ 845 h 9854"/>
                  <a:gd name="connsiteX5" fmla="*/ 1595 w 9699"/>
                  <a:gd name="connsiteY5" fmla="*/ 875 h 9854"/>
                  <a:gd name="connsiteX6" fmla="*/ 1993 w 9699"/>
                  <a:gd name="connsiteY6" fmla="*/ 1399 h 9854"/>
                  <a:gd name="connsiteX7" fmla="*/ 2691 w 9699"/>
                  <a:gd name="connsiteY7" fmla="*/ 1662 h 9854"/>
                  <a:gd name="connsiteX8" fmla="*/ 2691 w 9699"/>
                  <a:gd name="connsiteY8" fmla="*/ 2332 h 9854"/>
                  <a:gd name="connsiteX9" fmla="*/ 4086 w 9699"/>
                  <a:gd name="connsiteY9" fmla="*/ 2624 h 9854"/>
                  <a:gd name="connsiteX10" fmla="*/ 5282 w 9699"/>
                  <a:gd name="connsiteY10" fmla="*/ 3032 h 9854"/>
                  <a:gd name="connsiteX11" fmla="*/ 5781 w 9699"/>
                  <a:gd name="connsiteY11" fmla="*/ 3965 h 9854"/>
                  <a:gd name="connsiteX12" fmla="*/ 5781 w 9699"/>
                  <a:gd name="connsiteY12" fmla="*/ 4490 h 9854"/>
                  <a:gd name="connsiteX13" fmla="*/ 5980 w 9699"/>
                  <a:gd name="connsiteY13" fmla="*/ 4665 h 9854"/>
                  <a:gd name="connsiteX14" fmla="*/ 5083 w 9699"/>
                  <a:gd name="connsiteY14" fmla="*/ 5219 h 9854"/>
                  <a:gd name="connsiteX15" fmla="*/ 5980 w 9699"/>
                  <a:gd name="connsiteY15" fmla="*/ 6181 h 9854"/>
                  <a:gd name="connsiteX16" fmla="*/ 6877 w 9699"/>
                  <a:gd name="connsiteY16" fmla="*/ 6676 h 9854"/>
                  <a:gd name="connsiteX17" fmla="*/ 8173 w 9699"/>
                  <a:gd name="connsiteY17" fmla="*/ 7201 h 9854"/>
                  <a:gd name="connsiteX18" fmla="*/ 8272 w 9699"/>
                  <a:gd name="connsiteY18" fmla="*/ 7522 h 9854"/>
                  <a:gd name="connsiteX19" fmla="*/ 8372 w 9699"/>
                  <a:gd name="connsiteY19" fmla="*/ 7988 h 9854"/>
                  <a:gd name="connsiteX20" fmla="*/ 9369 w 9699"/>
                  <a:gd name="connsiteY20" fmla="*/ 8309 h 9854"/>
                  <a:gd name="connsiteX21" fmla="*/ 9369 w 9699"/>
                  <a:gd name="connsiteY21" fmla="*/ 9417 h 9854"/>
                  <a:gd name="connsiteX22" fmla="*/ 8671 w 9699"/>
                  <a:gd name="connsiteY22" fmla="*/ 9679 h 9854"/>
                  <a:gd name="connsiteX23" fmla="*/ 7774 w 9699"/>
                  <a:gd name="connsiteY23" fmla="*/ 9854 h 9854"/>
                  <a:gd name="connsiteX24" fmla="*/ 6379 w 9699"/>
                  <a:gd name="connsiteY24" fmla="*/ 9825 h 9854"/>
                  <a:gd name="connsiteX0" fmla="*/ 448 w 9383"/>
                  <a:gd name="connsiteY0" fmla="*/ 0 h 10000"/>
                  <a:gd name="connsiteX1" fmla="*/ 205 w 9383"/>
                  <a:gd name="connsiteY1" fmla="*/ 355 h 10000"/>
                  <a:gd name="connsiteX2" fmla="*/ 103 w 9383"/>
                  <a:gd name="connsiteY2" fmla="*/ 621 h 10000"/>
                  <a:gd name="connsiteX3" fmla="*/ 0 w 9383"/>
                  <a:gd name="connsiteY3" fmla="*/ 710 h 10000"/>
                  <a:gd name="connsiteX4" fmla="*/ 719 w 9383"/>
                  <a:gd name="connsiteY4" fmla="*/ 858 h 10000"/>
                  <a:gd name="connsiteX5" fmla="*/ 1027 w 9383"/>
                  <a:gd name="connsiteY5" fmla="*/ 888 h 10000"/>
                  <a:gd name="connsiteX6" fmla="*/ 1438 w 9383"/>
                  <a:gd name="connsiteY6" fmla="*/ 1420 h 10000"/>
                  <a:gd name="connsiteX7" fmla="*/ 2158 w 9383"/>
                  <a:gd name="connsiteY7" fmla="*/ 1687 h 10000"/>
                  <a:gd name="connsiteX8" fmla="*/ 2158 w 9383"/>
                  <a:gd name="connsiteY8" fmla="*/ 2367 h 10000"/>
                  <a:gd name="connsiteX9" fmla="*/ 3596 w 9383"/>
                  <a:gd name="connsiteY9" fmla="*/ 2663 h 10000"/>
                  <a:gd name="connsiteX10" fmla="*/ 4829 w 9383"/>
                  <a:gd name="connsiteY10" fmla="*/ 3077 h 10000"/>
                  <a:gd name="connsiteX11" fmla="*/ 5343 w 9383"/>
                  <a:gd name="connsiteY11" fmla="*/ 4024 h 10000"/>
                  <a:gd name="connsiteX12" fmla="*/ 5343 w 9383"/>
                  <a:gd name="connsiteY12" fmla="*/ 4557 h 10000"/>
                  <a:gd name="connsiteX13" fmla="*/ 5549 w 9383"/>
                  <a:gd name="connsiteY13" fmla="*/ 4734 h 10000"/>
                  <a:gd name="connsiteX14" fmla="*/ 4624 w 9383"/>
                  <a:gd name="connsiteY14" fmla="*/ 5296 h 10000"/>
                  <a:gd name="connsiteX15" fmla="*/ 5549 w 9383"/>
                  <a:gd name="connsiteY15" fmla="*/ 6273 h 10000"/>
                  <a:gd name="connsiteX16" fmla="*/ 6473 w 9383"/>
                  <a:gd name="connsiteY16" fmla="*/ 6775 h 10000"/>
                  <a:gd name="connsiteX17" fmla="*/ 7810 w 9383"/>
                  <a:gd name="connsiteY17" fmla="*/ 7308 h 10000"/>
                  <a:gd name="connsiteX18" fmla="*/ 7912 w 9383"/>
                  <a:gd name="connsiteY18" fmla="*/ 7633 h 10000"/>
                  <a:gd name="connsiteX19" fmla="*/ 8015 w 9383"/>
                  <a:gd name="connsiteY19" fmla="*/ 8106 h 10000"/>
                  <a:gd name="connsiteX20" fmla="*/ 9043 w 9383"/>
                  <a:gd name="connsiteY20" fmla="*/ 8432 h 10000"/>
                  <a:gd name="connsiteX21" fmla="*/ 9043 w 9383"/>
                  <a:gd name="connsiteY21" fmla="*/ 9557 h 10000"/>
                  <a:gd name="connsiteX22" fmla="*/ 8323 w 9383"/>
                  <a:gd name="connsiteY22" fmla="*/ 9822 h 10000"/>
                  <a:gd name="connsiteX23" fmla="*/ 7398 w 9383"/>
                  <a:gd name="connsiteY23" fmla="*/ 10000 h 10000"/>
                  <a:gd name="connsiteX24" fmla="*/ 5960 w 9383"/>
                  <a:gd name="connsiteY24" fmla="*/ 997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383" h="10000">
                    <a:moveTo>
                      <a:pt x="448" y="0"/>
                    </a:moveTo>
                    <a:cubicBezTo>
                      <a:pt x="585" y="157"/>
                      <a:pt x="-275" y="266"/>
                      <a:pt x="205" y="355"/>
                    </a:cubicBezTo>
                    <a:cubicBezTo>
                      <a:pt x="376" y="503"/>
                      <a:pt x="342" y="414"/>
                      <a:pt x="103" y="621"/>
                    </a:cubicBezTo>
                    <a:cubicBezTo>
                      <a:pt x="68" y="650"/>
                      <a:pt x="0" y="710"/>
                      <a:pt x="0" y="710"/>
                    </a:cubicBezTo>
                    <a:cubicBezTo>
                      <a:pt x="171" y="858"/>
                      <a:pt x="0" y="789"/>
                      <a:pt x="719" y="858"/>
                    </a:cubicBezTo>
                    <a:lnTo>
                      <a:pt x="1027" y="888"/>
                    </a:lnTo>
                    <a:cubicBezTo>
                      <a:pt x="1507" y="1095"/>
                      <a:pt x="1165" y="1135"/>
                      <a:pt x="1438" y="1420"/>
                    </a:cubicBezTo>
                    <a:cubicBezTo>
                      <a:pt x="1541" y="1528"/>
                      <a:pt x="2158" y="1687"/>
                      <a:pt x="2158" y="1687"/>
                    </a:cubicBezTo>
                    <a:cubicBezTo>
                      <a:pt x="2123" y="1873"/>
                      <a:pt x="1952" y="2170"/>
                      <a:pt x="2158" y="2367"/>
                    </a:cubicBezTo>
                    <a:cubicBezTo>
                      <a:pt x="2329" y="2535"/>
                      <a:pt x="3150" y="2594"/>
                      <a:pt x="3596" y="2663"/>
                    </a:cubicBezTo>
                    <a:cubicBezTo>
                      <a:pt x="4110" y="2732"/>
                      <a:pt x="4658" y="2929"/>
                      <a:pt x="4829" y="3077"/>
                    </a:cubicBezTo>
                    <a:cubicBezTo>
                      <a:pt x="5206" y="3393"/>
                      <a:pt x="5274" y="3689"/>
                      <a:pt x="5343" y="4024"/>
                    </a:cubicBezTo>
                    <a:cubicBezTo>
                      <a:pt x="5240" y="4270"/>
                      <a:pt x="5172" y="4290"/>
                      <a:pt x="5343" y="4557"/>
                    </a:cubicBezTo>
                    <a:cubicBezTo>
                      <a:pt x="5377" y="4615"/>
                      <a:pt x="5549" y="4734"/>
                      <a:pt x="5549" y="4734"/>
                    </a:cubicBezTo>
                    <a:cubicBezTo>
                      <a:pt x="5411" y="5040"/>
                      <a:pt x="4932" y="5040"/>
                      <a:pt x="4624" y="5296"/>
                    </a:cubicBezTo>
                    <a:cubicBezTo>
                      <a:pt x="4453" y="5740"/>
                      <a:pt x="4727" y="5928"/>
                      <a:pt x="5549" y="6273"/>
                    </a:cubicBezTo>
                    <a:cubicBezTo>
                      <a:pt x="5960" y="6450"/>
                      <a:pt x="5652" y="6697"/>
                      <a:pt x="6473" y="6775"/>
                    </a:cubicBezTo>
                    <a:cubicBezTo>
                      <a:pt x="6885" y="6953"/>
                      <a:pt x="7261" y="7150"/>
                      <a:pt x="7810" y="7308"/>
                    </a:cubicBezTo>
                    <a:cubicBezTo>
                      <a:pt x="8084" y="7535"/>
                      <a:pt x="8049" y="7426"/>
                      <a:pt x="7912" y="7633"/>
                    </a:cubicBezTo>
                    <a:cubicBezTo>
                      <a:pt x="7947" y="7791"/>
                      <a:pt x="7912" y="7949"/>
                      <a:pt x="8015" y="8106"/>
                    </a:cubicBezTo>
                    <a:cubicBezTo>
                      <a:pt x="8084" y="8215"/>
                      <a:pt x="8837" y="8334"/>
                      <a:pt x="9043" y="8432"/>
                    </a:cubicBezTo>
                    <a:cubicBezTo>
                      <a:pt x="9248" y="8758"/>
                      <a:pt x="9693" y="9280"/>
                      <a:pt x="9043" y="9557"/>
                    </a:cubicBezTo>
                    <a:cubicBezTo>
                      <a:pt x="8837" y="9645"/>
                      <a:pt x="8528" y="9734"/>
                      <a:pt x="8323" y="9822"/>
                    </a:cubicBezTo>
                    <a:cubicBezTo>
                      <a:pt x="8118" y="9912"/>
                      <a:pt x="7398" y="10000"/>
                      <a:pt x="7398" y="10000"/>
                    </a:cubicBezTo>
                    <a:cubicBezTo>
                      <a:pt x="6028" y="9971"/>
                      <a:pt x="6507" y="9971"/>
                      <a:pt x="5960" y="9971"/>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9" name="Freeform 7"/>
              <p:cNvSpPr>
                <a:spLocks/>
              </p:cNvSpPr>
              <p:nvPr/>
            </p:nvSpPr>
            <p:spPr bwMode="auto">
              <a:xfrm>
                <a:off x="2954718" y="2304280"/>
                <a:ext cx="107413" cy="464321"/>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4117 w 10000"/>
                  <a:gd name="connsiteY0" fmla="*/ 0 h 10000"/>
                  <a:gd name="connsiteX1" fmla="*/ 2353 w 10000"/>
                  <a:gd name="connsiteY1" fmla="*/ 606 h 10000"/>
                  <a:gd name="connsiteX2" fmla="*/ 1176 w 10000"/>
                  <a:gd name="connsiteY2" fmla="*/ 1212 h 10000"/>
                  <a:gd name="connsiteX3" fmla="*/ 5883 w 10000"/>
                  <a:gd name="connsiteY3" fmla="*/ 2727 h 10000"/>
                  <a:gd name="connsiteX4" fmla="*/ 8824 w 10000"/>
                  <a:gd name="connsiteY4" fmla="*/ 3636 h 10000"/>
                  <a:gd name="connsiteX5" fmla="*/ 10000 w 10000"/>
                  <a:gd name="connsiteY5" fmla="*/ 4242 h 10000"/>
                  <a:gd name="connsiteX6" fmla="*/ 0 w 10000"/>
                  <a:gd name="connsiteY6" fmla="*/ 10000 h 10000"/>
                  <a:gd name="connsiteX0" fmla="*/ 14167 w 14167"/>
                  <a:gd name="connsiteY0" fmla="*/ 0 h 9848"/>
                  <a:gd name="connsiteX1" fmla="*/ 2353 w 14167"/>
                  <a:gd name="connsiteY1" fmla="*/ 454 h 9848"/>
                  <a:gd name="connsiteX2" fmla="*/ 1176 w 14167"/>
                  <a:gd name="connsiteY2" fmla="*/ 1060 h 9848"/>
                  <a:gd name="connsiteX3" fmla="*/ 5883 w 14167"/>
                  <a:gd name="connsiteY3" fmla="*/ 2575 h 9848"/>
                  <a:gd name="connsiteX4" fmla="*/ 8824 w 14167"/>
                  <a:gd name="connsiteY4" fmla="*/ 3484 h 9848"/>
                  <a:gd name="connsiteX5" fmla="*/ 10000 w 14167"/>
                  <a:gd name="connsiteY5" fmla="*/ 4090 h 9848"/>
                  <a:gd name="connsiteX6" fmla="*/ 0 w 14167"/>
                  <a:gd name="connsiteY6" fmla="*/ 9848 h 9848"/>
                  <a:gd name="connsiteX0" fmla="*/ 10000 w 10000"/>
                  <a:gd name="connsiteY0" fmla="*/ 0 h 10000"/>
                  <a:gd name="connsiteX1" fmla="*/ 830 w 10000"/>
                  <a:gd name="connsiteY1" fmla="*/ 1076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6837 w 10000"/>
                  <a:gd name="connsiteY4" fmla="*/ 5230 h 10000"/>
                  <a:gd name="connsiteX5" fmla="*/ 0 w 10000"/>
                  <a:gd name="connsiteY5"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10000" y="0"/>
                    </a:moveTo>
                    <a:cubicBezTo>
                      <a:pt x="7682" y="393"/>
                      <a:pt x="3989" y="289"/>
                      <a:pt x="3047" y="1179"/>
                    </a:cubicBezTo>
                    <a:cubicBezTo>
                      <a:pt x="2105" y="2069"/>
                      <a:pt x="2353" y="2171"/>
                      <a:pt x="4153" y="2615"/>
                    </a:cubicBezTo>
                    <a:cubicBezTo>
                      <a:pt x="4568" y="2957"/>
                      <a:pt x="5813" y="3197"/>
                      <a:pt x="6229" y="3538"/>
                    </a:cubicBezTo>
                    <a:lnTo>
                      <a:pt x="6837" y="5230"/>
                    </a:lnTo>
                    <a:cubicBezTo>
                      <a:pt x="6422" y="6940"/>
                      <a:pt x="5398" y="8667"/>
                      <a:pt x="0" y="10000"/>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20" name="Freeform 8"/>
              <p:cNvSpPr>
                <a:spLocks/>
              </p:cNvSpPr>
              <p:nvPr/>
            </p:nvSpPr>
            <p:spPr bwMode="auto">
              <a:xfrm>
                <a:off x="3008997" y="2778125"/>
                <a:ext cx="234265" cy="171455"/>
              </a:xfrm>
              <a:custGeom>
                <a:avLst/>
                <a:gdLst>
                  <a:gd name="connsiteX0" fmla="*/ 9645 w 9645"/>
                  <a:gd name="connsiteY0" fmla="*/ 0 h 10286"/>
                  <a:gd name="connsiteX1" fmla="*/ 3763 w 9645"/>
                  <a:gd name="connsiteY1" fmla="*/ 6000 h 10286"/>
                  <a:gd name="connsiteX2" fmla="*/ 1018 w 9645"/>
                  <a:gd name="connsiteY2" fmla="*/ 6571 h 10286"/>
                  <a:gd name="connsiteX3" fmla="*/ 37 w 9645"/>
                  <a:gd name="connsiteY3" fmla="*/ 10286 h 10286"/>
                </a:gdLst>
                <a:ahLst/>
                <a:cxnLst>
                  <a:cxn ang="0">
                    <a:pos x="connsiteX0" y="connsiteY0"/>
                  </a:cxn>
                  <a:cxn ang="0">
                    <a:pos x="connsiteX1" y="connsiteY1"/>
                  </a:cxn>
                  <a:cxn ang="0">
                    <a:pos x="connsiteX2" y="connsiteY2"/>
                  </a:cxn>
                  <a:cxn ang="0">
                    <a:pos x="connsiteX3" y="connsiteY3"/>
                  </a:cxn>
                </a:cxnLst>
                <a:rect l="l" t="t" r="r" b="b"/>
                <a:pathLst>
                  <a:path w="9645" h="10286">
                    <a:moveTo>
                      <a:pt x="9645" y="0"/>
                    </a:moveTo>
                    <a:cubicBezTo>
                      <a:pt x="9057" y="3619"/>
                      <a:pt x="6116" y="5429"/>
                      <a:pt x="3763" y="6000"/>
                    </a:cubicBezTo>
                    <a:lnTo>
                      <a:pt x="1018" y="6571"/>
                    </a:lnTo>
                    <a:cubicBezTo>
                      <a:pt x="-290" y="7238"/>
                      <a:pt x="37" y="8381"/>
                      <a:pt x="37" y="10286"/>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21" name="Freeform 7"/>
              <p:cNvSpPr>
                <a:spLocks/>
              </p:cNvSpPr>
              <p:nvPr/>
            </p:nvSpPr>
            <p:spPr bwMode="auto">
              <a:xfrm rot="2208037">
                <a:off x="3062491" y="2519862"/>
                <a:ext cx="117141" cy="206607"/>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3529 w 10000"/>
                  <a:gd name="connsiteY0" fmla="*/ 0 h 9697"/>
                  <a:gd name="connsiteX1" fmla="*/ 2353 w 10000"/>
                  <a:gd name="connsiteY1" fmla="*/ 303 h 9697"/>
                  <a:gd name="connsiteX2" fmla="*/ 1176 w 10000"/>
                  <a:gd name="connsiteY2" fmla="*/ 909 h 9697"/>
                  <a:gd name="connsiteX3" fmla="*/ 5883 w 10000"/>
                  <a:gd name="connsiteY3" fmla="*/ 2424 h 9697"/>
                  <a:gd name="connsiteX4" fmla="*/ 8824 w 10000"/>
                  <a:gd name="connsiteY4" fmla="*/ 3333 h 9697"/>
                  <a:gd name="connsiteX5" fmla="*/ 10000 w 10000"/>
                  <a:gd name="connsiteY5" fmla="*/ 3939 h 9697"/>
                  <a:gd name="connsiteX6" fmla="*/ 0 w 10000"/>
                  <a:gd name="connsiteY6" fmla="*/ 9697 h 9697"/>
                  <a:gd name="connsiteX0" fmla="*/ 3529 w 10000"/>
                  <a:gd name="connsiteY0" fmla="*/ 0 h 10000"/>
                  <a:gd name="connsiteX1" fmla="*/ 2353 w 10000"/>
                  <a:gd name="connsiteY1" fmla="*/ 312 h 10000"/>
                  <a:gd name="connsiteX2" fmla="*/ 5883 w 10000"/>
                  <a:gd name="connsiteY2" fmla="*/ 2500 h 10000"/>
                  <a:gd name="connsiteX3" fmla="*/ 8824 w 10000"/>
                  <a:gd name="connsiteY3" fmla="*/ 3437 h 10000"/>
                  <a:gd name="connsiteX4" fmla="*/ 10000 w 10000"/>
                  <a:gd name="connsiteY4" fmla="*/ 4062 h 10000"/>
                  <a:gd name="connsiteX5" fmla="*/ 0 w 10000"/>
                  <a:gd name="connsiteY5" fmla="*/ 10000 h 10000"/>
                  <a:gd name="connsiteX0" fmla="*/ 3529 w 10000"/>
                  <a:gd name="connsiteY0" fmla="*/ 0 h 10000"/>
                  <a:gd name="connsiteX1" fmla="*/ 5883 w 10000"/>
                  <a:gd name="connsiteY1" fmla="*/ 2500 h 10000"/>
                  <a:gd name="connsiteX2" fmla="*/ 8824 w 10000"/>
                  <a:gd name="connsiteY2" fmla="*/ 3437 h 10000"/>
                  <a:gd name="connsiteX3" fmla="*/ 10000 w 10000"/>
                  <a:gd name="connsiteY3" fmla="*/ 4062 h 10000"/>
                  <a:gd name="connsiteX4" fmla="*/ 0 w 10000"/>
                  <a:gd name="connsiteY4" fmla="*/ 10000 h 10000"/>
                  <a:gd name="connsiteX0" fmla="*/ 5883 w 10000"/>
                  <a:gd name="connsiteY0" fmla="*/ 0 h 7500"/>
                  <a:gd name="connsiteX1" fmla="*/ 8824 w 10000"/>
                  <a:gd name="connsiteY1" fmla="*/ 937 h 7500"/>
                  <a:gd name="connsiteX2" fmla="*/ 10000 w 10000"/>
                  <a:gd name="connsiteY2" fmla="*/ 1562 h 7500"/>
                  <a:gd name="connsiteX3" fmla="*/ 0 w 10000"/>
                  <a:gd name="connsiteY3" fmla="*/ 7500 h 7500"/>
                  <a:gd name="connsiteX0" fmla="*/ 5883 w 11486"/>
                  <a:gd name="connsiteY0" fmla="*/ 0 h 10000"/>
                  <a:gd name="connsiteX1" fmla="*/ 8824 w 11486"/>
                  <a:gd name="connsiteY1" fmla="*/ 1249 h 10000"/>
                  <a:gd name="connsiteX2" fmla="*/ 11486 w 11486"/>
                  <a:gd name="connsiteY2" fmla="*/ 6000 h 10000"/>
                  <a:gd name="connsiteX3" fmla="*/ 0 w 11486"/>
                  <a:gd name="connsiteY3" fmla="*/ 10000 h 10000"/>
                  <a:gd name="connsiteX0" fmla="*/ 5883 w 12661"/>
                  <a:gd name="connsiteY0" fmla="*/ 0 h 10000"/>
                  <a:gd name="connsiteX1" fmla="*/ 12516 w 12661"/>
                  <a:gd name="connsiteY1" fmla="*/ 3847 h 10000"/>
                  <a:gd name="connsiteX2" fmla="*/ 11486 w 12661"/>
                  <a:gd name="connsiteY2" fmla="*/ 6000 h 10000"/>
                  <a:gd name="connsiteX3" fmla="*/ 0 w 12661"/>
                  <a:gd name="connsiteY3" fmla="*/ 10000 h 10000"/>
                  <a:gd name="connsiteX0" fmla="*/ 15040 w 15103"/>
                  <a:gd name="connsiteY0" fmla="*/ 0 h 7525"/>
                  <a:gd name="connsiteX1" fmla="*/ 12516 w 15103"/>
                  <a:gd name="connsiteY1" fmla="*/ 1372 h 7525"/>
                  <a:gd name="connsiteX2" fmla="*/ 11486 w 15103"/>
                  <a:gd name="connsiteY2" fmla="*/ 3525 h 7525"/>
                  <a:gd name="connsiteX3" fmla="*/ 0 w 15103"/>
                  <a:gd name="connsiteY3" fmla="*/ 7525 h 7525"/>
                  <a:gd name="connsiteX0" fmla="*/ 9958 w 10000"/>
                  <a:gd name="connsiteY0" fmla="*/ 0 h 10000"/>
                  <a:gd name="connsiteX1" fmla="*/ 8287 w 10000"/>
                  <a:gd name="connsiteY1" fmla="*/ 1823 h 10000"/>
                  <a:gd name="connsiteX2" fmla="*/ 7849 w 10000"/>
                  <a:gd name="connsiteY2" fmla="*/ 6678 h 10000"/>
                  <a:gd name="connsiteX3" fmla="*/ 0 w 10000"/>
                  <a:gd name="connsiteY3" fmla="*/ 10000 h 10000"/>
                  <a:gd name="connsiteX0" fmla="*/ 9958 w 9988"/>
                  <a:gd name="connsiteY0" fmla="*/ 0 h 10000"/>
                  <a:gd name="connsiteX1" fmla="*/ 7242 w 9988"/>
                  <a:gd name="connsiteY1" fmla="*/ 3668 h 10000"/>
                  <a:gd name="connsiteX2" fmla="*/ 7849 w 9988"/>
                  <a:gd name="connsiteY2" fmla="*/ 6678 h 10000"/>
                  <a:gd name="connsiteX3" fmla="*/ 0 w 9988"/>
                  <a:gd name="connsiteY3" fmla="*/ 10000 h 10000"/>
                  <a:gd name="connsiteX0" fmla="*/ 10214 w 10242"/>
                  <a:gd name="connsiteY0" fmla="*/ 0 h 8007"/>
                  <a:gd name="connsiteX1" fmla="*/ 7251 w 10242"/>
                  <a:gd name="connsiteY1" fmla="*/ 1675 h 8007"/>
                  <a:gd name="connsiteX2" fmla="*/ 7858 w 10242"/>
                  <a:gd name="connsiteY2" fmla="*/ 4685 h 8007"/>
                  <a:gd name="connsiteX3" fmla="*/ 0 w 10242"/>
                  <a:gd name="connsiteY3" fmla="*/ 8007 h 8007"/>
                </a:gdLst>
                <a:ahLst/>
                <a:cxnLst>
                  <a:cxn ang="0">
                    <a:pos x="connsiteX0" y="connsiteY0"/>
                  </a:cxn>
                  <a:cxn ang="0">
                    <a:pos x="connsiteX1" y="connsiteY1"/>
                  </a:cxn>
                  <a:cxn ang="0">
                    <a:pos x="connsiteX2" y="connsiteY2"/>
                  </a:cxn>
                  <a:cxn ang="0">
                    <a:pos x="connsiteX3" y="connsiteY3"/>
                  </a:cxn>
                </a:cxnLst>
                <a:rect l="l" t="t" r="r" b="b"/>
                <a:pathLst>
                  <a:path w="10242" h="8007">
                    <a:moveTo>
                      <a:pt x="10214" y="0"/>
                    </a:moveTo>
                    <a:cubicBezTo>
                      <a:pt x="10604" y="615"/>
                      <a:pt x="6860" y="1063"/>
                      <a:pt x="7251" y="1675"/>
                    </a:cubicBezTo>
                    <a:cubicBezTo>
                      <a:pt x="7023" y="2629"/>
                      <a:pt x="9067" y="3630"/>
                      <a:pt x="7858" y="4685"/>
                    </a:cubicBezTo>
                    <a:cubicBezTo>
                      <a:pt x="6650" y="5740"/>
                      <a:pt x="5069" y="5608"/>
                      <a:pt x="0" y="8007"/>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grpSp>
      </p:grpSp>
      <p:sp>
        <p:nvSpPr>
          <p:cNvPr id="24" name="TextBox 23"/>
          <p:cNvSpPr txBox="1"/>
          <p:nvPr/>
        </p:nvSpPr>
        <p:spPr>
          <a:xfrm>
            <a:off x="110348" y="6477000"/>
            <a:ext cx="8347851" cy="286232"/>
          </a:xfrm>
          <a:prstGeom prst="rect">
            <a:avLst/>
          </a:prstGeom>
          <a:noFill/>
        </p:spPr>
        <p:txBody>
          <a:bodyPr wrap="square" rtlCol="0">
            <a:spAutoFit/>
          </a:bodyPr>
          <a:lstStyle/>
          <a:p>
            <a:pPr>
              <a:lnSpc>
                <a:spcPct val="90000"/>
              </a:lnSpc>
            </a:pPr>
            <a:r>
              <a:rPr lang="en-US" sz="1400" i="1" dirty="0">
                <a:solidFill>
                  <a:srgbClr val="FFC000"/>
                </a:solidFill>
              </a:rPr>
              <a:t>Sacramento Four Rivers </a:t>
            </a:r>
            <a:r>
              <a:rPr lang="en-US" sz="1400" i="1" dirty="0" smtClean="0">
                <a:solidFill>
                  <a:srgbClr val="FFC000"/>
                </a:solidFill>
              </a:rPr>
              <a:t>Runoff (</a:t>
            </a:r>
            <a:r>
              <a:rPr lang="en-US" sz="1400" i="1" dirty="0">
                <a:solidFill>
                  <a:srgbClr val="FFC000"/>
                </a:solidFill>
              </a:rPr>
              <a:t>1906-2014 – Sacramento, Feather, Yuba, American)</a:t>
            </a:r>
            <a:endParaRPr lang="en-US" sz="1400" i="1" dirty="0">
              <a:solidFill>
                <a:srgbClr val="FFC000"/>
              </a:solidFill>
              <a:latin typeface="Calibri"/>
            </a:endParaRPr>
          </a:p>
        </p:txBody>
      </p:sp>
    </p:spTree>
    <p:extLst>
      <p:ext uri="{BB962C8B-B14F-4D97-AF65-F5344CB8AC3E}">
        <p14:creationId xmlns:p14="http://schemas.microsoft.com/office/powerpoint/2010/main" val="2056630615"/>
      </p:ext>
    </p:extLst>
  </p:cSld>
  <p:clrMapOvr>
    <a:masterClrMapping/>
  </p:clrMapOvr>
  <p:transition>
    <p:fade/>
  </p:transition>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0" y="0"/>
            <a:ext cx="914400"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pic>
        <p:nvPicPr>
          <p:cNvPr id="22" name="Picture 21"/>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itle 2"/>
          <p:cNvSpPr>
            <a:spLocks noGrp="1"/>
          </p:cNvSpPr>
          <p:nvPr>
            <p:ph type="title"/>
          </p:nvPr>
        </p:nvSpPr>
        <p:spPr bwMode="ltGray">
          <a:xfrm>
            <a:off x="1143000" y="304800"/>
            <a:ext cx="7543800" cy="1107996"/>
          </a:xfrm>
        </p:spPr>
        <p:txBody>
          <a:bodyPr/>
          <a:lstStyle/>
          <a:p>
            <a:pPr algn="r"/>
            <a:r>
              <a:rPr lang="en-US" dirty="0" smtClean="0"/>
              <a:t>Excess Storm Flow Analysis</a:t>
            </a:r>
            <a:br>
              <a:rPr lang="en-US" dirty="0" smtClean="0"/>
            </a:br>
            <a:r>
              <a:rPr lang="en-US" sz="3600" dirty="0" smtClean="0">
                <a:solidFill>
                  <a:schemeClr val="tx1"/>
                </a:solidFill>
              </a:rPr>
              <a:t>Sacramento Watershed Annual Runoff</a:t>
            </a:r>
            <a:endParaRPr lang="en-US" sz="20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4029887416"/>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4"/>
          </a:graphicData>
        </a:graphic>
      </p:graphicFrame>
      <p:sp>
        <p:nvSpPr>
          <p:cNvPr id="8" name="Title 2"/>
          <p:cNvSpPr txBox="1">
            <a:spLocks/>
          </p:cNvSpPr>
          <p:nvPr/>
        </p:nvSpPr>
        <p:spPr bwMode="invGray">
          <a:xfrm>
            <a:off x="5562600" y="1495966"/>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83</a:t>
            </a:r>
            <a:r>
              <a:rPr dirty="0" smtClean="0"/>
              <a:t/>
            </a:r>
            <a:br>
              <a:rPr dirty="0" smtClean="0"/>
            </a:br>
            <a:r>
              <a:rPr sz="2000" dirty="0" smtClean="0">
                <a:solidFill>
                  <a:prstClr val="white"/>
                </a:solidFill>
              </a:rPr>
              <a:t>38 million af</a:t>
            </a:r>
            <a:endParaRPr sz="2000" dirty="0">
              <a:solidFill>
                <a:prstClr val="white"/>
              </a:solidFill>
            </a:endParaRPr>
          </a:p>
        </p:txBody>
      </p:sp>
      <p:sp>
        <p:nvSpPr>
          <p:cNvPr id="9" name="Title 2"/>
          <p:cNvSpPr txBox="1">
            <a:spLocks/>
          </p:cNvSpPr>
          <p:nvPr/>
        </p:nvSpPr>
        <p:spPr bwMode="invGray">
          <a:xfrm>
            <a:off x="5181600" y="3048000"/>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77</a:t>
            </a:r>
            <a:r>
              <a:rPr dirty="0" smtClean="0"/>
              <a:t/>
            </a:r>
            <a:br>
              <a:rPr dirty="0" smtClean="0"/>
            </a:br>
            <a:r>
              <a:rPr sz="2000" dirty="0" smtClean="0">
                <a:solidFill>
                  <a:prstClr val="white"/>
                </a:solidFill>
              </a:rPr>
              <a:t>5 million af</a:t>
            </a:r>
            <a:endParaRPr sz="2000" dirty="0">
              <a:solidFill>
                <a:prstClr val="white"/>
              </a:solidFill>
            </a:endParaRPr>
          </a:p>
        </p:txBody>
      </p:sp>
      <p:grpSp>
        <p:nvGrpSpPr>
          <p:cNvPr id="15" name="Group 14"/>
          <p:cNvGrpSpPr>
            <a:grpSpLocks noChangeAspect="1"/>
          </p:cNvGrpSpPr>
          <p:nvPr/>
        </p:nvGrpSpPr>
        <p:grpSpPr>
          <a:xfrm>
            <a:off x="340129" y="152400"/>
            <a:ext cx="1814040" cy="1516322"/>
            <a:chOff x="1600200" y="689316"/>
            <a:chExt cx="3450102" cy="2883877"/>
          </a:xfrm>
        </p:grpSpPr>
        <p:pic>
          <p:nvPicPr>
            <p:cNvPr id="16" name="Picture 2" descr="Base Map Topo 2"/>
            <p:cNvPicPr>
              <a:picLocks noChangeAspect="1" noChangeArrowheads="1"/>
            </p:cNvPicPr>
            <p:nvPr/>
          </p:nvPicPr>
          <p:blipFill rotWithShape="1">
            <a:blip r:embed="rId5" cstate="print">
              <a:clrChange>
                <a:clrFrom>
                  <a:srgbClr val="000000"/>
                </a:clrFrom>
                <a:clrTo>
                  <a:srgbClr val="000000">
                    <a:alpha val="0"/>
                  </a:srgbClr>
                </a:clrTo>
              </a:clrChange>
            </a:blip>
            <a:srcRect t="5961" r="37906" b="50075"/>
            <a:stretch/>
          </p:blipFill>
          <p:spPr bwMode="auto">
            <a:xfrm>
              <a:off x="1600200" y="689316"/>
              <a:ext cx="3450102" cy="2883877"/>
            </a:xfrm>
            <a:prstGeom prst="rect">
              <a:avLst/>
            </a:prstGeom>
            <a:noFill/>
            <a:ln w="9525">
              <a:noFill/>
              <a:miter lim="800000"/>
              <a:headEnd/>
              <a:tailEnd/>
            </a:ln>
            <a:effectLst/>
          </p:spPr>
        </p:pic>
        <p:grpSp>
          <p:nvGrpSpPr>
            <p:cNvPr id="17" name="Group 16"/>
            <p:cNvGrpSpPr/>
            <p:nvPr/>
          </p:nvGrpSpPr>
          <p:grpSpPr>
            <a:xfrm>
              <a:off x="2581295" y="1554163"/>
              <a:ext cx="661967" cy="1609688"/>
              <a:chOff x="2581295" y="1554163"/>
              <a:chExt cx="661967" cy="1609688"/>
            </a:xfrm>
          </p:grpSpPr>
          <p:sp>
            <p:nvSpPr>
              <p:cNvPr id="18" name="Freeform 5"/>
              <p:cNvSpPr>
                <a:spLocks/>
              </p:cNvSpPr>
              <p:nvPr/>
            </p:nvSpPr>
            <p:spPr bwMode="auto">
              <a:xfrm>
                <a:off x="2581295" y="1554163"/>
                <a:ext cx="434859" cy="1609688"/>
              </a:xfrm>
              <a:custGeom>
                <a:avLst/>
                <a:gdLst>
                  <a:gd name="connsiteX0" fmla="*/ 0 w 9699"/>
                  <a:gd name="connsiteY0" fmla="*/ 0 h 9854"/>
                  <a:gd name="connsiteX1" fmla="*/ 797 w 9699"/>
                  <a:gd name="connsiteY1" fmla="*/ 350 h 9854"/>
                  <a:gd name="connsiteX2" fmla="*/ 698 w 9699"/>
                  <a:gd name="connsiteY2" fmla="*/ 612 h 9854"/>
                  <a:gd name="connsiteX3" fmla="*/ 598 w 9699"/>
                  <a:gd name="connsiteY3" fmla="*/ 700 h 9854"/>
                  <a:gd name="connsiteX4" fmla="*/ 1296 w 9699"/>
                  <a:gd name="connsiteY4" fmla="*/ 845 h 9854"/>
                  <a:gd name="connsiteX5" fmla="*/ 1595 w 9699"/>
                  <a:gd name="connsiteY5" fmla="*/ 875 h 9854"/>
                  <a:gd name="connsiteX6" fmla="*/ 1993 w 9699"/>
                  <a:gd name="connsiteY6" fmla="*/ 1399 h 9854"/>
                  <a:gd name="connsiteX7" fmla="*/ 2691 w 9699"/>
                  <a:gd name="connsiteY7" fmla="*/ 1662 h 9854"/>
                  <a:gd name="connsiteX8" fmla="*/ 2691 w 9699"/>
                  <a:gd name="connsiteY8" fmla="*/ 2332 h 9854"/>
                  <a:gd name="connsiteX9" fmla="*/ 4086 w 9699"/>
                  <a:gd name="connsiteY9" fmla="*/ 2624 h 9854"/>
                  <a:gd name="connsiteX10" fmla="*/ 5282 w 9699"/>
                  <a:gd name="connsiteY10" fmla="*/ 3032 h 9854"/>
                  <a:gd name="connsiteX11" fmla="*/ 5781 w 9699"/>
                  <a:gd name="connsiteY11" fmla="*/ 3965 h 9854"/>
                  <a:gd name="connsiteX12" fmla="*/ 5781 w 9699"/>
                  <a:gd name="connsiteY12" fmla="*/ 4490 h 9854"/>
                  <a:gd name="connsiteX13" fmla="*/ 5980 w 9699"/>
                  <a:gd name="connsiteY13" fmla="*/ 4665 h 9854"/>
                  <a:gd name="connsiteX14" fmla="*/ 5083 w 9699"/>
                  <a:gd name="connsiteY14" fmla="*/ 5219 h 9854"/>
                  <a:gd name="connsiteX15" fmla="*/ 5980 w 9699"/>
                  <a:gd name="connsiteY15" fmla="*/ 6181 h 9854"/>
                  <a:gd name="connsiteX16" fmla="*/ 6877 w 9699"/>
                  <a:gd name="connsiteY16" fmla="*/ 6676 h 9854"/>
                  <a:gd name="connsiteX17" fmla="*/ 8173 w 9699"/>
                  <a:gd name="connsiteY17" fmla="*/ 7201 h 9854"/>
                  <a:gd name="connsiteX18" fmla="*/ 8272 w 9699"/>
                  <a:gd name="connsiteY18" fmla="*/ 7522 h 9854"/>
                  <a:gd name="connsiteX19" fmla="*/ 8372 w 9699"/>
                  <a:gd name="connsiteY19" fmla="*/ 7988 h 9854"/>
                  <a:gd name="connsiteX20" fmla="*/ 9369 w 9699"/>
                  <a:gd name="connsiteY20" fmla="*/ 8309 h 9854"/>
                  <a:gd name="connsiteX21" fmla="*/ 9369 w 9699"/>
                  <a:gd name="connsiteY21" fmla="*/ 9417 h 9854"/>
                  <a:gd name="connsiteX22" fmla="*/ 8671 w 9699"/>
                  <a:gd name="connsiteY22" fmla="*/ 9679 h 9854"/>
                  <a:gd name="connsiteX23" fmla="*/ 7774 w 9699"/>
                  <a:gd name="connsiteY23" fmla="*/ 9854 h 9854"/>
                  <a:gd name="connsiteX24" fmla="*/ 6379 w 9699"/>
                  <a:gd name="connsiteY24" fmla="*/ 9825 h 9854"/>
                  <a:gd name="connsiteX0" fmla="*/ 448 w 9383"/>
                  <a:gd name="connsiteY0" fmla="*/ 0 h 10000"/>
                  <a:gd name="connsiteX1" fmla="*/ 205 w 9383"/>
                  <a:gd name="connsiteY1" fmla="*/ 355 h 10000"/>
                  <a:gd name="connsiteX2" fmla="*/ 103 w 9383"/>
                  <a:gd name="connsiteY2" fmla="*/ 621 h 10000"/>
                  <a:gd name="connsiteX3" fmla="*/ 0 w 9383"/>
                  <a:gd name="connsiteY3" fmla="*/ 710 h 10000"/>
                  <a:gd name="connsiteX4" fmla="*/ 719 w 9383"/>
                  <a:gd name="connsiteY4" fmla="*/ 858 h 10000"/>
                  <a:gd name="connsiteX5" fmla="*/ 1027 w 9383"/>
                  <a:gd name="connsiteY5" fmla="*/ 888 h 10000"/>
                  <a:gd name="connsiteX6" fmla="*/ 1438 w 9383"/>
                  <a:gd name="connsiteY6" fmla="*/ 1420 h 10000"/>
                  <a:gd name="connsiteX7" fmla="*/ 2158 w 9383"/>
                  <a:gd name="connsiteY7" fmla="*/ 1687 h 10000"/>
                  <a:gd name="connsiteX8" fmla="*/ 2158 w 9383"/>
                  <a:gd name="connsiteY8" fmla="*/ 2367 h 10000"/>
                  <a:gd name="connsiteX9" fmla="*/ 3596 w 9383"/>
                  <a:gd name="connsiteY9" fmla="*/ 2663 h 10000"/>
                  <a:gd name="connsiteX10" fmla="*/ 4829 w 9383"/>
                  <a:gd name="connsiteY10" fmla="*/ 3077 h 10000"/>
                  <a:gd name="connsiteX11" fmla="*/ 5343 w 9383"/>
                  <a:gd name="connsiteY11" fmla="*/ 4024 h 10000"/>
                  <a:gd name="connsiteX12" fmla="*/ 5343 w 9383"/>
                  <a:gd name="connsiteY12" fmla="*/ 4557 h 10000"/>
                  <a:gd name="connsiteX13" fmla="*/ 5549 w 9383"/>
                  <a:gd name="connsiteY13" fmla="*/ 4734 h 10000"/>
                  <a:gd name="connsiteX14" fmla="*/ 4624 w 9383"/>
                  <a:gd name="connsiteY14" fmla="*/ 5296 h 10000"/>
                  <a:gd name="connsiteX15" fmla="*/ 5549 w 9383"/>
                  <a:gd name="connsiteY15" fmla="*/ 6273 h 10000"/>
                  <a:gd name="connsiteX16" fmla="*/ 6473 w 9383"/>
                  <a:gd name="connsiteY16" fmla="*/ 6775 h 10000"/>
                  <a:gd name="connsiteX17" fmla="*/ 7810 w 9383"/>
                  <a:gd name="connsiteY17" fmla="*/ 7308 h 10000"/>
                  <a:gd name="connsiteX18" fmla="*/ 7912 w 9383"/>
                  <a:gd name="connsiteY18" fmla="*/ 7633 h 10000"/>
                  <a:gd name="connsiteX19" fmla="*/ 8015 w 9383"/>
                  <a:gd name="connsiteY19" fmla="*/ 8106 h 10000"/>
                  <a:gd name="connsiteX20" fmla="*/ 9043 w 9383"/>
                  <a:gd name="connsiteY20" fmla="*/ 8432 h 10000"/>
                  <a:gd name="connsiteX21" fmla="*/ 9043 w 9383"/>
                  <a:gd name="connsiteY21" fmla="*/ 9557 h 10000"/>
                  <a:gd name="connsiteX22" fmla="*/ 8323 w 9383"/>
                  <a:gd name="connsiteY22" fmla="*/ 9822 h 10000"/>
                  <a:gd name="connsiteX23" fmla="*/ 7398 w 9383"/>
                  <a:gd name="connsiteY23" fmla="*/ 10000 h 10000"/>
                  <a:gd name="connsiteX24" fmla="*/ 5960 w 9383"/>
                  <a:gd name="connsiteY24" fmla="*/ 997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383" h="10000">
                    <a:moveTo>
                      <a:pt x="448" y="0"/>
                    </a:moveTo>
                    <a:cubicBezTo>
                      <a:pt x="585" y="157"/>
                      <a:pt x="-275" y="266"/>
                      <a:pt x="205" y="355"/>
                    </a:cubicBezTo>
                    <a:cubicBezTo>
                      <a:pt x="376" y="503"/>
                      <a:pt x="342" y="414"/>
                      <a:pt x="103" y="621"/>
                    </a:cubicBezTo>
                    <a:cubicBezTo>
                      <a:pt x="68" y="650"/>
                      <a:pt x="0" y="710"/>
                      <a:pt x="0" y="710"/>
                    </a:cubicBezTo>
                    <a:cubicBezTo>
                      <a:pt x="171" y="858"/>
                      <a:pt x="0" y="789"/>
                      <a:pt x="719" y="858"/>
                    </a:cubicBezTo>
                    <a:lnTo>
                      <a:pt x="1027" y="888"/>
                    </a:lnTo>
                    <a:cubicBezTo>
                      <a:pt x="1507" y="1095"/>
                      <a:pt x="1165" y="1135"/>
                      <a:pt x="1438" y="1420"/>
                    </a:cubicBezTo>
                    <a:cubicBezTo>
                      <a:pt x="1541" y="1528"/>
                      <a:pt x="2158" y="1687"/>
                      <a:pt x="2158" y="1687"/>
                    </a:cubicBezTo>
                    <a:cubicBezTo>
                      <a:pt x="2123" y="1873"/>
                      <a:pt x="1952" y="2170"/>
                      <a:pt x="2158" y="2367"/>
                    </a:cubicBezTo>
                    <a:cubicBezTo>
                      <a:pt x="2329" y="2535"/>
                      <a:pt x="3150" y="2594"/>
                      <a:pt x="3596" y="2663"/>
                    </a:cubicBezTo>
                    <a:cubicBezTo>
                      <a:pt x="4110" y="2732"/>
                      <a:pt x="4658" y="2929"/>
                      <a:pt x="4829" y="3077"/>
                    </a:cubicBezTo>
                    <a:cubicBezTo>
                      <a:pt x="5206" y="3393"/>
                      <a:pt x="5274" y="3689"/>
                      <a:pt x="5343" y="4024"/>
                    </a:cubicBezTo>
                    <a:cubicBezTo>
                      <a:pt x="5240" y="4270"/>
                      <a:pt x="5172" y="4290"/>
                      <a:pt x="5343" y="4557"/>
                    </a:cubicBezTo>
                    <a:cubicBezTo>
                      <a:pt x="5377" y="4615"/>
                      <a:pt x="5549" y="4734"/>
                      <a:pt x="5549" y="4734"/>
                    </a:cubicBezTo>
                    <a:cubicBezTo>
                      <a:pt x="5411" y="5040"/>
                      <a:pt x="4932" y="5040"/>
                      <a:pt x="4624" y="5296"/>
                    </a:cubicBezTo>
                    <a:cubicBezTo>
                      <a:pt x="4453" y="5740"/>
                      <a:pt x="4727" y="5928"/>
                      <a:pt x="5549" y="6273"/>
                    </a:cubicBezTo>
                    <a:cubicBezTo>
                      <a:pt x="5960" y="6450"/>
                      <a:pt x="5652" y="6697"/>
                      <a:pt x="6473" y="6775"/>
                    </a:cubicBezTo>
                    <a:cubicBezTo>
                      <a:pt x="6885" y="6953"/>
                      <a:pt x="7261" y="7150"/>
                      <a:pt x="7810" y="7308"/>
                    </a:cubicBezTo>
                    <a:cubicBezTo>
                      <a:pt x="8084" y="7535"/>
                      <a:pt x="8049" y="7426"/>
                      <a:pt x="7912" y="7633"/>
                    </a:cubicBezTo>
                    <a:cubicBezTo>
                      <a:pt x="7947" y="7791"/>
                      <a:pt x="7912" y="7949"/>
                      <a:pt x="8015" y="8106"/>
                    </a:cubicBezTo>
                    <a:cubicBezTo>
                      <a:pt x="8084" y="8215"/>
                      <a:pt x="8837" y="8334"/>
                      <a:pt x="9043" y="8432"/>
                    </a:cubicBezTo>
                    <a:cubicBezTo>
                      <a:pt x="9248" y="8758"/>
                      <a:pt x="9693" y="9280"/>
                      <a:pt x="9043" y="9557"/>
                    </a:cubicBezTo>
                    <a:cubicBezTo>
                      <a:pt x="8837" y="9645"/>
                      <a:pt x="8528" y="9734"/>
                      <a:pt x="8323" y="9822"/>
                    </a:cubicBezTo>
                    <a:cubicBezTo>
                      <a:pt x="8118" y="9912"/>
                      <a:pt x="7398" y="10000"/>
                      <a:pt x="7398" y="10000"/>
                    </a:cubicBezTo>
                    <a:cubicBezTo>
                      <a:pt x="6028" y="9971"/>
                      <a:pt x="6507" y="9971"/>
                      <a:pt x="5960" y="9971"/>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9" name="Freeform 7"/>
              <p:cNvSpPr>
                <a:spLocks/>
              </p:cNvSpPr>
              <p:nvPr/>
            </p:nvSpPr>
            <p:spPr bwMode="auto">
              <a:xfrm>
                <a:off x="2954718" y="2304280"/>
                <a:ext cx="107413" cy="464321"/>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4117 w 10000"/>
                  <a:gd name="connsiteY0" fmla="*/ 0 h 10000"/>
                  <a:gd name="connsiteX1" fmla="*/ 2353 w 10000"/>
                  <a:gd name="connsiteY1" fmla="*/ 606 h 10000"/>
                  <a:gd name="connsiteX2" fmla="*/ 1176 w 10000"/>
                  <a:gd name="connsiteY2" fmla="*/ 1212 h 10000"/>
                  <a:gd name="connsiteX3" fmla="*/ 5883 w 10000"/>
                  <a:gd name="connsiteY3" fmla="*/ 2727 h 10000"/>
                  <a:gd name="connsiteX4" fmla="*/ 8824 w 10000"/>
                  <a:gd name="connsiteY4" fmla="*/ 3636 h 10000"/>
                  <a:gd name="connsiteX5" fmla="*/ 10000 w 10000"/>
                  <a:gd name="connsiteY5" fmla="*/ 4242 h 10000"/>
                  <a:gd name="connsiteX6" fmla="*/ 0 w 10000"/>
                  <a:gd name="connsiteY6" fmla="*/ 10000 h 10000"/>
                  <a:gd name="connsiteX0" fmla="*/ 14167 w 14167"/>
                  <a:gd name="connsiteY0" fmla="*/ 0 h 9848"/>
                  <a:gd name="connsiteX1" fmla="*/ 2353 w 14167"/>
                  <a:gd name="connsiteY1" fmla="*/ 454 h 9848"/>
                  <a:gd name="connsiteX2" fmla="*/ 1176 w 14167"/>
                  <a:gd name="connsiteY2" fmla="*/ 1060 h 9848"/>
                  <a:gd name="connsiteX3" fmla="*/ 5883 w 14167"/>
                  <a:gd name="connsiteY3" fmla="*/ 2575 h 9848"/>
                  <a:gd name="connsiteX4" fmla="*/ 8824 w 14167"/>
                  <a:gd name="connsiteY4" fmla="*/ 3484 h 9848"/>
                  <a:gd name="connsiteX5" fmla="*/ 10000 w 14167"/>
                  <a:gd name="connsiteY5" fmla="*/ 4090 h 9848"/>
                  <a:gd name="connsiteX6" fmla="*/ 0 w 14167"/>
                  <a:gd name="connsiteY6" fmla="*/ 9848 h 9848"/>
                  <a:gd name="connsiteX0" fmla="*/ 10000 w 10000"/>
                  <a:gd name="connsiteY0" fmla="*/ 0 h 10000"/>
                  <a:gd name="connsiteX1" fmla="*/ 830 w 10000"/>
                  <a:gd name="connsiteY1" fmla="*/ 1076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6837 w 10000"/>
                  <a:gd name="connsiteY4" fmla="*/ 5230 h 10000"/>
                  <a:gd name="connsiteX5" fmla="*/ 0 w 10000"/>
                  <a:gd name="connsiteY5"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10000" y="0"/>
                    </a:moveTo>
                    <a:cubicBezTo>
                      <a:pt x="7682" y="393"/>
                      <a:pt x="3989" y="289"/>
                      <a:pt x="3047" y="1179"/>
                    </a:cubicBezTo>
                    <a:cubicBezTo>
                      <a:pt x="2105" y="2069"/>
                      <a:pt x="2353" y="2171"/>
                      <a:pt x="4153" y="2615"/>
                    </a:cubicBezTo>
                    <a:cubicBezTo>
                      <a:pt x="4568" y="2957"/>
                      <a:pt x="5813" y="3197"/>
                      <a:pt x="6229" y="3538"/>
                    </a:cubicBezTo>
                    <a:lnTo>
                      <a:pt x="6837" y="5230"/>
                    </a:lnTo>
                    <a:cubicBezTo>
                      <a:pt x="6422" y="6940"/>
                      <a:pt x="5398" y="8667"/>
                      <a:pt x="0" y="10000"/>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20" name="Freeform 8"/>
              <p:cNvSpPr>
                <a:spLocks/>
              </p:cNvSpPr>
              <p:nvPr/>
            </p:nvSpPr>
            <p:spPr bwMode="auto">
              <a:xfrm>
                <a:off x="3008997" y="2778125"/>
                <a:ext cx="234265" cy="171455"/>
              </a:xfrm>
              <a:custGeom>
                <a:avLst/>
                <a:gdLst>
                  <a:gd name="connsiteX0" fmla="*/ 9645 w 9645"/>
                  <a:gd name="connsiteY0" fmla="*/ 0 h 10286"/>
                  <a:gd name="connsiteX1" fmla="*/ 3763 w 9645"/>
                  <a:gd name="connsiteY1" fmla="*/ 6000 h 10286"/>
                  <a:gd name="connsiteX2" fmla="*/ 1018 w 9645"/>
                  <a:gd name="connsiteY2" fmla="*/ 6571 h 10286"/>
                  <a:gd name="connsiteX3" fmla="*/ 37 w 9645"/>
                  <a:gd name="connsiteY3" fmla="*/ 10286 h 10286"/>
                </a:gdLst>
                <a:ahLst/>
                <a:cxnLst>
                  <a:cxn ang="0">
                    <a:pos x="connsiteX0" y="connsiteY0"/>
                  </a:cxn>
                  <a:cxn ang="0">
                    <a:pos x="connsiteX1" y="connsiteY1"/>
                  </a:cxn>
                  <a:cxn ang="0">
                    <a:pos x="connsiteX2" y="connsiteY2"/>
                  </a:cxn>
                  <a:cxn ang="0">
                    <a:pos x="connsiteX3" y="connsiteY3"/>
                  </a:cxn>
                </a:cxnLst>
                <a:rect l="l" t="t" r="r" b="b"/>
                <a:pathLst>
                  <a:path w="9645" h="10286">
                    <a:moveTo>
                      <a:pt x="9645" y="0"/>
                    </a:moveTo>
                    <a:cubicBezTo>
                      <a:pt x="9057" y="3619"/>
                      <a:pt x="6116" y="5429"/>
                      <a:pt x="3763" y="6000"/>
                    </a:cubicBezTo>
                    <a:lnTo>
                      <a:pt x="1018" y="6571"/>
                    </a:lnTo>
                    <a:cubicBezTo>
                      <a:pt x="-290" y="7238"/>
                      <a:pt x="37" y="8381"/>
                      <a:pt x="37" y="10286"/>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21" name="Freeform 7"/>
              <p:cNvSpPr>
                <a:spLocks/>
              </p:cNvSpPr>
              <p:nvPr/>
            </p:nvSpPr>
            <p:spPr bwMode="auto">
              <a:xfrm rot="2208037">
                <a:off x="3062491" y="2519862"/>
                <a:ext cx="117141" cy="206607"/>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3529 w 10000"/>
                  <a:gd name="connsiteY0" fmla="*/ 0 h 9697"/>
                  <a:gd name="connsiteX1" fmla="*/ 2353 w 10000"/>
                  <a:gd name="connsiteY1" fmla="*/ 303 h 9697"/>
                  <a:gd name="connsiteX2" fmla="*/ 1176 w 10000"/>
                  <a:gd name="connsiteY2" fmla="*/ 909 h 9697"/>
                  <a:gd name="connsiteX3" fmla="*/ 5883 w 10000"/>
                  <a:gd name="connsiteY3" fmla="*/ 2424 h 9697"/>
                  <a:gd name="connsiteX4" fmla="*/ 8824 w 10000"/>
                  <a:gd name="connsiteY4" fmla="*/ 3333 h 9697"/>
                  <a:gd name="connsiteX5" fmla="*/ 10000 w 10000"/>
                  <a:gd name="connsiteY5" fmla="*/ 3939 h 9697"/>
                  <a:gd name="connsiteX6" fmla="*/ 0 w 10000"/>
                  <a:gd name="connsiteY6" fmla="*/ 9697 h 9697"/>
                  <a:gd name="connsiteX0" fmla="*/ 3529 w 10000"/>
                  <a:gd name="connsiteY0" fmla="*/ 0 h 10000"/>
                  <a:gd name="connsiteX1" fmla="*/ 2353 w 10000"/>
                  <a:gd name="connsiteY1" fmla="*/ 312 h 10000"/>
                  <a:gd name="connsiteX2" fmla="*/ 5883 w 10000"/>
                  <a:gd name="connsiteY2" fmla="*/ 2500 h 10000"/>
                  <a:gd name="connsiteX3" fmla="*/ 8824 w 10000"/>
                  <a:gd name="connsiteY3" fmla="*/ 3437 h 10000"/>
                  <a:gd name="connsiteX4" fmla="*/ 10000 w 10000"/>
                  <a:gd name="connsiteY4" fmla="*/ 4062 h 10000"/>
                  <a:gd name="connsiteX5" fmla="*/ 0 w 10000"/>
                  <a:gd name="connsiteY5" fmla="*/ 10000 h 10000"/>
                  <a:gd name="connsiteX0" fmla="*/ 3529 w 10000"/>
                  <a:gd name="connsiteY0" fmla="*/ 0 h 10000"/>
                  <a:gd name="connsiteX1" fmla="*/ 5883 w 10000"/>
                  <a:gd name="connsiteY1" fmla="*/ 2500 h 10000"/>
                  <a:gd name="connsiteX2" fmla="*/ 8824 w 10000"/>
                  <a:gd name="connsiteY2" fmla="*/ 3437 h 10000"/>
                  <a:gd name="connsiteX3" fmla="*/ 10000 w 10000"/>
                  <a:gd name="connsiteY3" fmla="*/ 4062 h 10000"/>
                  <a:gd name="connsiteX4" fmla="*/ 0 w 10000"/>
                  <a:gd name="connsiteY4" fmla="*/ 10000 h 10000"/>
                  <a:gd name="connsiteX0" fmla="*/ 5883 w 10000"/>
                  <a:gd name="connsiteY0" fmla="*/ 0 h 7500"/>
                  <a:gd name="connsiteX1" fmla="*/ 8824 w 10000"/>
                  <a:gd name="connsiteY1" fmla="*/ 937 h 7500"/>
                  <a:gd name="connsiteX2" fmla="*/ 10000 w 10000"/>
                  <a:gd name="connsiteY2" fmla="*/ 1562 h 7500"/>
                  <a:gd name="connsiteX3" fmla="*/ 0 w 10000"/>
                  <a:gd name="connsiteY3" fmla="*/ 7500 h 7500"/>
                  <a:gd name="connsiteX0" fmla="*/ 5883 w 11486"/>
                  <a:gd name="connsiteY0" fmla="*/ 0 h 10000"/>
                  <a:gd name="connsiteX1" fmla="*/ 8824 w 11486"/>
                  <a:gd name="connsiteY1" fmla="*/ 1249 h 10000"/>
                  <a:gd name="connsiteX2" fmla="*/ 11486 w 11486"/>
                  <a:gd name="connsiteY2" fmla="*/ 6000 h 10000"/>
                  <a:gd name="connsiteX3" fmla="*/ 0 w 11486"/>
                  <a:gd name="connsiteY3" fmla="*/ 10000 h 10000"/>
                  <a:gd name="connsiteX0" fmla="*/ 5883 w 12661"/>
                  <a:gd name="connsiteY0" fmla="*/ 0 h 10000"/>
                  <a:gd name="connsiteX1" fmla="*/ 12516 w 12661"/>
                  <a:gd name="connsiteY1" fmla="*/ 3847 h 10000"/>
                  <a:gd name="connsiteX2" fmla="*/ 11486 w 12661"/>
                  <a:gd name="connsiteY2" fmla="*/ 6000 h 10000"/>
                  <a:gd name="connsiteX3" fmla="*/ 0 w 12661"/>
                  <a:gd name="connsiteY3" fmla="*/ 10000 h 10000"/>
                  <a:gd name="connsiteX0" fmla="*/ 15040 w 15103"/>
                  <a:gd name="connsiteY0" fmla="*/ 0 h 7525"/>
                  <a:gd name="connsiteX1" fmla="*/ 12516 w 15103"/>
                  <a:gd name="connsiteY1" fmla="*/ 1372 h 7525"/>
                  <a:gd name="connsiteX2" fmla="*/ 11486 w 15103"/>
                  <a:gd name="connsiteY2" fmla="*/ 3525 h 7525"/>
                  <a:gd name="connsiteX3" fmla="*/ 0 w 15103"/>
                  <a:gd name="connsiteY3" fmla="*/ 7525 h 7525"/>
                  <a:gd name="connsiteX0" fmla="*/ 9958 w 10000"/>
                  <a:gd name="connsiteY0" fmla="*/ 0 h 10000"/>
                  <a:gd name="connsiteX1" fmla="*/ 8287 w 10000"/>
                  <a:gd name="connsiteY1" fmla="*/ 1823 h 10000"/>
                  <a:gd name="connsiteX2" fmla="*/ 7849 w 10000"/>
                  <a:gd name="connsiteY2" fmla="*/ 6678 h 10000"/>
                  <a:gd name="connsiteX3" fmla="*/ 0 w 10000"/>
                  <a:gd name="connsiteY3" fmla="*/ 10000 h 10000"/>
                  <a:gd name="connsiteX0" fmla="*/ 9958 w 9988"/>
                  <a:gd name="connsiteY0" fmla="*/ 0 h 10000"/>
                  <a:gd name="connsiteX1" fmla="*/ 7242 w 9988"/>
                  <a:gd name="connsiteY1" fmla="*/ 3668 h 10000"/>
                  <a:gd name="connsiteX2" fmla="*/ 7849 w 9988"/>
                  <a:gd name="connsiteY2" fmla="*/ 6678 h 10000"/>
                  <a:gd name="connsiteX3" fmla="*/ 0 w 9988"/>
                  <a:gd name="connsiteY3" fmla="*/ 10000 h 10000"/>
                  <a:gd name="connsiteX0" fmla="*/ 10214 w 10242"/>
                  <a:gd name="connsiteY0" fmla="*/ 0 h 8007"/>
                  <a:gd name="connsiteX1" fmla="*/ 7251 w 10242"/>
                  <a:gd name="connsiteY1" fmla="*/ 1675 h 8007"/>
                  <a:gd name="connsiteX2" fmla="*/ 7858 w 10242"/>
                  <a:gd name="connsiteY2" fmla="*/ 4685 h 8007"/>
                  <a:gd name="connsiteX3" fmla="*/ 0 w 10242"/>
                  <a:gd name="connsiteY3" fmla="*/ 8007 h 8007"/>
                </a:gdLst>
                <a:ahLst/>
                <a:cxnLst>
                  <a:cxn ang="0">
                    <a:pos x="connsiteX0" y="connsiteY0"/>
                  </a:cxn>
                  <a:cxn ang="0">
                    <a:pos x="connsiteX1" y="connsiteY1"/>
                  </a:cxn>
                  <a:cxn ang="0">
                    <a:pos x="connsiteX2" y="connsiteY2"/>
                  </a:cxn>
                  <a:cxn ang="0">
                    <a:pos x="connsiteX3" y="connsiteY3"/>
                  </a:cxn>
                </a:cxnLst>
                <a:rect l="l" t="t" r="r" b="b"/>
                <a:pathLst>
                  <a:path w="10242" h="8007">
                    <a:moveTo>
                      <a:pt x="10214" y="0"/>
                    </a:moveTo>
                    <a:cubicBezTo>
                      <a:pt x="10604" y="615"/>
                      <a:pt x="6860" y="1063"/>
                      <a:pt x="7251" y="1675"/>
                    </a:cubicBezTo>
                    <a:cubicBezTo>
                      <a:pt x="7023" y="2629"/>
                      <a:pt x="9067" y="3630"/>
                      <a:pt x="7858" y="4685"/>
                    </a:cubicBezTo>
                    <a:cubicBezTo>
                      <a:pt x="6650" y="5740"/>
                      <a:pt x="5069" y="5608"/>
                      <a:pt x="0" y="8007"/>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grpSp>
      </p:grpSp>
      <p:sp>
        <p:nvSpPr>
          <p:cNvPr id="24" name="TextBox 23"/>
          <p:cNvSpPr txBox="1"/>
          <p:nvPr/>
        </p:nvSpPr>
        <p:spPr>
          <a:xfrm>
            <a:off x="110348" y="6477000"/>
            <a:ext cx="8347851" cy="286232"/>
          </a:xfrm>
          <a:prstGeom prst="rect">
            <a:avLst/>
          </a:prstGeom>
          <a:noFill/>
        </p:spPr>
        <p:txBody>
          <a:bodyPr wrap="square" rtlCol="0">
            <a:spAutoFit/>
          </a:bodyPr>
          <a:lstStyle/>
          <a:p>
            <a:pPr>
              <a:lnSpc>
                <a:spcPct val="90000"/>
              </a:lnSpc>
            </a:pPr>
            <a:r>
              <a:rPr lang="en-US" sz="1400" i="1" dirty="0">
                <a:solidFill>
                  <a:srgbClr val="FFC000"/>
                </a:solidFill>
              </a:rPr>
              <a:t>Sacramento Four Rivers Runoff (1906-2014 – Sacramento, Feather, Yuba, American)</a:t>
            </a:r>
            <a:endParaRPr lang="en-US" sz="1400" i="1" dirty="0">
              <a:solidFill>
                <a:srgbClr val="FFC000"/>
              </a:solidFill>
              <a:latin typeface="Calibri"/>
            </a:endParaRPr>
          </a:p>
        </p:txBody>
      </p:sp>
    </p:spTree>
    <p:extLst>
      <p:ext uri="{BB962C8B-B14F-4D97-AF65-F5344CB8AC3E}">
        <p14:creationId xmlns:p14="http://schemas.microsoft.com/office/powerpoint/2010/main" val="3549774624"/>
      </p:ext>
    </p:extLst>
  </p:cSld>
  <p:clrMapOvr>
    <a:masterClrMapping/>
  </p:clrMapOvr>
  <p:transition>
    <p:fade/>
  </p:transition>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p:cNvSpPr>
            <a:spLocks noGrp="1"/>
          </p:cNvSpPr>
          <p:nvPr>
            <p:ph type="title"/>
          </p:nvPr>
        </p:nvSpPr>
        <p:spPr>
          <a:xfrm>
            <a:off x="1600200" y="381000"/>
            <a:ext cx="7086600" cy="941796"/>
          </a:xfrm>
        </p:spPr>
        <p:txBody>
          <a:bodyPr/>
          <a:lstStyle/>
          <a:p>
            <a:r>
              <a:rPr lang="en-US" dirty="0" smtClean="0"/>
              <a:t>Sacramento Four Rivers Runoff</a:t>
            </a:r>
            <a:br>
              <a:rPr lang="en-US" dirty="0" smtClean="0"/>
            </a:br>
            <a:r>
              <a:rPr lang="en-US" sz="2800" dirty="0" smtClean="0">
                <a:solidFill>
                  <a:schemeClr val="tx1"/>
                </a:solidFill>
              </a:rPr>
              <a:t>(1906-2015 – Sacramento, Feather, Yuba, American)</a:t>
            </a:r>
            <a:endParaRPr lang="en-US" sz="28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761336891"/>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 Box 6"/>
          <p:cNvSpPr txBox="1">
            <a:spLocks noChangeArrowheads="1"/>
          </p:cNvSpPr>
          <p:nvPr/>
        </p:nvSpPr>
        <p:spPr bwMode="auto">
          <a:xfrm>
            <a:off x="1676400" y="2354826"/>
            <a:ext cx="6096000" cy="707886"/>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type="none" w="sm" len="sm"/>
                <a:tailEnd type="none" w="sm" len="sm"/>
              </a14:hiddenLine>
            </a:ext>
          </a:extLst>
        </p:spPr>
        <p:txBody>
          <a:bodyPr wrap="square">
            <a:spAutoFit/>
          </a:bodyPr>
          <a:lstStyle/>
          <a:p>
            <a:pPr algn="r" eaLnBrk="0" hangingPunct="0"/>
            <a:r>
              <a:rPr lang="en-US" altLang="en-US" sz="2000" b="1" dirty="0" smtClean="0">
                <a:solidFill>
                  <a:srgbClr val="FF9900"/>
                </a:solidFill>
                <a:latin typeface="Calibri"/>
              </a:rPr>
              <a:t>Avg. Runoff  (1906-2015) </a:t>
            </a:r>
            <a:r>
              <a:rPr lang="en-US" altLang="en-US" sz="2000" b="1" dirty="0">
                <a:solidFill>
                  <a:srgbClr val="FF9900"/>
                </a:solidFill>
                <a:latin typeface="Calibri"/>
              </a:rPr>
              <a:t>– </a:t>
            </a:r>
            <a:r>
              <a:rPr lang="en-US" altLang="en-US" sz="2000" b="1" dirty="0" smtClean="0">
                <a:solidFill>
                  <a:srgbClr val="FF9900"/>
                </a:solidFill>
                <a:latin typeface="Calibri"/>
              </a:rPr>
              <a:t>18 </a:t>
            </a:r>
            <a:r>
              <a:rPr lang="en-US" altLang="en-US" sz="2000" b="1" dirty="0">
                <a:solidFill>
                  <a:srgbClr val="FF9900"/>
                </a:solidFill>
                <a:latin typeface="Calibri"/>
              </a:rPr>
              <a:t>million acre-feet/year</a:t>
            </a:r>
            <a:br>
              <a:rPr lang="en-US" altLang="en-US" sz="2000" b="1" dirty="0">
                <a:solidFill>
                  <a:srgbClr val="FF9900"/>
                </a:solidFill>
                <a:latin typeface="Calibri"/>
              </a:rPr>
            </a:br>
            <a:r>
              <a:rPr lang="en-US" altLang="en-US" sz="2000" b="1" dirty="0" smtClean="0">
                <a:solidFill>
                  <a:srgbClr val="FF9900"/>
                </a:solidFill>
                <a:latin typeface="Calibri"/>
              </a:rPr>
              <a:t> (2006-2015) </a:t>
            </a:r>
            <a:r>
              <a:rPr lang="en-US" altLang="en-US" sz="2000" b="1" dirty="0">
                <a:solidFill>
                  <a:srgbClr val="FF9900"/>
                </a:solidFill>
                <a:latin typeface="Calibri"/>
              </a:rPr>
              <a:t>– </a:t>
            </a:r>
            <a:r>
              <a:rPr lang="en-US" altLang="en-US" sz="2000" b="1" dirty="0" smtClean="0">
                <a:solidFill>
                  <a:srgbClr val="FF9900"/>
                </a:solidFill>
                <a:latin typeface="Calibri"/>
              </a:rPr>
              <a:t>15 </a:t>
            </a:r>
            <a:r>
              <a:rPr lang="en-US" altLang="en-US" sz="2000" b="1" dirty="0">
                <a:solidFill>
                  <a:srgbClr val="FF9900"/>
                </a:solidFill>
                <a:latin typeface="Calibri"/>
              </a:rPr>
              <a:t>million </a:t>
            </a:r>
            <a:r>
              <a:rPr lang="en-US" altLang="en-US" sz="2000" b="1" dirty="0" smtClean="0">
                <a:solidFill>
                  <a:srgbClr val="FF9900"/>
                </a:solidFill>
                <a:latin typeface="Calibri"/>
              </a:rPr>
              <a:t>acre-feet/year</a:t>
            </a:r>
            <a:endParaRPr lang="en-US" altLang="en-US" sz="2000" b="1" dirty="0">
              <a:solidFill>
                <a:srgbClr val="FF9900"/>
              </a:solidFill>
              <a:latin typeface="Calibri"/>
            </a:endParaRPr>
          </a:p>
        </p:txBody>
      </p:sp>
      <p:grpSp>
        <p:nvGrpSpPr>
          <p:cNvPr id="8" name="Group 7"/>
          <p:cNvGrpSpPr>
            <a:grpSpLocks noChangeAspect="1"/>
          </p:cNvGrpSpPr>
          <p:nvPr/>
        </p:nvGrpSpPr>
        <p:grpSpPr>
          <a:xfrm>
            <a:off x="340129" y="152400"/>
            <a:ext cx="1814040" cy="1516322"/>
            <a:chOff x="1600200" y="689316"/>
            <a:chExt cx="3450102" cy="2883877"/>
          </a:xfrm>
        </p:grpSpPr>
        <p:pic>
          <p:nvPicPr>
            <p:cNvPr id="9" name="Picture 2" descr="Base Map Topo 2"/>
            <p:cNvPicPr>
              <a:picLocks noChangeAspect="1" noChangeArrowheads="1"/>
            </p:cNvPicPr>
            <p:nvPr/>
          </p:nvPicPr>
          <p:blipFill rotWithShape="1">
            <a:blip r:embed="rId4" cstate="print">
              <a:clrChange>
                <a:clrFrom>
                  <a:srgbClr val="000000"/>
                </a:clrFrom>
                <a:clrTo>
                  <a:srgbClr val="000000">
                    <a:alpha val="0"/>
                  </a:srgbClr>
                </a:clrTo>
              </a:clrChange>
            </a:blip>
            <a:srcRect t="5961" r="37906" b="50075"/>
            <a:stretch/>
          </p:blipFill>
          <p:spPr bwMode="auto">
            <a:xfrm>
              <a:off x="1600200" y="689316"/>
              <a:ext cx="3450102" cy="2883877"/>
            </a:xfrm>
            <a:prstGeom prst="rect">
              <a:avLst/>
            </a:prstGeom>
            <a:noFill/>
            <a:ln w="9525">
              <a:noFill/>
              <a:miter lim="800000"/>
              <a:headEnd/>
              <a:tailEnd/>
            </a:ln>
            <a:effectLst/>
          </p:spPr>
        </p:pic>
        <p:grpSp>
          <p:nvGrpSpPr>
            <p:cNvPr id="10" name="Group 9"/>
            <p:cNvGrpSpPr/>
            <p:nvPr/>
          </p:nvGrpSpPr>
          <p:grpSpPr>
            <a:xfrm>
              <a:off x="2581295" y="1554163"/>
              <a:ext cx="661967" cy="1609688"/>
              <a:chOff x="2581295" y="1554163"/>
              <a:chExt cx="661967" cy="1609688"/>
            </a:xfrm>
          </p:grpSpPr>
          <p:sp>
            <p:nvSpPr>
              <p:cNvPr id="11" name="Freeform 5"/>
              <p:cNvSpPr>
                <a:spLocks/>
              </p:cNvSpPr>
              <p:nvPr/>
            </p:nvSpPr>
            <p:spPr bwMode="auto">
              <a:xfrm>
                <a:off x="2581295" y="1554163"/>
                <a:ext cx="434859" cy="1609688"/>
              </a:xfrm>
              <a:custGeom>
                <a:avLst/>
                <a:gdLst>
                  <a:gd name="connsiteX0" fmla="*/ 0 w 9699"/>
                  <a:gd name="connsiteY0" fmla="*/ 0 h 9854"/>
                  <a:gd name="connsiteX1" fmla="*/ 797 w 9699"/>
                  <a:gd name="connsiteY1" fmla="*/ 350 h 9854"/>
                  <a:gd name="connsiteX2" fmla="*/ 698 w 9699"/>
                  <a:gd name="connsiteY2" fmla="*/ 612 h 9854"/>
                  <a:gd name="connsiteX3" fmla="*/ 598 w 9699"/>
                  <a:gd name="connsiteY3" fmla="*/ 700 h 9854"/>
                  <a:gd name="connsiteX4" fmla="*/ 1296 w 9699"/>
                  <a:gd name="connsiteY4" fmla="*/ 845 h 9854"/>
                  <a:gd name="connsiteX5" fmla="*/ 1595 w 9699"/>
                  <a:gd name="connsiteY5" fmla="*/ 875 h 9854"/>
                  <a:gd name="connsiteX6" fmla="*/ 1993 w 9699"/>
                  <a:gd name="connsiteY6" fmla="*/ 1399 h 9854"/>
                  <a:gd name="connsiteX7" fmla="*/ 2691 w 9699"/>
                  <a:gd name="connsiteY7" fmla="*/ 1662 h 9854"/>
                  <a:gd name="connsiteX8" fmla="*/ 2691 w 9699"/>
                  <a:gd name="connsiteY8" fmla="*/ 2332 h 9854"/>
                  <a:gd name="connsiteX9" fmla="*/ 4086 w 9699"/>
                  <a:gd name="connsiteY9" fmla="*/ 2624 h 9854"/>
                  <a:gd name="connsiteX10" fmla="*/ 5282 w 9699"/>
                  <a:gd name="connsiteY10" fmla="*/ 3032 h 9854"/>
                  <a:gd name="connsiteX11" fmla="*/ 5781 w 9699"/>
                  <a:gd name="connsiteY11" fmla="*/ 3965 h 9854"/>
                  <a:gd name="connsiteX12" fmla="*/ 5781 w 9699"/>
                  <a:gd name="connsiteY12" fmla="*/ 4490 h 9854"/>
                  <a:gd name="connsiteX13" fmla="*/ 5980 w 9699"/>
                  <a:gd name="connsiteY13" fmla="*/ 4665 h 9854"/>
                  <a:gd name="connsiteX14" fmla="*/ 5083 w 9699"/>
                  <a:gd name="connsiteY14" fmla="*/ 5219 h 9854"/>
                  <a:gd name="connsiteX15" fmla="*/ 5980 w 9699"/>
                  <a:gd name="connsiteY15" fmla="*/ 6181 h 9854"/>
                  <a:gd name="connsiteX16" fmla="*/ 6877 w 9699"/>
                  <a:gd name="connsiteY16" fmla="*/ 6676 h 9854"/>
                  <a:gd name="connsiteX17" fmla="*/ 8173 w 9699"/>
                  <a:gd name="connsiteY17" fmla="*/ 7201 h 9854"/>
                  <a:gd name="connsiteX18" fmla="*/ 8272 w 9699"/>
                  <a:gd name="connsiteY18" fmla="*/ 7522 h 9854"/>
                  <a:gd name="connsiteX19" fmla="*/ 8372 w 9699"/>
                  <a:gd name="connsiteY19" fmla="*/ 7988 h 9854"/>
                  <a:gd name="connsiteX20" fmla="*/ 9369 w 9699"/>
                  <a:gd name="connsiteY20" fmla="*/ 8309 h 9854"/>
                  <a:gd name="connsiteX21" fmla="*/ 9369 w 9699"/>
                  <a:gd name="connsiteY21" fmla="*/ 9417 h 9854"/>
                  <a:gd name="connsiteX22" fmla="*/ 8671 w 9699"/>
                  <a:gd name="connsiteY22" fmla="*/ 9679 h 9854"/>
                  <a:gd name="connsiteX23" fmla="*/ 7774 w 9699"/>
                  <a:gd name="connsiteY23" fmla="*/ 9854 h 9854"/>
                  <a:gd name="connsiteX24" fmla="*/ 6379 w 9699"/>
                  <a:gd name="connsiteY24" fmla="*/ 9825 h 9854"/>
                  <a:gd name="connsiteX0" fmla="*/ 448 w 9383"/>
                  <a:gd name="connsiteY0" fmla="*/ 0 h 10000"/>
                  <a:gd name="connsiteX1" fmla="*/ 205 w 9383"/>
                  <a:gd name="connsiteY1" fmla="*/ 355 h 10000"/>
                  <a:gd name="connsiteX2" fmla="*/ 103 w 9383"/>
                  <a:gd name="connsiteY2" fmla="*/ 621 h 10000"/>
                  <a:gd name="connsiteX3" fmla="*/ 0 w 9383"/>
                  <a:gd name="connsiteY3" fmla="*/ 710 h 10000"/>
                  <a:gd name="connsiteX4" fmla="*/ 719 w 9383"/>
                  <a:gd name="connsiteY4" fmla="*/ 858 h 10000"/>
                  <a:gd name="connsiteX5" fmla="*/ 1027 w 9383"/>
                  <a:gd name="connsiteY5" fmla="*/ 888 h 10000"/>
                  <a:gd name="connsiteX6" fmla="*/ 1438 w 9383"/>
                  <a:gd name="connsiteY6" fmla="*/ 1420 h 10000"/>
                  <a:gd name="connsiteX7" fmla="*/ 2158 w 9383"/>
                  <a:gd name="connsiteY7" fmla="*/ 1687 h 10000"/>
                  <a:gd name="connsiteX8" fmla="*/ 2158 w 9383"/>
                  <a:gd name="connsiteY8" fmla="*/ 2367 h 10000"/>
                  <a:gd name="connsiteX9" fmla="*/ 3596 w 9383"/>
                  <a:gd name="connsiteY9" fmla="*/ 2663 h 10000"/>
                  <a:gd name="connsiteX10" fmla="*/ 4829 w 9383"/>
                  <a:gd name="connsiteY10" fmla="*/ 3077 h 10000"/>
                  <a:gd name="connsiteX11" fmla="*/ 5343 w 9383"/>
                  <a:gd name="connsiteY11" fmla="*/ 4024 h 10000"/>
                  <a:gd name="connsiteX12" fmla="*/ 5343 w 9383"/>
                  <a:gd name="connsiteY12" fmla="*/ 4557 h 10000"/>
                  <a:gd name="connsiteX13" fmla="*/ 5549 w 9383"/>
                  <a:gd name="connsiteY13" fmla="*/ 4734 h 10000"/>
                  <a:gd name="connsiteX14" fmla="*/ 4624 w 9383"/>
                  <a:gd name="connsiteY14" fmla="*/ 5296 h 10000"/>
                  <a:gd name="connsiteX15" fmla="*/ 5549 w 9383"/>
                  <a:gd name="connsiteY15" fmla="*/ 6273 h 10000"/>
                  <a:gd name="connsiteX16" fmla="*/ 6473 w 9383"/>
                  <a:gd name="connsiteY16" fmla="*/ 6775 h 10000"/>
                  <a:gd name="connsiteX17" fmla="*/ 7810 w 9383"/>
                  <a:gd name="connsiteY17" fmla="*/ 7308 h 10000"/>
                  <a:gd name="connsiteX18" fmla="*/ 7912 w 9383"/>
                  <a:gd name="connsiteY18" fmla="*/ 7633 h 10000"/>
                  <a:gd name="connsiteX19" fmla="*/ 8015 w 9383"/>
                  <a:gd name="connsiteY19" fmla="*/ 8106 h 10000"/>
                  <a:gd name="connsiteX20" fmla="*/ 9043 w 9383"/>
                  <a:gd name="connsiteY20" fmla="*/ 8432 h 10000"/>
                  <a:gd name="connsiteX21" fmla="*/ 9043 w 9383"/>
                  <a:gd name="connsiteY21" fmla="*/ 9557 h 10000"/>
                  <a:gd name="connsiteX22" fmla="*/ 8323 w 9383"/>
                  <a:gd name="connsiteY22" fmla="*/ 9822 h 10000"/>
                  <a:gd name="connsiteX23" fmla="*/ 7398 w 9383"/>
                  <a:gd name="connsiteY23" fmla="*/ 10000 h 10000"/>
                  <a:gd name="connsiteX24" fmla="*/ 5960 w 9383"/>
                  <a:gd name="connsiteY24" fmla="*/ 997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383" h="10000">
                    <a:moveTo>
                      <a:pt x="448" y="0"/>
                    </a:moveTo>
                    <a:cubicBezTo>
                      <a:pt x="585" y="157"/>
                      <a:pt x="-275" y="266"/>
                      <a:pt x="205" y="355"/>
                    </a:cubicBezTo>
                    <a:cubicBezTo>
                      <a:pt x="376" y="503"/>
                      <a:pt x="342" y="414"/>
                      <a:pt x="103" y="621"/>
                    </a:cubicBezTo>
                    <a:cubicBezTo>
                      <a:pt x="68" y="650"/>
                      <a:pt x="0" y="710"/>
                      <a:pt x="0" y="710"/>
                    </a:cubicBezTo>
                    <a:cubicBezTo>
                      <a:pt x="171" y="858"/>
                      <a:pt x="0" y="789"/>
                      <a:pt x="719" y="858"/>
                    </a:cubicBezTo>
                    <a:lnTo>
                      <a:pt x="1027" y="888"/>
                    </a:lnTo>
                    <a:cubicBezTo>
                      <a:pt x="1507" y="1095"/>
                      <a:pt x="1165" y="1135"/>
                      <a:pt x="1438" y="1420"/>
                    </a:cubicBezTo>
                    <a:cubicBezTo>
                      <a:pt x="1541" y="1528"/>
                      <a:pt x="2158" y="1687"/>
                      <a:pt x="2158" y="1687"/>
                    </a:cubicBezTo>
                    <a:cubicBezTo>
                      <a:pt x="2123" y="1873"/>
                      <a:pt x="1952" y="2170"/>
                      <a:pt x="2158" y="2367"/>
                    </a:cubicBezTo>
                    <a:cubicBezTo>
                      <a:pt x="2329" y="2535"/>
                      <a:pt x="3150" y="2594"/>
                      <a:pt x="3596" y="2663"/>
                    </a:cubicBezTo>
                    <a:cubicBezTo>
                      <a:pt x="4110" y="2732"/>
                      <a:pt x="4658" y="2929"/>
                      <a:pt x="4829" y="3077"/>
                    </a:cubicBezTo>
                    <a:cubicBezTo>
                      <a:pt x="5206" y="3393"/>
                      <a:pt x="5274" y="3689"/>
                      <a:pt x="5343" y="4024"/>
                    </a:cubicBezTo>
                    <a:cubicBezTo>
                      <a:pt x="5240" y="4270"/>
                      <a:pt x="5172" y="4290"/>
                      <a:pt x="5343" y="4557"/>
                    </a:cubicBezTo>
                    <a:cubicBezTo>
                      <a:pt x="5377" y="4615"/>
                      <a:pt x="5549" y="4734"/>
                      <a:pt x="5549" y="4734"/>
                    </a:cubicBezTo>
                    <a:cubicBezTo>
                      <a:pt x="5411" y="5040"/>
                      <a:pt x="4932" y="5040"/>
                      <a:pt x="4624" y="5296"/>
                    </a:cubicBezTo>
                    <a:cubicBezTo>
                      <a:pt x="4453" y="5740"/>
                      <a:pt x="4727" y="5928"/>
                      <a:pt x="5549" y="6273"/>
                    </a:cubicBezTo>
                    <a:cubicBezTo>
                      <a:pt x="5960" y="6450"/>
                      <a:pt x="5652" y="6697"/>
                      <a:pt x="6473" y="6775"/>
                    </a:cubicBezTo>
                    <a:cubicBezTo>
                      <a:pt x="6885" y="6953"/>
                      <a:pt x="7261" y="7150"/>
                      <a:pt x="7810" y="7308"/>
                    </a:cubicBezTo>
                    <a:cubicBezTo>
                      <a:pt x="8084" y="7535"/>
                      <a:pt x="8049" y="7426"/>
                      <a:pt x="7912" y="7633"/>
                    </a:cubicBezTo>
                    <a:cubicBezTo>
                      <a:pt x="7947" y="7791"/>
                      <a:pt x="7912" y="7949"/>
                      <a:pt x="8015" y="8106"/>
                    </a:cubicBezTo>
                    <a:cubicBezTo>
                      <a:pt x="8084" y="8215"/>
                      <a:pt x="8837" y="8334"/>
                      <a:pt x="9043" y="8432"/>
                    </a:cubicBezTo>
                    <a:cubicBezTo>
                      <a:pt x="9248" y="8758"/>
                      <a:pt x="9693" y="9280"/>
                      <a:pt x="9043" y="9557"/>
                    </a:cubicBezTo>
                    <a:cubicBezTo>
                      <a:pt x="8837" y="9645"/>
                      <a:pt x="8528" y="9734"/>
                      <a:pt x="8323" y="9822"/>
                    </a:cubicBezTo>
                    <a:cubicBezTo>
                      <a:pt x="8118" y="9912"/>
                      <a:pt x="7398" y="10000"/>
                      <a:pt x="7398" y="10000"/>
                    </a:cubicBezTo>
                    <a:cubicBezTo>
                      <a:pt x="6028" y="9971"/>
                      <a:pt x="6507" y="9971"/>
                      <a:pt x="5960" y="9971"/>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2" name="Freeform 7"/>
              <p:cNvSpPr>
                <a:spLocks/>
              </p:cNvSpPr>
              <p:nvPr/>
            </p:nvSpPr>
            <p:spPr bwMode="auto">
              <a:xfrm>
                <a:off x="2954718" y="2304280"/>
                <a:ext cx="107413" cy="464321"/>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4117 w 10000"/>
                  <a:gd name="connsiteY0" fmla="*/ 0 h 10000"/>
                  <a:gd name="connsiteX1" fmla="*/ 2353 w 10000"/>
                  <a:gd name="connsiteY1" fmla="*/ 606 h 10000"/>
                  <a:gd name="connsiteX2" fmla="*/ 1176 w 10000"/>
                  <a:gd name="connsiteY2" fmla="*/ 1212 h 10000"/>
                  <a:gd name="connsiteX3" fmla="*/ 5883 w 10000"/>
                  <a:gd name="connsiteY3" fmla="*/ 2727 h 10000"/>
                  <a:gd name="connsiteX4" fmla="*/ 8824 w 10000"/>
                  <a:gd name="connsiteY4" fmla="*/ 3636 h 10000"/>
                  <a:gd name="connsiteX5" fmla="*/ 10000 w 10000"/>
                  <a:gd name="connsiteY5" fmla="*/ 4242 h 10000"/>
                  <a:gd name="connsiteX6" fmla="*/ 0 w 10000"/>
                  <a:gd name="connsiteY6" fmla="*/ 10000 h 10000"/>
                  <a:gd name="connsiteX0" fmla="*/ 14167 w 14167"/>
                  <a:gd name="connsiteY0" fmla="*/ 0 h 9848"/>
                  <a:gd name="connsiteX1" fmla="*/ 2353 w 14167"/>
                  <a:gd name="connsiteY1" fmla="*/ 454 h 9848"/>
                  <a:gd name="connsiteX2" fmla="*/ 1176 w 14167"/>
                  <a:gd name="connsiteY2" fmla="*/ 1060 h 9848"/>
                  <a:gd name="connsiteX3" fmla="*/ 5883 w 14167"/>
                  <a:gd name="connsiteY3" fmla="*/ 2575 h 9848"/>
                  <a:gd name="connsiteX4" fmla="*/ 8824 w 14167"/>
                  <a:gd name="connsiteY4" fmla="*/ 3484 h 9848"/>
                  <a:gd name="connsiteX5" fmla="*/ 10000 w 14167"/>
                  <a:gd name="connsiteY5" fmla="*/ 4090 h 9848"/>
                  <a:gd name="connsiteX6" fmla="*/ 0 w 14167"/>
                  <a:gd name="connsiteY6" fmla="*/ 9848 h 9848"/>
                  <a:gd name="connsiteX0" fmla="*/ 10000 w 10000"/>
                  <a:gd name="connsiteY0" fmla="*/ 0 h 10000"/>
                  <a:gd name="connsiteX1" fmla="*/ 830 w 10000"/>
                  <a:gd name="connsiteY1" fmla="*/ 1076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6837 w 10000"/>
                  <a:gd name="connsiteY4" fmla="*/ 5230 h 10000"/>
                  <a:gd name="connsiteX5" fmla="*/ 0 w 10000"/>
                  <a:gd name="connsiteY5"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10000" y="0"/>
                    </a:moveTo>
                    <a:cubicBezTo>
                      <a:pt x="7682" y="393"/>
                      <a:pt x="3989" y="289"/>
                      <a:pt x="3047" y="1179"/>
                    </a:cubicBezTo>
                    <a:cubicBezTo>
                      <a:pt x="2105" y="2069"/>
                      <a:pt x="2353" y="2171"/>
                      <a:pt x="4153" y="2615"/>
                    </a:cubicBezTo>
                    <a:cubicBezTo>
                      <a:pt x="4568" y="2957"/>
                      <a:pt x="5813" y="3197"/>
                      <a:pt x="6229" y="3538"/>
                    </a:cubicBezTo>
                    <a:lnTo>
                      <a:pt x="6837" y="5230"/>
                    </a:lnTo>
                    <a:cubicBezTo>
                      <a:pt x="6422" y="6940"/>
                      <a:pt x="5398" y="8667"/>
                      <a:pt x="0" y="10000"/>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3" name="Freeform 8"/>
              <p:cNvSpPr>
                <a:spLocks/>
              </p:cNvSpPr>
              <p:nvPr/>
            </p:nvSpPr>
            <p:spPr bwMode="auto">
              <a:xfrm>
                <a:off x="3008997" y="2778125"/>
                <a:ext cx="234265" cy="171455"/>
              </a:xfrm>
              <a:custGeom>
                <a:avLst/>
                <a:gdLst>
                  <a:gd name="connsiteX0" fmla="*/ 9645 w 9645"/>
                  <a:gd name="connsiteY0" fmla="*/ 0 h 10286"/>
                  <a:gd name="connsiteX1" fmla="*/ 3763 w 9645"/>
                  <a:gd name="connsiteY1" fmla="*/ 6000 h 10286"/>
                  <a:gd name="connsiteX2" fmla="*/ 1018 w 9645"/>
                  <a:gd name="connsiteY2" fmla="*/ 6571 h 10286"/>
                  <a:gd name="connsiteX3" fmla="*/ 37 w 9645"/>
                  <a:gd name="connsiteY3" fmla="*/ 10286 h 10286"/>
                </a:gdLst>
                <a:ahLst/>
                <a:cxnLst>
                  <a:cxn ang="0">
                    <a:pos x="connsiteX0" y="connsiteY0"/>
                  </a:cxn>
                  <a:cxn ang="0">
                    <a:pos x="connsiteX1" y="connsiteY1"/>
                  </a:cxn>
                  <a:cxn ang="0">
                    <a:pos x="connsiteX2" y="connsiteY2"/>
                  </a:cxn>
                  <a:cxn ang="0">
                    <a:pos x="connsiteX3" y="connsiteY3"/>
                  </a:cxn>
                </a:cxnLst>
                <a:rect l="l" t="t" r="r" b="b"/>
                <a:pathLst>
                  <a:path w="9645" h="10286">
                    <a:moveTo>
                      <a:pt x="9645" y="0"/>
                    </a:moveTo>
                    <a:cubicBezTo>
                      <a:pt x="9057" y="3619"/>
                      <a:pt x="6116" y="5429"/>
                      <a:pt x="3763" y="6000"/>
                    </a:cubicBezTo>
                    <a:lnTo>
                      <a:pt x="1018" y="6571"/>
                    </a:lnTo>
                    <a:cubicBezTo>
                      <a:pt x="-290" y="7238"/>
                      <a:pt x="37" y="8381"/>
                      <a:pt x="37" y="10286"/>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4" name="Freeform 7"/>
              <p:cNvSpPr>
                <a:spLocks/>
              </p:cNvSpPr>
              <p:nvPr/>
            </p:nvSpPr>
            <p:spPr bwMode="auto">
              <a:xfrm rot="2208037">
                <a:off x="3062491" y="2519862"/>
                <a:ext cx="117141" cy="206607"/>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3529 w 10000"/>
                  <a:gd name="connsiteY0" fmla="*/ 0 h 9697"/>
                  <a:gd name="connsiteX1" fmla="*/ 2353 w 10000"/>
                  <a:gd name="connsiteY1" fmla="*/ 303 h 9697"/>
                  <a:gd name="connsiteX2" fmla="*/ 1176 w 10000"/>
                  <a:gd name="connsiteY2" fmla="*/ 909 h 9697"/>
                  <a:gd name="connsiteX3" fmla="*/ 5883 w 10000"/>
                  <a:gd name="connsiteY3" fmla="*/ 2424 h 9697"/>
                  <a:gd name="connsiteX4" fmla="*/ 8824 w 10000"/>
                  <a:gd name="connsiteY4" fmla="*/ 3333 h 9697"/>
                  <a:gd name="connsiteX5" fmla="*/ 10000 w 10000"/>
                  <a:gd name="connsiteY5" fmla="*/ 3939 h 9697"/>
                  <a:gd name="connsiteX6" fmla="*/ 0 w 10000"/>
                  <a:gd name="connsiteY6" fmla="*/ 9697 h 9697"/>
                  <a:gd name="connsiteX0" fmla="*/ 3529 w 10000"/>
                  <a:gd name="connsiteY0" fmla="*/ 0 h 10000"/>
                  <a:gd name="connsiteX1" fmla="*/ 2353 w 10000"/>
                  <a:gd name="connsiteY1" fmla="*/ 312 h 10000"/>
                  <a:gd name="connsiteX2" fmla="*/ 5883 w 10000"/>
                  <a:gd name="connsiteY2" fmla="*/ 2500 h 10000"/>
                  <a:gd name="connsiteX3" fmla="*/ 8824 w 10000"/>
                  <a:gd name="connsiteY3" fmla="*/ 3437 h 10000"/>
                  <a:gd name="connsiteX4" fmla="*/ 10000 w 10000"/>
                  <a:gd name="connsiteY4" fmla="*/ 4062 h 10000"/>
                  <a:gd name="connsiteX5" fmla="*/ 0 w 10000"/>
                  <a:gd name="connsiteY5" fmla="*/ 10000 h 10000"/>
                  <a:gd name="connsiteX0" fmla="*/ 3529 w 10000"/>
                  <a:gd name="connsiteY0" fmla="*/ 0 h 10000"/>
                  <a:gd name="connsiteX1" fmla="*/ 5883 w 10000"/>
                  <a:gd name="connsiteY1" fmla="*/ 2500 h 10000"/>
                  <a:gd name="connsiteX2" fmla="*/ 8824 w 10000"/>
                  <a:gd name="connsiteY2" fmla="*/ 3437 h 10000"/>
                  <a:gd name="connsiteX3" fmla="*/ 10000 w 10000"/>
                  <a:gd name="connsiteY3" fmla="*/ 4062 h 10000"/>
                  <a:gd name="connsiteX4" fmla="*/ 0 w 10000"/>
                  <a:gd name="connsiteY4" fmla="*/ 10000 h 10000"/>
                  <a:gd name="connsiteX0" fmla="*/ 5883 w 10000"/>
                  <a:gd name="connsiteY0" fmla="*/ 0 h 7500"/>
                  <a:gd name="connsiteX1" fmla="*/ 8824 w 10000"/>
                  <a:gd name="connsiteY1" fmla="*/ 937 h 7500"/>
                  <a:gd name="connsiteX2" fmla="*/ 10000 w 10000"/>
                  <a:gd name="connsiteY2" fmla="*/ 1562 h 7500"/>
                  <a:gd name="connsiteX3" fmla="*/ 0 w 10000"/>
                  <a:gd name="connsiteY3" fmla="*/ 7500 h 7500"/>
                  <a:gd name="connsiteX0" fmla="*/ 5883 w 11486"/>
                  <a:gd name="connsiteY0" fmla="*/ 0 h 10000"/>
                  <a:gd name="connsiteX1" fmla="*/ 8824 w 11486"/>
                  <a:gd name="connsiteY1" fmla="*/ 1249 h 10000"/>
                  <a:gd name="connsiteX2" fmla="*/ 11486 w 11486"/>
                  <a:gd name="connsiteY2" fmla="*/ 6000 h 10000"/>
                  <a:gd name="connsiteX3" fmla="*/ 0 w 11486"/>
                  <a:gd name="connsiteY3" fmla="*/ 10000 h 10000"/>
                  <a:gd name="connsiteX0" fmla="*/ 5883 w 12661"/>
                  <a:gd name="connsiteY0" fmla="*/ 0 h 10000"/>
                  <a:gd name="connsiteX1" fmla="*/ 12516 w 12661"/>
                  <a:gd name="connsiteY1" fmla="*/ 3847 h 10000"/>
                  <a:gd name="connsiteX2" fmla="*/ 11486 w 12661"/>
                  <a:gd name="connsiteY2" fmla="*/ 6000 h 10000"/>
                  <a:gd name="connsiteX3" fmla="*/ 0 w 12661"/>
                  <a:gd name="connsiteY3" fmla="*/ 10000 h 10000"/>
                  <a:gd name="connsiteX0" fmla="*/ 15040 w 15103"/>
                  <a:gd name="connsiteY0" fmla="*/ 0 h 7525"/>
                  <a:gd name="connsiteX1" fmla="*/ 12516 w 15103"/>
                  <a:gd name="connsiteY1" fmla="*/ 1372 h 7525"/>
                  <a:gd name="connsiteX2" fmla="*/ 11486 w 15103"/>
                  <a:gd name="connsiteY2" fmla="*/ 3525 h 7525"/>
                  <a:gd name="connsiteX3" fmla="*/ 0 w 15103"/>
                  <a:gd name="connsiteY3" fmla="*/ 7525 h 7525"/>
                  <a:gd name="connsiteX0" fmla="*/ 9958 w 10000"/>
                  <a:gd name="connsiteY0" fmla="*/ 0 h 10000"/>
                  <a:gd name="connsiteX1" fmla="*/ 8287 w 10000"/>
                  <a:gd name="connsiteY1" fmla="*/ 1823 h 10000"/>
                  <a:gd name="connsiteX2" fmla="*/ 7849 w 10000"/>
                  <a:gd name="connsiteY2" fmla="*/ 6678 h 10000"/>
                  <a:gd name="connsiteX3" fmla="*/ 0 w 10000"/>
                  <a:gd name="connsiteY3" fmla="*/ 10000 h 10000"/>
                  <a:gd name="connsiteX0" fmla="*/ 9958 w 9988"/>
                  <a:gd name="connsiteY0" fmla="*/ 0 h 10000"/>
                  <a:gd name="connsiteX1" fmla="*/ 7242 w 9988"/>
                  <a:gd name="connsiteY1" fmla="*/ 3668 h 10000"/>
                  <a:gd name="connsiteX2" fmla="*/ 7849 w 9988"/>
                  <a:gd name="connsiteY2" fmla="*/ 6678 h 10000"/>
                  <a:gd name="connsiteX3" fmla="*/ 0 w 9988"/>
                  <a:gd name="connsiteY3" fmla="*/ 10000 h 10000"/>
                  <a:gd name="connsiteX0" fmla="*/ 10214 w 10242"/>
                  <a:gd name="connsiteY0" fmla="*/ 0 h 8007"/>
                  <a:gd name="connsiteX1" fmla="*/ 7251 w 10242"/>
                  <a:gd name="connsiteY1" fmla="*/ 1675 h 8007"/>
                  <a:gd name="connsiteX2" fmla="*/ 7858 w 10242"/>
                  <a:gd name="connsiteY2" fmla="*/ 4685 h 8007"/>
                  <a:gd name="connsiteX3" fmla="*/ 0 w 10242"/>
                  <a:gd name="connsiteY3" fmla="*/ 8007 h 8007"/>
                </a:gdLst>
                <a:ahLst/>
                <a:cxnLst>
                  <a:cxn ang="0">
                    <a:pos x="connsiteX0" y="connsiteY0"/>
                  </a:cxn>
                  <a:cxn ang="0">
                    <a:pos x="connsiteX1" y="connsiteY1"/>
                  </a:cxn>
                  <a:cxn ang="0">
                    <a:pos x="connsiteX2" y="connsiteY2"/>
                  </a:cxn>
                  <a:cxn ang="0">
                    <a:pos x="connsiteX3" y="connsiteY3"/>
                  </a:cxn>
                </a:cxnLst>
                <a:rect l="l" t="t" r="r" b="b"/>
                <a:pathLst>
                  <a:path w="10242" h="8007">
                    <a:moveTo>
                      <a:pt x="10214" y="0"/>
                    </a:moveTo>
                    <a:cubicBezTo>
                      <a:pt x="10604" y="615"/>
                      <a:pt x="6860" y="1063"/>
                      <a:pt x="7251" y="1675"/>
                    </a:cubicBezTo>
                    <a:cubicBezTo>
                      <a:pt x="7023" y="2629"/>
                      <a:pt x="9067" y="3630"/>
                      <a:pt x="7858" y="4685"/>
                    </a:cubicBezTo>
                    <a:cubicBezTo>
                      <a:pt x="6650" y="5740"/>
                      <a:pt x="5069" y="5608"/>
                      <a:pt x="0" y="8007"/>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grpSp>
      </p:grpSp>
    </p:spTree>
    <p:extLst>
      <p:ext uri="{BB962C8B-B14F-4D97-AF65-F5344CB8AC3E}">
        <p14:creationId xmlns:p14="http://schemas.microsoft.com/office/powerpoint/2010/main" val="2038905772"/>
      </p:ext>
    </p:extLst>
  </p:cSld>
  <p:clrMapOvr>
    <a:masterClrMapping/>
  </p:clrMapOvr>
  <p:transition>
    <p:fade/>
  </p:transition>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p:cNvSpPr>
            <a:spLocks noGrp="1"/>
          </p:cNvSpPr>
          <p:nvPr>
            <p:ph type="title"/>
          </p:nvPr>
        </p:nvSpPr>
        <p:spPr>
          <a:xfrm>
            <a:off x="1600200" y="381000"/>
            <a:ext cx="7162800" cy="941796"/>
          </a:xfrm>
        </p:spPr>
        <p:txBody>
          <a:bodyPr/>
          <a:lstStyle/>
          <a:p>
            <a:r>
              <a:rPr lang="en-US" dirty="0" smtClean="0"/>
              <a:t>Sacramento Four Rivers Runoff</a:t>
            </a:r>
            <a:br>
              <a:rPr lang="en-US" dirty="0" smtClean="0"/>
            </a:br>
            <a:r>
              <a:rPr lang="en-US" sz="2800" dirty="0" smtClean="0">
                <a:solidFill>
                  <a:schemeClr val="tx1"/>
                </a:solidFill>
              </a:rPr>
              <a:t>(1906-2015 – Sacramento, Feather, Yuba, American)</a:t>
            </a:r>
            <a:endParaRPr lang="en-US" sz="28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458756072"/>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3"/>
          </a:graphicData>
        </a:graphic>
      </p:graphicFrame>
      <p:grpSp>
        <p:nvGrpSpPr>
          <p:cNvPr id="8" name="Group 7"/>
          <p:cNvGrpSpPr>
            <a:grpSpLocks noChangeAspect="1"/>
          </p:cNvGrpSpPr>
          <p:nvPr/>
        </p:nvGrpSpPr>
        <p:grpSpPr>
          <a:xfrm>
            <a:off x="340129" y="152400"/>
            <a:ext cx="1814040" cy="1516322"/>
            <a:chOff x="1600200" y="689316"/>
            <a:chExt cx="3450102" cy="2883877"/>
          </a:xfrm>
        </p:grpSpPr>
        <p:pic>
          <p:nvPicPr>
            <p:cNvPr id="9" name="Picture 2" descr="Base Map Topo 2"/>
            <p:cNvPicPr>
              <a:picLocks noChangeAspect="1" noChangeArrowheads="1"/>
            </p:cNvPicPr>
            <p:nvPr/>
          </p:nvPicPr>
          <p:blipFill rotWithShape="1">
            <a:blip r:embed="rId4" cstate="print">
              <a:clrChange>
                <a:clrFrom>
                  <a:srgbClr val="000000"/>
                </a:clrFrom>
                <a:clrTo>
                  <a:srgbClr val="000000">
                    <a:alpha val="0"/>
                  </a:srgbClr>
                </a:clrTo>
              </a:clrChange>
            </a:blip>
            <a:srcRect t="5961" r="37906" b="50075"/>
            <a:stretch/>
          </p:blipFill>
          <p:spPr bwMode="auto">
            <a:xfrm>
              <a:off x="1600200" y="689316"/>
              <a:ext cx="3450102" cy="2883877"/>
            </a:xfrm>
            <a:prstGeom prst="rect">
              <a:avLst/>
            </a:prstGeom>
            <a:noFill/>
            <a:ln w="9525">
              <a:noFill/>
              <a:miter lim="800000"/>
              <a:headEnd/>
              <a:tailEnd/>
            </a:ln>
            <a:effectLst/>
          </p:spPr>
        </p:pic>
        <p:grpSp>
          <p:nvGrpSpPr>
            <p:cNvPr id="10" name="Group 9"/>
            <p:cNvGrpSpPr/>
            <p:nvPr/>
          </p:nvGrpSpPr>
          <p:grpSpPr>
            <a:xfrm>
              <a:off x="2581295" y="1554163"/>
              <a:ext cx="661967" cy="1609688"/>
              <a:chOff x="2581295" y="1554163"/>
              <a:chExt cx="661967" cy="1609688"/>
            </a:xfrm>
          </p:grpSpPr>
          <p:sp>
            <p:nvSpPr>
              <p:cNvPr id="11" name="Freeform 5"/>
              <p:cNvSpPr>
                <a:spLocks/>
              </p:cNvSpPr>
              <p:nvPr/>
            </p:nvSpPr>
            <p:spPr bwMode="auto">
              <a:xfrm>
                <a:off x="2581295" y="1554163"/>
                <a:ext cx="434859" cy="1609688"/>
              </a:xfrm>
              <a:custGeom>
                <a:avLst/>
                <a:gdLst>
                  <a:gd name="connsiteX0" fmla="*/ 0 w 9699"/>
                  <a:gd name="connsiteY0" fmla="*/ 0 h 9854"/>
                  <a:gd name="connsiteX1" fmla="*/ 797 w 9699"/>
                  <a:gd name="connsiteY1" fmla="*/ 350 h 9854"/>
                  <a:gd name="connsiteX2" fmla="*/ 698 w 9699"/>
                  <a:gd name="connsiteY2" fmla="*/ 612 h 9854"/>
                  <a:gd name="connsiteX3" fmla="*/ 598 w 9699"/>
                  <a:gd name="connsiteY3" fmla="*/ 700 h 9854"/>
                  <a:gd name="connsiteX4" fmla="*/ 1296 w 9699"/>
                  <a:gd name="connsiteY4" fmla="*/ 845 h 9854"/>
                  <a:gd name="connsiteX5" fmla="*/ 1595 w 9699"/>
                  <a:gd name="connsiteY5" fmla="*/ 875 h 9854"/>
                  <a:gd name="connsiteX6" fmla="*/ 1993 w 9699"/>
                  <a:gd name="connsiteY6" fmla="*/ 1399 h 9854"/>
                  <a:gd name="connsiteX7" fmla="*/ 2691 w 9699"/>
                  <a:gd name="connsiteY7" fmla="*/ 1662 h 9854"/>
                  <a:gd name="connsiteX8" fmla="*/ 2691 w 9699"/>
                  <a:gd name="connsiteY8" fmla="*/ 2332 h 9854"/>
                  <a:gd name="connsiteX9" fmla="*/ 4086 w 9699"/>
                  <a:gd name="connsiteY9" fmla="*/ 2624 h 9854"/>
                  <a:gd name="connsiteX10" fmla="*/ 5282 w 9699"/>
                  <a:gd name="connsiteY10" fmla="*/ 3032 h 9854"/>
                  <a:gd name="connsiteX11" fmla="*/ 5781 w 9699"/>
                  <a:gd name="connsiteY11" fmla="*/ 3965 h 9854"/>
                  <a:gd name="connsiteX12" fmla="*/ 5781 w 9699"/>
                  <a:gd name="connsiteY12" fmla="*/ 4490 h 9854"/>
                  <a:gd name="connsiteX13" fmla="*/ 5980 w 9699"/>
                  <a:gd name="connsiteY13" fmla="*/ 4665 h 9854"/>
                  <a:gd name="connsiteX14" fmla="*/ 5083 w 9699"/>
                  <a:gd name="connsiteY14" fmla="*/ 5219 h 9854"/>
                  <a:gd name="connsiteX15" fmla="*/ 5980 w 9699"/>
                  <a:gd name="connsiteY15" fmla="*/ 6181 h 9854"/>
                  <a:gd name="connsiteX16" fmla="*/ 6877 w 9699"/>
                  <a:gd name="connsiteY16" fmla="*/ 6676 h 9854"/>
                  <a:gd name="connsiteX17" fmla="*/ 8173 w 9699"/>
                  <a:gd name="connsiteY17" fmla="*/ 7201 h 9854"/>
                  <a:gd name="connsiteX18" fmla="*/ 8272 w 9699"/>
                  <a:gd name="connsiteY18" fmla="*/ 7522 h 9854"/>
                  <a:gd name="connsiteX19" fmla="*/ 8372 w 9699"/>
                  <a:gd name="connsiteY19" fmla="*/ 7988 h 9854"/>
                  <a:gd name="connsiteX20" fmla="*/ 9369 w 9699"/>
                  <a:gd name="connsiteY20" fmla="*/ 8309 h 9854"/>
                  <a:gd name="connsiteX21" fmla="*/ 9369 w 9699"/>
                  <a:gd name="connsiteY21" fmla="*/ 9417 h 9854"/>
                  <a:gd name="connsiteX22" fmla="*/ 8671 w 9699"/>
                  <a:gd name="connsiteY22" fmla="*/ 9679 h 9854"/>
                  <a:gd name="connsiteX23" fmla="*/ 7774 w 9699"/>
                  <a:gd name="connsiteY23" fmla="*/ 9854 h 9854"/>
                  <a:gd name="connsiteX24" fmla="*/ 6379 w 9699"/>
                  <a:gd name="connsiteY24" fmla="*/ 9825 h 9854"/>
                  <a:gd name="connsiteX0" fmla="*/ 448 w 9383"/>
                  <a:gd name="connsiteY0" fmla="*/ 0 h 10000"/>
                  <a:gd name="connsiteX1" fmla="*/ 205 w 9383"/>
                  <a:gd name="connsiteY1" fmla="*/ 355 h 10000"/>
                  <a:gd name="connsiteX2" fmla="*/ 103 w 9383"/>
                  <a:gd name="connsiteY2" fmla="*/ 621 h 10000"/>
                  <a:gd name="connsiteX3" fmla="*/ 0 w 9383"/>
                  <a:gd name="connsiteY3" fmla="*/ 710 h 10000"/>
                  <a:gd name="connsiteX4" fmla="*/ 719 w 9383"/>
                  <a:gd name="connsiteY4" fmla="*/ 858 h 10000"/>
                  <a:gd name="connsiteX5" fmla="*/ 1027 w 9383"/>
                  <a:gd name="connsiteY5" fmla="*/ 888 h 10000"/>
                  <a:gd name="connsiteX6" fmla="*/ 1438 w 9383"/>
                  <a:gd name="connsiteY6" fmla="*/ 1420 h 10000"/>
                  <a:gd name="connsiteX7" fmla="*/ 2158 w 9383"/>
                  <a:gd name="connsiteY7" fmla="*/ 1687 h 10000"/>
                  <a:gd name="connsiteX8" fmla="*/ 2158 w 9383"/>
                  <a:gd name="connsiteY8" fmla="*/ 2367 h 10000"/>
                  <a:gd name="connsiteX9" fmla="*/ 3596 w 9383"/>
                  <a:gd name="connsiteY9" fmla="*/ 2663 h 10000"/>
                  <a:gd name="connsiteX10" fmla="*/ 4829 w 9383"/>
                  <a:gd name="connsiteY10" fmla="*/ 3077 h 10000"/>
                  <a:gd name="connsiteX11" fmla="*/ 5343 w 9383"/>
                  <a:gd name="connsiteY11" fmla="*/ 4024 h 10000"/>
                  <a:gd name="connsiteX12" fmla="*/ 5343 w 9383"/>
                  <a:gd name="connsiteY12" fmla="*/ 4557 h 10000"/>
                  <a:gd name="connsiteX13" fmla="*/ 5549 w 9383"/>
                  <a:gd name="connsiteY13" fmla="*/ 4734 h 10000"/>
                  <a:gd name="connsiteX14" fmla="*/ 4624 w 9383"/>
                  <a:gd name="connsiteY14" fmla="*/ 5296 h 10000"/>
                  <a:gd name="connsiteX15" fmla="*/ 5549 w 9383"/>
                  <a:gd name="connsiteY15" fmla="*/ 6273 h 10000"/>
                  <a:gd name="connsiteX16" fmla="*/ 6473 w 9383"/>
                  <a:gd name="connsiteY16" fmla="*/ 6775 h 10000"/>
                  <a:gd name="connsiteX17" fmla="*/ 7810 w 9383"/>
                  <a:gd name="connsiteY17" fmla="*/ 7308 h 10000"/>
                  <a:gd name="connsiteX18" fmla="*/ 7912 w 9383"/>
                  <a:gd name="connsiteY18" fmla="*/ 7633 h 10000"/>
                  <a:gd name="connsiteX19" fmla="*/ 8015 w 9383"/>
                  <a:gd name="connsiteY19" fmla="*/ 8106 h 10000"/>
                  <a:gd name="connsiteX20" fmla="*/ 9043 w 9383"/>
                  <a:gd name="connsiteY20" fmla="*/ 8432 h 10000"/>
                  <a:gd name="connsiteX21" fmla="*/ 9043 w 9383"/>
                  <a:gd name="connsiteY21" fmla="*/ 9557 h 10000"/>
                  <a:gd name="connsiteX22" fmla="*/ 8323 w 9383"/>
                  <a:gd name="connsiteY22" fmla="*/ 9822 h 10000"/>
                  <a:gd name="connsiteX23" fmla="*/ 7398 w 9383"/>
                  <a:gd name="connsiteY23" fmla="*/ 10000 h 10000"/>
                  <a:gd name="connsiteX24" fmla="*/ 5960 w 9383"/>
                  <a:gd name="connsiteY24" fmla="*/ 997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383" h="10000">
                    <a:moveTo>
                      <a:pt x="448" y="0"/>
                    </a:moveTo>
                    <a:cubicBezTo>
                      <a:pt x="585" y="157"/>
                      <a:pt x="-275" y="266"/>
                      <a:pt x="205" y="355"/>
                    </a:cubicBezTo>
                    <a:cubicBezTo>
                      <a:pt x="376" y="503"/>
                      <a:pt x="342" y="414"/>
                      <a:pt x="103" y="621"/>
                    </a:cubicBezTo>
                    <a:cubicBezTo>
                      <a:pt x="68" y="650"/>
                      <a:pt x="0" y="710"/>
                      <a:pt x="0" y="710"/>
                    </a:cubicBezTo>
                    <a:cubicBezTo>
                      <a:pt x="171" y="858"/>
                      <a:pt x="0" y="789"/>
                      <a:pt x="719" y="858"/>
                    </a:cubicBezTo>
                    <a:lnTo>
                      <a:pt x="1027" y="888"/>
                    </a:lnTo>
                    <a:cubicBezTo>
                      <a:pt x="1507" y="1095"/>
                      <a:pt x="1165" y="1135"/>
                      <a:pt x="1438" y="1420"/>
                    </a:cubicBezTo>
                    <a:cubicBezTo>
                      <a:pt x="1541" y="1528"/>
                      <a:pt x="2158" y="1687"/>
                      <a:pt x="2158" y="1687"/>
                    </a:cubicBezTo>
                    <a:cubicBezTo>
                      <a:pt x="2123" y="1873"/>
                      <a:pt x="1952" y="2170"/>
                      <a:pt x="2158" y="2367"/>
                    </a:cubicBezTo>
                    <a:cubicBezTo>
                      <a:pt x="2329" y="2535"/>
                      <a:pt x="3150" y="2594"/>
                      <a:pt x="3596" y="2663"/>
                    </a:cubicBezTo>
                    <a:cubicBezTo>
                      <a:pt x="4110" y="2732"/>
                      <a:pt x="4658" y="2929"/>
                      <a:pt x="4829" y="3077"/>
                    </a:cubicBezTo>
                    <a:cubicBezTo>
                      <a:pt x="5206" y="3393"/>
                      <a:pt x="5274" y="3689"/>
                      <a:pt x="5343" y="4024"/>
                    </a:cubicBezTo>
                    <a:cubicBezTo>
                      <a:pt x="5240" y="4270"/>
                      <a:pt x="5172" y="4290"/>
                      <a:pt x="5343" y="4557"/>
                    </a:cubicBezTo>
                    <a:cubicBezTo>
                      <a:pt x="5377" y="4615"/>
                      <a:pt x="5549" y="4734"/>
                      <a:pt x="5549" y="4734"/>
                    </a:cubicBezTo>
                    <a:cubicBezTo>
                      <a:pt x="5411" y="5040"/>
                      <a:pt x="4932" y="5040"/>
                      <a:pt x="4624" y="5296"/>
                    </a:cubicBezTo>
                    <a:cubicBezTo>
                      <a:pt x="4453" y="5740"/>
                      <a:pt x="4727" y="5928"/>
                      <a:pt x="5549" y="6273"/>
                    </a:cubicBezTo>
                    <a:cubicBezTo>
                      <a:pt x="5960" y="6450"/>
                      <a:pt x="5652" y="6697"/>
                      <a:pt x="6473" y="6775"/>
                    </a:cubicBezTo>
                    <a:cubicBezTo>
                      <a:pt x="6885" y="6953"/>
                      <a:pt x="7261" y="7150"/>
                      <a:pt x="7810" y="7308"/>
                    </a:cubicBezTo>
                    <a:cubicBezTo>
                      <a:pt x="8084" y="7535"/>
                      <a:pt x="8049" y="7426"/>
                      <a:pt x="7912" y="7633"/>
                    </a:cubicBezTo>
                    <a:cubicBezTo>
                      <a:pt x="7947" y="7791"/>
                      <a:pt x="7912" y="7949"/>
                      <a:pt x="8015" y="8106"/>
                    </a:cubicBezTo>
                    <a:cubicBezTo>
                      <a:pt x="8084" y="8215"/>
                      <a:pt x="8837" y="8334"/>
                      <a:pt x="9043" y="8432"/>
                    </a:cubicBezTo>
                    <a:cubicBezTo>
                      <a:pt x="9248" y="8758"/>
                      <a:pt x="9693" y="9280"/>
                      <a:pt x="9043" y="9557"/>
                    </a:cubicBezTo>
                    <a:cubicBezTo>
                      <a:pt x="8837" y="9645"/>
                      <a:pt x="8528" y="9734"/>
                      <a:pt x="8323" y="9822"/>
                    </a:cubicBezTo>
                    <a:cubicBezTo>
                      <a:pt x="8118" y="9912"/>
                      <a:pt x="7398" y="10000"/>
                      <a:pt x="7398" y="10000"/>
                    </a:cubicBezTo>
                    <a:cubicBezTo>
                      <a:pt x="6028" y="9971"/>
                      <a:pt x="6507" y="9971"/>
                      <a:pt x="5960" y="9971"/>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2" name="Freeform 7"/>
              <p:cNvSpPr>
                <a:spLocks/>
              </p:cNvSpPr>
              <p:nvPr/>
            </p:nvSpPr>
            <p:spPr bwMode="auto">
              <a:xfrm>
                <a:off x="2954718" y="2304280"/>
                <a:ext cx="107413" cy="464321"/>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4117 w 10000"/>
                  <a:gd name="connsiteY0" fmla="*/ 0 h 10000"/>
                  <a:gd name="connsiteX1" fmla="*/ 2353 w 10000"/>
                  <a:gd name="connsiteY1" fmla="*/ 606 h 10000"/>
                  <a:gd name="connsiteX2" fmla="*/ 1176 w 10000"/>
                  <a:gd name="connsiteY2" fmla="*/ 1212 h 10000"/>
                  <a:gd name="connsiteX3" fmla="*/ 5883 w 10000"/>
                  <a:gd name="connsiteY3" fmla="*/ 2727 h 10000"/>
                  <a:gd name="connsiteX4" fmla="*/ 8824 w 10000"/>
                  <a:gd name="connsiteY4" fmla="*/ 3636 h 10000"/>
                  <a:gd name="connsiteX5" fmla="*/ 10000 w 10000"/>
                  <a:gd name="connsiteY5" fmla="*/ 4242 h 10000"/>
                  <a:gd name="connsiteX6" fmla="*/ 0 w 10000"/>
                  <a:gd name="connsiteY6" fmla="*/ 10000 h 10000"/>
                  <a:gd name="connsiteX0" fmla="*/ 14167 w 14167"/>
                  <a:gd name="connsiteY0" fmla="*/ 0 h 9848"/>
                  <a:gd name="connsiteX1" fmla="*/ 2353 w 14167"/>
                  <a:gd name="connsiteY1" fmla="*/ 454 h 9848"/>
                  <a:gd name="connsiteX2" fmla="*/ 1176 w 14167"/>
                  <a:gd name="connsiteY2" fmla="*/ 1060 h 9848"/>
                  <a:gd name="connsiteX3" fmla="*/ 5883 w 14167"/>
                  <a:gd name="connsiteY3" fmla="*/ 2575 h 9848"/>
                  <a:gd name="connsiteX4" fmla="*/ 8824 w 14167"/>
                  <a:gd name="connsiteY4" fmla="*/ 3484 h 9848"/>
                  <a:gd name="connsiteX5" fmla="*/ 10000 w 14167"/>
                  <a:gd name="connsiteY5" fmla="*/ 4090 h 9848"/>
                  <a:gd name="connsiteX6" fmla="*/ 0 w 14167"/>
                  <a:gd name="connsiteY6" fmla="*/ 9848 h 9848"/>
                  <a:gd name="connsiteX0" fmla="*/ 10000 w 10000"/>
                  <a:gd name="connsiteY0" fmla="*/ 0 h 10000"/>
                  <a:gd name="connsiteX1" fmla="*/ 830 w 10000"/>
                  <a:gd name="connsiteY1" fmla="*/ 1076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6837 w 10000"/>
                  <a:gd name="connsiteY4" fmla="*/ 5230 h 10000"/>
                  <a:gd name="connsiteX5" fmla="*/ 0 w 10000"/>
                  <a:gd name="connsiteY5"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10000" y="0"/>
                    </a:moveTo>
                    <a:cubicBezTo>
                      <a:pt x="7682" y="393"/>
                      <a:pt x="3989" y="289"/>
                      <a:pt x="3047" y="1179"/>
                    </a:cubicBezTo>
                    <a:cubicBezTo>
                      <a:pt x="2105" y="2069"/>
                      <a:pt x="2353" y="2171"/>
                      <a:pt x="4153" y="2615"/>
                    </a:cubicBezTo>
                    <a:cubicBezTo>
                      <a:pt x="4568" y="2957"/>
                      <a:pt x="5813" y="3197"/>
                      <a:pt x="6229" y="3538"/>
                    </a:cubicBezTo>
                    <a:lnTo>
                      <a:pt x="6837" y="5230"/>
                    </a:lnTo>
                    <a:cubicBezTo>
                      <a:pt x="6422" y="6940"/>
                      <a:pt x="5398" y="8667"/>
                      <a:pt x="0" y="10000"/>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3" name="Freeform 8"/>
              <p:cNvSpPr>
                <a:spLocks/>
              </p:cNvSpPr>
              <p:nvPr/>
            </p:nvSpPr>
            <p:spPr bwMode="auto">
              <a:xfrm>
                <a:off x="3008997" y="2778125"/>
                <a:ext cx="234265" cy="171455"/>
              </a:xfrm>
              <a:custGeom>
                <a:avLst/>
                <a:gdLst>
                  <a:gd name="connsiteX0" fmla="*/ 9645 w 9645"/>
                  <a:gd name="connsiteY0" fmla="*/ 0 h 10286"/>
                  <a:gd name="connsiteX1" fmla="*/ 3763 w 9645"/>
                  <a:gd name="connsiteY1" fmla="*/ 6000 h 10286"/>
                  <a:gd name="connsiteX2" fmla="*/ 1018 w 9645"/>
                  <a:gd name="connsiteY2" fmla="*/ 6571 h 10286"/>
                  <a:gd name="connsiteX3" fmla="*/ 37 w 9645"/>
                  <a:gd name="connsiteY3" fmla="*/ 10286 h 10286"/>
                </a:gdLst>
                <a:ahLst/>
                <a:cxnLst>
                  <a:cxn ang="0">
                    <a:pos x="connsiteX0" y="connsiteY0"/>
                  </a:cxn>
                  <a:cxn ang="0">
                    <a:pos x="connsiteX1" y="connsiteY1"/>
                  </a:cxn>
                  <a:cxn ang="0">
                    <a:pos x="connsiteX2" y="connsiteY2"/>
                  </a:cxn>
                  <a:cxn ang="0">
                    <a:pos x="connsiteX3" y="connsiteY3"/>
                  </a:cxn>
                </a:cxnLst>
                <a:rect l="l" t="t" r="r" b="b"/>
                <a:pathLst>
                  <a:path w="9645" h="10286">
                    <a:moveTo>
                      <a:pt x="9645" y="0"/>
                    </a:moveTo>
                    <a:cubicBezTo>
                      <a:pt x="9057" y="3619"/>
                      <a:pt x="6116" y="5429"/>
                      <a:pt x="3763" y="6000"/>
                    </a:cubicBezTo>
                    <a:lnTo>
                      <a:pt x="1018" y="6571"/>
                    </a:lnTo>
                    <a:cubicBezTo>
                      <a:pt x="-290" y="7238"/>
                      <a:pt x="37" y="8381"/>
                      <a:pt x="37" y="10286"/>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4" name="Freeform 7"/>
              <p:cNvSpPr>
                <a:spLocks/>
              </p:cNvSpPr>
              <p:nvPr/>
            </p:nvSpPr>
            <p:spPr bwMode="auto">
              <a:xfrm rot="2208037">
                <a:off x="3062491" y="2519862"/>
                <a:ext cx="117141" cy="206607"/>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3529 w 10000"/>
                  <a:gd name="connsiteY0" fmla="*/ 0 h 9697"/>
                  <a:gd name="connsiteX1" fmla="*/ 2353 w 10000"/>
                  <a:gd name="connsiteY1" fmla="*/ 303 h 9697"/>
                  <a:gd name="connsiteX2" fmla="*/ 1176 w 10000"/>
                  <a:gd name="connsiteY2" fmla="*/ 909 h 9697"/>
                  <a:gd name="connsiteX3" fmla="*/ 5883 w 10000"/>
                  <a:gd name="connsiteY3" fmla="*/ 2424 h 9697"/>
                  <a:gd name="connsiteX4" fmla="*/ 8824 w 10000"/>
                  <a:gd name="connsiteY4" fmla="*/ 3333 h 9697"/>
                  <a:gd name="connsiteX5" fmla="*/ 10000 w 10000"/>
                  <a:gd name="connsiteY5" fmla="*/ 3939 h 9697"/>
                  <a:gd name="connsiteX6" fmla="*/ 0 w 10000"/>
                  <a:gd name="connsiteY6" fmla="*/ 9697 h 9697"/>
                  <a:gd name="connsiteX0" fmla="*/ 3529 w 10000"/>
                  <a:gd name="connsiteY0" fmla="*/ 0 h 10000"/>
                  <a:gd name="connsiteX1" fmla="*/ 2353 w 10000"/>
                  <a:gd name="connsiteY1" fmla="*/ 312 h 10000"/>
                  <a:gd name="connsiteX2" fmla="*/ 5883 w 10000"/>
                  <a:gd name="connsiteY2" fmla="*/ 2500 h 10000"/>
                  <a:gd name="connsiteX3" fmla="*/ 8824 w 10000"/>
                  <a:gd name="connsiteY3" fmla="*/ 3437 h 10000"/>
                  <a:gd name="connsiteX4" fmla="*/ 10000 w 10000"/>
                  <a:gd name="connsiteY4" fmla="*/ 4062 h 10000"/>
                  <a:gd name="connsiteX5" fmla="*/ 0 w 10000"/>
                  <a:gd name="connsiteY5" fmla="*/ 10000 h 10000"/>
                  <a:gd name="connsiteX0" fmla="*/ 3529 w 10000"/>
                  <a:gd name="connsiteY0" fmla="*/ 0 h 10000"/>
                  <a:gd name="connsiteX1" fmla="*/ 5883 w 10000"/>
                  <a:gd name="connsiteY1" fmla="*/ 2500 h 10000"/>
                  <a:gd name="connsiteX2" fmla="*/ 8824 w 10000"/>
                  <a:gd name="connsiteY2" fmla="*/ 3437 h 10000"/>
                  <a:gd name="connsiteX3" fmla="*/ 10000 w 10000"/>
                  <a:gd name="connsiteY3" fmla="*/ 4062 h 10000"/>
                  <a:gd name="connsiteX4" fmla="*/ 0 w 10000"/>
                  <a:gd name="connsiteY4" fmla="*/ 10000 h 10000"/>
                  <a:gd name="connsiteX0" fmla="*/ 5883 w 10000"/>
                  <a:gd name="connsiteY0" fmla="*/ 0 h 7500"/>
                  <a:gd name="connsiteX1" fmla="*/ 8824 w 10000"/>
                  <a:gd name="connsiteY1" fmla="*/ 937 h 7500"/>
                  <a:gd name="connsiteX2" fmla="*/ 10000 w 10000"/>
                  <a:gd name="connsiteY2" fmla="*/ 1562 h 7500"/>
                  <a:gd name="connsiteX3" fmla="*/ 0 w 10000"/>
                  <a:gd name="connsiteY3" fmla="*/ 7500 h 7500"/>
                  <a:gd name="connsiteX0" fmla="*/ 5883 w 11486"/>
                  <a:gd name="connsiteY0" fmla="*/ 0 h 10000"/>
                  <a:gd name="connsiteX1" fmla="*/ 8824 w 11486"/>
                  <a:gd name="connsiteY1" fmla="*/ 1249 h 10000"/>
                  <a:gd name="connsiteX2" fmla="*/ 11486 w 11486"/>
                  <a:gd name="connsiteY2" fmla="*/ 6000 h 10000"/>
                  <a:gd name="connsiteX3" fmla="*/ 0 w 11486"/>
                  <a:gd name="connsiteY3" fmla="*/ 10000 h 10000"/>
                  <a:gd name="connsiteX0" fmla="*/ 5883 w 12661"/>
                  <a:gd name="connsiteY0" fmla="*/ 0 h 10000"/>
                  <a:gd name="connsiteX1" fmla="*/ 12516 w 12661"/>
                  <a:gd name="connsiteY1" fmla="*/ 3847 h 10000"/>
                  <a:gd name="connsiteX2" fmla="*/ 11486 w 12661"/>
                  <a:gd name="connsiteY2" fmla="*/ 6000 h 10000"/>
                  <a:gd name="connsiteX3" fmla="*/ 0 w 12661"/>
                  <a:gd name="connsiteY3" fmla="*/ 10000 h 10000"/>
                  <a:gd name="connsiteX0" fmla="*/ 15040 w 15103"/>
                  <a:gd name="connsiteY0" fmla="*/ 0 h 7525"/>
                  <a:gd name="connsiteX1" fmla="*/ 12516 w 15103"/>
                  <a:gd name="connsiteY1" fmla="*/ 1372 h 7525"/>
                  <a:gd name="connsiteX2" fmla="*/ 11486 w 15103"/>
                  <a:gd name="connsiteY2" fmla="*/ 3525 h 7525"/>
                  <a:gd name="connsiteX3" fmla="*/ 0 w 15103"/>
                  <a:gd name="connsiteY3" fmla="*/ 7525 h 7525"/>
                  <a:gd name="connsiteX0" fmla="*/ 9958 w 10000"/>
                  <a:gd name="connsiteY0" fmla="*/ 0 h 10000"/>
                  <a:gd name="connsiteX1" fmla="*/ 8287 w 10000"/>
                  <a:gd name="connsiteY1" fmla="*/ 1823 h 10000"/>
                  <a:gd name="connsiteX2" fmla="*/ 7849 w 10000"/>
                  <a:gd name="connsiteY2" fmla="*/ 6678 h 10000"/>
                  <a:gd name="connsiteX3" fmla="*/ 0 w 10000"/>
                  <a:gd name="connsiteY3" fmla="*/ 10000 h 10000"/>
                  <a:gd name="connsiteX0" fmla="*/ 9958 w 9988"/>
                  <a:gd name="connsiteY0" fmla="*/ 0 h 10000"/>
                  <a:gd name="connsiteX1" fmla="*/ 7242 w 9988"/>
                  <a:gd name="connsiteY1" fmla="*/ 3668 h 10000"/>
                  <a:gd name="connsiteX2" fmla="*/ 7849 w 9988"/>
                  <a:gd name="connsiteY2" fmla="*/ 6678 h 10000"/>
                  <a:gd name="connsiteX3" fmla="*/ 0 w 9988"/>
                  <a:gd name="connsiteY3" fmla="*/ 10000 h 10000"/>
                  <a:gd name="connsiteX0" fmla="*/ 10214 w 10242"/>
                  <a:gd name="connsiteY0" fmla="*/ 0 h 8007"/>
                  <a:gd name="connsiteX1" fmla="*/ 7251 w 10242"/>
                  <a:gd name="connsiteY1" fmla="*/ 1675 h 8007"/>
                  <a:gd name="connsiteX2" fmla="*/ 7858 w 10242"/>
                  <a:gd name="connsiteY2" fmla="*/ 4685 h 8007"/>
                  <a:gd name="connsiteX3" fmla="*/ 0 w 10242"/>
                  <a:gd name="connsiteY3" fmla="*/ 8007 h 8007"/>
                </a:gdLst>
                <a:ahLst/>
                <a:cxnLst>
                  <a:cxn ang="0">
                    <a:pos x="connsiteX0" y="connsiteY0"/>
                  </a:cxn>
                  <a:cxn ang="0">
                    <a:pos x="connsiteX1" y="connsiteY1"/>
                  </a:cxn>
                  <a:cxn ang="0">
                    <a:pos x="connsiteX2" y="connsiteY2"/>
                  </a:cxn>
                  <a:cxn ang="0">
                    <a:pos x="connsiteX3" y="connsiteY3"/>
                  </a:cxn>
                </a:cxnLst>
                <a:rect l="l" t="t" r="r" b="b"/>
                <a:pathLst>
                  <a:path w="10242" h="8007">
                    <a:moveTo>
                      <a:pt x="10214" y="0"/>
                    </a:moveTo>
                    <a:cubicBezTo>
                      <a:pt x="10604" y="615"/>
                      <a:pt x="6860" y="1063"/>
                      <a:pt x="7251" y="1675"/>
                    </a:cubicBezTo>
                    <a:cubicBezTo>
                      <a:pt x="7023" y="2629"/>
                      <a:pt x="9067" y="3630"/>
                      <a:pt x="7858" y="4685"/>
                    </a:cubicBezTo>
                    <a:cubicBezTo>
                      <a:pt x="6650" y="5740"/>
                      <a:pt x="5069" y="5608"/>
                      <a:pt x="0" y="8007"/>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grpSp>
      </p:grpSp>
      <p:graphicFrame>
        <p:nvGraphicFramePr>
          <p:cNvPr id="15" name="Content Placeholder 6"/>
          <p:cNvGraphicFramePr>
            <a:graphicFrameLocks/>
          </p:cNvGraphicFramePr>
          <p:nvPr>
            <p:extLst>
              <p:ext uri="{D42A27DB-BD31-4B8C-83A1-F6EECF244321}">
                <p14:modId xmlns:p14="http://schemas.microsoft.com/office/powerpoint/2010/main" val="3131735010"/>
              </p:ext>
            </p:extLst>
          </p:nvPr>
        </p:nvGraphicFramePr>
        <p:xfrm>
          <a:off x="1905000" y="2971800"/>
          <a:ext cx="5584287" cy="2042160"/>
        </p:xfrm>
        <a:graphic>
          <a:graphicData uri="http://schemas.openxmlformats.org/drawingml/2006/table">
            <a:tbl>
              <a:tblPr firstRow="1" bandRow="1">
                <a:tableStyleId>{93296810-A885-4BE3-A3E7-6D5BEEA58F35}</a:tableStyleId>
              </a:tblPr>
              <a:tblGrid>
                <a:gridCol w="1910080"/>
                <a:gridCol w="1517968"/>
                <a:gridCol w="2156239"/>
              </a:tblGrid>
              <a:tr h="370840">
                <a:tc>
                  <a:txBody>
                    <a:bodyPr/>
                    <a:lstStyle/>
                    <a:p>
                      <a:pPr algn="ctr"/>
                      <a:endParaRPr lang="en-US" sz="2400" dirty="0"/>
                    </a:p>
                  </a:txBody>
                  <a:tcPr/>
                </a:tc>
                <a:tc>
                  <a:txBody>
                    <a:bodyPr/>
                    <a:lstStyle/>
                    <a:p>
                      <a:pPr algn="ctr"/>
                      <a:r>
                        <a:rPr lang="en-US" sz="2400" dirty="0" smtClean="0"/>
                        <a:t>Period</a:t>
                      </a:r>
                      <a:endParaRPr lang="en-US" sz="2400" dirty="0"/>
                    </a:p>
                  </a:txBody>
                  <a:tcPr/>
                </a:tc>
                <a:tc>
                  <a:txBody>
                    <a:bodyPr/>
                    <a:lstStyle/>
                    <a:p>
                      <a:pPr algn="ctr"/>
                      <a:r>
                        <a:rPr lang="en-US" sz="2400" dirty="0" smtClean="0"/>
                        <a:t>Runoff (Avg.)</a:t>
                      </a:r>
                      <a:endParaRPr lang="en-US" sz="2400" dirty="0"/>
                    </a:p>
                  </a:txBody>
                  <a:tcPr/>
                </a:tc>
              </a:tr>
              <a:tr h="370840">
                <a:tc>
                  <a:txBody>
                    <a:bodyPr/>
                    <a:lstStyle/>
                    <a:p>
                      <a:r>
                        <a:rPr lang="en-US" sz="2000" dirty="0" smtClean="0"/>
                        <a:t>Full Record</a:t>
                      </a:r>
                      <a:endParaRPr lang="en-US" sz="2000" dirty="0"/>
                    </a:p>
                  </a:txBody>
                  <a:tcPr/>
                </a:tc>
                <a:tc>
                  <a:txBody>
                    <a:bodyPr/>
                    <a:lstStyle/>
                    <a:p>
                      <a:r>
                        <a:rPr lang="en-US" sz="2000" u="none" strike="noStrike" kern="1200" dirty="0" smtClean="0">
                          <a:effectLst/>
                        </a:rPr>
                        <a:t>1906 - 2015</a:t>
                      </a:r>
                      <a:r>
                        <a:rPr lang="en-US" sz="2000" dirty="0" smtClean="0"/>
                        <a:t> </a:t>
                      </a:r>
                      <a:endParaRPr lang="en-US" sz="2000" dirty="0"/>
                    </a:p>
                  </a:txBody>
                  <a:tcPr/>
                </a:tc>
                <a:tc>
                  <a:txBody>
                    <a:bodyPr/>
                    <a:lstStyle/>
                    <a:p>
                      <a:r>
                        <a:rPr lang="en-US" sz="2000" dirty="0" smtClean="0"/>
                        <a:t>18 million acre-ft.</a:t>
                      </a:r>
                      <a:endParaRPr lang="en-US" sz="2000" dirty="0"/>
                    </a:p>
                  </a:txBody>
                  <a:tcPr/>
                </a:tc>
              </a:tr>
              <a:tr h="370840">
                <a:tc>
                  <a:txBody>
                    <a:bodyPr/>
                    <a:lstStyle/>
                    <a:p>
                      <a:r>
                        <a:rPr lang="en-US" sz="2000" dirty="0" smtClean="0"/>
                        <a:t>Last 10 yrs</a:t>
                      </a:r>
                      <a:endParaRPr lang="en-US" sz="2000" dirty="0"/>
                    </a:p>
                  </a:txBody>
                  <a:tcPr/>
                </a:tc>
                <a:tc>
                  <a:txBody>
                    <a:bodyPr/>
                    <a:lstStyle/>
                    <a:p>
                      <a:r>
                        <a:rPr lang="en-US" sz="2000" u="none" strike="noStrike" kern="1200" dirty="0" smtClean="0">
                          <a:effectLst/>
                        </a:rPr>
                        <a:t>2006 - 2015</a:t>
                      </a:r>
                      <a:r>
                        <a:rPr lang="en-US" sz="2000" dirty="0" smtClean="0"/>
                        <a:t> </a:t>
                      </a:r>
                      <a:endParaRPr lang="en-US" sz="2000" dirty="0"/>
                    </a:p>
                  </a:txBody>
                  <a:tcPr/>
                </a:tc>
                <a:tc>
                  <a:txBody>
                    <a:bodyPr/>
                    <a:lstStyle/>
                    <a:p>
                      <a:r>
                        <a:rPr lang="en-US" sz="2000" dirty="0" smtClean="0"/>
                        <a:t>15 million acre-ft.</a:t>
                      </a:r>
                      <a:endParaRPr lang="en-US" sz="2000" dirty="0"/>
                    </a:p>
                  </a:txBody>
                  <a:tcPr/>
                </a:tc>
              </a:tr>
              <a:tr h="370840">
                <a:tc>
                  <a:txBody>
                    <a:bodyPr/>
                    <a:lstStyle/>
                    <a:p>
                      <a:r>
                        <a:rPr lang="en-US" sz="2000" dirty="0" smtClean="0"/>
                        <a:t>CalSim II Model</a:t>
                      </a:r>
                      <a:endParaRPr lang="en-US" sz="2000" dirty="0"/>
                    </a:p>
                  </a:txBody>
                  <a:tcPr/>
                </a:tc>
                <a:tc>
                  <a:txBody>
                    <a:bodyPr/>
                    <a:lstStyle/>
                    <a:p>
                      <a:r>
                        <a:rPr lang="en-US" sz="2000" u="none" strike="noStrike" kern="1200" dirty="0" smtClean="0">
                          <a:effectLst/>
                        </a:rPr>
                        <a:t>1922 - 2003</a:t>
                      </a:r>
                      <a:r>
                        <a:rPr lang="en-US" sz="2000" dirty="0" smtClean="0"/>
                        <a:t> </a:t>
                      </a:r>
                      <a:endParaRPr lang="en-US" sz="2000" dirty="0"/>
                    </a:p>
                  </a:txBody>
                  <a:tcPr/>
                </a:tc>
                <a:tc>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2000" dirty="0" smtClean="0"/>
                        <a:t>18 million acre-ft.</a:t>
                      </a:r>
                    </a:p>
                  </a:txBody>
                  <a:tcPr/>
                </a:tc>
              </a:tr>
              <a:tr h="370840">
                <a:tc>
                  <a:txBody>
                    <a:bodyPr/>
                    <a:lstStyle/>
                    <a:p>
                      <a:r>
                        <a:rPr lang="en-US" sz="2000" dirty="0" smtClean="0"/>
                        <a:t>CalSim III Model</a:t>
                      </a:r>
                      <a:endParaRPr lang="en-US" sz="2000" dirty="0"/>
                    </a:p>
                  </a:txBody>
                  <a:tcPr/>
                </a:tc>
                <a:tc>
                  <a:txBody>
                    <a:bodyPr/>
                    <a:lstStyle/>
                    <a:p>
                      <a:r>
                        <a:rPr lang="en-US" sz="2000" u="none" strike="noStrike" kern="1200" dirty="0" smtClean="0">
                          <a:effectLst/>
                        </a:rPr>
                        <a:t>1922 - 2015</a:t>
                      </a:r>
                      <a:r>
                        <a:rPr lang="en-US" sz="2000" dirty="0" smtClean="0"/>
                        <a:t> </a:t>
                      </a:r>
                      <a:endParaRPr lang="en-US" sz="2000" dirty="0"/>
                    </a:p>
                  </a:txBody>
                  <a:tcPr/>
                </a:tc>
                <a:tc>
                  <a:txBody>
                    <a:bodyPr/>
                    <a:lstStyle/>
                    <a:p>
                      <a:r>
                        <a:rPr lang="en-US" sz="2000" dirty="0" smtClean="0"/>
                        <a:t>16 million acre-ft.</a:t>
                      </a:r>
                      <a:endParaRPr lang="en-US" sz="2000" dirty="0"/>
                    </a:p>
                  </a:txBody>
                  <a:tcPr/>
                </a:tc>
              </a:tr>
            </a:tbl>
          </a:graphicData>
        </a:graphic>
      </p:graphicFrame>
      <p:sp>
        <p:nvSpPr>
          <p:cNvPr id="2" name="Rectangle 1"/>
          <p:cNvSpPr/>
          <p:nvPr/>
        </p:nvSpPr>
        <p:spPr bwMode="auto">
          <a:xfrm>
            <a:off x="7543800" y="2133600"/>
            <a:ext cx="1447800" cy="451508"/>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chemeClr val="tx1"/>
                </a:solidFill>
                <a:effectLst>
                  <a:outerShdw blurRad="38100" dist="38100" dir="2700000" algn="tl">
                    <a:srgbClr val="000000">
                      <a:alpha val="43137"/>
                    </a:srgbClr>
                  </a:outerShdw>
                </a:effectLst>
                <a:latin typeface="Segoe" pitchFamily="34" charset="0"/>
              </a:rPr>
              <a:t>Updating</a:t>
            </a:r>
          </a:p>
        </p:txBody>
      </p:sp>
    </p:spTree>
    <p:extLst>
      <p:ext uri="{BB962C8B-B14F-4D97-AF65-F5344CB8AC3E}">
        <p14:creationId xmlns:p14="http://schemas.microsoft.com/office/powerpoint/2010/main" val="298530665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15"/>
                                        </p:tgtEl>
                                        <p:attrNameLst>
                                          <p:attrName>style.visibility</p:attrName>
                                        </p:attrNameLst>
                                      </p:cBhvr>
                                      <p:to>
                                        <p:strVal val="visible"/>
                                      </p:to>
                                    </p:set>
                                    <p:anim calcmode="lin" valueType="num">
                                      <p:cBhvr>
                                        <p:cTn id="7" dur="1250" fill="hold"/>
                                        <p:tgtEl>
                                          <p:spTgt spid="15"/>
                                        </p:tgtEl>
                                        <p:attrNameLst>
                                          <p:attrName>ppt_w</p:attrName>
                                        </p:attrNameLst>
                                      </p:cBhvr>
                                      <p:tavLst>
                                        <p:tav tm="0">
                                          <p:val>
                                            <p:fltVal val="0"/>
                                          </p:val>
                                        </p:tav>
                                        <p:tav tm="100000">
                                          <p:val>
                                            <p:strVal val="#ppt_w"/>
                                          </p:val>
                                        </p:tav>
                                      </p:tavLst>
                                    </p:anim>
                                    <p:anim calcmode="lin" valueType="num">
                                      <p:cBhvr>
                                        <p:cTn id="8" dur="1250" fill="hold"/>
                                        <p:tgtEl>
                                          <p:spTgt spid="15"/>
                                        </p:tgtEl>
                                        <p:attrNameLst>
                                          <p:attrName>ppt_h</p:attrName>
                                        </p:attrNameLst>
                                      </p:cBhvr>
                                      <p:tavLst>
                                        <p:tav tm="0">
                                          <p:val>
                                            <p:fltVal val="0"/>
                                          </p:val>
                                        </p:tav>
                                        <p:tav tm="100000">
                                          <p:val>
                                            <p:strVal val="#ppt_h"/>
                                          </p:val>
                                        </p:tav>
                                      </p:tavLst>
                                    </p:anim>
                                    <p:animEffect transition="in" filter="fade">
                                      <p:cBhvr>
                                        <p:cTn id="9" dur="125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p:cNvSpPr>
            <a:spLocks noGrp="1"/>
          </p:cNvSpPr>
          <p:nvPr>
            <p:ph type="title"/>
          </p:nvPr>
        </p:nvSpPr>
        <p:spPr>
          <a:xfrm>
            <a:off x="1600200" y="381000"/>
            <a:ext cx="7086600" cy="941796"/>
          </a:xfrm>
        </p:spPr>
        <p:txBody>
          <a:bodyPr/>
          <a:lstStyle/>
          <a:p>
            <a:r>
              <a:rPr lang="en-US" dirty="0" smtClean="0"/>
              <a:t>Sacramento Four Rivers Runoff</a:t>
            </a:r>
            <a:br>
              <a:rPr lang="en-US" dirty="0" smtClean="0"/>
            </a:br>
            <a:r>
              <a:rPr lang="en-US" sz="2800" dirty="0" smtClean="0">
                <a:solidFill>
                  <a:schemeClr val="tx1"/>
                </a:solidFill>
              </a:rPr>
              <a:t>(1906-2015 – Sacramento, Feather, Yuba, American)</a:t>
            </a:r>
            <a:endParaRPr lang="en-US" sz="28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4070865440"/>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 Box 6"/>
          <p:cNvSpPr txBox="1">
            <a:spLocks noChangeArrowheads="1"/>
          </p:cNvSpPr>
          <p:nvPr/>
        </p:nvSpPr>
        <p:spPr bwMode="auto">
          <a:xfrm>
            <a:off x="1676400" y="2354826"/>
            <a:ext cx="6096000" cy="707886"/>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type="none" w="sm" len="sm"/>
                <a:tailEnd type="none" w="sm" len="sm"/>
              </a14:hiddenLine>
            </a:ext>
          </a:extLst>
        </p:spPr>
        <p:txBody>
          <a:bodyPr wrap="square">
            <a:spAutoFit/>
          </a:bodyPr>
          <a:lstStyle/>
          <a:p>
            <a:pPr algn="r" eaLnBrk="0" hangingPunct="0"/>
            <a:r>
              <a:rPr lang="en-US" altLang="en-US" sz="2000" b="1" dirty="0">
                <a:solidFill>
                  <a:srgbClr val="FF9900"/>
                </a:solidFill>
                <a:latin typeface="Calibri"/>
              </a:rPr>
              <a:t>Avg. Runoff  (1906-2015) – 18 million acre-feet/year</a:t>
            </a:r>
            <a:br>
              <a:rPr lang="en-US" altLang="en-US" sz="2000" b="1" dirty="0">
                <a:solidFill>
                  <a:srgbClr val="FF9900"/>
                </a:solidFill>
                <a:latin typeface="Calibri"/>
              </a:rPr>
            </a:br>
            <a:r>
              <a:rPr lang="en-US" altLang="en-US" sz="2000" b="1" dirty="0">
                <a:solidFill>
                  <a:srgbClr val="FF9900"/>
                </a:solidFill>
                <a:latin typeface="Calibri"/>
              </a:rPr>
              <a:t> (2006-2015) – 15 million acre-feet/year</a:t>
            </a:r>
          </a:p>
        </p:txBody>
      </p:sp>
      <p:grpSp>
        <p:nvGrpSpPr>
          <p:cNvPr id="8" name="Group 7"/>
          <p:cNvGrpSpPr>
            <a:grpSpLocks noChangeAspect="1"/>
          </p:cNvGrpSpPr>
          <p:nvPr/>
        </p:nvGrpSpPr>
        <p:grpSpPr>
          <a:xfrm>
            <a:off x="340129" y="152400"/>
            <a:ext cx="1814040" cy="1516322"/>
            <a:chOff x="1600200" y="689316"/>
            <a:chExt cx="3450102" cy="2883877"/>
          </a:xfrm>
        </p:grpSpPr>
        <p:pic>
          <p:nvPicPr>
            <p:cNvPr id="9" name="Picture 2" descr="Base Map Topo 2"/>
            <p:cNvPicPr>
              <a:picLocks noChangeAspect="1" noChangeArrowheads="1"/>
            </p:cNvPicPr>
            <p:nvPr/>
          </p:nvPicPr>
          <p:blipFill rotWithShape="1">
            <a:blip r:embed="rId4" cstate="print">
              <a:clrChange>
                <a:clrFrom>
                  <a:srgbClr val="000000"/>
                </a:clrFrom>
                <a:clrTo>
                  <a:srgbClr val="000000">
                    <a:alpha val="0"/>
                  </a:srgbClr>
                </a:clrTo>
              </a:clrChange>
            </a:blip>
            <a:srcRect t="5961" r="37906" b="50075"/>
            <a:stretch/>
          </p:blipFill>
          <p:spPr bwMode="auto">
            <a:xfrm>
              <a:off x="1600200" y="689316"/>
              <a:ext cx="3450102" cy="2883877"/>
            </a:xfrm>
            <a:prstGeom prst="rect">
              <a:avLst/>
            </a:prstGeom>
            <a:noFill/>
            <a:ln w="9525">
              <a:noFill/>
              <a:miter lim="800000"/>
              <a:headEnd/>
              <a:tailEnd/>
            </a:ln>
            <a:effectLst/>
          </p:spPr>
        </p:pic>
        <p:grpSp>
          <p:nvGrpSpPr>
            <p:cNvPr id="10" name="Group 9"/>
            <p:cNvGrpSpPr/>
            <p:nvPr/>
          </p:nvGrpSpPr>
          <p:grpSpPr>
            <a:xfrm>
              <a:off x="2581295" y="1554163"/>
              <a:ext cx="661967" cy="1609688"/>
              <a:chOff x="2581295" y="1554163"/>
              <a:chExt cx="661967" cy="1609688"/>
            </a:xfrm>
          </p:grpSpPr>
          <p:sp>
            <p:nvSpPr>
              <p:cNvPr id="11" name="Freeform 5"/>
              <p:cNvSpPr>
                <a:spLocks/>
              </p:cNvSpPr>
              <p:nvPr/>
            </p:nvSpPr>
            <p:spPr bwMode="auto">
              <a:xfrm>
                <a:off x="2581295" y="1554163"/>
                <a:ext cx="434859" cy="1609688"/>
              </a:xfrm>
              <a:custGeom>
                <a:avLst/>
                <a:gdLst>
                  <a:gd name="connsiteX0" fmla="*/ 0 w 9699"/>
                  <a:gd name="connsiteY0" fmla="*/ 0 h 9854"/>
                  <a:gd name="connsiteX1" fmla="*/ 797 w 9699"/>
                  <a:gd name="connsiteY1" fmla="*/ 350 h 9854"/>
                  <a:gd name="connsiteX2" fmla="*/ 698 w 9699"/>
                  <a:gd name="connsiteY2" fmla="*/ 612 h 9854"/>
                  <a:gd name="connsiteX3" fmla="*/ 598 w 9699"/>
                  <a:gd name="connsiteY3" fmla="*/ 700 h 9854"/>
                  <a:gd name="connsiteX4" fmla="*/ 1296 w 9699"/>
                  <a:gd name="connsiteY4" fmla="*/ 845 h 9854"/>
                  <a:gd name="connsiteX5" fmla="*/ 1595 w 9699"/>
                  <a:gd name="connsiteY5" fmla="*/ 875 h 9854"/>
                  <a:gd name="connsiteX6" fmla="*/ 1993 w 9699"/>
                  <a:gd name="connsiteY6" fmla="*/ 1399 h 9854"/>
                  <a:gd name="connsiteX7" fmla="*/ 2691 w 9699"/>
                  <a:gd name="connsiteY7" fmla="*/ 1662 h 9854"/>
                  <a:gd name="connsiteX8" fmla="*/ 2691 w 9699"/>
                  <a:gd name="connsiteY8" fmla="*/ 2332 h 9854"/>
                  <a:gd name="connsiteX9" fmla="*/ 4086 w 9699"/>
                  <a:gd name="connsiteY9" fmla="*/ 2624 h 9854"/>
                  <a:gd name="connsiteX10" fmla="*/ 5282 w 9699"/>
                  <a:gd name="connsiteY10" fmla="*/ 3032 h 9854"/>
                  <a:gd name="connsiteX11" fmla="*/ 5781 w 9699"/>
                  <a:gd name="connsiteY11" fmla="*/ 3965 h 9854"/>
                  <a:gd name="connsiteX12" fmla="*/ 5781 w 9699"/>
                  <a:gd name="connsiteY12" fmla="*/ 4490 h 9854"/>
                  <a:gd name="connsiteX13" fmla="*/ 5980 w 9699"/>
                  <a:gd name="connsiteY13" fmla="*/ 4665 h 9854"/>
                  <a:gd name="connsiteX14" fmla="*/ 5083 w 9699"/>
                  <a:gd name="connsiteY14" fmla="*/ 5219 h 9854"/>
                  <a:gd name="connsiteX15" fmla="*/ 5980 w 9699"/>
                  <a:gd name="connsiteY15" fmla="*/ 6181 h 9854"/>
                  <a:gd name="connsiteX16" fmla="*/ 6877 w 9699"/>
                  <a:gd name="connsiteY16" fmla="*/ 6676 h 9854"/>
                  <a:gd name="connsiteX17" fmla="*/ 8173 w 9699"/>
                  <a:gd name="connsiteY17" fmla="*/ 7201 h 9854"/>
                  <a:gd name="connsiteX18" fmla="*/ 8272 w 9699"/>
                  <a:gd name="connsiteY18" fmla="*/ 7522 h 9854"/>
                  <a:gd name="connsiteX19" fmla="*/ 8372 w 9699"/>
                  <a:gd name="connsiteY19" fmla="*/ 7988 h 9854"/>
                  <a:gd name="connsiteX20" fmla="*/ 9369 w 9699"/>
                  <a:gd name="connsiteY20" fmla="*/ 8309 h 9854"/>
                  <a:gd name="connsiteX21" fmla="*/ 9369 w 9699"/>
                  <a:gd name="connsiteY21" fmla="*/ 9417 h 9854"/>
                  <a:gd name="connsiteX22" fmla="*/ 8671 w 9699"/>
                  <a:gd name="connsiteY22" fmla="*/ 9679 h 9854"/>
                  <a:gd name="connsiteX23" fmla="*/ 7774 w 9699"/>
                  <a:gd name="connsiteY23" fmla="*/ 9854 h 9854"/>
                  <a:gd name="connsiteX24" fmla="*/ 6379 w 9699"/>
                  <a:gd name="connsiteY24" fmla="*/ 9825 h 9854"/>
                  <a:gd name="connsiteX0" fmla="*/ 448 w 9383"/>
                  <a:gd name="connsiteY0" fmla="*/ 0 h 10000"/>
                  <a:gd name="connsiteX1" fmla="*/ 205 w 9383"/>
                  <a:gd name="connsiteY1" fmla="*/ 355 h 10000"/>
                  <a:gd name="connsiteX2" fmla="*/ 103 w 9383"/>
                  <a:gd name="connsiteY2" fmla="*/ 621 h 10000"/>
                  <a:gd name="connsiteX3" fmla="*/ 0 w 9383"/>
                  <a:gd name="connsiteY3" fmla="*/ 710 h 10000"/>
                  <a:gd name="connsiteX4" fmla="*/ 719 w 9383"/>
                  <a:gd name="connsiteY4" fmla="*/ 858 h 10000"/>
                  <a:gd name="connsiteX5" fmla="*/ 1027 w 9383"/>
                  <a:gd name="connsiteY5" fmla="*/ 888 h 10000"/>
                  <a:gd name="connsiteX6" fmla="*/ 1438 w 9383"/>
                  <a:gd name="connsiteY6" fmla="*/ 1420 h 10000"/>
                  <a:gd name="connsiteX7" fmla="*/ 2158 w 9383"/>
                  <a:gd name="connsiteY7" fmla="*/ 1687 h 10000"/>
                  <a:gd name="connsiteX8" fmla="*/ 2158 w 9383"/>
                  <a:gd name="connsiteY8" fmla="*/ 2367 h 10000"/>
                  <a:gd name="connsiteX9" fmla="*/ 3596 w 9383"/>
                  <a:gd name="connsiteY9" fmla="*/ 2663 h 10000"/>
                  <a:gd name="connsiteX10" fmla="*/ 4829 w 9383"/>
                  <a:gd name="connsiteY10" fmla="*/ 3077 h 10000"/>
                  <a:gd name="connsiteX11" fmla="*/ 5343 w 9383"/>
                  <a:gd name="connsiteY11" fmla="*/ 4024 h 10000"/>
                  <a:gd name="connsiteX12" fmla="*/ 5343 w 9383"/>
                  <a:gd name="connsiteY12" fmla="*/ 4557 h 10000"/>
                  <a:gd name="connsiteX13" fmla="*/ 5549 w 9383"/>
                  <a:gd name="connsiteY13" fmla="*/ 4734 h 10000"/>
                  <a:gd name="connsiteX14" fmla="*/ 4624 w 9383"/>
                  <a:gd name="connsiteY14" fmla="*/ 5296 h 10000"/>
                  <a:gd name="connsiteX15" fmla="*/ 5549 w 9383"/>
                  <a:gd name="connsiteY15" fmla="*/ 6273 h 10000"/>
                  <a:gd name="connsiteX16" fmla="*/ 6473 w 9383"/>
                  <a:gd name="connsiteY16" fmla="*/ 6775 h 10000"/>
                  <a:gd name="connsiteX17" fmla="*/ 7810 w 9383"/>
                  <a:gd name="connsiteY17" fmla="*/ 7308 h 10000"/>
                  <a:gd name="connsiteX18" fmla="*/ 7912 w 9383"/>
                  <a:gd name="connsiteY18" fmla="*/ 7633 h 10000"/>
                  <a:gd name="connsiteX19" fmla="*/ 8015 w 9383"/>
                  <a:gd name="connsiteY19" fmla="*/ 8106 h 10000"/>
                  <a:gd name="connsiteX20" fmla="*/ 9043 w 9383"/>
                  <a:gd name="connsiteY20" fmla="*/ 8432 h 10000"/>
                  <a:gd name="connsiteX21" fmla="*/ 9043 w 9383"/>
                  <a:gd name="connsiteY21" fmla="*/ 9557 h 10000"/>
                  <a:gd name="connsiteX22" fmla="*/ 8323 w 9383"/>
                  <a:gd name="connsiteY22" fmla="*/ 9822 h 10000"/>
                  <a:gd name="connsiteX23" fmla="*/ 7398 w 9383"/>
                  <a:gd name="connsiteY23" fmla="*/ 10000 h 10000"/>
                  <a:gd name="connsiteX24" fmla="*/ 5960 w 9383"/>
                  <a:gd name="connsiteY24" fmla="*/ 997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383" h="10000">
                    <a:moveTo>
                      <a:pt x="448" y="0"/>
                    </a:moveTo>
                    <a:cubicBezTo>
                      <a:pt x="585" y="157"/>
                      <a:pt x="-275" y="266"/>
                      <a:pt x="205" y="355"/>
                    </a:cubicBezTo>
                    <a:cubicBezTo>
                      <a:pt x="376" y="503"/>
                      <a:pt x="342" y="414"/>
                      <a:pt x="103" y="621"/>
                    </a:cubicBezTo>
                    <a:cubicBezTo>
                      <a:pt x="68" y="650"/>
                      <a:pt x="0" y="710"/>
                      <a:pt x="0" y="710"/>
                    </a:cubicBezTo>
                    <a:cubicBezTo>
                      <a:pt x="171" y="858"/>
                      <a:pt x="0" y="789"/>
                      <a:pt x="719" y="858"/>
                    </a:cubicBezTo>
                    <a:lnTo>
                      <a:pt x="1027" y="888"/>
                    </a:lnTo>
                    <a:cubicBezTo>
                      <a:pt x="1507" y="1095"/>
                      <a:pt x="1165" y="1135"/>
                      <a:pt x="1438" y="1420"/>
                    </a:cubicBezTo>
                    <a:cubicBezTo>
                      <a:pt x="1541" y="1528"/>
                      <a:pt x="2158" y="1687"/>
                      <a:pt x="2158" y="1687"/>
                    </a:cubicBezTo>
                    <a:cubicBezTo>
                      <a:pt x="2123" y="1873"/>
                      <a:pt x="1952" y="2170"/>
                      <a:pt x="2158" y="2367"/>
                    </a:cubicBezTo>
                    <a:cubicBezTo>
                      <a:pt x="2329" y="2535"/>
                      <a:pt x="3150" y="2594"/>
                      <a:pt x="3596" y="2663"/>
                    </a:cubicBezTo>
                    <a:cubicBezTo>
                      <a:pt x="4110" y="2732"/>
                      <a:pt x="4658" y="2929"/>
                      <a:pt x="4829" y="3077"/>
                    </a:cubicBezTo>
                    <a:cubicBezTo>
                      <a:pt x="5206" y="3393"/>
                      <a:pt x="5274" y="3689"/>
                      <a:pt x="5343" y="4024"/>
                    </a:cubicBezTo>
                    <a:cubicBezTo>
                      <a:pt x="5240" y="4270"/>
                      <a:pt x="5172" y="4290"/>
                      <a:pt x="5343" y="4557"/>
                    </a:cubicBezTo>
                    <a:cubicBezTo>
                      <a:pt x="5377" y="4615"/>
                      <a:pt x="5549" y="4734"/>
                      <a:pt x="5549" y="4734"/>
                    </a:cubicBezTo>
                    <a:cubicBezTo>
                      <a:pt x="5411" y="5040"/>
                      <a:pt x="4932" y="5040"/>
                      <a:pt x="4624" y="5296"/>
                    </a:cubicBezTo>
                    <a:cubicBezTo>
                      <a:pt x="4453" y="5740"/>
                      <a:pt x="4727" y="5928"/>
                      <a:pt x="5549" y="6273"/>
                    </a:cubicBezTo>
                    <a:cubicBezTo>
                      <a:pt x="5960" y="6450"/>
                      <a:pt x="5652" y="6697"/>
                      <a:pt x="6473" y="6775"/>
                    </a:cubicBezTo>
                    <a:cubicBezTo>
                      <a:pt x="6885" y="6953"/>
                      <a:pt x="7261" y="7150"/>
                      <a:pt x="7810" y="7308"/>
                    </a:cubicBezTo>
                    <a:cubicBezTo>
                      <a:pt x="8084" y="7535"/>
                      <a:pt x="8049" y="7426"/>
                      <a:pt x="7912" y="7633"/>
                    </a:cubicBezTo>
                    <a:cubicBezTo>
                      <a:pt x="7947" y="7791"/>
                      <a:pt x="7912" y="7949"/>
                      <a:pt x="8015" y="8106"/>
                    </a:cubicBezTo>
                    <a:cubicBezTo>
                      <a:pt x="8084" y="8215"/>
                      <a:pt x="8837" y="8334"/>
                      <a:pt x="9043" y="8432"/>
                    </a:cubicBezTo>
                    <a:cubicBezTo>
                      <a:pt x="9248" y="8758"/>
                      <a:pt x="9693" y="9280"/>
                      <a:pt x="9043" y="9557"/>
                    </a:cubicBezTo>
                    <a:cubicBezTo>
                      <a:pt x="8837" y="9645"/>
                      <a:pt x="8528" y="9734"/>
                      <a:pt x="8323" y="9822"/>
                    </a:cubicBezTo>
                    <a:cubicBezTo>
                      <a:pt x="8118" y="9912"/>
                      <a:pt x="7398" y="10000"/>
                      <a:pt x="7398" y="10000"/>
                    </a:cubicBezTo>
                    <a:cubicBezTo>
                      <a:pt x="6028" y="9971"/>
                      <a:pt x="6507" y="9971"/>
                      <a:pt x="5960" y="9971"/>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2" name="Freeform 7"/>
              <p:cNvSpPr>
                <a:spLocks/>
              </p:cNvSpPr>
              <p:nvPr/>
            </p:nvSpPr>
            <p:spPr bwMode="auto">
              <a:xfrm>
                <a:off x="2954718" y="2304280"/>
                <a:ext cx="107413" cy="464321"/>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4117 w 10000"/>
                  <a:gd name="connsiteY0" fmla="*/ 0 h 10000"/>
                  <a:gd name="connsiteX1" fmla="*/ 2353 w 10000"/>
                  <a:gd name="connsiteY1" fmla="*/ 606 h 10000"/>
                  <a:gd name="connsiteX2" fmla="*/ 1176 w 10000"/>
                  <a:gd name="connsiteY2" fmla="*/ 1212 h 10000"/>
                  <a:gd name="connsiteX3" fmla="*/ 5883 w 10000"/>
                  <a:gd name="connsiteY3" fmla="*/ 2727 h 10000"/>
                  <a:gd name="connsiteX4" fmla="*/ 8824 w 10000"/>
                  <a:gd name="connsiteY4" fmla="*/ 3636 h 10000"/>
                  <a:gd name="connsiteX5" fmla="*/ 10000 w 10000"/>
                  <a:gd name="connsiteY5" fmla="*/ 4242 h 10000"/>
                  <a:gd name="connsiteX6" fmla="*/ 0 w 10000"/>
                  <a:gd name="connsiteY6" fmla="*/ 10000 h 10000"/>
                  <a:gd name="connsiteX0" fmla="*/ 14167 w 14167"/>
                  <a:gd name="connsiteY0" fmla="*/ 0 h 9848"/>
                  <a:gd name="connsiteX1" fmla="*/ 2353 w 14167"/>
                  <a:gd name="connsiteY1" fmla="*/ 454 h 9848"/>
                  <a:gd name="connsiteX2" fmla="*/ 1176 w 14167"/>
                  <a:gd name="connsiteY2" fmla="*/ 1060 h 9848"/>
                  <a:gd name="connsiteX3" fmla="*/ 5883 w 14167"/>
                  <a:gd name="connsiteY3" fmla="*/ 2575 h 9848"/>
                  <a:gd name="connsiteX4" fmla="*/ 8824 w 14167"/>
                  <a:gd name="connsiteY4" fmla="*/ 3484 h 9848"/>
                  <a:gd name="connsiteX5" fmla="*/ 10000 w 14167"/>
                  <a:gd name="connsiteY5" fmla="*/ 4090 h 9848"/>
                  <a:gd name="connsiteX6" fmla="*/ 0 w 14167"/>
                  <a:gd name="connsiteY6" fmla="*/ 9848 h 9848"/>
                  <a:gd name="connsiteX0" fmla="*/ 10000 w 10000"/>
                  <a:gd name="connsiteY0" fmla="*/ 0 h 10000"/>
                  <a:gd name="connsiteX1" fmla="*/ 830 w 10000"/>
                  <a:gd name="connsiteY1" fmla="*/ 1076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7059 w 10000"/>
                  <a:gd name="connsiteY4" fmla="*/ 4153 h 10000"/>
                  <a:gd name="connsiteX5" fmla="*/ 0 w 10000"/>
                  <a:gd name="connsiteY5" fmla="*/ 10000 h 10000"/>
                  <a:gd name="connsiteX0" fmla="*/ 10000 w 10000"/>
                  <a:gd name="connsiteY0" fmla="*/ 0 h 10000"/>
                  <a:gd name="connsiteX1" fmla="*/ 3047 w 10000"/>
                  <a:gd name="connsiteY1" fmla="*/ 1179 h 10000"/>
                  <a:gd name="connsiteX2" fmla="*/ 4153 w 10000"/>
                  <a:gd name="connsiteY2" fmla="*/ 2615 h 10000"/>
                  <a:gd name="connsiteX3" fmla="*/ 6229 w 10000"/>
                  <a:gd name="connsiteY3" fmla="*/ 3538 h 10000"/>
                  <a:gd name="connsiteX4" fmla="*/ 6837 w 10000"/>
                  <a:gd name="connsiteY4" fmla="*/ 5230 h 10000"/>
                  <a:gd name="connsiteX5" fmla="*/ 0 w 10000"/>
                  <a:gd name="connsiteY5"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10000" y="0"/>
                    </a:moveTo>
                    <a:cubicBezTo>
                      <a:pt x="7682" y="393"/>
                      <a:pt x="3989" y="289"/>
                      <a:pt x="3047" y="1179"/>
                    </a:cubicBezTo>
                    <a:cubicBezTo>
                      <a:pt x="2105" y="2069"/>
                      <a:pt x="2353" y="2171"/>
                      <a:pt x="4153" y="2615"/>
                    </a:cubicBezTo>
                    <a:cubicBezTo>
                      <a:pt x="4568" y="2957"/>
                      <a:pt x="5813" y="3197"/>
                      <a:pt x="6229" y="3538"/>
                    </a:cubicBezTo>
                    <a:lnTo>
                      <a:pt x="6837" y="5230"/>
                    </a:lnTo>
                    <a:cubicBezTo>
                      <a:pt x="6422" y="6940"/>
                      <a:pt x="5398" y="8667"/>
                      <a:pt x="0" y="10000"/>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3" name="Freeform 8"/>
              <p:cNvSpPr>
                <a:spLocks/>
              </p:cNvSpPr>
              <p:nvPr/>
            </p:nvSpPr>
            <p:spPr bwMode="auto">
              <a:xfrm>
                <a:off x="3008997" y="2778125"/>
                <a:ext cx="234265" cy="171455"/>
              </a:xfrm>
              <a:custGeom>
                <a:avLst/>
                <a:gdLst>
                  <a:gd name="connsiteX0" fmla="*/ 9645 w 9645"/>
                  <a:gd name="connsiteY0" fmla="*/ 0 h 10286"/>
                  <a:gd name="connsiteX1" fmla="*/ 3763 w 9645"/>
                  <a:gd name="connsiteY1" fmla="*/ 6000 h 10286"/>
                  <a:gd name="connsiteX2" fmla="*/ 1018 w 9645"/>
                  <a:gd name="connsiteY2" fmla="*/ 6571 h 10286"/>
                  <a:gd name="connsiteX3" fmla="*/ 37 w 9645"/>
                  <a:gd name="connsiteY3" fmla="*/ 10286 h 10286"/>
                </a:gdLst>
                <a:ahLst/>
                <a:cxnLst>
                  <a:cxn ang="0">
                    <a:pos x="connsiteX0" y="connsiteY0"/>
                  </a:cxn>
                  <a:cxn ang="0">
                    <a:pos x="connsiteX1" y="connsiteY1"/>
                  </a:cxn>
                  <a:cxn ang="0">
                    <a:pos x="connsiteX2" y="connsiteY2"/>
                  </a:cxn>
                  <a:cxn ang="0">
                    <a:pos x="connsiteX3" y="connsiteY3"/>
                  </a:cxn>
                </a:cxnLst>
                <a:rect l="l" t="t" r="r" b="b"/>
                <a:pathLst>
                  <a:path w="9645" h="10286">
                    <a:moveTo>
                      <a:pt x="9645" y="0"/>
                    </a:moveTo>
                    <a:cubicBezTo>
                      <a:pt x="9057" y="3619"/>
                      <a:pt x="6116" y="5429"/>
                      <a:pt x="3763" y="6000"/>
                    </a:cubicBezTo>
                    <a:lnTo>
                      <a:pt x="1018" y="6571"/>
                    </a:lnTo>
                    <a:cubicBezTo>
                      <a:pt x="-290" y="7238"/>
                      <a:pt x="37" y="8381"/>
                      <a:pt x="37" y="10286"/>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sp>
            <p:nvSpPr>
              <p:cNvPr id="14" name="Freeform 7"/>
              <p:cNvSpPr>
                <a:spLocks/>
              </p:cNvSpPr>
              <p:nvPr/>
            </p:nvSpPr>
            <p:spPr bwMode="auto">
              <a:xfrm rot="2208037">
                <a:off x="3062491" y="2519862"/>
                <a:ext cx="117141" cy="206607"/>
              </a:xfrm>
              <a:custGeom>
                <a:avLst/>
                <a:gdLst>
                  <a:gd name="connsiteX0" fmla="*/ 3333 w 8095"/>
                  <a:gd name="connsiteY0" fmla="*/ 0 h 10000"/>
                  <a:gd name="connsiteX1" fmla="*/ 2857 w 8095"/>
                  <a:gd name="connsiteY1" fmla="*/ 303 h 10000"/>
                  <a:gd name="connsiteX2" fmla="*/ 1905 w 8095"/>
                  <a:gd name="connsiteY2" fmla="*/ 606 h 10000"/>
                  <a:gd name="connsiteX3" fmla="*/ 952 w 8095"/>
                  <a:gd name="connsiteY3" fmla="*/ 1212 h 10000"/>
                  <a:gd name="connsiteX4" fmla="*/ 4762 w 8095"/>
                  <a:gd name="connsiteY4" fmla="*/ 2727 h 10000"/>
                  <a:gd name="connsiteX5" fmla="*/ 7143 w 8095"/>
                  <a:gd name="connsiteY5" fmla="*/ 3636 h 10000"/>
                  <a:gd name="connsiteX6" fmla="*/ 8095 w 8095"/>
                  <a:gd name="connsiteY6" fmla="*/ 4242 h 10000"/>
                  <a:gd name="connsiteX7" fmla="*/ 0 w 8095"/>
                  <a:gd name="connsiteY7" fmla="*/ 10000 h 10000"/>
                  <a:gd name="connsiteX0" fmla="*/ 3529 w 10000"/>
                  <a:gd name="connsiteY0" fmla="*/ 0 h 9697"/>
                  <a:gd name="connsiteX1" fmla="*/ 2353 w 10000"/>
                  <a:gd name="connsiteY1" fmla="*/ 303 h 9697"/>
                  <a:gd name="connsiteX2" fmla="*/ 1176 w 10000"/>
                  <a:gd name="connsiteY2" fmla="*/ 909 h 9697"/>
                  <a:gd name="connsiteX3" fmla="*/ 5883 w 10000"/>
                  <a:gd name="connsiteY3" fmla="*/ 2424 h 9697"/>
                  <a:gd name="connsiteX4" fmla="*/ 8824 w 10000"/>
                  <a:gd name="connsiteY4" fmla="*/ 3333 h 9697"/>
                  <a:gd name="connsiteX5" fmla="*/ 10000 w 10000"/>
                  <a:gd name="connsiteY5" fmla="*/ 3939 h 9697"/>
                  <a:gd name="connsiteX6" fmla="*/ 0 w 10000"/>
                  <a:gd name="connsiteY6" fmla="*/ 9697 h 9697"/>
                  <a:gd name="connsiteX0" fmla="*/ 3529 w 10000"/>
                  <a:gd name="connsiteY0" fmla="*/ 0 h 10000"/>
                  <a:gd name="connsiteX1" fmla="*/ 2353 w 10000"/>
                  <a:gd name="connsiteY1" fmla="*/ 312 h 10000"/>
                  <a:gd name="connsiteX2" fmla="*/ 5883 w 10000"/>
                  <a:gd name="connsiteY2" fmla="*/ 2500 h 10000"/>
                  <a:gd name="connsiteX3" fmla="*/ 8824 w 10000"/>
                  <a:gd name="connsiteY3" fmla="*/ 3437 h 10000"/>
                  <a:gd name="connsiteX4" fmla="*/ 10000 w 10000"/>
                  <a:gd name="connsiteY4" fmla="*/ 4062 h 10000"/>
                  <a:gd name="connsiteX5" fmla="*/ 0 w 10000"/>
                  <a:gd name="connsiteY5" fmla="*/ 10000 h 10000"/>
                  <a:gd name="connsiteX0" fmla="*/ 3529 w 10000"/>
                  <a:gd name="connsiteY0" fmla="*/ 0 h 10000"/>
                  <a:gd name="connsiteX1" fmla="*/ 5883 w 10000"/>
                  <a:gd name="connsiteY1" fmla="*/ 2500 h 10000"/>
                  <a:gd name="connsiteX2" fmla="*/ 8824 w 10000"/>
                  <a:gd name="connsiteY2" fmla="*/ 3437 h 10000"/>
                  <a:gd name="connsiteX3" fmla="*/ 10000 w 10000"/>
                  <a:gd name="connsiteY3" fmla="*/ 4062 h 10000"/>
                  <a:gd name="connsiteX4" fmla="*/ 0 w 10000"/>
                  <a:gd name="connsiteY4" fmla="*/ 10000 h 10000"/>
                  <a:gd name="connsiteX0" fmla="*/ 5883 w 10000"/>
                  <a:gd name="connsiteY0" fmla="*/ 0 h 7500"/>
                  <a:gd name="connsiteX1" fmla="*/ 8824 w 10000"/>
                  <a:gd name="connsiteY1" fmla="*/ 937 h 7500"/>
                  <a:gd name="connsiteX2" fmla="*/ 10000 w 10000"/>
                  <a:gd name="connsiteY2" fmla="*/ 1562 h 7500"/>
                  <a:gd name="connsiteX3" fmla="*/ 0 w 10000"/>
                  <a:gd name="connsiteY3" fmla="*/ 7500 h 7500"/>
                  <a:gd name="connsiteX0" fmla="*/ 5883 w 11486"/>
                  <a:gd name="connsiteY0" fmla="*/ 0 h 10000"/>
                  <a:gd name="connsiteX1" fmla="*/ 8824 w 11486"/>
                  <a:gd name="connsiteY1" fmla="*/ 1249 h 10000"/>
                  <a:gd name="connsiteX2" fmla="*/ 11486 w 11486"/>
                  <a:gd name="connsiteY2" fmla="*/ 6000 h 10000"/>
                  <a:gd name="connsiteX3" fmla="*/ 0 w 11486"/>
                  <a:gd name="connsiteY3" fmla="*/ 10000 h 10000"/>
                  <a:gd name="connsiteX0" fmla="*/ 5883 w 12661"/>
                  <a:gd name="connsiteY0" fmla="*/ 0 h 10000"/>
                  <a:gd name="connsiteX1" fmla="*/ 12516 w 12661"/>
                  <a:gd name="connsiteY1" fmla="*/ 3847 h 10000"/>
                  <a:gd name="connsiteX2" fmla="*/ 11486 w 12661"/>
                  <a:gd name="connsiteY2" fmla="*/ 6000 h 10000"/>
                  <a:gd name="connsiteX3" fmla="*/ 0 w 12661"/>
                  <a:gd name="connsiteY3" fmla="*/ 10000 h 10000"/>
                  <a:gd name="connsiteX0" fmla="*/ 15040 w 15103"/>
                  <a:gd name="connsiteY0" fmla="*/ 0 h 7525"/>
                  <a:gd name="connsiteX1" fmla="*/ 12516 w 15103"/>
                  <a:gd name="connsiteY1" fmla="*/ 1372 h 7525"/>
                  <a:gd name="connsiteX2" fmla="*/ 11486 w 15103"/>
                  <a:gd name="connsiteY2" fmla="*/ 3525 h 7525"/>
                  <a:gd name="connsiteX3" fmla="*/ 0 w 15103"/>
                  <a:gd name="connsiteY3" fmla="*/ 7525 h 7525"/>
                  <a:gd name="connsiteX0" fmla="*/ 9958 w 10000"/>
                  <a:gd name="connsiteY0" fmla="*/ 0 h 10000"/>
                  <a:gd name="connsiteX1" fmla="*/ 8287 w 10000"/>
                  <a:gd name="connsiteY1" fmla="*/ 1823 h 10000"/>
                  <a:gd name="connsiteX2" fmla="*/ 7849 w 10000"/>
                  <a:gd name="connsiteY2" fmla="*/ 6678 h 10000"/>
                  <a:gd name="connsiteX3" fmla="*/ 0 w 10000"/>
                  <a:gd name="connsiteY3" fmla="*/ 10000 h 10000"/>
                  <a:gd name="connsiteX0" fmla="*/ 9958 w 9988"/>
                  <a:gd name="connsiteY0" fmla="*/ 0 h 10000"/>
                  <a:gd name="connsiteX1" fmla="*/ 7242 w 9988"/>
                  <a:gd name="connsiteY1" fmla="*/ 3668 h 10000"/>
                  <a:gd name="connsiteX2" fmla="*/ 7849 w 9988"/>
                  <a:gd name="connsiteY2" fmla="*/ 6678 h 10000"/>
                  <a:gd name="connsiteX3" fmla="*/ 0 w 9988"/>
                  <a:gd name="connsiteY3" fmla="*/ 10000 h 10000"/>
                  <a:gd name="connsiteX0" fmla="*/ 10214 w 10242"/>
                  <a:gd name="connsiteY0" fmla="*/ 0 h 8007"/>
                  <a:gd name="connsiteX1" fmla="*/ 7251 w 10242"/>
                  <a:gd name="connsiteY1" fmla="*/ 1675 h 8007"/>
                  <a:gd name="connsiteX2" fmla="*/ 7858 w 10242"/>
                  <a:gd name="connsiteY2" fmla="*/ 4685 h 8007"/>
                  <a:gd name="connsiteX3" fmla="*/ 0 w 10242"/>
                  <a:gd name="connsiteY3" fmla="*/ 8007 h 8007"/>
                </a:gdLst>
                <a:ahLst/>
                <a:cxnLst>
                  <a:cxn ang="0">
                    <a:pos x="connsiteX0" y="connsiteY0"/>
                  </a:cxn>
                  <a:cxn ang="0">
                    <a:pos x="connsiteX1" y="connsiteY1"/>
                  </a:cxn>
                  <a:cxn ang="0">
                    <a:pos x="connsiteX2" y="connsiteY2"/>
                  </a:cxn>
                  <a:cxn ang="0">
                    <a:pos x="connsiteX3" y="connsiteY3"/>
                  </a:cxn>
                </a:cxnLst>
                <a:rect l="l" t="t" r="r" b="b"/>
                <a:pathLst>
                  <a:path w="10242" h="8007">
                    <a:moveTo>
                      <a:pt x="10214" y="0"/>
                    </a:moveTo>
                    <a:cubicBezTo>
                      <a:pt x="10604" y="615"/>
                      <a:pt x="6860" y="1063"/>
                      <a:pt x="7251" y="1675"/>
                    </a:cubicBezTo>
                    <a:cubicBezTo>
                      <a:pt x="7023" y="2629"/>
                      <a:pt x="9067" y="3630"/>
                      <a:pt x="7858" y="4685"/>
                    </a:cubicBezTo>
                    <a:cubicBezTo>
                      <a:pt x="6650" y="5740"/>
                      <a:pt x="5069" y="5608"/>
                      <a:pt x="0" y="8007"/>
                    </a:cubicBezTo>
                  </a:path>
                </a:pathLst>
              </a:custGeom>
              <a:noFill/>
              <a:ln w="31750" cap="flat" cmpd="sng">
                <a:solidFill>
                  <a:srgbClr val="99CCFF"/>
                </a:solidFill>
                <a:prstDash val="solid"/>
                <a:round/>
                <a:headEnd type="none" w="sm" len="sm"/>
                <a:tailEnd type="none" w="sm" len="sm"/>
              </a:ln>
              <a:effectLst/>
            </p:spPr>
            <p:txBody>
              <a:bodyPr wrap="none" anchor="ctr"/>
              <a:lstStyle/>
              <a:p>
                <a:pPr algn="ctr" eaLnBrk="0" hangingPunct="0">
                  <a:defRPr/>
                </a:pPr>
                <a:endParaRPr lang="en-US" dirty="0">
                  <a:solidFill>
                    <a:prstClr val="white"/>
                  </a:solidFill>
                  <a:effectLst>
                    <a:outerShdw blurRad="38100" dist="38100" dir="2700000" algn="tl">
                      <a:srgbClr val="000000">
                        <a:alpha val="43137"/>
                      </a:srgbClr>
                    </a:outerShdw>
                  </a:effectLst>
                </a:endParaRPr>
              </a:p>
            </p:txBody>
          </p:sp>
        </p:grpSp>
      </p:grpSp>
    </p:spTree>
    <p:extLst>
      <p:ext uri="{BB962C8B-B14F-4D97-AF65-F5344CB8AC3E}">
        <p14:creationId xmlns:p14="http://schemas.microsoft.com/office/powerpoint/2010/main" val="482667953"/>
      </p:ext>
    </p:extLst>
  </p:cSld>
  <p:clrMapOvr>
    <a:masterClrMapping/>
  </p:clrMapOvr>
  <p:transition>
    <p:fade/>
  </p:transition>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2" descr="http://www.leesferry.com/main/wp-content/uploads/2011/12/Picture21.jpg">
            <a:hlinkClick r:id="rId3"/>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1000" y="295276"/>
            <a:ext cx="1394576" cy="100012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p:cNvSpPr>
            <a:spLocks noGrp="1"/>
          </p:cNvSpPr>
          <p:nvPr>
            <p:ph type="title"/>
          </p:nvPr>
        </p:nvSpPr>
        <p:spPr>
          <a:xfrm>
            <a:off x="152400" y="381000"/>
            <a:ext cx="8839200" cy="941796"/>
          </a:xfrm>
        </p:spPr>
        <p:txBody>
          <a:bodyPr/>
          <a:lstStyle/>
          <a:p>
            <a:r>
              <a:rPr lang="en-US" dirty="0" smtClean="0"/>
              <a:t>Colorado River Runoff</a:t>
            </a:r>
            <a:br>
              <a:rPr lang="en-US" dirty="0" smtClean="0"/>
            </a:br>
            <a:r>
              <a:rPr lang="en-US" sz="2800" dirty="0" smtClean="0">
                <a:solidFill>
                  <a:schemeClr val="tx1"/>
                </a:solidFill>
              </a:rPr>
              <a:t>(1906-2013 – Green, San Juan, Gila, Gunnison Rivers)</a:t>
            </a:r>
            <a:endParaRPr lang="en-US" sz="28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167565547"/>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5"/>
          </a:graphicData>
        </a:graphic>
      </p:graphicFrame>
      <p:sp>
        <p:nvSpPr>
          <p:cNvPr id="9" name="Text Box 6"/>
          <p:cNvSpPr txBox="1">
            <a:spLocks noChangeArrowheads="1"/>
          </p:cNvSpPr>
          <p:nvPr/>
        </p:nvSpPr>
        <p:spPr bwMode="auto">
          <a:xfrm>
            <a:off x="1635967" y="1803737"/>
            <a:ext cx="6096000" cy="707886"/>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type="none" w="sm" len="sm"/>
                <a:tailEnd type="none" w="sm" len="sm"/>
              </a14:hiddenLine>
            </a:ext>
          </a:extLst>
        </p:spPr>
        <p:txBody>
          <a:bodyPr wrap="square">
            <a:spAutoFit/>
          </a:bodyPr>
          <a:lstStyle/>
          <a:p>
            <a:pPr algn="r" eaLnBrk="0" hangingPunct="0"/>
            <a:r>
              <a:rPr lang="en-US" altLang="en-US" sz="2000" b="1" dirty="0" smtClean="0">
                <a:solidFill>
                  <a:srgbClr val="FF9900"/>
                </a:solidFill>
                <a:latin typeface="Calibri"/>
              </a:rPr>
              <a:t>Avg. Runoff  (1906-2013) </a:t>
            </a:r>
            <a:r>
              <a:rPr lang="en-US" altLang="en-US" sz="2000" b="1" dirty="0">
                <a:solidFill>
                  <a:srgbClr val="FF9900"/>
                </a:solidFill>
                <a:latin typeface="Calibri"/>
              </a:rPr>
              <a:t>– </a:t>
            </a:r>
            <a:r>
              <a:rPr lang="en-US" altLang="en-US" sz="2000" b="1" dirty="0" smtClean="0">
                <a:solidFill>
                  <a:srgbClr val="FF9900"/>
                </a:solidFill>
                <a:latin typeface="Calibri"/>
              </a:rPr>
              <a:t>15.0 </a:t>
            </a:r>
            <a:r>
              <a:rPr lang="en-US" altLang="en-US" sz="2000" b="1" dirty="0">
                <a:solidFill>
                  <a:srgbClr val="FF9900"/>
                </a:solidFill>
                <a:latin typeface="Calibri"/>
              </a:rPr>
              <a:t>million acre-feet/year</a:t>
            </a:r>
            <a:br>
              <a:rPr lang="en-US" altLang="en-US" sz="2000" b="1" dirty="0">
                <a:solidFill>
                  <a:srgbClr val="FF9900"/>
                </a:solidFill>
                <a:latin typeface="Calibri"/>
              </a:rPr>
            </a:br>
            <a:r>
              <a:rPr lang="en-US" altLang="en-US" sz="2000" b="1" dirty="0" smtClean="0">
                <a:solidFill>
                  <a:srgbClr val="FF9900"/>
                </a:solidFill>
                <a:latin typeface="Calibri"/>
              </a:rPr>
              <a:t> (2004-2013) </a:t>
            </a:r>
            <a:r>
              <a:rPr lang="en-US" altLang="en-US" sz="2000" b="1" dirty="0">
                <a:solidFill>
                  <a:srgbClr val="FF9900"/>
                </a:solidFill>
                <a:latin typeface="Calibri"/>
              </a:rPr>
              <a:t>– </a:t>
            </a:r>
            <a:r>
              <a:rPr lang="en-US" altLang="en-US" sz="2000" b="1" dirty="0" smtClean="0">
                <a:solidFill>
                  <a:srgbClr val="FF9900"/>
                </a:solidFill>
                <a:latin typeface="Calibri"/>
              </a:rPr>
              <a:t>13.7 </a:t>
            </a:r>
            <a:r>
              <a:rPr lang="en-US" altLang="en-US" sz="2000" b="1" dirty="0">
                <a:solidFill>
                  <a:srgbClr val="FF9900"/>
                </a:solidFill>
                <a:latin typeface="Calibri"/>
              </a:rPr>
              <a:t>million </a:t>
            </a:r>
            <a:r>
              <a:rPr lang="en-US" altLang="en-US" sz="2000" b="1" dirty="0" smtClean="0">
                <a:solidFill>
                  <a:srgbClr val="FF9900"/>
                </a:solidFill>
                <a:latin typeface="Calibri"/>
              </a:rPr>
              <a:t>acre-feet/year</a:t>
            </a:r>
            <a:endParaRPr lang="en-US" altLang="en-US" sz="2000" b="1" dirty="0">
              <a:solidFill>
                <a:srgbClr val="FF9900"/>
              </a:solidFill>
              <a:latin typeface="Calibri"/>
            </a:endParaRPr>
          </a:p>
        </p:txBody>
      </p:sp>
      <p:sp>
        <p:nvSpPr>
          <p:cNvPr id="8" name="Title 2"/>
          <p:cNvSpPr txBox="1">
            <a:spLocks/>
          </p:cNvSpPr>
          <p:nvPr/>
        </p:nvSpPr>
        <p:spPr bwMode="invGray">
          <a:xfrm>
            <a:off x="5715000" y="2743200"/>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84</a:t>
            </a:r>
            <a:r>
              <a:rPr dirty="0" smtClean="0"/>
              <a:t/>
            </a:r>
            <a:br>
              <a:rPr dirty="0" smtClean="0"/>
            </a:br>
            <a:r>
              <a:rPr sz="2000" dirty="0" smtClean="0">
                <a:solidFill>
                  <a:prstClr val="white"/>
                </a:solidFill>
              </a:rPr>
              <a:t>25 million af</a:t>
            </a:r>
            <a:endParaRPr sz="2000" dirty="0">
              <a:solidFill>
                <a:prstClr val="white"/>
              </a:solidFill>
            </a:endParaRPr>
          </a:p>
        </p:txBody>
      </p:sp>
      <p:sp>
        <p:nvSpPr>
          <p:cNvPr id="10" name="Title 2"/>
          <p:cNvSpPr txBox="1">
            <a:spLocks/>
          </p:cNvSpPr>
          <p:nvPr/>
        </p:nvSpPr>
        <p:spPr bwMode="invGray">
          <a:xfrm>
            <a:off x="5257800" y="3962400"/>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77</a:t>
            </a:r>
            <a:r>
              <a:rPr dirty="0" smtClean="0"/>
              <a:t/>
            </a:r>
            <a:br>
              <a:rPr dirty="0" smtClean="0"/>
            </a:br>
            <a:r>
              <a:rPr sz="2000" dirty="0" smtClean="0">
                <a:solidFill>
                  <a:prstClr val="white"/>
                </a:solidFill>
              </a:rPr>
              <a:t>5.6 million af</a:t>
            </a:r>
            <a:endParaRPr sz="2000" dirty="0">
              <a:solidFill>
                <a:prstClr val="white"/>
              </a:solidFill>
            </a:endParaRPr>
          </a:p>
        </p:txBody>
      </p:sp>
    </p:spTree>
    <p:extLst>
      <p:ext uri="{BB962C8B-B14F-4D97-AF65-F5344CB8AC3E}">
        <p14:creationId xmlns:p14="http://schemas.microsoft.com/office/powerpoint/2010/main" val="41365884"/>
      </p:ext>
    </p:extLst>
  </p:cSld>
  <p:clrMapOvr>
    <a:masterClrMapping/>
  </p:clrMapOvr>
  <p:transition>
    <p:fade/>
  </p:transition>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2" descr="http://www.leesferry.com/main/wp-content/uploads/2011/12/Picture21.jpg">
            <a:hlinkClick r:id="rId3"/>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1000" y="295276"/>
            <a:ext cx="1394576" cy="100012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p:cNvSpPr>
            <a:spLocks noGrp="1"/>
          </p:cNvSpPr>
          <p:nvPr>
            <p:ph type="title"/>
          </p:nvPr>
        </p:nvSpPr>
        <p:spPr>
          <a:xfrm>
            <a:off x="152400" y="381000"/>
            <a:ext cx="8686800" cy="997196"/>
          </a:xfrm>
        </p:spPr>
        <p:txBody>
          <a:bodyPr/>
          <a:lstStyle/>
          <a:p>
            <a:pPr algn="r"/>
            <a:r>
              <a:rPr lang="en-US" dirty="0" smtClean="0"/>
              <a:t>Colorado River Runoff</a:t>
            </a:r>
            <a:br>
              <a:rPr lang="en-US" dirty="0" smtClean="0"/>
            </a:br>
            <a:r>
              <a:rPr lang="en-US" sz="2800" dirty="0" smtClean="0">
                <a:solidFill>
                  <a:schemeClr val="tx1"/>
                </a:solidFill>
              </a:rPr>
              <a:t>(1906-2013 – Green, San Juan, Gila, Gunnison Rivers)</a:t>
            </a:r>
            <a:endParaRPr lang="en-US" sz="2800"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735366211"/>
              </p:ext>
            </p:extLst>
          </p:nvPr>
        </p:nvGraphicFramePr>
        <p:xfrm>
          <a:off x="152400" y="1752600"/>
          <a:ext cx="8686800" cy="4724400"/>
        </p:xfrm>
        <a:graphic>
          <a:graphicData uri="http://schemas.openxmlformats.org/drawingml/2006/chart">
            <c:chart xmlns:c="http://schemas.openxmlformats.org/drawingml/2006/chart" xmlns:r="http://schemas.openxmlformats.org/officeDocument/2006/relationships" r:id="rId5"/>
          </a:graphicData>
        </a:graphic>
      </p:graphicFrame>
      <p:sp>
        <p:nvSpPr>
          <p:cNvPr id="9" name="Text Box 6"/>
          <p:cNvSpPr txBox="1">
            <a:spLocks noChangeArrowheads="1"/>
          </p:cNvSpPr>
          <p:nvPr/>
        </p:nvSpPr>
        <p:spPr bwMode="auto">
          <a:xfrm>
            <a:off x="88232" y="6477000"/>
            <a:ext cx="6096000"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type="none" w="sm" len="sm"/>
                <a:tailEnd type="none" w="sm" len="sm"/>
              </a14:hiddenLine>
            </a:ext>
          </a:extLst>
        </p:spPr>
        <p:txBody>
          <a:bodyPr wrap="square">
            <a:spAutoFit/>
          </a:bodyPr>
          <a:lstStyle/>
          <a:p>
            <a:pPr eaLnBrk="0" hangingPunct="0"/>
            <a:r>
              <a:rPr lang="en-US" altLang="en-US" sz="1400" dirty="0" smtClean="0">
                <a:solidFill>
                  <a:srgbClr val="FFC000"/>
                </a:solidFill>
                <a:latin typeface="Calibri"/>
              </a:rPr>
              <a:t>Avg. Runoff  – 15 million af/</a:t>
            </a:r>
            <a:r>
              <a:rPr lang="en-US" altLang="en-US" sz="1400" dirty="0" err="1" smtClean="0">
                <a:solidFill>
                  <a:srgbClr val="FFC000"/>
                </a:solidFill>
                <a:latin typeface="Calibri"/>
              </a:rPr>
              <a:t>yr</a:t>
            </a:r>
            <a:r>
              <a:rPr lang="en-US" altLang="en-US" sz="1400" dirty="0" smtClean="0">
                <a:solidFill>
                  <a:srgbClr val="FFC000"/>
                </a:solidFill>
                <a:latin typeface="Calibri"/>
              </a:rPr>
              <a:t> (1906-2013); 13.7 million af/yr. (2004-2013)</a:t>
            </a:r>
            <a:endParaRPr lang="en-US" altLang="en-US" sz="1400" dirty="0">
              <a:solidFill>
                <a:srgbClr val="FFC000"/>
              </a:solidFill>
              <a:latin typeface="Calibri"/>
            </a:endParaRPr>
          </a:p>
        </p:txBody>
      </p:sp>
      <p:sp>
        <p:nvSpPr>
          <p:cNvPr id="8" name="Title 2"/>
          <p:cNvSpPr txBox="1">
            <a:spLocks/>
          </p:cNvSpPr>
          <p:nvPr/>
        </p:nvSpPr>
        <p:spPr bwMode="invGray">
          <a:xfrm>
            <a:off x="7620000" y="2825598"/>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1984</a:t>
            </a:r>
            <a:r>
              <a:rPr dirty="0" smtClean="0"/>
              <a:t/>
            </a:r>
            <a:br>
              <a:rPr dirty="0" smtClean="0"/>
            </a:br>
            <a:r>
              <a:rPr sz="2000" dirty="0" smtClean="0">
                <a:solidFill>
                  <a:prstClr val="white"/>
                </a:solidFill>
              </a:rPr>
              <a:t>25 million af</a:t>
            </a:r>
            <a:endParaRPr sz="2000" dirty="0">
              <a:solidFill>
                <a:prstClr val="white"/>
              </a:solidFill>
            </a:endParaRPr>
          </a:p>
        </p:txBody>
      </p:sp>
      <p:sp>
        <p:nvSpPr>
          <p:cNvPr id="10" name="Title 2"/>
          <p:cNvSpPr txBox="1">
            <a:spLocks/>
          </p:cNvSpPr>
          <p:nvPr/>
        </p:nvSpPr>
        <p:spPr bwMode="invGray">
          <a:xfrm>
            <a:off x="4343400" y="3455049"/>
            <a:ext cx="1447800" cy="6093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2400" dirty="0" smtClean="0"/>
              <a:t>Average</a:t>
            </a:r>
            <a:r>
              <a:rPr dirty="0" smtClean="0"/>
              <a:t/>
            </a:r>
            <a:br>
              <a:rPr dirty="0" smtClean="0"/>
            </a:br>
            <a:r>
              <a:rPr sz="2000" dirty="0" smtClean="0">
                <a:solidFill>
                  <a:prstClr val="white"/>
                </a:solidFill>
              </a:rPr>
              <a:t>15 million af/yr.</a:t>
            </a:r>
            <a:endParaRPr sz="2000" dirty="0">
              <a:solidFill>
                <a:prstClr val="white"/>
              </a:solidFill>
            </a:endParaRPr>
          </a:p>
        </p:txBody>
      </p:sp>
    </p:spTree>
    <p:extLst>
      <p:ext uri="{BB962C8B-B14F-4D97-AF65-F5344CB8AC3E}">
        <p14:creationId xmlns:p14="http://schemas.microsoft.com/office/powerpoint/2010/main" val="2145323264"/>
      </p:ext>
    </p:extLst>
  </p:cSld>
  <p:clrMapOvr>
    <a:masterClrMapping/>
  </p:clrMapOvr>
  <p:transition spd="slow">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5400" y="2099405"/>
            <a:ext cx="7010400" cy="1329595"/>
          </a:xfrm>
        </p:spPr>
        <p:txBody>
          <a:bodyPr/>
          <a:lstStyle/>
          <a:p>
            <a:pPr algn="ctr"/>
            <a:r>
              <a:rPr lang="en-US" b="1" smtClean="0"/>
              <a:t>Back-up </a:t>
            </a:r>
            <a:r>
              <a:rPr lang="en-US" b="1" dirty="0" smtClean="0"/>
              <a:t>Slides</a:t>
            </a:r>
            <a:br>
              <a:rPr lang="en-US" b="1" dirty="0" smtClean="0"/>
            </a:br>
            <a:r>
              <a:rPr lang="en-US" b="1" dirty="0" smtClean="0"/>
              <a:t>by Topic</a:t>
            </a:r>
            <a:endParaRPr lang="en-US" b="1" dirty="0"/>
          </a:p>
        </p:txBody>
      </p:sp>
    </p:spTree>
    <p:extLst>
      <p:ext uri="{BB962C8B-B14F-4D97-AF65-F5344CB8AC3E}">
        <p14:creationId xmlns:p14="http://schemas.microsoft.com/office/powerpoint/2010/main" val="1142438153"/>
      </p:ext>
    </p:extLst>
  </p:cSld>
  <p:clrMapOvr>
    <a:masterClrMapping/>
  </p:clrMapOvr>
  <p:transition>
    <p:fade/>
  </p:transition>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33400" y="477838"/>
            <a:ext cx="8229600" cy="1107996"/>
          </a:xfrm>
        </p:spPr>
        <p:txBody>
          <a:bodyPr/>
          <a:lstStyle/>
          <a:p>
            <a:r>
              <a:rPr lang="en-US" dirty="0" smtClean="0"/>
              <a:t>State Water Project</a:t>
            </a:r>
            <a:br>
              <a:rPr lang="en-US" dirty="0" smtClean="0"/>
            </a:br>
            <a:r>
              <a:rPr lang="en-US" sz="3600" dirty="0" smtClean="0">
                <a:solidFill>
                  <a:schemeClr val="tx1"/>
                </a:solidFill>
              </a:rPr>
              <a:t>Water Allocation</a:t>
            </a:r>
            <a:endParaRPr lang="en-US" sz="3600" dirty="0">
              <a:solidFill>
                <a:schemeClr val="tx1"/>
              </a:solidFill>
            </a:endParaRPr>
          </a:p>
        </p:txBody>
      </p:sp>
      <p:graphicFrame>
        <p:nvGraphicFramePr>
          <p:cNvPr id="3" name="Chart 2"/>
          <p:cNvGraphicFramePr/>
          <p:nvPr>
            <p:extLst>
              <p:ext uri="{D42A27DB-BD31-4B8C-83A1-F6EECF244321}">
                <p14:modId xmlns:p14="http://schemas.microsoft.com/office/powerpoint/2010/main" val="3864021658"/>
              </p:ext>
            </p:extLst>
          </p:nvPr>
        </p:nvGraphicFramePr>
        <p:xfrm>
          <a:off x="381000" y="1828800"/>
          <a:ext cx="8458200" cy="46228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782379738"/>
      </p:ext>
    </p:extLst>
  </p:cSld>
  <p:clrMapOvr>
    <a:masterClrMapping/>
  </p:clrMapOvr>
  <p:transition>
    <p:fade/>
  </p:transition>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4287"/>
            <a:ext cx="9144000" cy="6829425"/>
          </a:xfrm>
          <a:prstGeom prst="rect">
            <a:avLst/>
          </a:prstGeom>
        </p:spPr>
      </p:pic>
      <p:sp>
        <p:nvSpPr>
          <p:cNvPr id="6" name="Title 3"/>
          <p:cNvSpPr txBox="1">
            <a:spLocks/>
          </p:cNvSpPr>
          <p:nvPr/>
        </p:nvSpPr>
        <p:spPr bwMode="invGray">
          <a:xfrm>
            <a:off x="533400" y="477838"/>
            <a:ext cx="8229600"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dirty="0" smtClean="0"/>
              <a:t>State Water Project</a:t>
            </a:r>
            <a:br>
              <a:rPr dirty="0" smtClean="0"/>
            </a:br>
            <a:r>
              <a:rPr sz="3600" dirty="0" smtClean="0">
                <a:solidFill>
                  <a:prstClr val="white"/>
                </a:solidFill>
              </a:rPr>
              <a:t>Water Allocation</a:t>
            </a:r>
            <a:endParaRPr sz="3600" dirty="0">
              <a:solidFill>
                <a:prstClr val="white"/>
              </a:solidFill>
            </a:endParaRPr>
          </a:p>
        </p:txBody>
      </p:sp>
      <p:graphicFrame>
        <p:nvGraphicFramePr>
          <p:cNvPr id="7" name="Chart 6"/>
          <p:cNvGraphicFramePr/>
          <p:nvPr>
            <p:extLst>
              <p:ext uri="{D42A27DB-BD31-4B8C-83A1-F6EECF244321}">
                <p14:modId xmlns:p14="http://schemas.microsoft.com/office/powerpoint/2010/main" val="1082077793"/>
              </p:ext>
            </p:extLst>
          </p:nvPr>
        </p:nvGraphicFramePr>
        <p:xfrm>
          <a:off x="292290" y="2170113"/>
          <a:ext cx="8458200" cy="4622800"/>
        </p:xfrm>
        <a:graphic>
          <a:graphicData uri="http://schemas.openxmlformats.org/drawingml/2006/chart">
            <c:chart xmlns:c="http://schemas.openxmlformats.org/drawingml/2006/chart" xmlns:r="http://schemas.openxmlformats.org/officeDocument/2006/relationships" r:id="rId4"/>
          </a:graphicData>
        </a:graphic>
      </p:graphicFrame>
      <p:sp>
        <p:nvSpPr>
          <p:cNvPr id="9"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51</a:t>
            </a:fld>
            <a:endParaRPr lang="en-US" sz="1400" dirty="0">
              <a:solidFill>
                <a:prstClr val="white"/>
              </a:solidFill>
              <a:effectLst>
                <a:outerShdw blurRad="38100" dist="38100" dir="2700000" algn="tl">
                  <a:srgbClr val="000000"/>
                </a:outerShdw>
              </a:effectLst>
            </a:endParaRPr>
          </a:p>
        </p:txBody>
      </p:sp>
      <p:sp>
        <p:nvSpPr>
          <p:cNvPr id="2" name="TextBox 1"/>
          <p:cNvSpPr txBox="1"/>
          <p:nvPr/>
        </p:nvSpPr>
        <p:spPr>
          <a:xfrm>
            <a:off x="7197087" y="5480461"/>
            <a:ext cx="559769" cy="461665"/>
          </a:xfrm>
          <a:prstGeom prst="rect">
            <a:avLst/>
          </a:prstGeom>
          <a:solidFill>
            <a:schemeClr val="tx2">
              <a:lumMod val="25000"/>
            </a:schemeClr>
          </a:solidFill>
        </p:spPr>
        <p:txBody>
          <a:bodyPr wrap="none" rtlCol="0">
            <a:spAutoFit/>
          </a:bodyPr>
          <a:lstStyle/>
          <a:p>
            <a:pPr fontAlgn="auto">
              <a:spcBef>
                <a:spcPts val="0"/>
              </a:spcBef>
              <a:spcAft>
                <a:spcPts val="0"/>
              </a:spcAft>
            </a:pPr>
            <a:r>
              <a:rPr lang="en-US" sz="2400" dirty="0" smtClean="0">
                <a:solidFill>
                  <a:prstClr val="white"/>
                </a:solidFill>
                <a:latin typeface="Calibri"/>
                <a:cs typeface="+mn-cs"/>
              </a:rPr>
              <a:t>5%</a:t>
            </a:r>
            <a:endParaRPr lang="en-US" sz="2400" dirty="0">
              <a:solidFill>
                <a:prstClr val="white"/>
              </a:solidFill>
              <a:latin typeface="Calibri"/>
              <a:cs typeface="+mn-cs"/>
            </a:endParaRPr>
          </a:p>
        </p:txBody>
      </p:sp>
      <p:sp>
        <p:nvSpPr>
          <p:cNvPr id="11" name="TextBox 10"/>
          <p:cNvSpPr txBox="1"/>
          <p:nvPr/>
        </p:nvSpPr>
        <p:spPr>
          <a:xfrm rot="16200000">
            <a:off x="7619038" y="5480460"/>
            <a:ext cx="715260" cy="461665"/>
          </a:xfrm>
          <a:prstGeom prst="rect">
            <a:avLst/>
          </a:prstGeom>
          <a:noFill/>
        </p:spPr>
        <p:txBody>
          <a:bodyPr wrap="none" rtlCol="0">
            <a:spAutoFit/>
          </a:bodyPr>
          <a:lstStyle/>
          <a:p>
            <a:pPr fontAlgn="auto">
              <a:spcBef>
                <a:spcPts val="0"/>
              </a:spcBef>
              <a:spcAft>
                <a:spcPts val="0"/>
              </a:spcAft>
            </a:pPr>
            <a:r>
              <a:rPr lang="en-US" sz="2400" dirty="0" smtClean="0">
                <a:solidFill>
                  <a:prstClr val="white"/>
                </a:solidFill>
                <a:latin typeface="Calibri"/>
                <a:cs typeface="+mn-cs"/>
              </a:rPr>
              <a:t>20%</a:t>
            </a:r>
            <a:endParaRPr lang="en-US" sz="2400" dirty="0">
              <a:solidFill>
                <a:prstClr val="white"/>
              </a:solidFill>
              <a:latin typeface="Calibri"/>
              <a:cs typeface="+mn-cs"/>
            </a:endParaRPr>
          </a:p>
        </p:txBody>
      </p:sp>
      <p:sp>
        <p:nvSpPr>
          <p:cNvPr id="4" name="Down Arrow 3"/>
          <p:cNvSpPr/>
          <p:nvPr/>
        </p:nvSpPr>
        <p:spPr bwMode="auto">
          <a:xfrm>
            <a:off x="8126835" y="3048000"/>
            <a:ext cx="559965" cy="1600200"/>
          </a:xfrm>
          <a:prstGeom prst="downArrow">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vert270"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latin typeface="Segoe" pitchFamily="34" charset="0"/>
              </a:rPr>
              <a:t>Pending</a:t>
            </a:r>
          </a:p>
        </p:txBody>
      </p:sp>
    </p:spTree>
    <p:extLst>
      <p:ext uri="{BB962C8B-B14F-4D97-AF65-F5344CB8AC3E}">
        <p14:creationId xmlns:p14="http://schemas.microsoft.com/office/powerpoint/2010/main" val="2683741462"/>
      </p:ext>
    </p:extLst>
  </p:cSld>
  <p:clrMapOvr>
    <a:masterClrMapping/>
  </p:clrMapOvr>
  <p:transition>
    <p:fade/>
  </p:transition>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Content Placeholder 10"/>
          <p:cNvGraphicFramePr>
            <a:graphicFrameLocks noGrp="1"/>
          </p:cNvGraphicFramePr>
          <p:nvPr>
            <p:ph idx="1"/>
            <p:extLst>
              <p:ext uri="{D42A27DB-BD31-4B8C-83A1-F6EECF244321}">
                <p14:modId xmlns:p14="http://schemas.microsoft.com/office/powerpoint/2010/main" val="3619602528"/>
              </p:ext>
            </p:extLst>
          </p:nvPr>
        </p:nvGraphicFramePr>
        <p:xfrm>
          <a:off x="533400" y="1752600"/>
          <a:ext cx="8382000" cy="4724400"/>
        </p:xfrm>
        <a:graphic>
          <a:graphicData uri="http://schemas.openxmlformats.org/drawingml/2006/chart">
            <c:chart xmlns:c="http://schemas.openxmlformats.org/drawingml/2006/chart" xmlns:r="http://schemas.openxmlformats.org/officeDocument/2006/relationships" r:id="rId3"/>
          </a:graphicData>
        </a:graphic>
      </p:graphicFrame>
      <p:pic>
        <p:nvPicPr>
          <p:cNvPr id="16" name="Picture 15"/>
          <p:cNvPicPr>
            <a:picLocks noChangeAspect="1" noChangeArrowheads="1"/>
          </p:cNvPicPr>
          <p:nvPr/>
        </p:nvPicPr>
        <p:blipFill rotWithShape="1">
          <a:blip r:embed="rId4">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3276600" y="2971800"/>
            <a:ext cx="2103120" cy="694036"/>
          </a:xfrm>
          <a:prstGeom prst="rect">
            <a:avLst/>
          </a:prstGeom>
          <a:noFill/>
        </p:spPr>
        <p:txBody>
          <a:bodyPr wrap="square" rtlCol="0">
            <a:spAutoFit/>
          </a:bodyPr>
          <a:lstStyle/>
          <a:p>
            <a:pPr algn="ctr">
              <a:lnSpc>
                <a:spcPct val="85000"/>
              </a:lnSpc>
            </a:pPr>
            <a:r>
              <a:rPr lang="en-US" sz="2200" b="1" dirty="0" smtClean="0">
                <a:solidFill>
                  <a:srgbClr val="00B0F0"/>
                </a:solidFill>
                <a:effectLst>
                  <a:outerShdw blurRad="50800" dist="38100" dir="2700000" algn="tl" rotWithShape="0">
                    <a:prstClr val="black">
                      <a:alpha val="40000"/>
                    </a:prstClr>
                  </a:outerShdw>
                </a:effectLst>
                <a:latin typeface="Calibri"/>
              </a:rPr>
              <a:t>Cal </a:t>
            </a:r>
            <a:r>
              <a:rPr lang="en-US" sz="2400" b="1" dirty="0" smtClean="0">
                <a:solidFill>
                  <a:srgbClr val="00B0F0"/>
                </a:solidFill>
                <a:effectLst>
                  <a:outerShdw blurRad="50800" dist="38100" dir="2700000" algn="tl" rotWithShape="0">
                    <a:prstClr val="black">
                      <a:alpha val="40000"/>
                    </a:prstClr>
                  </a:outerShdw>
                </a:effectLst>
                <a:latin typeface="Calibri"/>
              </a:rPr>
              <a:t>Water</a:t>
            </a:r>
            <a:r>
              <a:rPr lang="en-US" sz="2200" b="1" dirty="0" smtClean="0">
                <a:solidFill>
                  <a:srgbClr val="00B0F0"/>
                </a:solidFill>
                <a:effectLst>
                  <a:outerShdw blurRad="50800" dist="38100" dir="2700000" algn="tl" rotWithShape="0">
                    <a:prstClr val="black">
                      <a:alpha val="40000"/>
                    </a:prstClr>
                  </a:outerShdw>
                </a:effectLst>
                <a:latin typeface="Calibri"/>
              </a:rPr>
              <a:t> Fix (Alt. 4a)</a:t>
            </a:r>
            <a:endParaRPr lang="en-US" sz="2200" b="1" dirty="0">
              <a:solidFill>
                <a:srgbClr val="00B0F0"/>
              </a:solidFill>
              <a:effectLst>
                <a:outerShdw blurRad="50800" dist="38100" dir="2700000" algn="tl" rotWithShape="0">
                  <a:prstClr val="black">
                    <a:alpha val="40000"/>
                  </a:prstClr>
                </a:outerShdw>
              </a:effectLst>
              <a:latin typeface="Calibri"/>
            </a:endParaRPr>
          </a:p>
        </p:txBody>
      </p:sp>
      <p:sp>
        <p:nvSpPr>
          <p:cNvPr id="12" name="TextBox 11"/>
          <p:cNvSpPr txBox="1"/>
          <p:nvPr/>
        </p:nvSpPr>
        <p:spPr>
          <a:xfrm>
            <a:off x="1905000" y="4022035"/>
            <a:ext cx="3108960" cy="667875"/>
          </a:xfrm>
          <a:prstGeom prst="rect">
            <a:avLst/>
          </a:prstGeom>
          <a:noFill/>
          <a:ln>
            <a:noFill/>
          </a:ln>
        </p:spPr>
        <p:txBody>
          <a:bodyPr wrap="square" rtlCol="0">
            <a:spAutoFit/>
          </a:bodyPr>
          <a:lstStyle/>
          <a:p>
            <a:pPr algn="ctr">
              <a:lnSpc>
                <a:spcPct val="85000"/>
              </a:lnSpc>
            </a:pPr>
            <a:r>
              <a:rPr lang="en-US" sz="2400" b="1" dirty="0" smtClean="0">
                <a:solidFill>
                  <a:prstClr val="white"/>
                </a:solidFill>
                <a:effectLst>
                  <a:outerShdw blurRad="50800" dist="38100" dir="2700000" algn="tl" rotWithShape="0">
                    <a:prstClr val="black">
                      <a:alpha val="40000"/>
                    </a:prstClr>
                  </a:outerShdw>
                </a:effectLst>
                <a:latin typeface="Calibri"/>
              </a:rPr>
              <a:t>No Action Alternative </a:t>
            </a:r>
            <a:r>
              <a:rPr lang="en-US" sz="2200" b="1" dirty="0" smtClean="0">
                <a:solidFill>
                  <a:prstClr val="white"/>
                </a:solidFill>
                <a:effectLst>
                  <a:outerShdw blurRad="50800" dist="38100" dir="2700000" algn="tl" rotWithShape="0">
                    <a:prstClr val="black">
                      <a:alpha val="40000"/>
                    </a:prstClr>
                  </a:outerShdw>
                </a:effectLst>
                <a:latin typeface="Calibri"/>
              </a:rPr>
              <a:t/>
            </a:r>
            <a:br>
              <a:rPr lang="en-US" sz="2200" b="1" dirty="0" smtClean="0">
                <a:solidFill>
                  <a:prstClr val="white"/>
                </a:solidFill>
                <a:effectLst>
                  <a:outerShdw blurRad="50800" dist="38100" dir="2700000" algn="tl" rotWithShape="0">
                    <a:prstClr val="black">
                      <a:alpha val="40000"/>
                    </a:prstClr>
                  </a:outerShdw>
                </a:effectLst>
                <a:latin typeface="Calibri"/>
              </a:rPr>
            </a:br>
            <a:r>
              <a:rPr lang="en-US" sz="2000" b="1" dirty="0" smtClean="0">
                <a:solidFill>
                  <a:prstClr val="white"/>
                </a:solidFill>
                <a:effectLst>
                  <a:outerShdw blurRad="50800" dist="38100" dir="2700000" algn="tl" rotWithShape="0">
                    <a:prstClr val="black">
                      <a:alpha val="40000"/>
                    </a:prstClr>
                  </a:outerShdw>
                </a:effectLst>
                <a:latin typeface="Calibri"/>
              </a:rPr>
              <a:t>(w/ Fall X2 Outflow)</a:t>
            </a:r>
            <a:endParaRPr lang="en-US" sz="2000" b="1" dirty="0">
              <a:solidFill>
                <a:prstClr val="white"/>
              </a:solidFill>
              <a:effectLst>
                <a:outerShdw blurRad="50800" dist="38100" dir="2700000" algn="tl" rotWithShape="0">
                  <a:prstClr val="black">
                    <a:alpha val="40000"/>
                  </a:prstClr>
                </a:outerShdw>
              </a:effectLst>
              <a:latin typeface="Calibri"/>
            </a:endParaRPr>
          </a:p>
        </p:txBody>
      </p:sp>
      <p:sp>
        <p:nvSpPr>
          <p:cNvPr id="17" name="Title 5"/>
          <p:cNvSpPr txBox="1">
            <a:spLocks/>
          </p:cNvSpPr>
          <p:nvPr/>
        </p:nvSpPr>
        <p:spPr bwMode="ltGray">
          <a:xfrm>
            <a:off x="228600" y="220254"/>
            <a:ext cx="8534400" cy="1107996"/>
          </a:xfrm>
          <a:prstGeom prst="rect">
            <a:avLst/>
          </a:prstGeom>
          <a:effectLst>
            <a:outerShdw blurRad="50800" dist="50800" dir="5400000" algn="ctr" rotWithShape="0">
              <a:schemeClr val="bg1"/>
            </a:outerShdw>
          </a:effectLst>
        </p:spPr>
        <p:txBody>
          <a:bodyPr vert="horz" wrap="square" lIns="0" tIns="0" rIns="0" bIns="0" rtlCol="0" anchor="t">
            <a:spAutoFit/>
          </a:bodyPr>
          <a:lstStyle/>
          <a:p>
            <a:pPr algn="r" defTabSz="912813" eaLnBrk="0" hangingPunct="0">
              <a:lnSpc>
                <a:spcPct val="90000"/>
              </a:lnSpc>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 &amp; Federal </a:t>
            </a: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Project Supplies</a:t>
            </a:r>
            <a:endPar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endParaRPr>
          </a:p>
          <a:p>
            <a:pPr algn="r" defTabSz="914363">
              <a:lnSpc>
                <a:spcPct val="90000"/>
              </a:lnSpc>
              <a:defRPr/>
            </a:pPr>
            <a:r>
              <a:rPr lang="en-US" sz="3600" b="1" spc="-150" dirty="0" smtClean="0">
                <a:ln w="3175">
                  <a:noFill/>
                </a:ln>
                <a:solidFill>
                  <a:prstClr val="white"/>
                </a:solidFill>
                <a:effectLst>
                  <a:outerShdw blurRad="50800" dist="38100" dir="2700000" algn="tl" rotWithShape="0">
                    <a:prstClr val="black">
                      <a:alpha val="40000"/>
                    </a:prstClr>
                  </a:outerShdw>
                </a:effectLst>
                <a:cs typeface="Arial" charset="0"/>
              </a:rPr>
              <a:t>Water Transfer Capability</a:t>
            </a:r>
            <a:endParaRPr lang="en-US" sz="36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
        <p:nvSpPr>
          <p:cNvPr id="2" name="TextBox 1"/>
          <p:cNvSpPr txBox="1"/>
          <p:nvPr/>
        </p:nvSpPr>
        <p:spPr>
          <a:xfrm>
            <a:off x="1798444" y="5831301"/>
            <a:ext cx="2240156" cy="369332"/>
          </a:xfrm>
          <a:prstGeom prst="rect">
            <a:avLst/>
          </a:prstGeom>
          <a:solidFill>
            <a:schemeClr val="accent1">
              <a:lumMod val="40000"/>
              <a:lumOff val="60000"/>
            </a:schemeClr>
          </a:solidFill>
        </p:spPr>
        <p:style>
          <a:lnRef idx="2">
            <a:schemeClr val="accent6"/>
          </a:lnRef>
          <a:fillRef idx="1">
            <a:schemeClr val="lt1"/>
          </a:fillRef>
          <a:effectRef idx="0">
            <a:schemeClr val="accent6"/>
          </a:effectRef>
          <a:fontRef idx="minor">
            <a:schemeClr val="dk1"/>
          </a:fontRef>
        </p:style>
        <p:txBody>
          <a:bodyPr wrap="square" rtlCol="0">
            <a:spAutoFit/>
          </a:bodyPr>
          <a:lstStyle/>
          <a:p>
            <a:pPr algn="ctr"/>
            <a:r>
              <a:rPr lang="en-US" b="1" dirty="0" smtClean="0">
                <a:solidFill>
                  <a:prstClr val="black"/>
                </a:solidFill>
              </a:rPr>
              <a:t>Drier Period Ability </a:t>
            </a:r>
            <a:endParaRPr lang="en-US" b="1" dirty="0">
              <a:solidFill>
                <a:prstClr val="black"/>
              </a:solidFill>
            </a:endParaRPr>
          </a:p>
        </p:txBody>
      </p:sp>
      <p:sp>
        <p:nvSpPr>
          <p:cNvPr id="13" name="TextBox 12"/>
          <p:cNvSpPr txBox="1"/>
          <p:nvPr/>
        </p:nvSpPr>
        <p:spPr>
          <a:xfrm>
            <a:off x="6248400" y="5831301"/>
            <a:ext cx="2240156" cy="369332"/>
          </a:xfrm>
          <a:prstGeom prst="rect">
            <a:avLst/>
          </a:prstGeom>
          <a:solidFill>
            <a:schemeClr val="accent1">
              <a:lumMod val="40000"/>
              <a:lumOff val="60000"/>
            </a:schemeClr>
          </a:solidFill>
        </p:spPr>
        <p:style>
          <a:lnRef idx="2">
            <a:schemeClr val="accent6"/>
          </a:lnRef>
          <a:fillRef idx="1">
            <a:schemeClr val="lt1"/>
          </a:fillRef>
          <a:effectRef idx="0">
            <a:schemeClr val="accent6"/>
          </a:effectRef>
          <a:fontRef idx="minor">
            <a:schemeClr val="dk1"/>
          </a:fontRef>
        </p:style>
        <p:txBody>
          <a:bodyPr wrap="square" rtlCol="0">
            <a:spAutoFit/>
          </a:bodyPr>
          <a:lstStyle/>
          <a:p>
            <a:pPr algn="ctr"/>
            <a:r>
              <a:rPr lang="en-US" b="1" dirty="0" smtClean="0">
                <a:solidFill>
                  <a:prstClr val="black"/>
                </a:solidFill>
              </a:rPr>
              <a:t>Wetter Period Ability </a:t>
            </a:r>
            <a:endParaRPr lang="en-US" b="1" dirty="0">
              <a:solidFill>
                <a:prstClr val="black"/>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val="2063892547"/>
              </p:ext>
            </p:extLst>
          </p:nvPr>
        </p:nvGraphicFramePr>
        <p:xfrm>
          <a:off x="5562600" y="1800665"/>
          <a:ext cx="3429000" cy="1305052"/>
        </p:xfrm>
        <a:graphic>
          <a:graphicData uri="http://schemas.openxmlformats.org/drawingml/2006/table">
            <a:tbl>
              <a:tblPr firstRow="1" bandRow="1">
                <a:tableStyleId>{08FB837D-C827-4EFA-A057-4D05807E0F7C}</a:tableStyleId>
              </a:tblPr>
              <a:tblGrid>
                <a:gridCol w="1219200"/>
                <a:gridCol w="2209800"/>
              </a:tblGrid>
              <a:tr h="370840">
                <a:tc>
                  <a:txBody>
                    <a:bodyPr/>
                    <a:lstStyle/>
                    <a:p>
                      <a:pPr algn="ctr">
                        <a:lnSpc>
                          <a:spcPct val="85000"/>
                        </a:lnSpc>
                      </a:pPr>
                      <a:r>
                        <a:rPr lang="en-US" sz="2000" dirty="0" smtClean="0"/>
                        <a:t>Northern Intake</a:t>
                      </a:r>
                      <a:endParaRPr lang="en-US" sz="2000" dirty="0"/>
                    </a:p>
                  </a:txBody>
                  <a:tcPr/>
                </a:tc>
                <a:tc>
                  <a:txBody>
                    <a:bodyPr/>
                    <a:lstStyle/>
                    <a:p>
                      <a:pPr algn="ctr">
                        <a:lnSpc>
                          <a:spcPct val="85000"/>
                        </a:lnSpc>
                      </a:pPr>
                      <a:r>
                        <a:rPr lang="en-US" sz="2000" dirty="0" smtClean="0"/>
                        <a:t>Transfer Capability (50% exceedance)</a:t>
                      </a:r>
                      <a:endParaRPr lang="en-US" sz="2000" dirty="0"/>
                    </a:p>
                  </a:txBody>
                  <a:tcPr/>
                </a:tc>
              </a:tr>
              <a:tr h="370840">
                <a:tc>
                  <a:txBody>
                    <a:bodyPr/>
                    <a:lstStyle/>
                    <a:p>
                      <a:pPr algn="ctr">
                        <a:lnSpc>
                          <a:spcPct val="85000"/>
                        </a:lnSpc>
                      </a:pPr>
                      <a:r>
                        <a:rPr lang="en-US" dirty="0" smtClean="0"/>
                        <a:t>Without</a:t>
                      </a:r>
                      <a:endParaRPr lang="en-US" dirty="0"/>
                    </a:p>
                  </a:txBody>
                  <a:tcPr anchor="ctr"/>
                </a:tc>
                <a:tc>
                  <a:txBody>
                    <a:bodyPr/>
                    <a:lstStyle/>
                    <a:p>
                      <a:pPr algn="r">
                        <a:lnSpc>
                          <a:spcPct val="85000"/>
                        </a:lnSpc>
                      </a:pPr>
                      <a:r>
                        <a:rPr lang="en-US" dirty="0" smtClean="0"/>
                        <a:t>224,000 AF</a:t>
                      </a:r>
                      <a:endParaRPr lang="en-US" dirty="0"/>
                    </a:p>
                  </a:txBody>
                  <a:tcPr anchor="ctr"/>
                </a:tc>
              </a:tr>
              <a:tr h="144526">
                <a:tc>
                  <a:txBody>
                    <a:bodyPr/>
                    <a:lstStyle/>
                    <a:p>
                      <a:pPr algn="ctr">
                        <a:lnSpc>
                          <a:spcPct val="85000"/>
                        </a:lnSpc>
                      </a:pPr>
                      <a:r>
                        <a:rPr lang="en-US" dirty="0" smtClean="0"/>
                        <a:t>With</a:t>
                      </a:r>
                      <a:endParaRPr lang="en-US" dirty="0"/>
                    </a:p>
                  </a:txBody>
                  <a:tcPr anchor="ctr"/>
                </a:tc>
                <a:tc>
                  <a:txBody>
                    <a:bodyPr/>
                    <a:lstStyle/>
                    <a:p>
                      <a:pPr algn="r">
                        <a:lnSpc>
                          <a:spcPct val="85000"/>
                        </a:lnSpc>
                      </a:pPr>
                      <a:r>
                        <a:rPr lang="en-US" dirty="0" smtClean="0"/>
                        <a:t>1,148,000</a:t>
                      </a:r>
                      <a:r>
                        <a:rPr lang="en-US" baseline="0" dirty="0" smtClean="0"/>
                        <a:t> AF</a:t>
                      </a:r>
                      <a:endParaRPr lang="en-US" dirty="0"/>
                    </a:p>
                  </a:txBody>
                  <a:tcPr anchor="ctr"/>
                </a:tc>
              </a:tr>
            </a:tbl>
          </a:graphicData>
        </a:graphic>
      </p:graphicFrame>
      <p:sp>
        <p:nvSpPr>
          <p:cNvPr id="19" name="TextBox 18"/>
          <p:cNvSpPr txBox="1"/>
          <p:nvPr/>
        </p:nvSpPr>
        <p:spPr>
          <a:xfrm>
            <a:off x="76200" y="6383078"/>
            <a:ext cx="8610600" cy="458587"/>
          </a:xfrm>
          <a:prstGeom prst="rect">
            <a:avLst/>
          </a:prstGeom>
          <a:noFill/>
        </p:spPr>
        <p:txBody>
          <a:bodyPr wrap="square" rtlCol="0">
            <a:spAutoFit/>
          </a:bodyPr>
          <a:lstStyle/>
          <a:p>
            <a:pPr marL="236538" indent="-236538">
              <a:lnSpc>
                <a:spcPct val="85000"/>
              </a:lnSpc>
              <a:buFont typeface="Arial" charset="0"/>
              <a:buChar char="•"/>
            </a:pPr>
            <a:r>
              <a:rPr lang="en-US" sz="1400" i="1" dirty="0" smtClean="0">
                <a:solidFill>
                  <a:srgbClr val="D8B25C"/>
                </a:solidFill>
                <a:latin typeface="Calibri"/>
              </a:rPr>
              <a:t>Data represents modeled transfer capability; Seller willingness &amp; actual deliveries not represented</a:t>
            </a:r>
          </a:p>
          <a:p>
            <a:pPr marL="236538" indent="-236538">
              <a:lnSpc>
                <a:spcPct val="85000"/>
              </a:lnSpc>
              <a:buFont typeface="Arial" charset="0"/>
              <a:buChar char="•"/>
            </a:pPr>
            <a:r>
              <a:rPr lang="en-US" sz="1400" i="1" dirty="0">
                <a:solidFill>
                  <a:srgbClr val="D8B25C"/>
                </a:solidFill>
                <a:latin typeface="Calibri"/>
              </a:rPr>
              <a:t>Preliminary </a:t>
            </a:r>
            <a:r>
              <a:rPr lang="en-US" sz="1400" i="1" dirty="0" smtClean="0">
                <a:solidFill>
                  <a:srgbClr val="D8B25C"/>
                </a:solidFill>
                <a:latin typeface="Calibri"/>
              </a:rPr>
              <a:t>State Water Contractor analysis </a:t>
            </a:r>
            <a:r>
              <a:rPr lang="en-US" sz="1400" i="1" dirty="0">
                <a:solidFill>
                  <a:srgbClr val="D8B25C"/>
                </a:solidFill>
                <a:latin typeface="Calibri"/>
              </a:rPr>
              <a:t>- Subject to </a:t>
            </a:r>
            <a:r>
              <a:rPr lang="en-US" sz="1400" i="1" dirty="0" smtClean="0">
                <a:solidFill>
                  <a:srgbClr val="D8B25C"/>
                </a:solidFill>
                <a:latin typeface="Calibri"/>
              </a:rPr>
              <a:t>Revision</a:t>
            </a:r>
            <a:endParaRPr lang="en-US" sz="1400" i="1" dirty="0">
              <a:solidFill>
                <a:srgbClr val="D8B25C"/>
              </a:solidFill>
              <a:latin typeface="Calibri"/>
            </a:endParaRPr>
          </a:p>
        </p:txBody>
      </p:sp>
      <p:sp>
        <p:nvSpPr>
          <p:cNvPr id="3" name="Rectangle 2"/>
          <p:cNvSpPr/>
          <p:nvPr/>
        </p:nvSpPr>
        <p:spPr bwMode="auto">
          <a:xfrm>
            <a:off x="7086600" y="3318818"/>
            <a:ext cx="1676400" cy="703217"/>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latin typeface="Segoe" pitchFamily="34" charset="0"/>
              </a:rPr>
              <a:t>Update</a:t>
            </a:r>
          </a:p>
        </p:txBody>
      </p:sp>
    </p:spTree>
    <p:extLst>
      <p:ext uri="{BB962C8B-B14F-4D97-AF65-F5344CB8AC3E}">
        <p14:creationId xmlns:p14="http://schemas.microsoft.com/office/powerpoint/2010/main" val="1623784257"/>
      </p:ext>
    </p:extLst>
  </p:cSld>
  <p:clrMapOvr>
    <a:masterClrMapping/>
  </p:clrMapOvr>
  <p:transition>
    <p:fade/>
  </p:transition>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CA Water Fix and the IRP</a:t>
            </a:r>
            <a:endParaRPr lang="en-US" sz="6000" dirty="0"/>
          </a:p>
        </p:txBody>
      </p:sp>
    </p:spTree>
    <p:extLst>
      <p:ext uri="{BB962C8B-B14F-4D97-AF65-F5344CB8AC3E}">
        <p14:creationId xmlns:p14="http://schemas.microsoft.com/office/powerpoint/2010/main" val="1879505029"/>
      </p:ext>
    </p:extLst>
  </p:cSld>
  <p:clrMapOvr>
    <a:masterClrMapping/>
  </p:clrMapOvr>
  <p:transition>
    <p:fade/>
  </p:transition>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81000" y="183222"/>
            <a:ext cx="8382000" cy="1107996"/>
          </a:xfrm>
        </p:spPr>
        <p:txBody>
          <a:bodyPr/>
          <a:lstStyle/>
          <a:p>
            <a:pPr algn="ctr">
              <a:defRPr/>
            </a:pPr>
            <a:r>
              <a:rPr lang="en-US" sz="4400" b="1" dirty="0"/>
              <a:t>IRP Technical </a:t>
            </a:r>
            <a:r>
              <a:rPr lang="en-US" sz="4400" b="1" dirty="0" smtClean="0"/>
              <a:t>Approach</a:t>
            </a:r>
            <a:br>
              <a:rPr lang="en-US" sz="4400" b="1" dirty="0" smtClean="0"/>
            </a:br>
            <a:r>
              <a:rPr lang="en-US" sz="3600" b="1" dirty="0" smtClean="0">
                <a:solidFill>
                  <a:schemeClr val="tx2"/>
                </a:solidFill>
                <a:effectLst/>
              </a:rPr>
              <a:t>State Water Project</a:t>
            </a:r>
            <a:endParaRPr sz="3600" b="1" dirty="0">
              <a:solidFill>
                <a:schemeClr val="tx2"/>
              </a:solidFill>
              <a:effectLst/>
            </a:endParaRPr>
          </a:p>
        </p:txBody>
      </p:sp>
      <p:sp>
        <p:nvSpPr>
          <p:cNvPr id="4" name="Text Placeholder 4"/>
          <p:cNvSpPr>
            <a:spLocks noGrp="1"/>
          </p:cNvSpPr>
          <p:nvPr>
            <p:ph type="body" sz="quarter" idx="11"/>
          </p:nvPr>
        </p:nvSpPr>
        <p:spPr>
          <a:xfrm>
            <a:off x="304800" y="1981200"/>
            <a:ext cx="8534400" cy="3360920"/>
          </a:xfrm>
        </p:spPr>
        <p:txBody>
          <a:bodyPr/>
          <a:lstStyle/>
          <a:p>
            <a:pPr fontAlgn="base">
              <a:spcAft>
                <a:spcPct val="0"/>
              </a:spcAft>
            </a:pPr>
            <a:r>
              <a:rPr lang="en-US" sz="2800" dirty="0" smtClean="0"/>
              <a:t>Manage flow and export regulations in the</a:t>
            </a:r>
            <a:br>
              <a:rPr lang="en-US" sz="2800" dirty="0" smtClean="0"/>
            </a:br>
            <a:r>
              <a:rPr lang="en-US" sz="2800" dirty="0" smtClean="0"/>
              <a:t>near-term </a:t>
            </a:r>
          </a:p>
          <a:p>
            <a:pPr lvl="1" fontAlgn="base">
              <a:spcAft>
                <a:spcPct val="0"/>
              </a:spcAft>
            </a:pPr>
            <a:r>
              <a:rPr lang="en-US" dirty="0" smtClean="0"/>
              <a:t>Continue to engage in collaborative </a:t>
            </a:r>
            <a:br>
              <a:rPr lang="en-US" dirty="0" smtClean="0"/>
            </a:br>
            <a:r>
              <a:rPr lang="en-US" dirty="0" smtClean="0"/>
              <a:t>science-based approaches</a:t>
            </a:r>
          </a:p>
          <a:p>
            <a:pPr fontAlgn="base">
              <a:spcAft>
                <a:spcPct val="0"/>
              </a:spcAft>
            </a:pPr>
            <a:r>
              <a:rPr lang="en-US" sz="2800" dirty="0" smtClean="0"/>
              <a:t>Pursue a long-term Delta solution</a:t>
            </a:r>
          </a:p>
          <a:p>
            <a:pPr lvl="1" fontAlgn="base">
              <a:spcAft>
                <a:spcPct val="0"/>
              </a:spcAft>
            </a:pPr>
            <a:r>
              <a:rPr lang="en-US" dirty="0" smtClean="0"/>
              <a:t>Continue active participation in the </a:t>
            </a:r>
            <a:br>
              <a:rPr lang="en-US" dirty="0" smtClean="0"/>
            </a:br>
            <a:r>
              <a:rPr lang="en-US" dirty="0" smtClean="0"/>
              <a:t>California WaterFix and the California EcoRestore efforts</a:t>
            </a:r>
          </a:p>
        </p:txBody>
      </p:sp>
    </p:spTree>
    <p:extLst>
      <p:ext uri="{BB962C8B-B14F-4D97-AF65-F5344CB8AC3E}">
        <p14:creationId xmlns:p14="http://schemas.microsoft.com/office/powerpoint/2010/main" val="2208787718"/>
      </p:ext>
    </p:extLst>
  </p:cSld>
  <p:clrMapOvr>
    <a:masterClrMapping/>
  </p:clrMapOvr>
  <p:transition>
    <p:fade/>
  </p:transition>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r"/>
            <a:r>
              <a:rPr lang="en-US" sz="4400" b="1" dirty="0" smtClean="0"/>
              <a:t>2015 IRP Update Target – SWP</a:t>
            </a:r>
            <a:br>
              <a:rPr lang="en-US" sz="4400" b="1" dirty="0" smtClean="0"/>
            </a:br>
            <a:r>
              <a:rPr lang="en-US" sz="3200" b="1" dirty="0" smtClean="0">
                <a:solidFill>
                  <a:schemeClr val="tx2"/>
                </a:solidFill>
              </a:rPr>
              <a:t>Table A + Article 21 Supplies</a:t>
            </a:r>
            <a:endParaRPr lang="en-US" sz="4400" b="1" dirty="0">
              <a:solidFill>
                <a:schemeClr val="tx2"/>
              </a:solidFill>
            </a:endParaRPr>
          </a:p>
        </p:txBody>
      </p:sp>
      <p:graphicFrame>
        <p:nvGraphicFramePr>
          <p:cNvPr id="4" name="Chart 3"/>
          <p:cNvGraphicFramePr/>
          <p:nvPr>
            <p:extLst>
              <p:ext uri="{D42A27DB-BD31-4B8C-83A1-F6EECF244321}">
                <p14:modId xmlns:p14="http://schemas.microsoft.com/office/powerpoint/2010/main" val="1709739830"/>
              </p:ext>
            </p:extLst>
          </p:nvPr>
        </p:nvGraphicFramePr>
        <p:xfrm>
          <a:off x="381000" y="1600200"/>
          <a:ext cx="8458200" cy="5029200"/>
        </p:xfrm>
        <a:graphic>
          <a:graphicData uri="http://schemas.openxmlformats.org/drawingml/2006/chart">
            <c:chart xmlns:c="http://schemas.openxmlformats.org/drawingml/2006/chart" xmlns:r="http://schemas.openxmlformats.org/officeDocument/2006/relationships" r:id="rId3"/>
          </a:graphicData>
        </a:graphic>
      </p:graphicFrame>
      <p:sp>
        <p:nvSpPr>
          <p:cNvPr id="6" name="Rounded Rectangular Callout 5"/>
          <p:cNvSpPr/>
          <p:nvPr/>
        </p:nvSpPr>
        <p:spPr bwMode="auto">
          <a:xfrm>
            <a:off x="2345267" y="2315633"/>
            <a:ext cx="2362200" cy="1143000"/>
          </a:xfrm>
          <a:prstGeom prst="wedgeRoundRectCallout">
            <a:avLst>
              <a:gd name="adj1" fmla="val -55300"/>
              <a:gd name="adj2" fmla="val 85236"/>
              <a:gd name="adj3" fmla="val 16667"/>
            </a:avLst>
          </a:prstGeom>
          <a:ln>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rPr>
              <a:t>Assumes Additional Restrictions Starting in 2020</a:t>
            </a:r>
          </a:p>
        </p:txBody>
      </p:sp>
      <p:sp>
        <p:nvSpPr>
          <p:cNvPr id="7" name="Rounded Rectangular Callout 6"/>
          <p:cNvSpPr/>
          <p:nvPr/>
        </p:nvSpPr>
        <p:spPr bwMode="auto">
          <a:xfrm>
            <a:off x="5029200" y="1744133"/>
            <a:ext cx="2362200" cy="1143000"/>
          </a:xfrm>
          <a:prstGeom prst="wedgeRoundRectCallout">
            <a:avLst>
              <a:gd name="adj1" fmla="val -50999"/>
              <a:gd name="adj2" fmla="val 88940"/>
              <a:gd name="adj3" fmla="val 16667"/>
            </a:avLst>
          </a:prstGeom>
          <a:ln>
            <a:headEnd type="none" w="med" len="med"/>
            <a:tailEnd type="none" w="med" len="med"/>
          </a:ln>
        </p:spPr>
        <p:style>
          <a:lnRef idx="0">
            <a:schemeClr val="accent6"/>
          </a:lnRef>
          <a:fillRef idx="3">
            <a:schemeClr val="accent6"/>
          </a:fillRef>
          <a:effectRef idx="3">
            <a:schemeClr val="accent6"/>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r>
              <a:rPr lang="en-US" sz="2000" dirty="0" smtClean="0">
                <a:solidFill>
                  <a:srgbClr val="FFFFFF"/>
                </a:solidFill>
                <a:effectLst>
                  <a:outerShdw blurRad="38100" dist="38100" dir="2700000" algn="tl">
                    <a:srgbClr val="000000">
                      <a:alpha val="43137"/>
                    </a:srgbClr>
                  </a:outerShdw>
                </a:effectLst>
              </a:rPr>
              <a:t>Benefits of the California WaterFix Begin in 2030</a:t>
            </a:r>
          </a:p>
        </p:txBody>
      </p:sp>
    </p:spTree>
    <p:extLst>
      <p:ext uri="{BB962C8B-B14F-4D97-AF65-F5344CB8AC3E}">
        <p14:creationId xmlns:p14="http://schemas.microsoft.com/office/powerpoint/2010/main" val="108817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4">
                                            <p:graphicEl>
                                              <a:chart seriesIdx="-4" categoryIdx="0" bldStep="category"/>
                                            </p:graphicEl>
                                          </p:spTgt>
                                        </p:tgtEl>
                                        <p:attrNameLst>
                                          <p:attrName>style.visibility</p:attrName>
                                        </p:attrNameLst>
                                      </p:cBhvr>
                                      <p:to>
                                        <p:strVal val="visible"/>
                                      </p:to>
                                    </p:set>
                                    <p:animEffect transition="in" filter="wipe(down)">
                                      <p:cBhvr>
                                        <p:cTn id="7" dur="500"/>
                                        <p:tgtEl>
                                          <p:spTgt spid="4">
                                            <p:graphicEl>
                                              <a:chart seriesIdx="-4" categoryIdx="0" bldStep="category"/>
                                            </p:graphicEl>
                                          </p:spTgt>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4">
                                            <p:graphicEl>
                                              <a:chart seriesIdx="-4" categoryIdx="1" bldStep="category"/>
                                            </p:graphicEl>
                                          </p:spTgt>
                                        </p:tgtEl>
                                        <p:attrNameLst>
                                          <p:attrName>style.visibility</p:attrName>
                                        </p:attrNameLst>
                                      </p:cBhvr>
                                      <p:to>
                                        <p:strVal val="visible"/>
                                      </p:to>
                                    </p:set>
                                    <p:animEffect transition="in" filter="wipe(down)">
                                      <p:cBhvr>
                                        <p:cTn id="10" dur="500"/>
                                        <p:tgtEl>
                                          <p:spTgt spid="4">
                                            <p:graphicEl>
                                              <a:chart seriesIdx="-4" categoryIdx="1" bldStep="category"/>
                                            </p:graphicEl>
                                          </p:spTgt>
                                        </p:tgtEl>
                                      </p:cBhvr>
                                    </p:animEffect>
                                  </p:childTnLst>
                                </p:cTn>
                              </p:par>
                            </p:childTnLst>
                          </p:cTn>
                        </p:par>
                        <p:par>
                          <p:cTn id="11" fill="hold">
                            <p:stCondLst>
                              <p:cond delay="500"/>
                            </p:stCondLst>
                            <p:childTnLst>
                              <p:par>
                                <p:cTn id="12" presetID="1" presetClass="entr" presetSubtype="0" fill="hold" grpId="0" nodeType="afterEffect">
                                  <p:stCondLst>
                                    <p:cond delay="0"/>
                                  </p:stCondLst>
                                  <p:childTnLst>
                                    <p:set>
                                      <p:cBhvr>
                                        <p:cTn id="13" dur="1" fill="hold">
                                          <p:stCondLst>
                                            <p:cond delay="0"/>
                                          </p:stCondLst>
                                        </p:cTn>
                                        <p:tgtEl>
                                          <p:spTgt spid="6"/>
                                        </p:tgtEl>
                                        <p:attrNameLst>
                                          <p:attrName>style.visibility</p:attrName>
                                        </p:attrNameLst>
                                      </p:cBhvr>
                                      <p:to>
                                        <p:strVal val="visible"/>
                                      </p:to>
                                    </p:set>
                                  </p:childTnLst>
                                </p:cTn>
                              </p:par>
                            </p:childTnLst>
                          </p:cTn>
                        </p:par>
                      </p:childTnLst>
                    </p:cTn>
                  </p:par>
                  <p:par>
                    <p:cTn id="14" fill="hold">
                      <p:stCondLst>
                        <p:cond delay="indefinite"/>
                      </p:stCondLst>
                      <p:childTnLst>
                        <p:par>
                          <p:cTn id="15" fill="hold">
                            <p:stCondLst>
                              <p:cond delay="0"/>
                            </p:stCondLst>
                            <p:childTnLst>
                              <p:par>
                                <p:cTn id="16" presetID="22" presetClass="entr" presetSubtype="4" fill="hold" grpId="0" nodeType="clickEffect">
                                  <p:stCondLst>
                                    <p:cond delay="0"/>
                                  </p:stCondLst>
                                  <p:childTnLst>
                                    <p:set>
                                      <p:cBhvr>
                                        <p:cTn id="17" dur="1" fill="hold">
                                          <p:stCondLst>
                                            <p:cond delay="0"/>
                                          </p:stCondLst>
                                        </p:cTn>
                                        <p:tgtEl>
                                          <p:spTgt spid="4">
                                            <p:graphicEl>
                                              <a:chart seriesIdx="-4" categoryIdx="2" bldStep="category"/>
                                            </p:graphicEl>
                                          </p:spTgt>
                                        </p:tgtEl>
                                        <p:attrNameLst>
                                          <p:attrName>style.visibility</p:attrName>
                                        </p:attrNameLst>
                                      </p:cBhvr>
                                      <p:to>
                                        <p:strVal val="visible"/>
                                      </p:to>
                                    </p:set>
                                    <p:animEffect transition="in" filter="wipe(down)">
                                      <p:cBhvr>
                                        <p:cTn id="18" dur="500"/>
                                        <p:tgtEl>
                                          <p:spTgt spid="4">
                                            <p:graphicEl>
                                              <a:chart seriesIdx="-4" categoryIdx="2" bldStep="category"/>
                                            </p:graphicEl>
                                          </p:spTgt>
                                        </p:tgtEl>
                                      </p:cBhvr>
                                    </p:animEffect>
                                  </p:childTnLst>
                                </p:cTn>
                              </p:par>
                              <p:par>
                                <p:cTn id="19" presetID="1" presetClass="exit" presetSubtype="0" fill="hold" grpId="1" nodeType="withEffect">
                                  <p:stCondLst>
                                    <p:cond delay="0"/>
                                  </p:stCondLst>
                                  <p:childTnLst>
                                    <p:set>
                                      <p:cBhvr>
                                        <p:cTn id="20" dur="1" fill="hold">
                                          <p:stCondLst>
                                            <p:cond delay="0"/>
                                          </p:stCondLst>
                                        </p:cTn>
                                        <p:tgtEl>
                                          <p:spTgt spid="6"/>
                                        </p:tgtEl>
                                        <p:attrNameLst>
                                          <p:attrName>style.visibility</p:attrName>
                                        </p:attrNameLst>
                                      </p:cBhvr>
                                      <p:to>
                                        <p:strVal val="hidden"/>
                                      </p:to>
                                    </p:set>
                                  </p:childTnLst>
                                </p:cTn>
                              </p:par>
                              <p:par>
                                <p:cTn id="21" presetID="22" presetClass="entr" presetSubtype="4" fill="hold" grpId="0" nodeType="withEffect">
                                  <p:stCondLst>
                                    <p:cond delay="0"/>
                                  </p:stCondLst>
                                  <p:childTnLst>
                                    <p:set>
                                      <p:cBhvr>
                                        <p:cTn id="22" dur="1" fill="hold">
                                          <p:stCondLst>
                                            <p:cond delay="0"/>
                                          </p:stCondLst>
                                        </p:cTn>
                                        <p:tgtEl>
                                          <p:spTgt spid="4">
                                            <p:graphicEl>
                                              <a:chart seriesIdx="-4" categoryIdx="3" bldStep="category"/>
                                            </p:graphicEl>
                                          </p:spTgt>
                                        </p:tgtEl>
                                        <p:attrNameLst>
                                          <p:attrName>style.visibility</p:attrName>
                                        </p:attrNameLst>
                                      </p:cBhvr>
                                      <p:to>
                                        <p:strVal val="visible"/>
                                      </p:to>
                                    </p:set>
                                    <p:animEffect transition="in" filter="wipe(down)">
                                      <p:cBhvr>
                                        <p:cTn id="23" dur="500"/>
                                        <p:tgtEl>
                                          <p:spTgt spid="4">
                                            <p:graphicEl>
                                              <a:chart seriesIdx="-4" categoryIdx="3" bldStep="category"/>
                                            </p:graphicEl>
                                          </p:spTgt>
                                        </p:tgtEl>
                                      </p:cBhvr>
                                    </p:animEffect>
                                  </p:childTnLst>
                                </p:cTn>
                              </p:par>
                              <p:par>
                                <p:cTn id="24" presetID="22" presetClass="entr" presetSubtype="4" fill="hold" grpId="0" nodeType="withEffect">
                                  <p:stCondLst>
                                    <p:cond delay="0"/>
                                  </p:stCondLst>
                                  <p:childTnLst>
                                    <p:set>
                                      <p:cBhvr>
                                        <p:cTn id="25" dur="1" fill="hold">
                                          <p:stCondLst>
                                            <p:cond delay="0"/>
                                          </p:stCondLst>
                                        </p:cTn>
                                        <p:tgtEl>
                                          <p:spTgt spid="4">
                                            <p:graphicEl>
                                              <a:chart seriesIdx="-4" categoryIdx="4" bldStep="category"/>
                                            </p:graphicEl>
                                          </p:spTgt>
                                        </p:tgtEl>
                                        <p:attrNameLst>
                                          <p:attrName>style.visibility</p:attrName>
                                        </p:attrNameLst>
                                      </p:cBhvr>
                                      <p:to>
                                        <p:strVal val="visible"/>
                                      </p:to>
                                    </p:set>
                                    <p:animEffect transition="in" filter="wipe(down)">
                                      <p:cBhvr>
                                        <p:cTn id="26" dur="500"/>
                                        <p:tgtEl>
                                          <p:spTgt spid="4">
                                            <p:graphicEl>
                                              <a:chart seriesIdx="-4" categoryIdx="4" bldStep="category"/>
                                            </p:graphicEl>
                                          </p:spTgt>
                                        </p:tgtEl>
                                      </p:cBhvr>
                                    </p:animEffect>
                                  </p:childTnLst>
                                </p:cTn>
                              </p:par>
                            </p:childTnLst>
                          </p:cTn>
                        </p:par>
                        <p:par>
                          <p:cTn id="27" fill="hold">
                            <p:stCondLst>
                              <p:cond delay="500"/>
                            </p:stCondLst>
                            <p:childTnLst>
                              <p:par>
                                <p:cTn id="28" presetID="1" presetClass="entr" presetSubtype="0" fill="hold" grpId="0" nodeType="afterEffect">
                                  <p:stCondLst>
                                    <p:cond delay="0"/>
                                  </p:stCondLst>
                                  <p:childTnLst>
                                    <p:set>
                                      <p:cBhvr>
                                        <p:cTn id="29" dur="1" fill="hold">
                                          <p:stCondLst>
                                            <p:cond delay="0"/>
                                          </p:stCondLst>
                                        </p:cTn>
                                        <p:tgtEl>
                                          <p:spTgt spid="7"/>
                                        </p:tgtEl>
                                        <p:attrNameLst>
                                          <p:attrName>style.visibility</p:attrName>
                                        </p:attrNameLst>
                                      </p:cBhvr>
                                      <p:to>
                                        <p:strVal val="visible"/>
                                      </p:to>
                                    </p:set>
                                  </p:childTnLst>
                                </p:cTn>
                              </p:par>
                            </p:childTnLst>
                          </p:cTn>
                        </p:par>
                      </p:childTnLst>
                    </p:cTn>
                  </p:par>
                  <p:par>
                    <p:cTn id="30" fill="hold">
                      <p:stCondLst>
                        <p:cond delay="indefinite"/>
                      </p:stCondLst>
                      <p:childTnLst>
                        <p:par>
                          <p:cTn id="31" fill="hold">
                            <p:stCondLst>
                              <p:cond delay="0"/>
                            </p:stCondLst>
                            <p:childTnLst>
                              <p:par>
                                <p:cTn id="32" presetID="1" presetClass="exit" presetSubtype="0" fill="hold" grpId="1" nodeType="clickEffect">
                                  <p:stCondLst>
                                    <p:cond delay="0"/>
                                  </p:stCondLst>
                                  <p:childTnLst>
                                    <p:set>
                                      <p:cBhvr>
                                        <p:cTn id="33" dur="1" fill="hold">
                                          <p:stCondLst>
                                            <p:cond delay="0"/>
                                          </p:stCondLst>
                                        </p:cTn>
                                        <p:tgtEl>
                                          <p:spTgt spid="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Sub>
          <a:bldChart bld="category" animBg="0"/>
        </p:bldSub>
      </p:bldGraphic>
      <p:bldP spid="6" grpId="0" animBg="1"/>
      <p:bldP spid="6" grpId="1" animBg="1"/>
      <p:bldP spid="7" grpId="0" animBg="1"/>
      <p:bldP spid="7" grpId="1" animBg="1"/>
    </p:bld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hart 5"/>
          <p:cNvGraphicFramePr/>
          <p:nvPr>
            <p:extLst>
              <p:ext uri="{D42A27DB-BD31-4B8C-83A1-F6EECF244321}">
                <p14:modId xmlns:p14="http://schemas.microsoft.com/office/powerpoint/2010/main" val="1124813435"/>
              </p:ext>
            </p:extLst>
          </p:nvPr>
        </p:nvGraphicFramePr>
        <p:xfrm>
          <a:off x="381000" y="1397000"/>
          <a:ext cx="8534400" cy="5156200"/>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p:cNvSpPr>
            <a:spLocks noGrp="1"/>
          </p:cNvSpPr>
          <p:nvPr>
            <p:ph type="title"/>
          </p:nvPr>
        </p:nvSpPr>
        <p:spPr>
          <a:xfrm>
            <a:off x="381000" y="230188"/>
            <a:ext cx="8385048" cy="1329595"/>
          </a:xfrm>
        </p:spPr>
        <p:txBody>
          <a:bodyPr/>
          <a:lstStyle/>
          <a:p>
            <a:r>
              <a:rPr lang="en-US" dirty="0" smtClean="0"/>
              <a:t>How Does the IRP Perform without the California </a:t>
            </a:r>
            <a:r>
              <a:rPr lang="en-US" dirty="0" err="1" smtClean="0"/>
              <a:t>WaterFix</a:t>
            </a:r>
            <a:r>
              <a:rPr lang="en-US" dirty="0" smtClean="0"/>
              <a:t>?</a:t>
            </a:r>
            <a:endParaRPr lang="en-US" dirty="0">
              <a:solidFill>
                <a:schemeClr val="tx2"/>
              </a:solidFill>
            </a:endParaRPr>
          </a:p>
        </p:txBody>
      </p:sp>
      <p:sp>
        <p:nvSpPr>
          <p:cNvPr id="3" name="Rectangular Callout 2"/>
          <p:cNvSpPr/>
          <p:nvPr/>
        </p:nvSpPr>
        <p:spPr bwMode="auto">
          <a:xfrm>
            <a:off x="2590800" y="1929492"/>
            <a:ext cx="2438400" cy="1143000"/>
          </a:xfrm>
          <a:prstGeom prst="wedgeRectCallout">
            <a:avLst>
              <a:gd name="adj1" fmla="val 5399"/>
              <a:gd name="adj2" fmla="val 110178"/>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rPr>
              <a:t>Annual Difference </a:t>
            </a:r>
            <a:br>
              <a:rPr lang="en-US" sz="2300" dirty="0" smtClean="0">
                <a:solidFill>
                  <a:srgbClr val="FFFFFF"/>
                </a:solidFill>
                <a:effectLst>
                  <a:outerShdw blurRad="38100" dist="38100" dir="2700000" algn="tl">
                    <a:srgbClr val="000000">
                      <a:alpha val="43137"/>
                    </a:srgbClr>
                  </a:outerShdw>
                </a:effectLst>
              </a:rPr>
            </a:br>
            <a:r>
              <a:rPr lang="en-US" sz="2300" dirty="0" smtClean="0">
                <a:solidFill>
                  <a:srgbClr val="FFFFFF"/>
                </a:solidFill>
                <a:effectLst>
                  <a:outerShdw blurRad="38100" dist="38100" dir="2700000" algn="tl">
                    <a:srgbClr val="000000">
                      <a:alpha val="43137"/>
                    </a:srgbClr>
                  </a:outerShdw>
                </a:effectLst>
              </a:rPr>
              <a:t>150 TAF on Average</a:t>
            </a:r>
          </a:p>
        </p:txBody>
      </p:sp>
      <p:sp>
        <p:nvSpPr>
          <p:cNvPr id="7" name="Rectangular Callout 6"/>
          <p:cNvSpPr/>
          <p:nvPr/>
        </p:nvSpPr>
        <p:spPr bwMode="auto">
          <a:xfrm>
            <a:off x="5334000" y="1752600"/>
            <a:ext cx="2438400" cy="1143000"/>
          </a:xfrm>
          <a:prstGeom prst="wedgeRectCallout">
            <a:avLst>
              <a:gd name="adj1" fmla="val 41559"/>
              <a:gd name="adj2" fmla="val 106607"/>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rPr>
              <a:t>Annual Difference </a:t>
            </a:r>
            <a:br>
              <a:rPr lang="en-US" sz="2300" dirty="0" smtClean="0">
                <a:solidFill>
                  <a:srgbClr val="FFFFFF"/>
                </a:solidFill>
                <a:effectLst>
                  <a:outerShdw blurRad="38100" dist="38100" dir="2700000" algn="tl">
                    <a:srgbClr val="000000">
                      <a:alpha val="43137"/>
                    </a:srgbClr>
                  </a:outerShdw>
                </a:effectLst>
              </a:rPr>
            </a:br>
            <a:r>
              <a:rPr lang="en-US" sz="2300" dirty="0" smtClean="0">
                <a:solidFill>
                  <a:srgbClr val="FFFFFF"/>
                </a:solidFill>
                <a:effectLst>
                  <a:outerShdw blurRad="38100" dist="38100" dir="2700000" algn="tl">
                    <a:srgbClr val="000000">
                      <a:alpha val="43137"/>
                    </a:srgbClr>
                  </a:outerShdw>
                </a:effectLst>
              </a:rPr>
              <a:t>375 TAF on Average</a:t>
            </a:r>
          </a:p>
        </p:txBody>
      </p:sp>
    </p:spTree>
    <p:extLst>
      <p:ext uri="{BB962C8B-B14F-4D97-AF65-F5344CB8AC3E}">
        <p14:creationId xmlns:p14="http://schemas.microsoft.com/office/powerpoint/2010/main" val="1051219726"/>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7" grpId="0" animBg="1"/>
    </p:bld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8370" name="Content Placeholder 14"/>
          <p:cNvGraphicFramePr>
            <a:graphicFrameLocks noGrp="1"/>
          </p:cNvGraphicFramePr>
          <p:nvPr>
            <p:ph sz="half" idx="1"/>
            <p:extLst>
              <p:ext uri="{D42A27DB-BD31-4B8C-83A1-F6EECF244321}">
                <p14:modId xmlns:p14="http://schemas.microsoft.com/office/powerpoint/2010/main" val="1240951781"/>
              </p:ext>
            </p:extLst>
          </p:nvPr>
        </p:nvGraphicFramePr>
        <p:xfrm>
          <a:off x="368300" y="1268528"/>
          <a:ext cx="4216400" cy="4473575"/>
        </p:xfrm>
        <a:graphic>
          <a:graphicData uri="http://schemas.openxmlformats.org/presentationml/2006/ole">
            <mc:AlternateContent xmlns:mc="http://schemas.openxmlformats.org/markup-compatibility/2006">
              <mc:Choice xmlns:v="urn:schemas-microsoft-com:vml" Requires="v">
                <p:oleObj spid="_x0000_s2196" r:id="rId4" imgW="4218798" imgH="4474852" progId="Excel.Chart.8">
                  <p:embed/>
                </p:oleObj>
              </mc:Choice>
              <mc:Fallback>
                <p:oleObj r:id="rId4" imgW="4218798" imgH="4474852" progId="Excel.Chart.8">
                  <p:embed/>
                  <p:pic>
                    <p:nvPicPr>
                      <p:cNvPr id="0" name=""/>
                      <p:cNvPicPr>
                        <a:picLocks noGrp="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68300" y="1268528"/>
                        <a:ext cx="4216400" cy="4473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6" name="Title 4"/>
          <p:cNvSpPr>
            <a:spLocks noGrp="1"/>
          </p:cNvSpPr>
          <p:nvPr>
            <p:ph type="title"/>
          </p:nvPr>
        </p:nvSpPr>
        <p:spPr bwMode="invGray">
          <a:xfrm>
            <a:off x="457200" y="152400"/>
            <a:ext cx="8229600" cy="1052596"/>
          </a:xfrm>
        </p:spPr>
        <p:txBody>
          <a:bodyPr>
            <a:noAutofit/>
          </a:bodyPr>
          <a:lstStyle/>
          <a:p>
            <a:pPr algn="ctr" defTabSz="914363" eaLnBrk="1" fontAlgn="auto" hangingPunct="1">
              <a:spcAft>
                <a:spcPts val="0"/>
              </a:spcAft>
              <a:defRPr/>
            </a:pPr>
            <a:r>
              <a:rPr lang="en-US" dirty="0" smtClean="0"/>
              <a:t>MWD Water Resource Strategy</a:t>
            </a:r>
            <a:r>
              <a:rPr lang="en-US" sz="4000" dirty="0" smtClean="0"/>
              <a:t/>
            </a:r>
            <a:br>
              <a:rPr lang="en-US" sz="4000" dirty="0" smtClean="0"/>
            </a:br>
            <a:r>
              <a:rPr lang="en-US" sz="3600" dirty="0">
                <a:solidFill>
                  <a:schemeClr val="tx1"/>
                </a:solidFill>
              </a:rPr>
              <a:t>Supply/Demand Management–1990 vs. 2035</a:t>
            </a:r>
            <a:endParaRPr lang="en-US" dirty="0">
              <a:solidFill>
                <a:schemeClr val="tx1"/>
              </a:solidFill>
            </a:endParaRPr>
          </a:p>
        </p:txBody>
      </p:sp>
      <p:sp>
        <p:nvSpPr>
          <p:cNvPr id="9" name="Title 4"/>
          <p:cNvSpPr txBox="1">
            <a:spLocks/>
          </p:cNvSpPr>
          <p:nvPr/>
        </p:nvSpPr>
        <p:spPr bwMode="invGray">
          <a:xfrm>
            <a:off x="4876800" y="5497628"/>
            <a:ext cx="3081338" cy="387350"/>
          </a:xfrm>
          <a:prstGeom prst="rect">
            <a:avLst/>
          </a:prstGeom>
          <a:effectLst>
            <a:outerShdw blurRad="50800" dist="38100" dir="2700000" algn="tl" rotWithShape="0">
              <a:prstClr val="black"/>
            </a:outerShdw>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800" dirty="0">
                <a:ln w="11430"/>
                <a:solidFill>
                  <a:prstClr val="white"/>
                </a:solidFill>
                <a:effectLst/>
                <a:latin typeface="+mn-lt"/>
              </a:rPr>
              <a:t>2035  –  64% Local</a:t>
            </a:r>
          </a:p>
        </p:txBody>
      </p:sp>
      <p:sp>
        <p:nvSpPr>
          <p:cNvPr id="31" name="Title 4"/>
          <p:cNvSpPr txBox="1">
            <a:spLocks/>
          </p:cNvSpPr>
          <p:nvPr/>
        </p:nvSpPr>
        <p:spPr bwMode="invGray">
          <a:xfrm>
            <a:off x="698500" y="5497628"/>
            <a:ext cx="3081338" cy="387350"/>
          </a:xfrm>
          <a:prstGeom prst="rect">
            <a:avLst/>
          </a:prstGeom>
          <a:effectLst>
            <a:outerShdw blurRad="50800" dist="38100" dir="2700000" algn="tl" rotWithShape="0">
              <a:prstClr val="black"/>
            </a:outerShdw>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800" dirty="0">
                <a:ln w="11430">
                  <a:noFill/>
                </a:ln>
                <a:solidFill>
                  <a:prstClr val="white"/>
                </a:solidFill>
                <a:effectLst/>
                <a:latin typeface="+mn-lt"/>
              </a:rPr>
              <a:t>1990  –  41% Local</a:t>
            </a:r>
          </a:p>
        </p:txBody>
      </p:sp>
      <p:sp>
        <p:nvSpPr>
          <p:cNvPr id="32" name="Title 4"/>
          <p:cNvSpPr txBox="1">
            <a:spLocks/>
          </p:cNvSpPr>
          <p:nvPr/>
        </p:nvSpPr>
        <p:spPr bwMode="invGray">
          <a:xfrm>
            <a:off x="701675" y="3757728"/>
            <a:ext cx="2424113" cy="554038"/>
          </a:xfrm>
          <a:prstGeom prst="rect">
            <a:avLst/>
          </a:prstGeom>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State Water Project </a:t>
            </a:r>
            <a:br>
              <a:rPr sz="2000" dirty="0" smtClean="0">
                <a:solidFill>
                  <a:prstClr val="white"/>
                </a:solidFill>
              </a:rPr>
            </a:br>
            <a:r>
              <a:rPr sz="2000" dirty="0" smtClean="0">
                <a:solidFill>
                  <a:prstClr val="white"/>
                </a:solidFill>
              </a:rPr>
              <a:t> (33%)</a:t>
            </a:r>
            <a:endParaRPr sz="3200" dirty="0">
              <a:solidFill>
                <a:prstClr val="white"/>
              </a:solidFill>
            </a:endParaRPr>
          </a:p>
        </p:txBody>
      </p:sp>
      <p:sp>
        <p:nvSpPr>
          <p:cNvPr id="33" name="Title 4"/>
          <p:cNvSpPr txBox="1">
            <a:spLocks/>
          </p:cNvSpPr>
          <p:nvPr/>
        </p:nvSpPr>
        <p:spPr bwMode="invGray">
          <a:xfrm>
            <a:off x="685800" y="2733830"/>
            <a:ext cx="3181918" cy="553998"/>
          </a:xfrm>
          <a:prstGeom prst="rect">
            <a:avLst/>
          </a:prstGeom>
          <a:effectLst/>
        </p:spPr>
        <p:txBody>
          <a:bodyPr wrap="square"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Colorado River  Aqueduct </a:t>
            </a:r>
            <a:br>
              <a:rPr sz="2000" dirty="0" smtClean="0">
                <a:solidFill>
                  <a:prstClr val="white"/>
                </a:solidFill>
              </a:rPr>
            </a:br>
            <a:r>
              <a:rPr sz="2000" dirty="0" smtClean="0">
                <a:solidFill>
                  <a:prstClr val="white"/>
                </a:solidFill>
              </a:rPr>
              <a:t>(26%)</a:t>
            </a:r>
            <a:endParaRPr sz="3200" dirty="0">
              <a:solidFill>
                <a:prstClr val="white"/>
              </a:solidFill>
            </a:endParaRPr>
          </a:p>
        </p:txBody>
      </p:sp>
      <p:sp>
        <p:nvSpPr>
          <p:cNvPr id="34" name="Title 4"/>
          <p:cNvSpPr txBox="1">
            <a:spLocks/>
          </p:cNvSpPr>
          <p:nvPr/>
        </p:nvSpPr>
        <p:spPr bwMode="invGray">
          <a:xfrm>
            <a:off x="701675" y="4789603"/>
            <a:ext cx="3262313" cy="554038"/>
          </a:xfrm>
          <a:prstGeom prst="rect">
            <a:avLst/>
          </a:prstGeom>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Local Surface/Groundwater </a:t>
            </a:r>
            <a:br>
              <a:rPr sz="2000" dirty="0" smtClean="0">
                <a:solidFill>
                  <a:prstClr val="white"/>
                </a:solidFill>
              </a:rPr>
            </a:br>
            <a:r>
              <a:rPr sz="2000" dirty="0" smtClean="0">
                <a:solidFill>
                  <a:prstClr val="white"/>
                </a:solidFill>
              </a:rPr>
              <a:t>(34%)</a:t>
            </a:r>
            <a:endParaRPr sz="3200" dirty="0">
              <a:solidFill>
                <a:prstClr val="white"/>
              </a:solidFill>
            </a:endParaRPr>
          </a:p>
        </p:txBody>
      </p:sp>
      <p:sp>
        <p:nvSpPr>
          <p:cNvPr id="35" name="Title 4"/>
          <p:cNvSpPr txBox="1">
            <a:spLocks/>
          </p:cNvSpPr>
          <p:nvPr/>
        </p:nvSpPr>
        <p:spPr bwMode="invGray">
          <a:xfrm>
            <a:off x="1295400" y="1760653"/>
            <a:ext cx="3581400" cy="444500"/>
          </a:xfrm>
          <a:prstGeom prst="rect">
            <a:avLst/>
          </a:prstGeom>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lnSpc>
                <a:spcPct val="70000"/>
              </a:lnSpc>
              <a:defRPr/>
            </a:pPr>
            <a:r>
              <a:rPr sz="2000" dirty="0" smtClean="0">
                <a:solidFill>
                  <a:prstClr val="white"/>
                </a:solidFill>
                <a:effectLst>
                  <a:outerShdw blurRad="38100" dist="38100" dir="2700000" algn="tl" rotWithShape="0">
                    <a:srgbClr val="000000">
                      <a:alpha val="43137"/>
                    </a:srgbClr>
                  </a:outerShdw>
                </a:effectLst>
              </a:rPr>
              <a:t>Conservation &amp; Recycling </a:t>
            </a:r>
            <a:br>
              <a:rPr sz="2000" dirty="0" smtClean="0">
                <a:solidFill>
                  <a:prstClr val="white"/>
                </a:solidFill>
                <a:effectLst>
                  <a:outerShdw blurRad="38100" dist="38100" dir="2700000" algn="tl" rotWithShape="0">
                    <a:srgbClr val="000000">
                      <a:alpha val="43137"/>
                    </a:srgbClr>
                  </a:outerShdw>
                </a:effectLst>
              </a:rPr>
            </a:br>
            <a:r>
              <a:rPr sz="2000" dirty="0" smtClean="0">
                <a:solidFill>
                  <a:prstClr val="white"/>
                </a:solidFill>
                <a:effectLst>
                  <a:outerShdw blurRad="38100" dist="38100" dir="2700000" algn="tl" rotWithShape="0">
                    <a:srgbClr val="000000">
                      <a:alpha val="43137"/>
                    </a:srgbClr>
                  </a:outerShdw>
                </a:effectLst>
              </a:rPr>
              <a:t> (</a:t>
            </a:r>
            <a:r>
              <a:rPr sz="2000" dirty="0">
                <a:solidFill>
                  <a:prstClr val="white"/>
                </a:solidFill>
                <a:effectLst>
                  <a:outerShdw blurRad="38100" dist="38100" dir="2700000" algn="tl" rotWithShape="0">
                    <a:srgbClr val="000000">
                      <a:alpha val="43137"/>
                    </a:srgbClr>
                  </a:outerShdw>
                </a:effectLst>
              </a:rPr>
              <a:t>7</a:t>
            </a:r>
            <a:r>
              <a:rPr sz="2000" dirty="0" smtClean="0">
                <a:solidFill>
                  <a:prstClr val="white"/>
                </a:solidFill>
                <a:effectLst>
                  <a:outerShdw blurRad="38100" dist="38100" dir="2700000" algn="tl" rotWithShape="0">
                    <a:srgbClr val="000000">
                      <a:alpha val="43137"/>
                    </a:srgbClr>
                  </a:outerShdw>
                </a:effectLst>
              </a:rPr>
              <a:t>%)</a:t>
            </a:r>
            <a:endParaRPr sz="3200" dirty="0">
              <a:solidFill>
                <a:prstClr val="white"/>
              </a:solidFill>
              <a:effectLst>
                <a:outerShdw blurRad="38100" dist="38100" dir="2700000" algn="tl" rotWithShape="0">
                  <a:srgbClr val="000000">
                    <a:alpha val="43137"/>
                  </a:srgbClr>
                </a:outerShdw>
              </a:effectLst>
            </a:endParaRPr>
          </a:p>
        </p:txBody>
      </p:sp>
      <p:sp>
        <p:nvSpPr>
          <p:cNvPr id="36" name="Rectangle 21"/>
          <p:cNvSpPr>
            <a:spLocks noChangeArrowheads="1"/>
          </p:cNvSpPr>
          <p:nvPr/>
        </p:nvSpPr>
        <p:spPr bwMode="auto">
          <a:xfrm>
            <a:off x="228600" y="5878628"/>
            <a:ext cx="3886200" cy="641459"/>
          </a:xfrm>
          <a:prstGeom prst="rect">
            <a:avLst/>
          </a:prstGeom>
          <a:noFill/>
          <a:ln w="9525">
            <a:noFill/>
            <a:miter lim="800000"/>
            <a:headEnd/>
            <a:tailEnd/>
          </a:ln>
          <a:effectLst/>
        </p:spPr>
        <p:txBody>
          <a:bodyPr lIns="92075" tIns="46038" rIns="92075" bIns="46038">
            <a:spAutoFit/>
          </a:bodyPr>
          <a:lstStyle/>
          <a:p>
            <a:pPr algn="ctr" eaLnBrk="0" hangingPunct="0">
              <a:lnSpc>
                <a:spcPct val="80000"/>
              </a:lnSpc>
              <a:defRPr/>
            </a:pPr>
            <a:r>
              <a:rPr lang="en-US" sz="2200" i="1" dirty="0">
                <a:solidFill>
                  <a:srgbClr val="FFC000"/>
                </a:solidFill>
                <a:effectLst>
                  <a:outerShdw blurRad="38100" dist="38100" dir="2700000" algn="tl">
                    <a:srgbClr val="000000">
                      <a:alpha val="43137"/>
                    </a:srgbClr>
                  </a:outerShdw>
                </a:effectLst>
                <a:latin typeface="+mn-lt"/>
              </a:rPr>
              <a:t>Heavy dependence on </a:t>
            </a:r>
          </a:p>
          <a:p>
            <a:pPr algn="ctr" eaLnBrk="0" hangingPunct="0">
              <a:lnSpc>
                <a:spcPct val="80000"/>
              </a:lnSpc>
              <a:defRPr/>
            </a:pPr>
            <a:r>
              <a:rPr lang="en-US" sz="2200" i="1" dirty="0">
                <a:solidFill>
                  <a:srgbClr val="FFC000"/>
                </a:solidFill>
                <a:effectLst>
                  <a:outerShdw blurRad="38100" dist="38100" dir="2700000" algn="tl">
                    <a:srgbClr val="000000">
                      <a:alpha val="43137"/>
                    </a:srgbClr>
                  </a:outerShdw>
                </a:effectLst>
                <a:latin typeface="+mn-lt"/>
              </a:rPr>
              <a:t>imported supplies</a:t>
            </a:r>
          </a:p>
        </p:txBody>
      </p:sp>
      <p:sp>
        <p:nvSpPr>
          <p:cNvPr id="37" name="Rectangle 40"/>
          <p:cNvSpPr>
            <a:spLocks noChangeAspect="1" noChangeArrowheads="1"/>
          </p:cNvSpPr>
          <p:nvPr/>
        </p:nvSpPr>
        <p:spPr bwMode="auto">
          <a:xfrm>
            <a:off x="4419600" y="5878628"/>
            <a:ext cx="4021138" cy="912302"/>
          </a:xfrm>
          <a:prstGeom prst="rect">
            <a:avLst/>
          </a:prstGeom>
          <a:noFill/>
          <a:ln w="9525">
            <a:noFill/>
            <a:miter lim="800000"/>
            <a:headEnd/>
            <a:tailEnd/>
          </a:ln>
          <a:effectLst/>
        </p:spPr>
        <p:txBody>
          <a:bodyPr lIns="92075" tIns="46038" rIns="92075" bIns="46038">
            <a:spAutoFit/>
          </a:bodyPr>
          <a:lstStyle/>
          <a:p>
            <a:pPr algn="ctr" eaLnBrk="0" hangingPunct="0">
              <a:lnSpc>
                <a:spcPct val="80000"/>
              </a:lnSpc>
              <a:defRPr/>
            </a:pPr>
            <a:r>
              <a:rPr lang="en-US" sz="2200" i="1" dirty="0">
                <a:solidFill>
                  <a:srgbClr val="FFC000"/>
                </a:solidFill>
                <a:effectLst>
                  <a:outerShdw blurRad="38100" dist="38100" dir="2700000" algn="tl">
                    <a:srgbClr val="000000">
                      <a:alpha val="43137"/>
                    </a:srgbClr>
                  </a:outerShdw>
                </a:effectLst>
                <a:latin typeface="+mn-lt"/>
              </a:rPr>
              <a:t>Emphasis on conservation, </a:t>
            </a:r>
            <a:r>
              <a:rPr lang="en-US" sz="2200" i="1" dirty="0" smtClean="0">
                <a:solidFill>
                  <a:srgbClr val="FFC000"/>
                </a:solidFill>
                <a:effectLst>
                  <a:outerShdw blurRad="38100" dist="38100" dir="2700000" algn="tl">
                    <a:srgbClr val="000000">
                      <a:alpha val="43137"/>
                    </a:srgbClr>
                  </a:outerShdw>
                </a:effectLst>
                <a:latin typeface="+mn-lt"/>
              </a:rPr>
              <a:t>recycling, desalination and </a:t>
            </a:r>
            <a:r>
              <a:rPr lang="en-US" sz="2200" i="1" dirty="0">
                <a:solidFill>
                  <a:srgbClr val="FFC000"/>
                </a:solidFill>
                <a:effectLst>
                  <a:outerShdw blurRad="38100" dist="38100" dir="2700000" algn="tl">
                    <a:srgbClr val="000000">
                      <a:alpha val="43137"/>
                    </a:srgbClr>
                  </a:outerShdw>
                </a:effectLst>
                <a:latin typeface="+mn-lt"/>
              </a:rPr>
              <a:t>local supplies</a:t>
            </a:r>
            <a:r>
              <a:rPr lang="en-US" sz="2200" b="1" i="1" dirty="0">
                <a:solidFill>
                  <a:srgbClr val="FFC000"/>
                </a:solidFill>
                <a:effectLst>
                  <a:outerShdw blurRad="38100" dist="38100" dir="2700000" algn="tl">
                    <a:srgbClr val="000000">
                      <a:alpha val="43137"/>
                    </a:srgbClr>
                  </a:outerShdw>
                </a:effectLst>
                <a:latin typeface="+mn-lt"/>
              </a:rPr>
              <a:t> </a:t>
            </a:r>
          </a:p>
        </p:txBody>
      </p:sp>
      <p:graphicFrame>
        <p:nvGraphicFramePr>
          <p:cNvPr id="58380" name="Content Placeholder 14"/>
          <p:cNvGraphicFramePr>
            <a:graphicFrameLocks noGrp="1"/>
          </p:cNvGraphicFramePr>
          <p:nvPr>
            <p:ph sz="half" idx="1"/>
            <p:extLst>
              <p:ext uri="{D42A27DB-BD31-4B8C-83A1-F6EECF244321}">
                <p14:modId xmlns:p14="http://schemas.microsoft.com/office/powerpoint/2010/main" val="1758571377"/>
              </p:ext>
            </p:extLst>
          </p:nvPr>
        </p:nvGraphicFramePr>
        <p:xfrm>
          <a:off x="4749800" y="1306628"/>
          <a:ext cx="4368800" cy="4473575"/>
        </p:xfrm>
        <a:graphic>
          <a:graphicData uri="http://schemas.openxmlformats.org/presentationml/2006/ole">
            <mc:AlternateContent xmlns:mc="http://schemas.openxmlformats.org/markup-compatibility/2006">
              <mc:Choice xmlns:v="urn:schemas-microsoft-com:vml" Requires="v">
                <p:oleObj spid="_x0000_s2197" r:id="rId6" imgW="4371211" imgH="4474852" progId="Excel.Chart.8">
                  <p:embed/>
                </p:oleObj>
              </mc:Choice>
              <mc:Fallback>
                <p:oleObj r:id="rId6" imgW="4371211" imgH="4474852" progId="Excel.Chart.8">
                  <p:embed/>
                  <p:pic>
                    <p:nvPicPr>
                      <p:cNvPr id="0" name=""/>
                      <p:cNvPicPr>
                        <a:picLocks noGrp="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749800" y="1306628"/>
                        <a:ext cx="4368800" cy="4473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7" name="Title 4"/>
          <p:cNvSpPr txBox="1">
            <a:spLocks/>
          </p:cNvSpPr>
          <p:nvPr/>
        </p:nvSpPr>
        <p:spPr bwMode="invGray">
          <a:xfrm>
            <a:off x="5091113" y="3757728"/>
            <a:ext cx="2479674" cy="554038"/>
          </a:xfrm>
          <a:prstGeom prst="rect">
            <a:avLst/>
          </a:prstGeom>
          <a:effectLst/>
        </p:spPr>
        <p:txBody>
          <a:bodyPr wrap="square"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State Water Project</a:t>
            </a:r>
            <a:br>
              <a:rPr sz="2000" dirty="0" smtClean="0">
                <a:solidFill>
                  <a:prstClr val="white"/>
                </a:solidFill>
              </a:rPr>
            </a:br>
            <a:r>
              <a:rPr sz="2000" dirty="0" smtClean="0">
                <a:solidFill>
                  <a:prstClr val="white"/>
                </a:solidFill>
              </a:rPr>
              <a:t> (22%)</a:t>
            </a:r>
            <a:endParaRPr sz="3200" dirty="0">
              <a:solidFill>
                <a:prstClr val="white"/>
              </a:solidFill>
            </a:endParaRPr>
          </a:p>
        </p:txBody>
      </p:sp>
      <p:sp>
        <p:nvSpPr>
          <p:cNvPr id="28" name="Title 4"/>
          <p:cNvSpPr txBox="1">
            <a:spLocks/>
          </p:cNvSpPr>
          <p:nvPr/>
        </p:nvSpPr>
        <p:spPr bwMode="invGray">
          <a:xfrm>
            <a:off x="6378575" y="2733830"/>
            <a:ext cx="2613025" cy="553998"/>
          </a:xfrm>
          <a:prstGeom prst="rect">
            <a:avLst/>
          </a:prstGeom>
          <a:effectLst/>
        </p:spPr>
        <p:txBody>
          <a:bodyPr wrap="square"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Colorado River Aqueduct</a:t>
            </a:r>
            <a:br>
              <a:rPr sz="2000" dirty="0" smtClean="0">
                <a:solidFill>
                  <a:prstClr val="white"/>
                </a:solidFill>
              </a:rPr>
            </a:br>
            <a:r>
              <a:rPr sz="2000" dirty="0" smtClean="0">
                <a:solidFill>
                  <a:prstClr val="white"/>
                </a:solidFill>
              </a:rPr>
              <a:t> (14%)</a:t>
            </a:r>
            <a:endParaRPr sz="3200" dirty="0">
              <a:solidFill>
                <a:prstClr val="white"/>
              </a:solidFill>
            </a:endParaRPr>
          </a:p>
        </p:txBody>
      </p:sp>
      <p:sp>
        <p:nvSpPr>
          <p:cNvPr id="30" name="Title 4"/>
          <p:cNvSpPr txBox="1">
            <a:spLocks/>
          </p:cNvSpPr>
          <p:nvPr/>
        </p:nvSpPr>
        <p:spPr bwMode="invGray">
          <a:xfrm>
            <a:off x="5091113" y="4805478"/>
            <a:ext cx="3260725" cy="554038"/>
          </a:xfrm>
          <a:prstGeom prst="rect">
            <a:avLst/>
          </a:prstGeom>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defRPr/>
            </a:pPr>
            <a:r>
              <a:rPr sz="2000" dirty="0" smtClean="0">
                <a:solidFill>
                  <a:prstClr val="white"/>
                </a:solidFill>
              </a:rPr>
              <a:t>Local Surface/Groundwater </a:t>
            </a:r>
            <a:br>
              <a:rPr sz="2000" dirty="0" smtClean="0">
                <a:solidFill>
                  <a:prstClr val="white"/>
                </a:solidFill>
              </a:rPr>
            </a:br>
            <a:r>
              <a:rPr sz="2000" dirty="0" smtClean="0">
                <a:solidFill>
                  <a:prstClr val="white"/>
                </a:solidFill>
              </a:rPr>
              <a:t>(31%)</a:t>
            </a:r>
            <a:endParaRPr sz="3200" dirty="0">
              <a:solidFill>
                <a:prstClr val="white"/>
              </a:solidFill>
            </a:endParaRPr>
          </a:p>
        </p:txBody>
      </p:sp>
      <p:sp>
        <p:nvSpPr>
          <p:cNvPr id="38" name="Title 4"/>
          <p:cNvSpPr txBox="1">
            <a:spLocks/>
          </p:cNvSpPr>
          <p:nvPr/>
        </p:nvSpPr>
        <p:spPr bwMode="invGray">
          <a:xfrm>
            <a:off x="5091113" y="1811453"/>
            <a:ext cx="3116262" cy="446088"/>
          </a:xfrm>
          <a:prstGeom prst="rect">
            <a:avLst/>
          </a:prstGeom>
          <a:effectLst/>
        </p:spPr>
        <p:txBody>
          <a:bodyPr lIns="0" tIns="0" rIns="0" bIns="0">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gn="l">
              <a:lnSpc>
                <a:spcPct val="70000"/>
              </a:lnSpc>
              <a:defRPr/>
            </a:pPr>
            <a:r>
              <a:rPr sz="2000" dirty="0" smtClean="0">
                <a:solidFill>
                  <a:prstClr val="white"/>
                </a:solidFill>
                <a:effectLst>
                  <a:outerShdw blurRad="38100" dist="38100" dir="2700000" algn="tl" rotWithShape="0">
                    <a:srgbClr val="000000">
                      <a:alpha val="43137"/>
                    </a:srgbClr>
                  </a:outerShdw>
                </a:effectLst>
              </a:rPr>
              <a:t>Conservation &amp; Recycling</a:t>
            </a:r>
            <a:br>
              <a:rPr sz="2000" dirty="0" smtClean="0">
                <a:solidFill>
                  <a:prstClr val="white"/>
                </a:solidFill>
                <a:effectLst>
                  <a:outerShdw blurRad="38100" dist="38100" dir="2700000" algn="tl" rotWithShape="0">
                    <a:srgbClr val="000000">
                      <a:alpha val="43137"/>
                    </a:srgbClr>
                  </a:outerShdw>
                </a:effectLst>
              </a:rPr>
            </a:br>
            <a:r>
              <a:rPr sz="2000" dirty="0" smtClean="0">
                <a:solidFill>
                  <a:prstClr val="white"/>
                </a:solidFill>
                <a:effectLst>
                  <a:outerShdw blurRad="38100" dist="38100" dir="2700000" algn="tl" rotWithShape="0">
                    <a:srgbClr val="000000">
                      <a:alpha val="43137"/>
                    </a:srgbClr>
                  </a:outerShdw>
                </a:effectLst>
              </a:rPr>
              <a:t>(33%)</a:t>
            </a:r>
            <a:endParaRPr sz="3200" dirty="0">
              <a:solidFill>
                <a:prstClr val="white"/>
              </a:solidFill>
              <a:effectLst>
                <a:outerShdw blurRad="38100" dist="38100" dir="2700000" algn="tl" rotWithShape="0">
                  <a:srgbClr val="000000">
                    <a:alpha val="43137"/>
                  </a:srgbClr>
                </a:outerShdw>
              </a:effectLst>
            </a:endParaRPr>
          </a:p>
        </p:txBody>
      </p:sp>
    </p:spTree>
    <p:extLst>
      <p:ext uri="{BB962C8B-B14F-4D97-AF65-F5344CB8AC3E}">
        <p14:creationId xmlns:p14="http://schemas.microsoft.com/office/powerpoint/2010/main" val="1593469408"/>
      </p:ext>
    </p:extLst>
  </p:cSld>
  <p:clrMapOvr>
    <a:masterClrMapping/>
  </p:clrMapOvr>
  <p:transition>
    <p:fade/>
  </p:transition>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 name="Content Placeholder 4"/>
          <p:cNvGraphicFramePr>
            <a:graphicFrameLocks/>
          </p:cNvGraphicFramePr>
          <p:nvPr>
            <p:extLst>
              <p:ext uri="{D42A27DB-BD31-4B8C-83A1-F6EECF244321}">
                <p14:modId xmlns:p14="http://schemas.microsoft.com/office/powerpoint/2010/main" val="3946970877"/>
              </p:ext>
            </p:extLst>
          </p:nvPr>
        </p:nvGraphicFramePr>
        <p:xfrm>
          <a:off x="152400" y="914400"/>
          <a:ext cx="4267200" cy="4911726"/>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8" name="Content Placeholder 4"/>
          <p:cNvGraphicFramePr>
            <a:graphicFrameLocks/>
          </p:cNvGraphicFramePr>
          <p:nvPr>
            <p:extLst>
              <p:ext uri="{D42A27DB-BD31-4B8C-83A1-F6EECF244321}">
                <p14:modId xmlns:p14="http://schemas.microsoft.com/office/powerpoint/2010/main" val="3140128929"/>
              </p:ext>
            </p:extLst>
          </p:nvPr>
        </p:nvGraphicFramePr>
        <p:xfrm>
          <a:off x="4495800" y="988461"/>
          <a:ext cx="4267200" cy="4911726"/>
        </p:xfrm>
        <a:graphic>
          <a:graphicData uri="http://schemas.openxmlformats.org/drawingml/2006/chart">
            <c:chart xmlns:c="http://schemas.openxmlformats.org/drawingml/2006/chart" xmlns:r="http://schemas.openxmlformats.org/officeDocument/2006/relationships" r:id="rId4"/>
          </a:graphicData>
        </a:graphic>
      </p:graphicFrame>
      <p:sp>
        <p:nvSpPr>
          <p:cNvPr id="19" name="Arc 18"/>
          <p:cNvSpPr/>
          <p:nvPr/>
        </p:nvSpPr>
        <p:spPr>
          <a:xfrm>
            <a:off x="4572000" y="1826661"/>
            <a:ext cx="4191000" cy="3124200"/>
          </a:xfrm>
          <a:prstGeom prst="arc">
            <a:avLst>
              <a:gd name="adj1" fmla="val 16200000"/>
              <a:gd name="adj2" fmla="val 8544712"/>
            </a:avLst>
          </a:prstGeom>
          <a:noFill/>
          <a:ln w="57150" cap="flat" cmpd="sng" algn="ctr">
            <a:solidFill>
              <a:srgbClr val="FFFF00"/>
            </a:solidFill>
            <a:prstDash val="solid"/>
            <a:headEnd type="oval" w="med" len="med"/>
            <a:tailEnd type="oval" w="med" len="med"/>
          </a:ln>
          <a:effectLst>
            <a:glow rad="228600">
              <a:srgbClr val="94B6D2">
                <a:satMod val="175000"/>
                <a:alpha val="40000"/>
              </a:srgbClr>
            </a:glow>
          </a:effectLst>
          <a:scene3d>
            <a:camera prst="orthographicFront"/>
            <a:lightRig rig="threePt" dir="t"/>
          </a:scene3d>
          <a:sp3d>
            <a:bevelT/>
          </a:sp3d>
        </p:spPr>
        <p:txBody>
          <a:bodyPr rtlCol="0" anchor="ctr"/>
          <a:lstStyle/>
          <a:p>
            <a:pPr algn="ctr">
              <a:defRPr/>
            </a:pPr>
            <a:endParaRPr lang="en-US" kern="0" dirty="0" smtClean="0">
              <a:solidFill>
                <a:prstClr val="white"/>
              </a:solidFill>
              <a:latin typeface="Calibri"/>
            </a:endParaRPr>
          </a:p>
        </p:txBody>
      </p:sp>
      <p:sp>
        <p:nvSpPr>
          <p:cNvPr id="21" name="Title 4"/>
          <p:cNvSpPr txBox="1">
            <a:spLocks/>
          </p:cNvSpPr>
          <p:nvPr/>
        </p:nvSpPr>
        <p:spPr bwMode="invGray">
          <a:xfrm>
            <a:off x="4839279" y="2894077"/>
            <a:ext cx="1306759"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State WP (22%)</a:t>
            </a:r>
            <a:endParaRPr sz="3200" dirty="0">
              <a:solidFill>
                <a:prstClr val="white"/>
              </a:solidFill>
            </a:endParaRPr>
          </a:p>
        </p:txBody>
      </p:sp>
      <p:sp>
        <p:nvSpPr>
          <p:cNvPr id="22" name="Title 4"/>
          <p:cNvSpPr txBox="1">
            <a:spLocks/>
          </p:cNvSpPr>
          <p:nvPr/>
        </p:nvSpPr>
        <p:spPr bwMode="invGray">
          <a:xfrm>
            <a:off x="5655145" y="2185997"/>
            <a:ext cx="981787"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Colorado (14%)</a:t>
            </a:r>
            <a:endParaRPr sz="3200" dirty="0">
              <a:solidFill>
                <a:prstClr val="white"/>
              </a:solidFill>
            </a:endParaRPr>
          </a:p>
        </p:txBody>
      </p:sp>
      <p:sp>
        <p:nvSpPr>
          <p:cNvPr id="23" name="Title 4"/>
          <p:cNvSpPr txBox="1">
            <a:spLocks/>
          </p:cNvSpPr>
          <p:nvPr/>
        </p:nvSpPr>
        <p:spPr bwMode="invGray">
          <a:xfrm>
            <a:off x="5972421" y="3665511"/>
            <a:ext cx="1390157"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Local Supply (31%)</a:t>
            </a:r>
            <a:endParaRPr sz="3200" dirty="0">
              <a:solidFill>
                <a:prstClr val="white"/>
              </a:solidFill>
            </a:endParaRPr>
          </a:p>
        </p:txBody>
      </p:sp>
      <p:sp>
        <p:nvSpPr>
          <p:cNvPr id="24" name="Title 4"/>
          <p:cNvSpPr txBox="1">
            <a:spLocks/>
          </p:cNvSpPr>
          <p:nvPr/>
        </p:nvSpPr>
        <p:spPr bwMode="invGray">
          <a:xfrm>
            <a:off x="6781800" y="2434559"/>
            <a:ext cx="1363663" cy="660181"/>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nSpc>
                <a:spcPct val="70000"/>
              </a:lnSpc>
              <a:defRPr/>
            </a:pPr>
            <a:r>
              <a:rPr sz="2000" dirty="0" smtClean="0">
                <a:solidFill>
                  <a:prstClr val="white"/>
                </a:solidFill>
                <a:effectLst>
                  <a:outerShdw blurRad="38100" dist="38100" dir="2700000" algn="tl" rotWithShape="0">
                    <a:srgbClr val="000000">
                      <a:alpha val="43137"/>
                    </a:srgbClr>
                  </a:outerShdw>
                </a:effectLst>
              </a:rPr>
              <a:t>Conservation  </a:t>
            </a:r>
            <a:r>
              <a:rPr sz="2000" dirty="0">
                <a:solidFill>
                  <a:prstClr val="white"/>
                </a:solidFill>
                <a:effectLst>
                  <a:outerShdw blurRad="38100" dist="38100" dir="2700000" algn="tl" rotWithShape="0">
                    <a:srgbClr val="000000">
                      <a:alpha val="43137"/>
                    </a:srgbClr>
                  </a:outerShdw>
                </a:effectLst>
              </a:rPr>
              <a:t>&amp;</a:t>
            </a:r>
            <a:r>
              <a:rPr sz="2000" dirty="0" smtClean="0">
                <a:solidFill>
                  <a:prstClr val="white"/>
                </a:solidFill>
                <a:effectLst>
                  <a:outerShdw blurRad="38100" dist="38100" dir="2700000" algn="tl" rotWithShape="0">
                    <a:srgbClr val="000000">
                      <a:alpha val="43137"/>
                    </a:srgbClr>
                  </a:outerShdw>
                </a:effectLst>
              </a:rPr>
              <a:t> Recycling</a:t>
            </a:r>
          </a:p>
          <a:p>
            <a:pPr>
              <a:lnSpc>
                <a:spcPct val="70000"/>
              </a:lnSpc>
              <a:defRPr/>
            </a:pPr>
            <a:r>
              <a:rPr sz="2000" dirty="0" smtClean="0">
                <a:solidFill>
                  <a:prstClr val="white"/>
                </a:solidFill>
                <a:effectLst>
                  <a:outerShdw blurRad="38100" dist="38100" dir="2700000" algn="tl" rotWithShape="0">
                    <a:srgbClr val="000000">
                      <a:alpha val="43137"/>
                    </a:srgbClr>
                  </a:outerShdw>
                </a:effectLst>
              </a:rPr>
              <a:t>(33%)</a:t>
            </a:r>
            <a:endParaRPr sz="3200" dirty="0">
              <a:solidFill>
                <a:prstClr val="white"/>
              </a:solidFill>
              <a:effectLst>
                <a:outerShdw blurRad="38100" dist="38100" dir="2700000" algn="tl" rotWithShape="0">
                  <a:srgbClr val="000000">
                    <a:alpha val="43137"/>
                  </a:srgbClr>
                </a:outerShdw>
              </a:effectLst>
            </a:endParaRPr>
          </a:p>
        </p:txBody>
      </p:sp>
      <p:graphicFrame>
        <p:nvGraphicFramePr>
          <p:cNvPr id="25" name="Content Placeholder 4"/>
          <p:cNvGraphicFramePr>
            <a:graphicFrameLocks/>
          </p:cNvGraphicFramePr>
          <p:nvPr>
            <p:extLst>
              <p:ext uri="{D42A27DB-BD31-4B8C-83A1-F6EECF244321}">
                <p14:modId xmlns:p14="http://schemas.microsoft.com/office/powerpoint/2010/main" val="2420714409"/>
              </p:ext>
            </p:extLst>
          </p:nvPr>
        </p:nvGraphicFramePr>
        <p:xfrm>
          <a:off x="152400" y="985334"/>
          <a:ext cx="4267200" cy="4911726"/>
        </p:xfrm>
        <a:graphic>
          <a:graphicData uri="http://schemas.openxmlformats.org/drawingml/2006/chart">
            <c:chart xmlns:c="http://schemas.openxmlformats.org/drawingml/2006/chart" xmlns:r="http://schemas.openxmlformats.org/officeDocument/2006/relationships" r:id="rId5"/>
          </a:graphicData>
        </a:graphic>
      </p:graphicFrame>
      <p:sp>
        <p:nvSpPr>
          <p:cNvPr id="26" name="Arc 25"/>
          <p:cNvSpPr/>
          <p:nvPr/>
        </p:nvSpPr>
        <p:spPr>
          <a:xfrm>
            <a:off x="228600" y="1823534"/>
            <a:ext cx="4191000" cy="3124200"/>
          </a:xfrm>
          <a:prstGeom prst="arc">
            <a:avLst>
              <a:gd name="adj1" fmla="val 16200000"/>
              <a:gd name="adj2" fmla="val 2777706"/>
            </a:avLst>
          </a:prstGeom>
          <a:noFill/>
          <a:ln w="57150" cap="flat" cmpd="sng" algn="ctr">
            <a:solidFill>
              <a:srgbClr val="FFFF00"/>
            </a:solidFill>
            <a:prstDash val="solid"/>
            <a:headEnd type="oval" w="med" len="med"/>
            <a:tailEnd type="oval" w="med" len="med"/>
          </a:ln>
          <a:effectLst>
            <a:glow rad="228600">
              <a:srgbClr val="94B6D2">
                <a:satMod val="175000"/>
                <a:alpha val="40000"/>
              </a:srgbClr>
            </a:glow>
          </a:effectLst>
          <a:scene3d>
            <a:camera prst="orthographicFront"/>
            <a:lightRig rig="threePt" dir="t"/>
          </a:scene3d>
          <a:sp3d>
            <a:bevelT/>
          </a:sp3d>
        </p:spPr>
        <p:txBody>
          <a:bodyPr rtlCol="0" anchor="ctr"/>
          <a:lstStyle/>
          <a:p>
            <a:pPr algn="ctr">
              <a:defRPr/>
            </a:pPr>
            <a:endParaRPr lang="en-US" kern="0" dirty="0" smtClean="0">
              <a:solidFill>
                <a:prstClr val="white"/>
              </a:solidFill>
              <a:latin typeface="Calibri"/>
            </a:endParaRPr>
          </a:p>
        </p:txBody>
      </p:sp>
      <p:sp>
        <p:nvSpPr>
          <p:cNvPr id="28" name="Title 4"/>
          <p:cNvSpPr txBox="1">
            <a:spLocks/>
          </p:cNvSpPr>
          <p:nvPr/>
        </p:nvSpPr>
        <p:spPr bwMode="invGray">
          <a:xfrm>
            <a:off x="1311745" y="3544935"/>
            <a:ext cx="1306759"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State WP (33%)</a:t>
            </a:r>
            <a:endParaRPr sz="3200" dirty="0">
              <a:solidFill>
                <a:prstClr val="white"/>
              </a:solidFill>
            </a:endParaRPr>
          </a:p>
        </p:txBody>
      </p:sp>
      <p:sp>
        <p:nvSpPr>
          <p:cNvPr id="29" name="Title 4"/>
          <p:cNvSpPr txBox="1">
            <a:spLocks/>
          </p:cNvSpPr>
          <p:nvPr/>
        </p:nvSpPr>
        <p:spPr bwMode="invGray">
          <a:xfrm>
            <a:off x="1043541" y="2413369"/>
            <a:ext cx="981787"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Colorado (27%)</a:t>
            </a:r>
            <a:endParaRPr sz="3200" dirty="0">
              <a:solidFill>
                <a:prstClr val="white"/>
              </a:solidFill>
            </a:endParaRPr>
          </a:p>
        </p:txBody>
      </p:sp>
      <p:sp>
        <p:nvSpPr>
          <p:cNvPr id="30" name="Title 4"/>
          <p:cNvSpPr txBox="1">
            <a:spLocks/>
          </p:cNvSpPr>
          <p:nvPr/>
        </p:nvSpPr>
        <p:spPr bwMode="invGray">
          <a:xfrm>
            <a:off x="2765303" y="2850058"/>
            <a:ext cx="1390157" cy="553998"/>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defRPr/>
            </a:pPr>
            <a:r>
              <a:rPr sz="2000" dirty="0" smtClean="0">
                <a:solidFill>
                  <a:prstClr val="white"/>
                </a:solidFill>
              </a:rPr>
              <a:t>Local Supply (34%)</a:t>
            </a:r>
            <a:endParaRPr sz="3200" dirty="0">
              <a:solidFill>
                <a:prstClr val="white"/>
              </a:solidFill>
            </a:endParaRPr>
          </a:p>
        </p:txBody>
      </p:sp>
      <p:sp>
        <p:nvSpPr>
          <p:cNvPr id="31" name="Title 4"/>
          <p:cNvSpPr txBox="1">
            <a:spLocks/>
          </p:cNvSpPr>
          <p:nvPr/>
        </p:nvSpPr>
        <p:spPr bwMode="invGray">
          <a:xfrm>
            <a:off x="1884904" y="2019060"/>
            <a:ext cx="1363663" cy="660181"/>
          </a:xfrm>
          <a:prstGeom prst="rect">
            <a:avLst/>
          </a:prstGeom>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pPr>
              <a:lnSpc>
                <a:spcPct val="70000"/>
              </a:lnSpc>
              <a:defRPr/>
            </a:pPr>
            <a:r>
              <a:rPr sz="2000" dirty="0" smtClean="0">
                <a:solidFill>
                  <a:prstClr val="white"/>
                </a:solidFill>
                <a:effectLst>
                  <a:outerShdw blurRad="38100" dist="38100" dir="2700000" algn="tl" rotWithShape="0">
                    <a:srgbClr val="000000">
                      <a:alpha val="43137"/>
                    </a:srgbClr>
                  </a:outerShdw>
                </a:effectLst>
              </a:rPr>
              <a:t>Conservation  </a:t>
            </a:r>
            <a:r>
              <a:rPr sz="2000" dirty="0">
                <a:solidFill>
                  <a:prstClr val="white"/>
                </a:solidFill>
                <a:effectLst>
                  <a:outerShdw blurRad="38100" dist="38100" dir="2700000" algn="tl" rotWithShape="0">
                    <a:srgbClr val="000000">
                      <a:alpha val="43137"/>
                    </a:srgbClr>
                  </a:outerShdw>
                </a:effectLst>
              </a:rPr>
              <a:t>&amp;</a:t>
            </a:r>
            <a:r>
              <a:rPr sz="2000" dirty="0" smtClean="0">
                <a:solidFill>
                  <a:prstClr val="white"/>
                </a:solidFill>
                <a:effectLst>
                  <a:outerShdw blurRad="38100" dist="38100" dir="2700000" algn="tl" rotWithShape="0">
                    <a:srgbClr val="000000">
                      <a:alpha val="43137"/>
                    </a:srgbClr>
                  </a:outerShdw>
                </a:effectLst>
              </a:rPr>
              <a:t> Recycling</a:t>
            </a:r>
          </a:p>
          <a:p>
            <a:pPr>
              <a:lnSpc>
                <a:spcPct val="70000"/>
              </a:lnSpc>
              <a:defRPr/>
            </a:pPr>
            <a:r>
              <a:rPr sz="2000" dirty="0" smtClean="0">
                <a:solidFill>
                  <a:prstClr val="white"/>
                </a:solidFill>
                <a:effectLst>
                  <a:outerShdw blurRad="38100" dist="38100" dir="2700000" algn="tl" rotWithShape="0">
                    <a:srgbClr val="000000">
                      <a:alpha val="43137"/>
                    </a:srgbClr>
                  </a:outerShdw>
                </a:effectLst>
              </a:rPr>
              <a:t>(</a:t>
            </a:r>
            <a:r>
              <a:rPr sz="2000" dirty="0">
                <a:solidFill>
                  <a:prstClr val="white"/>
                </a:solidFill>
                <a:effectLst>
                  <a:outerShdw blurRad="38100" dist="38100" dir="2700000" algn="tl" rotWithShape="0">
                    <a:srgbClr val="000000">
                      <a:alpha val="43137"/>
                    </a:srgbClr>
                  </a:outerShdw>
                </a:effectLst>
              </a:rPr>
              <a:t>7</a:t>
            </a:r>
            <a:r>
              <a:rPr sz="2000" dirty="0" smtClean="0">
                <a:solidFill>
                  <a:prstClr val="white"/>
                </a:solidFill>
                <a:effectLst>
                  <a:outerShdw blurRad="38100" dist="38100" dir="2700000" algn="tl" rotWithShape="0">
                    <a:srgbClr val="000000">
                      <a:alpha val="43137"/>
                    </a:srgbClr>
                  </a:outerShdw>
                </a:effectLst>
              </a:rPr>
              <a:t>%)</a:t>
            </a:r>
            <a:endParaRPr sz="3200" dirty="0">
              <a:solidFill>
                <a:prstClr val="white"/>
              </a:solidFill>
              <a:effectLst>
                <a:outerShdw blurRad="38100" dist="38100" dir="2700000" algn="tl" rotWithShape="0">
                  <a:srgbClr val="000000">
                    <a:alpha val="43137"/>
                  </a:srgbClr>
                </a:outerShdw>
              </a:effectLst>
            </a:endParaRPr>
          </a:p>
        </p:txBody>
      </p:sp>
      <p:sp>
        <p:nvSpPr>
          <p:cNvPr id="20" name="Title 4"/>
          <p:cNvSpPr txBox="1">
            <a:spLocks/>
          </p:cNvSpPr>
          <p:nvPr/>
        </p:nvSpPr>
        <p:spPr bwMode="invGray">
          <a:xfrm>
            <a:off x="5421270" y="5544456"/>
            <a:ext cx="3081269" cy="4431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3200" dirty="0" smtClean="0"/>
              <a:t>2035  –  </a:t>
            </a:r>
            <a:r>
              <a:rPr sz="3200" dirty="0"/>
              <a:t>64% Local</a:t>
            </a:r>
          </a:p>
        </p:txBody>
      </p:sp>
      <p:sp>
        <p:nvSpPr>
          <p:cNvPr id="27" name="Title 4"/>
          <p:cNvSpPr txBox="1">
            <a:spLocks/>
          </p:cNvSpPr>
          <p:nvPr/>
        </p:nvSpPr>
        <p:spPr bwMode="invGray">
          <a:xfrm>
            <a:off x="762000" y="5544456"/>
            <a:ext cx="3081269" cy="443198"/>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000" b="1" kern="1200" spc="-15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3200" dirty="0" smtClean="0"/>
              <a:t>1990  –  </a:t>
            </a:r>
            <a:r>
              <a:rPr sz="3200" dirty="0"/>
              <a:t>41% Local</a:t>
            </a:r>
          </a:p>
        </p:txBody>
      </p:sp>
      <p:sp>
        <p:nvSpPr>
          <p:cNvPr id="32" name="Rectangle 21"/>
          <p:cNvSpPr>
            <a:spLocks noChangeArrowheads="1"/>
          </p:cNvSpPr>
          <p:nvPr/>
        </p:nvSpPr>
        <p:spPr bwMode="auto">
          <a:xfrm>
            <a:off x="457200" y="5966409"/>
            <a:ext cx="3886200" cy="641459"/>
          </a:xfrm>
          <a:prstGeom prst="rect">
            <a:avLst/>
          </a:prstGeom>
          <a:noFill/>
          <a:ln w="9525">
            <a:noFill/>
            <a:miter lim="800000"/>
            <a:headEnd/>
            <a:tailEnd/>
          </a:ln>
          <a:effectLst/>
        </p:spPr>
        <p:txBody>
          <a:bodyPr wrap="square" lIns="92075" tIns="46038" rIns="92075" bIns="46038">
            <a:spAutoFit/>
          </a:bodyPr>
          <a:lstStyle/>
          <a:p>
            <a:pPr algn="ctr" eaLnBrk="0" hangingPunct="0">
              <a:lnSpc>
                <a:spcPct val="80000"/>
              </a:lnSpc>
              <a:defRPr/>
            </a:pPr>
            <a:r>
              <a:rPr lang="en-US" sz="2200" b="1" i="1" dirty="0" smtClean="0">
                <a:solidFill>
                  <a:prstClr val="white"/>
                </a:solidFill>
                <a:effectLst>
                  <a:outerShdw blurRad="38100" dist="38100" dir="2700000" algn="tl">
                    <a:srgbClr val="000000">
                      <a:alpha val="43137"/>
                    </a:srgbClr>
                  </a:outerShdw>
                </a:effectLst>
                <a:latin typeface="Calibri"/>
              </a:rPr>
              <a:t>Heavy </a:t>
            </a:r>
            <a:r>
              <a:rPr lang="en-US" sz="2200" b="1" i="1" dirty="0">
                <a:solidFill>
                  <a:prstClr val="white"/>
                </a:solidFill>
                <a:effectLst>
                  <a:outerShdw blurRad="38100" dist="38100" dir="2700000" algn="tl">
                    <a:srgbClr val="000000">
                      <a:alpha val="43137"/>
                    </a:srgbClr>
                  </a:outerShdw>
                </a:effectLst>
                <a:latin typeface="Calibri"/>
              </a:rPr>
              <a:t>dependence on </a:t>
            </a:r>
          </a:p>
          <a:p>
            <a:pPr algn="ctr" eaLnBrk="0" hangingPunct="0">
              <a:lnSpc>
                <a:spcPct val="80000"/>
              </a:lnSpc>
              <a:defRPr/>
            </a:pPr>
            <a:r>
              <a:rPr lang="en-US" sz="2200" b="1" i="1" dirty="0">
                <a:solidFill>
                  <a:prstClr val="white"/>
                </a:solidFill>
                <a:effectLst>
                  <a:outerShdw blurRad="38100" dist="38100" dir="2700000" algn="tl">
                    <a:srgbClr val="000000">
                      <a:alpha val="43137"/>
                    </a:srgbClr>
                  </a:outerShdw>
                </a:effectLst>
                <a:latin typeface="Calibri"/>
              </a:rPr>
              <a:t>imported </a:t>
            </a:r>
            <a:r>
              <a:rPr lang="en-US" sz="2200" b="1" i="1" dirty="0" smtClean="0">
                <a:solidFill>
                  <a:prstClr val="white"/>
                </a:solidFill>
                <a:effectLst>
                  <a:outerShdw blurRad="38100" dist="38100" dir="2700000" algn="tl">
                    <a:srgbClr val="000000">
                      <a:alpha val="43137"/>
                    </a:srgbClr>
                  </a:outerShdw>
                </a:effectLst>
                <a:latin typeface="Calibri"/>
              </a:rPr>
              <a:t>supplies</a:t>
            </a:r>
            <a:endParaRPr lang="en-US" sz="2200" b="1" i="1" dirty="0">
              <a:solidFill>
                <a:prstClr val="white"/>
              </a:solidFill>
              <a:effectLst>
                <a:outerShdw blurRad="38100" dist="38100" dir="2700000" algn="tl">
                  <a:srgbClr val="000000">
                    <a:alpha val="43137"/>
                  </a:srgbClr>
                </a:outerShdw>
              </a:effectLst>
              <a:latin typeface="Calibri"/>
            </a:endParaRPr>
          </a:p>
        </p:txBody>
      </p:sp>
      <p:sp>
        <p:nvSpPr>
          <p:cNvPr id="33" name="Rectangle 40"/>
          <p:cNvSpPr>
            <a:spLocks noChangeAspect="1" noChangeArrowheads="1"/>
          </p:cNvSpPr>
          <p:nvPr/>
        </p:nvSpPr>
        <p:spPr bwMode="auto">
          <a:xfrm>
            <a:off x="4572000" y="5966409"/>
            <a:ext cx="4665476" cy="634662"/>
          </a:xfrm>
          <a:prstGeom prst="rect">
            <a:avLst/>
          </a:prstGeom>
          <a:noFill/>
          <a:ln w="9525">
            <a:noFill/>
            <a:miter lim="800000"/>
            <a:headEnd/>
            <a:tailEnd/>
          </a:ln>
          <a:effectLst/>
        </p:spPr>
        <p:txBody>
          <a:bodyPr wrap="square" lIns="92075" tIns="46038" rIns="92075" bIns="46038">
            <a:spAutoFit/>
          </a:bodyPr>
          <a:lstStyle/>
          <a:p>
            <a:pPr algn="ctr" eaLnBrk="0" hangingPunct="0">
              <a:lnSpc>
                <a:spcPct val="80000"/>
              </a:lnSpc>
              <a:defRPr/>
            </a:pPr>
            <a:r>
              <a:rPr lang="en-US" sz="2200" b="1" i="1" dirty="0">
                <a:solidFill>
                  <a:prstClr val="white"/>
                </a:solidFill>
                <a:effectLst>
                  <a:outerShdw blurRad="38100" dist="38100" dir="2700000" algn="tl">
                    <a:srgbClr val="000000">
                      <a:alpha val="43137"/>
                    </a:srgbClr>
                  </a:outerShdw>
                </a:effectLst>
                <a:latin typeface="Calibri"/>
              </a:rPr>
              <a:t>Emphasis on </a:t>
            </a:r>
            <a:r>
              <a:rPr lang="en-US" sz="2200" b="1" i="1" dirty="0" smtClean="0">
                <a:solidFill>
                  <a:prstClr val="white"/>
                </a:solidFill>
                <a:effectLst>
                  <a:outerShdw blurRad="38100" dist="38100" dir="2700000" algn="tl">
                    <a:srgbClr val="000000">
                      <a:alpha val="43137"/>
                    </a:srgbClr>
                  </a:outerShdw>
                </a:effectLst>
                <a:latin typeface="Calibri"/>
              </a:rPr>
              <a:t>conservation</a:t>
            </a:r>
            <a:r>
              <a:rPr lang="en-US" sz="2200" b="1" i="1" dirty="0">
                <a:solidFill>
                  <a:prstClr val="white"/>
                </a:solidFill>
                <a:effectLst>
                  <a:outerShdw blurRad="38100" dist="38100" dir="2700000" algn="tl">
                    <a:srgbClr val="000000">
                      <a:alpha val="43137"/>
                    </a:srgbClr>
                  </a:outerShdw>
                </a:effectLst>
                <a:latin typeface="Calibri"/>
              </a:rPr>
              <a:t>, </a:t>
            </a:r>
            <a:r>
              <a:rPr lang="en-US" sz="2200" b="1" i="1" dirty="0" smtClean="0">
                <a:solidFill>
                  <a:prstClr val="white"/>
                </a:solidFill>
                <a:effectLst>
                  <a:outerShdw blurRad="38100" dist="38100" dir="2700000" algn="tl">
                    <a:srgbClr val="000000">
                      <a:alpha val="43137"/>
                    </a:srgbClr>
                  </a:outerShdw>
                </a:effectLst>
                <a:latin typeface="Calibri"/>
              </a:rPr>
              <a:t>recycling, local supplies, and transfers </a:t>
            </a:r>
            <a:endParaRPr lang="en-US" sz="2200" b="1" i="1" dirty="0">
              <a:solidFill>
                <a:prstClr val="white"/>
              </a:solidFill>
              <a:effectLst>
                <a:outerShdw blurRad="38100" dist="38100" dir="2700000" algn="tl">
                  <a:srgbClr val="000000">
                    <a:alpha val="43137"/>
                  </a:srgbClr>
                </a:outerShdw>
              </a:effectLst>
              <a:latin typeface="Calibri"/>
            </a:endParaRPr>
          </a:p>
        </p:txBody>
      </p:sp>
      <p:sp>
        <p:nvSpPr>
          <p:cNvPr id="34" name="Title 4"/>
          <p:cNvSpPr txBox="1">
            <a:spLocks/>
          </p:cNvSpPr>
          <p:nvPr/>
        </p:nvSpPr>
        <p:spPr bwMode="invGray">
          <a:xfrm>
            <a:off x="377952" y="228600"/>
            <a:ext cx="8385048" cy="1107996"/>
          </a:xfrm>
          <a:prstGeom prst="rect">
            <a:avLst/>
          </a:prstGeom>
          <a:effectLst>
            <a:outerShdw blurRad="50800" dist="38100" dir="2700000" algn="tl" rotWithShape="0">
              <a:prstClr val="black"/>
            </a:outerShdw>
          </a:effectLst>
        </p:spPr>
        <p:txBody>
          <a:bodyPr vert="horz" wrap="square" lIns="0" tIns="0" rIns="0" bIns="0" rtlCol="0" anchor="t">
            <a:spAutoFit/>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dirty="0" smtClean="0"/>
              <a:t>Diversification of Water Portfolio</a:t>
            </a:r>
            <a:r>
              <a:rPr sz="3200" dirty="0" smtClean="0"/>
              <a:t/>
            </a:r>
            <a:br>
              <a:rPr sz="3200" dirty="0" smtClean="0"/>
            </a:br>
            <a:r>
              <a:rPr sz="3600" dirty="0" smtClean="0">
                <a:solidFill>
                  <a:prstClr val="white"/>
                </a:solidFill>
              </a:rPr>
              <a:t>Average Year</a:t>
            </a:r>
            <a:endParaRPr sz="5400" dirty="0">
              <a:solidFill>
                <a:prstClr val="white"/>
              </a:solidFill>
            </a:endParaRPr>
          </a:p>
        </p:txBody>
      </p:sp>
    </p:spTree>
    <p:extLst>
      <p:ext uri="{BB962C8B-B14F-4D97-AF65-F5344CB8AC3E}">
        <p14:creationId xmlns:p14="http://schemas.microsoft.com/office/powerpoint/2010/main" val="124726560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16" fill="hold" grpId="0" nodeType="withEffect">
                                  <p:stCondLst>
                                    <p:cond delay="0"/>
                                  </p:stCondLst>
                                  <p:childTnLst>
                                    <p:set>
                                      <p:cBhvr>
                                        <p:cTn id="6" dur="1" fill="hold">
                                          <p:stCondLst>
                                            <p:cond delay="0"/>
                                          </p:stCondLst>
                                        </p:cTn>
                                        <p:tgtEl>
                                          <p:spTgt spid="20"/>
                                        </p:tgtEl>
                                        <p:attrNameLst>
                                          <p:attrName>style.visibility</p:attrName>
                                        </p:attrNameLst>
                                      </p:cBhvr>
                                      <p:to>
                                        <p:strVal val="visible"/>
                                      </p:to>
                                    </p:set>
                                    <p:anim calcmode="lin" valueType="num">
                                      <p:cBhvr>
                                        <p:cTn id="7" dur="750" fill="hold"/>
                                        <p:tgtEl>
                                          <p:spTgt spid="20"/>
                                        </p:tgtEl>
                                        <p:attrNameLst>
                                          <p:attrName>ppt_w</p:attrName>
                                        </p:attrNameLst>
                                      </p:cBhvr>
                                      <p:tavLst>
                                        <p:tav tm="0">
                                          <p:val>
                                            <p:fltVal val="0"/>
                                          </p:val>
                                        </p:tav>
                                        <p:tav tm="100000">
                                          <p:val>
                                            <p:strVal val="#ppt_w"/>
                                          </p:val>
                                        </p:tav>
                                      </p:tavLst>
                                    </p:anim>
                                    <p:anim calcmode="lin" valueType="num">
                                      <p:cBhvr>
                                        <p:cTn id="8" dur="750" fill="hold"/>
                                        <p:tgtEl>
                                          <p:spTgt spid="20"/>
                                        </p:tgtEl>
                                        <p:attrNameLst>
                                          <p:attrName>ppt_h</p:attrName>
                                        </p:attrNameLst>
                                      </p:cBhvr>
                                      <p:tavLst>
                                        <p:tav tm="0">
                                          <p:val>
                                            <p:fltVal val="0"/>
                                          </p:val>
                                        </p:tav>
                                        <p:tav tm="100000">
                                          <p:val>
                                            <p:strVal val="#ppt_h"/>
                                          </p:val>
                                        </p:tav>
                                      </p:tavLst>
                                    </p:anim>
                                  </p:childTnLst>
                                </p:cTn>
                              </p:par>
                              <p:par>
                                <p:cTn id="9" presetID="23" presetClass="entr" presetSubtype="16" fill="hold" grpId="0" nodeType="withEffect">
                                  <p:stCondLst>
                                    <p:cond delay="0"/>
                                  </p:stCondLst>
                                  <p:childTnLst>
                                    <p:set>
                                      <p:cBhvr>
                                        <p:cTn id="10" dur="1" fill="hold">
                                          <p:stCondLst>
                                            <p:cond delay="0"/>
                                          </p:stCondLst>
                                        </p:cTn>
                                        <p:tgtEl>
                                          <p:spTgt spid="27"/>
                                        </p:tgtEl>
                                        <p:attrNameLst>
                                          <p:attrName>style.visibility</p:attrName>
                                        </p:attrNameLst>
                                      </p:cBhvr>
                                      <p:to>
                                        <p:strVal val="visible"/>
                                      </p:to>
                                    </p:set>
                                    <p:anim calcmode="lin" valueType="num">
                                      <p:cBhvr>
                                        <p:cTn id="11" dur="750" fill="hold"/>
                                        <p:tgtEl>
                                          <p:spTgt spid="27"/>
                                        </p:tgtEl>
                                        <p:attrNameLst>
                                          <p:attrName>ppt_w</p:attrName>
                                        </p:attrNameLst>
                                      </p:cBhvr>
                                      <p:tavLst>
                                        <p:tav tm="0">
                                          <p:val>
                                            <p:fltVal val="0"/>
                                          </p:val>
                                        </p:tav>
                                        <p:tav tm="100000">
                                          <p:val>
                                            <p:strVal val="#ppt_w"/>
                                          </p:val>
                                        </p:tav>
                                      </p:tavLst>
                                    </p:anim>
                                    <p:anim calcmode="lin" valueType="num">
                                      <p:cBhvr>
                                        <p:cTn id="12" dur="750" fill="hold"/>
                                        <p:tgtEl>
                                          <p:spTgt spid="27"/>
                                        </p:tgtEl>
                                        <p:attrNameLst>
                                          <p:attrName>ppt_h</p:attrName>
                                        </p:attrNameLst>
                                      </p:cBhvr>
                                      <p:tavLst>
                                        <p:tav tm="0">
                                          <p:val>
                                            <p:fltVal val="0"/>
                                          </p:val>
                                        </p:tav>
                                        <p:tav tm="100000">
                                          <p:val>
                                            <p:strVal val="#ppt_h"/>
                                          </p:val>
                                        </p:tav>
                                      </p:tavLst>
                                    </p:anim>
                                  </p:childTnLst>
                                </p:cTn>
                              </p:par>
                              <p:par>
                                <p:cTn id="13" presetID="23" presetClass="entr" presetSubtype="16" fill="hold" grpId="0" nodeType="withEffect">
                                  <p:stCondLst>
                                    <p:cond delay="0"/>
                                  </p:stCondLst>
                                  <p:childTnLst>
                                    <p:set>
                                      <p:cBhvr>
                                        <p:cTn id="14" dur="1" fill="hold">
                                          <p:stCondLst>
                                            <p:cond delay="0"/>
                                          </p:stCondLst>
                                        </p:cTn>
                                        <p:tgtEl>
                                          <p:spTgt spid="32"/>
                                        </p:tgtEl>
                                        <p:attrNameLst>
                                          <p:attrName>style.visibility</p:attrName>
                                        </p:attrNameLst>
                                      </p:cBhvr>
                                      <p:to>
                                        <p:strVal val="visible"/>
                                      </p:to>
                                    </p:set>
                                    <p:anim calcmode="lin" valueType="num">
                                      <p:cBhvr>
                                        <p:cTn id="15" dur="750" fill="hold"/>
                                        <p:tgtEl>
                                          <p:spTgt spid="32"/>
                                        </p:tgtEl>
                                        <p:attrNameLst>
                                          <p:attrName>ppt_w</p:attrName>
                                        </p:attrNameLst>
                                      </p:cBhvr>
                                      <p:tavLst>
                                        <p:tav tm="0">
                                          <p:val>
                                            <p:fltVal val="0"/>
                                          </p:val>
                                        </p:tav>
                                        <p:tav tm="100000">
                                          <p:val>
                                            <p:strVal val="#ppt_w"/>
                                          </p:val>
                                        </p:tav>
                                      </p:tavLst>
                                    </p:anim>
                                    <p:anim calcmode="lin" valueType="num">
                                      <p:cBhvr>
                                        <p:cTn id="16" dur="750" fill="hold"/>
                                        <p:tgtEl>
                                          <p:spTgt spid="32"/>
                                        </p:tgtEl>
                                        <p:attrNameLst>
                                          <p:attrName>ppt_h</p:attrName>
                                        </p:attrNameLst>
                                      </p:cBhvr>
                                      <p:tavLst>
                                        <p:tav tm="0">
                                          <p:val>
                                            <p:fltVal val="0"/>
                                          </p:val>
                                        </p:tav>
                                        <p:tav tm="100000">
                                          <p:val>
                                            <p:strVal val="#ppt_h"/>
                                          </p:val>
                                        </p:tav>
                                      </p:tavLst>
                                    </p:anim>
                                  </p:childTnLst>
                                </p:cTn>
                              </p:par>
                              <p:par>
                                <p:cTn id="17" presetID="23" presetClass="entr" presetSubtype="16" fill="hold" grpId="0" nodeType="withEffect">
                                  <p:stCondLst>
                                    <p:cond delay="0"/>
                                  </p:stCondLst>
                                  <p:childTnLst>
                                    <p:set>
                                      <p:cBhvr>
                                        <p:cTn id="18" dur="1" fill="hold">
                                          <p:stCondLst>
                                            <p:cond delay="0"/>
                                          </p:stCondLst>
                                        </p:cTn>
                                        <p:tgtEl>
                                          <p:spTgt spid="33"/>
                                        </p:tgtEl>
                                        <p:attrNameLst>
                                          <p:attrName>style.visibility</p:attrName>
                                        </p:attrNameLst>
                                      </p:cBhvr>
                                      <p:to>
                                        <p:strVal val="visible"/>
                                      </p:to>
                                    </p:set>
                                    <p:anim calcmode="lin" valueType="num">
                                      <p:cBhvr>
                                        <p:cTn id="19" dur="750" fill="hold"/>
                                        <p:tgtEl>
                                          <p:spTgt spid="33"/>
                                        </p:tgtEl>
                                        <p:attrNameLst>
                                          <p:attrName>ppt_w</p:attrName>
                                        </p:attrNameLst>
                                      </p:cBhvr>
                                      <p:tavLst>
                                        <p:tav tm="0">
                                          <p:val>
                                            <p:fltVal val="0"/>
                                          </p:val>
                                        </p:tav>
                                        <p:tav tm="100000">
                                          <p:val>
                                            <p:strVal val="#ppt_w"/>
                                          </p:val>
                                        </p:tav>
                                      </p:tavLst>
                                    </p:anim>
                                    <p:anim calcmode="lin" valueType="num">
                                      <p:cBhvr>
                                        <p:cTn id="20" dur="750" fill="hold"/>
                                        <p:tgtEl>
                                          <p:spTgt spid="33"/>
                                        </p:tgtEl>
                                        <p:attrNameLst>
                                          <p:attrName>ppt_h</p:attrName>
                                        </p:attrNameLst>
                                      </p:cBhvr>
                                      <p:tavLst>
                                        <p:tav tm="0">
                                          <p:val>
                                            <p:fltVal val="0"/>
                                          </p:val>
                                        </p:tav>
                                        <p:tav tm="100000">
                                          <p:val>
                                            <p:strVal val="#ppt_h"/>
                                          </p:val>
                                        </p:tav>
                                      </p:tavLst>
                                    </p:anim>
                                  </p:childTnLst>
                                </p:cTn>
                              </p:par>
                              <p:par>
                                <p:cTn id="21" presetID="23" presetClass="entr" presetSubtype="16" fill="hold" grpId="0" nodeType="withEffect">
                                  <p:stCondLst>
                                    <p:cond delay="0"/>
                                  </p:stCondLst>
                                  <p:childTnLst>
                                    <p:set>
                                      <p:cBhvr>
                                        <p:cTn id="22" dur="1" fill="hold">
                                          <p:stCondLst>
                                            <p:cond delay="0"/>
                                          </p:stCondLst>
                                        </p:cTn>
                                        <p:tgtEl>
                                          <p:spTgt spid="34"/>
                                        </p:tgtEl>
                                        <p:attrNameLst>
                                          <p:attrName>style.visibility</p:attrName>
                                        </p:attrNameLst>
                                      </p:cBhvr>
                                      <p:to>
                                        <p:strVal val="visible"/>
                                      </p:to>
                                    </p:set>
                                    <p:anim calcmode="lin" valueType="num">
                                      <p:cBhvr>
                                        <p:cTn id="23" dur="750" fill="hold"/>
                                        <p:tgtEl>
                                          <p:spTgt spid="34"/>
                                        </p:tgtEl>
                                        <p:attrNameLst>
                                          <p:attrName>ppt_w</p:attrName>
                                        </p:attrNameLst>
                                      </p:cBhvr>
                                      <p:tavLst>
                                        <p:tav tm="0">
                                          <p:val>
                                            <p:fltVal val="0"/>
                                          </p:val>
                                        </p:tav>
                                        <p:tav tm="100000">
                                          <p:val>
                                            <p:strVal val="#ppt_w"/>
                                          </p:val>
                                        </p:tav>
                                      </p:tavLst>
                                    </p:anim>
                                    <p:anim calcmode="lin" valueType="num">
                                      <p:cBhvr>
                                        <p:cTn id="24" dur="750" fill="hold"/>
                                        <p:tgtEl>
                                          <p:spTgt spid="34"/>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P spid="27" grpId="0"/>
      <p:bldP spid="32" grpId="0"/>
      <p:bldP spid="33" grpId="0"/>
      <p:bldP spid="34" grpId="0"/>
    </p:bld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a:spLocks noGrp="1"/>
          </p:cNvSpPr>
          <p:nvPr>
            <p:ph type="title"/>
          </p:nvPr>
        </p:nvSpPr>
        <p:spPr/>
        <p:txBody>
          <a:bodyPr/>
          <a:lstStyle/>
          <a:p>
            <a:pPr algn="ctr">
              <a:defRPr/>
            </a:pPr>
            <a:r>
              <a:rPr lang="en-US" dirty="0" smtClean="0"/>
              <a:t>Future Resource Development Costs</a:t>
            </a:r>
            <a:endParaRPr baseline="30000" dirty="0"/>
          </a:p>
        </p:txBody>
      </p:sp>
      <p:graphicFrame>
        <p:nvGraphicFramePr>
          <p:cNvPr id="11" name="Chart 10"/>
          <p:cNvGraphicFramePr/>
          <p:nvPr>
            <p:extLst>
              <p:ext uri="{D42A27DB-BD31-4B8C-83A1-F6EECF244321}">
                <p14:modId xmlns:p14="http://schemas.microsoft.com/office/powerpoint/2010/main" val="4023732486"/>
              </p:ext>
            </p:extLst>
          </p:nvPr>
        </p:nvGraphicFramePr>
        <p:xfrm>
          <a:off x="228600" y="1818047"/>
          <a:ext cx="8534400" cy="4495800"/>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1"/>
          <p:cNvSpPr txBox="1"/>
          <p:nvPr/>
        </p:nvSpPr>
        <p:spPr>
          <a:xfrm>
            <a:off x="2895600" y="1526226"/>
            <a:ext cx="1435100" cy="355042"/>
          </a:xfrm>
          <a:prstGeom prst="rect">
            <a:avLst/>
          </a:prstGeom>
          <a:noFill/>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2000" b="1" dirty="0" smtClean="0">
                <a:solidFill>
                  <a:prstClr val="white"/>
                </a:solidFill>
              </a:rPr>
              <a:t>$12,000/AF</a:t>
            </a:r>
            <a:endParaRPr lang="en-US" sz="2000" b="1" dirty="0">
              <a:solidFill>
                <a:prstClr val="white"/>
              </a:solidFill>
            </a:endParaRPr>
          </a:p>
        </p:txBody>
      </p:sp>
      <p:sp>
        <p:nvSpPr>
          <p:cNvPr id="2" name="TextBox 1"/>
          <p:cNvSpPr txBox="1"/>
          <p:nvPr/>
        </p:nvSpPr>
        <p:spPr>
          <a:xfrm>
            <a:off x="152400" y="6474023"/>
            <a:ext cx="8007350" cy="307777"/>
          </a:xfrm>
          <a:prstGeom prst="rect">
            <a:avLst/>
          </a:prstGeom>
          <a:noFill/>
        </p:spPr>
        <p:txBody>
          <a:bodyPr wrap="square" rtlCol="0">
            <a:spAutoFit/>
          </a:bodyPr>
          <a:lstStyle/>
          <a:p>
            <a:r>
              <a:rPr lang="en-US" sz="1400" i="1" dirty="0" smtClean="0">
                <a:solidFill>
                  <a:srgbClr val="FFC000"/>
                </a:solidFill>
                <a:latin typeface="Calibri"/>
              </a:rPr>
              <a:t>* 2015 </a:t>
            </a:r>
            <a:r>
              <a:rPr lang="en-US" sz="1400" i="1" dirty="0">
                <a:solidFill>
                  <a:srgbClr val="FFC000"/>
                </a:solidFill>
                <a:latin typeface="Calibri"/>
              </a:rPr>
              <a:t>IRP Update local supply cost analysis as of November </a:t>
            </a:r>
            <a:r>
              <a:rPr lang="en-US" sz="1400" i="1" dirty="0" smtClean="0">
                <a:solidFill>
                  <a:srgbClr val="FFC000"/>
                </a:solidFill>
                <a:latin typeface="Calibri"/>
              </a:rPr>
              <a:t>2015, in 2015 dollars</a:t>
            </a:r>
            <a:endParaRPr lang="en-US" sz="1400" i="1" dirty="0">
              <a:solidFill>
                <a:srgbClr val="FFC000"/>
              </a:solidFill>
              <a:latin typeface="Calibri"/>
            </a:endParaRPr>
          </a:p>
        </p:txBody>
      </p:sp>
    </p:spTree>
    <p:extLst>
      <p:ext uri="{BB962C8B-B14F-4D97-AF65-F5344CB8AC3E}">
        <p14:creationId xmlns:p14="http://schemas.microsoft.com/office/powerpoint/2010/main" val="4212125976"/>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p:cNvGraphicFramePr>
            <a:graphicFrameLocks noGrp="1"/>
          </p:cNvGraphicFramePr>
          <p:nvPr>
            <p:extLst>
              <p:ext uri="{D42A27DB-BD31-4B8C-83A1-F6EECF244321}">
                <p14:modId xmlns:p14="http://schemas.microsoft.com/office/powerpoint/2010/main" val="4106889468"/>
              </p:ext>
            </p:extLst>
          </p:nvPr>
        </p:nvGraphicFramePr>
        <p:xfrm>
          <a:off x="527050" y="1177812"/>
          <a:ext cx="8083550" cy="593979"/>
        </p:xfrm>
        <a:graphic>
          <a:graphicData uri="http://schemas.openxmlformats.org/drawingml/2006/table">
            <a:tbl>
              <a:tblPr firstRow="1" firstCol="1" bandRow="1">
                <a:tableStyleId>{5C22544A-7EE6-4342-B048-85BDC9FD1C3A}</a:tableStyleId>
              </a:tblPr>
              <a:tblGrid>
                <a:gridCol w="2020456"/>
                <a:gridCol w="1165414"/>
                <a:gridCol w="4897680"/>
              </a:tblGrid>
              <a:tr h="0">
                <a:tc>
                  <a:txBody>
                    <a:bodyPr/>
                    <a:lstStyle/>
                    <a:p>
                      <a:pPr marL="0" marR="0">
                        <a:lnSpc>
                          <a:spcPct val="115000"/>
                        </a:lnSpc>
                        <a:spcBef>
                          <a:spcPts val="0"/>
                        </a:spcBef>
                        <a:spcAft>
                          <a:spcPts val="0"/>
                        </a:spcAft>
                      </a:pPr>
                      <a:r>
                        <a:rPr lang="en-US" sz="1200" dirty="0">
                          <a:effectLst/>
                        </a:rPr>
                        <a:t>Present Video</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a:effectLst/>
                        </a:rPr>
                        <a:t>Metropolitan Water District Video Presentation</a:t>
                      </a:r>
                      <a:endParaRPr lang="en-US" sz="120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8:30 – 8:45 P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Presenter:</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General Manager Jeff Kightlinger</a:t>
                      </a:r>
                      <a:endParaRPr lang="en-US" sz="1200">
                        <a:effectLst/>
                        <a:latin typeface="Calibri"/>
                        <a:ea typeface="Calibri"/>
                        <a:cs typeface="Times New Roman"/>
                      </a:endParaRPr>
                    </a:p>
                  </a:txBody>
                  <a:tcPr marL="68580" marR="68580" marT="0" marB="0" anchor="ctr"/>
                </a:tc>
              </a:tr>
              <a:tr h="0">
                <a:tc>
                  <a:txBody>
                    <a:bodyPr/>
                    <a:lstStyle/>
                    <a:p>
                      <a:pPr marL="0" marR="0">
                        <a:lnSpc>
                          <a:spcPct val="115000"/>
                        </a:lnSpc>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Screen video </a:t>
                      </a:r>
                      <a:endParaRPr lang="en-US" sz="1200" dirty="0">
                        <a:effectLst/>
                        <a:latin typeface="Calibri"/>
                        <a:ea typeface="Calibri"/>
                        <a:cs typeface="Times New Roman"/>
                      </a:endParaRPr>
                    </a:p>
                  </a:txBody>
                  <a:tcPr marL="68580" marR="68580" marT="0" marB="0" anchor="ctr"/>
                </a:tc>
              </a:tr>
            </a:tbl>
          </a:graphicData>
        </a:graphic>
      </p:graphicFrame>
      <p:graphicFrame>
        <p:nvGraphicFramePr>
          <p:cNvPr id="5" name="Table 4"/>
          <p:cNvGraphicFramePr>
            <a:graphicFrameLocks noGrp="1"/>
          </p:cNvGraphicFramePr>
          <p:nvPr>
            <p:extLst>
              <p:ext uri="{D42A27DB-BD31-4B8C-83A1-F6EECF244321}">
                <p14:modId xmlns:p14="http://schemas.microsoft.com/office/powerpoint/2010/main" val="3506417070"/>
              </p:ext>
            </p:extLst>
          </p:nvPr>
        </p:nvGraphicFramePr>
        <p:xfrm>
          <a:off x="527050" y="1838170"/>
          <a:ext cx="8083550" cy="761746"/>
        </p:xfrm>
        <a:graphic>
          <a:graphicData uri="http://schemas.openxmlformats.org/drawingml/2006/table">
            <a:tbl>
              <a:tblPr firstRow="1" firstCol="1" bandRow="1">
                <a:tableStyleId>{5C22544A-7EE6-4342-B048-85BDC9FD1C3A}</a:tableStyleId>
              </a:tblPr>
              <a:tblGrid>
                <a:gridCol w="2020456"/>
                <a:gridCol w="1165414"/>
                <a:gridCol w="4897680"/>
              </a:tblGrid>
              <a:tr h="0">
                <a:tc>
                  <a:txBody>
                    <a:bodyPr/>
                    <a:lstStyle/>
                    <a:p>
                      <a:pPr marL="0" marR="0">
                        <a:lnSpc>
                          <a:spcPct val="115000"/>
                        </a:lnSpc>
                        <a:spcBef>
                          <a:spcPts val="0"/>
                        </a:spcBef>
                        <a:spcAft>
                          <a:spcPts val="0"/>
                        </a:spcAft>
                      </a:pPr>
                      <a:r>
                        <a:rPr lang="en-US" sz="1200" dirty="0">
                          <a:effectLst/>
                        </a:rPr>
                        <a:t>1. Call to Order</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dirty="0">
                          <a:effectLst/>
                        </a:rPr>
                        <a:t>Opening Remarks from Chairman</a:t>
                      </a:r>
                      <a:endParaRPr lang="en-US" sz="1200" dirty="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8:45 – 9:00 A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Presenter:</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Chairman Randy Record</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Welcome and introduce Board Members and others to Day #2 of the retreat. Set objectives for the day.</a:t>
                      </a:r>
                      <a:endParaRPr lang="en-US" sz="1200" dirty="0">
                        <a:effectLst/>
                        <a:latin typeface="Calibri"/>
                        <a:ea typeface="Calibri"/>
                        <a:cs typeface="Times New Roman"/>
                      </a:endParaRPr>
                    </a:p>
                  </a:txBody>
                  <a:tcPr marL="68580" marR="68580" marT="0" marB="0" anchor="ctr"/>
                </a:tc>
              </a:tr>
            </a:tbl>
          </a:graphicData>
        </a:graphic>
      </p:graphicFrame>
      <p:graphicFrame>
        <p:nvGraphicFramePr>
          <p:cNvPr id="6" name="Table 5"/>
          <p:cNvGraphicFramePr>
            <a:graphicFrameLocks noGrp="1"/>
          </p:cNvGraphicFramePr>
          <p:nvPr>
            <p:extLst>
              <p:ext uri="{D42A27DB-BD31-4B8C-83A1-F6EECF244321}">
                <p14:modId xmlns:p14="http://schemas.microsoft.com/office/powerpoint/2010/main" val="1031693790"/>
              </p:ext>
            </p:extLst>
          </p:nvPr>
        </p:nvGraphicFramePr>
        <p:xfrm>
          <a:off x="527050" y="2666295"/>
          <a:ext cx="8083550" cy="761746"/>
        </p:xfrm>
        <a:graphic>
          <a:graphicData uri="http://schemas.openxmlformats.org/drawingml/2006/table">
            <a:tbl>
              <a:tblPr firstRow="1" firstCol="1" bandRow="1">
                <a:tableStyleId>{5C22544A-7EE6-4342-B048-85BDC9FD1C3A}</a:tableStyleId>
              </a:tblPr>
              <a:tblGrid>
                <a:gridCol w="2020456"/>
                <a:gridCol w="1165414"/>
                <a:gridCol w="4897680"/>
              </a:tblGrid>
              <a:tr h="45593">
                <a:tc>
                  <a:txBody>
                    <a:bodyPr/>
                    <a:lstStyle/>
                    <a:p>
                      <a:pPr marL="0" marR="0">
                        <a:lnSpc>
                          <a:spcPct val="115000"/>
                        </a:lnSpc>
                        <a:spcBef>
                          <a:spcPts val="0"/>
                        </a:spcBef>
                        <a:spcAft>
                          <a:spcPts val="0"/>
                        </a:spcAft>
                      </a:pPr>
                      <a:r>
                        <a:rPr lang="en-US" sz="1200" dirty="0">
                          <a:effectLst/>
                        </a:rPr>
                        <a:t>2. Objectives</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dirty="0">
                          <a:effectLst/>
                        </a:rPr>
                        <a:t>General Manager’s Objectives for CA WaterFix Discussion</a:t>
                      </a:r>
                      <a:endParaRPr lang="en-US" sz="1200" dirty="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9:00 – 9:15 P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Presenter:</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General Manager Jeff Kightlinger</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dirty="0">
                          <a:effectLst/>
                        </a:rPr>
                        <a:t> </a:t>
                      </a:r>
                      <a:endParaRPr lang="en-US" sz="1200" dirty="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bjectives: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GM welcome. Set purpose and objectives for the discussion of CA WaterFix dialogue. Provide overview of the three topics that will be addressed.</a:t>
                      </a:r>
                      <a:endParaRPr lang="en-US" sz="1200" dirty="0">
                        <a:effectLst/>
                        <a:latin typeface="Calibri"/>
                        <a:ea typeface="Calibri"/>
                        <a:cs typeface="Times New Roman"/>
                      </a:endParaRPr>
                    </a:p>
                  </a:txBody>
                  <a:tcPr marL="68580" marR="68580" marT="0" marB="0" anchor="ctr"/>
                </a:tc>
              </a:tr>
            </a:tbl>
          </a:graphicData>
        </a:graphic>
      </p:graphicFrame>
      <p:graphicFrame>
        <p:nvGraphicFramePr>
          <p:cNvPr id="7" name="Table 6"/>
          <p:cNvGraphicFramePr>
            <a:graphicFrameLocks noGrp="1"/>
          </p:cNvGraphicFramePr>
          <p:nvPr>
            <p:extLst>
              <p:ext uri="{D42A27DB-BD31-4B8C-83A1-F6EECF244321}">
                <p14:modId xmlns:p14="http://schemas.microsoft.com/office/powerpoint/2010/main" val="1264903374"/>
              </p:ext>
            </p:extLst>
          </p:nvPr>
        </p:nvGraphicFramePr>
        <p:xfrm>
          <a:off x="527050" y="3575391"/>
          <a:ext cx="8083550" cy="2392553"/>
        </p:xfrm>
        <a:graphic>
          <a:graphicData uri="http://schemas.openxmlformats.org/drawingml/2006/table">
            <a:tbl>
              <a:tblPr firstRow="1" firstCol="1" bandRow="1">
                <a:tableStyleId>{5C22544A-7EE6-4342-B048-85BDC9FD1C3A}</a:tableStyleId>
              </a:tblPr>
              <a:tblGrid>
                <a:gridCol w="2020456"/>
                <a:gridCol w="1165414"/>
                <a:gridCol w="4897680"/>
              </a:tblGrid>
              <a:tr h="152400">
                <a:tc>
                  <a:txBody>
                    <a:bodyPr/>
                    <a:lstStyle/>
                    <a:p>
                      <a:pPr marL="0" marR="0">
                        <a:lnSpc>
                          <a:spcPct val="115000"/>
                        </a:lnSpc>
                        <a:spcBef>
                          <a:spcPts val="0"/>
                        </a:spcBef>
                        <a:spcAft>
                          <a:spcPts val="0"/>
                        </a:spcAft>
                      </a:pPr>
                      <a:r>
                        <a:rPr lang="en-US" sz="1200" dirty="0">
                          <a:effectLst/>
                        </a:rPr>
                        <a:t>2. Discussion Topic:</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dirty="0">
                          <a:effectLst/>
                        </a:rPr>
                        <a:t>Timing and Requirements for Decision-Making</a:t>
                      </a:r>
                      <a:endParaRPr lang="en-US" sz="1200" dirty="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9:00 – 10:00 A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Discuss the timing and conditions for decision-making related to CA WaterFix.</a:t>
                      </a:r>
                      <a:endParaRPr lang="en-US" sz="1200" dirty="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dirty="0">
                          <a:effectLst/>
                        </a:rPr>
                        <a:t> </a:t>
                      </a:r>
                      <a:endParaRPr lang="en-US" sz="1200" dirty="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utcomes:</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Obtain input on the extent of approvals and/or agreements needed before Metropolitan engages in decision-making regarding funding and commitments. </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dirty="0">
                          <a:effectLst/>
                        </a:rPr>
                        <a:t>Questions:</a:t>
                      </a:r>
                      <a:endParaRPr lang="en-US" sz="1200" dirty="0">
                        <a:effectLst/>
                        <a:latin typeface="Calibri"/>
                        <a:ea typeface="Calibri"/>
                        <a:cs typeface="Times New Roman"/>
                      </a:endParaRPr>
                    </a:p>
                  </a:txBody>
                  <a:tcPr marL="68580" marR="68580" marT="0" marB="0"/>
                </a:tc>
                <a:tc>
                  <a:txBody>
                    <a:bodyPr/>
                    <a:lstStyle/>
                    <a:p>
                      <a:pPr marL="342900" marR="0" lvl="0" indent="-342900">
                        <a:spcBef>
                          <a:spcPts val="0"/>
                        </a:spcBef>
                        <a:spcAft>
                          <a:spcPts val="0"/>
                        </a:spcAft>
                        <a:buFont typeface="+mj-lt"/>
                        <a:buAutoNum type="arabicPeriod"/>
                      </a:pPr>
                      <a:r>
                        <a:rPr lang="en-US" sz="1200" dirty="0">
                          <a:effectLst/>
                        </a:rPr>
                        <a:t>What stage in the approval process must be reached before addressing decisions regarding next steps in the planning phase (e.g., EIR/EIS approval, ESA permits issued, governance agreement executed, agreement on cost allocation and finance achieved, all of the above)?</a:t>
                      </a:r>
                    </a:p>
                    <a:p>
                      <a:pPr marL="342900" marR="0" lvl="0" indent="-342900">
                        <a:spcBef>
                          <a:spcPts val="0"/>
                        </a:spcBef>
                        <a:spcAft>
                          <a:spcPts val="0"/>
                        </a:spcAft>
                        <a:buFont typeface="+mj-lt"/>
                        <a:buAutoNum type="arabicPeriod"/>
                      </a:pPr>
                      <a:r>
                        <a:rPr lang="en-US" sz="1200" dirty="0">
                          <a:effectLst/>
                        </a:rPr>
                        <a:t>How should benefits from the CA WaterFix be quantified (e.g., volume received, capacity used)?</a:t>
                      </a:r>
                    </a:p>
                    <a:p>
                      <a:pPr marL="342900" marR="0" lvl="0" indent="-342900">
                        <a:spcBef>
                          <a:spcPts val="0"/>
                        </a:spcBef>
                        <a:spcAft>
                          <a:spcPts val="0"/>
                        </a:spcAft>
                        <a:buFont typeface="+mj-lt"/>
                        <a:buAutoNum type="arabicPeriod"/>
                      </a:pPr>
                      <a:r>
                        <a:rPr lang="en-US" sz="1200" dirty="0">
                          <a:effectLst/>
                        </a:rPr>
                        <a:t>How should the associated costs be allocated?</a:t>
                      </a:r>
                      <a:endParaRPr lang="en-US" sz="1200" dirty="0">
                        <a:effectLst/>
                        <a:latin typeface="Calibri"/>
                        <a:ea typeface="Calibri"/>
                        <a:cs typeface="Times New Roman"/>
                      </a:endParaRPr>
                    </a:p>
                  </a:txBody>
                  <a:tcPr marL="68580" marR="68580" marT="0" marB="0" anchor="ctr"/>
                </a:tc>
              </a:tr>
            </a:tbl>
          </a:graphicData>
        </a:graphic>
      </p:graphicFrame>
      <p:graphicFrame>
        <p:nvGraphicFramePr>
          <p:cNvPr id="10" name="Table 9"/>
          <p:cNvGraphicFramePr>
            <a:graphicFrameLocks noGrp="1"/>
          </p:cNvGraphicFramePr>
          <p:nvPr>
            <p:extLst>
              <p:ext uri="{D42A27DB-BD31-4B8C-83A1-F6EECF244321}">
                <p14:modId xmlns:p14="http://schemas.microsoft.com/office/powerpoint/2010/main" val="264138828"/>
              </p:ext>
            </p:extLst>
          </p:nvPr>
        </p:nvGraphicFramePr>
        <p:xfrm>
          <a:off x="527050" y="6096000"/>
          <a:ext cx="8083550" cy="395986"/>
        </p:xfrm>
        <a:graphic>
          <a:graphicData uri="http://schemas.openxmlformats.org/drawingml/2006/table">
            <a:tbl>
              <a:tblPr firstRow="1" firstCol="1" bandRow="1">
                <a:tableStyleId>{5C22544A-7EE6-4342-B048-85BDC9FD1C3A}</a:tableStyleId>
              </a:tblPr>
              <a:tblGrid>
                <a:gridCol w="2020456"/>
                <a:gridCol w="1165414"/>
                <a:gridCol w="4897680"/>
              </a:tblGrid>
              <a:tr h="0">
                <a:tc gridSpan="3">
                  <a:txBody>
                    <a:bodyPr/>
                    <a:lstStyle/>
                    <a:p>
                      <a:pPr marL="0" marR="0">
                        <a:lnSpc>
                          <a:spcPct val="115000"/>
                        </a:lnSpc>
                        <a:spcBef>
                          <a:spcPts val="0"/>
                        </a:spcBef>
                        <a:spcAft>
                          <a:spcPts val="0"/>
                        </a:spcAft>
                      </a:pPr>
                      <a:r>
                        <a:rPr lang="en-US" sz="1200" dirty="0">
                          <a:effectLst/>
                        </a:rPr>
                        <a:t>3. Communications Break</a:t>
                      </a:r>
                      <a:endParaRPr lang="en-US" sz="1200" dirty="0">
                        <a:effectLst/>
                        <a:latin typeface="Calibri"/>
                        <a:ea typeface="Calibri"/>
                        <a:cs typeface="Times New Roman"/>
                      </a:endParaRPr>
                    </a:p>
                  </a:txBody>
                  <a:tcPr marL="68580" marR="68580" marT="0" marB="0"/>
                </a:tc>
                <a:tc hMerge="1">
                  <a:txBody>
                    <a:bodyPr/>
                    <a:lstStyle/>
                    <a:p>
                      <a:endParaRPr lang="en-US"/>
                    </a:p>
                  </a:txBody>
                  <a:tcP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10:00 –10:15  A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 </a:t>
                      </a:r>
                      <a:endParaRPr lang="en-US" sz="1200" dirty="0">
                        <a:effectLst/>
                        <a:latin typeface="Calibri"/>
                        <a:ea typeface="Calibri"/>
                        <a:cs typeface="Times New Roman"/>
                      </a:endParaRPr>
                    </a:p>
                  </a:txBody>
                  <a:tcPr marL="68580" marR="68580" marT="0" marB="0" anchor="ctr"/>
                </a:tc>
              </a:tr>
            </a:tbl>
          </a:graphicData>
        </a:graphic>
      </p:graphicFrame>
      <p:sp>
        <p:nvSpPr>
          <p:cNvPr id="14" name="Title 2"/>
          <p:cNvSpPr>
            <a:spLocks noGrp="1"/>
          </p:cNvSpPr>
          <p:nvPr>
            <p:ph type="title"/>
          </p:nvPr>
        </p:nvSpPr>
        <p:spPr>
          <a:xfrm>
            <a:off x="381000" y="230188"/>
            <a:ext cx="8382000" cy="553998"/>
          </a:xfrm>
        </p:spPr>
        <p:txBody>
          <a:bodyPr/>
          <a:lstStyle/>
          <a:p>
            <a:pPr algn="ctr"/>
            <a:r>
              <a:rPr lang="en-US" sz="4000" b="1" dirty="0" smtClean="0"/>
              <a:t>Board Retreat </a:t>
            </a:r>
            <a:r>
              <a:rPr lang="en-US" sz="4000" dirty="0" smtClean="0"/>
              <a:t>– Agenda</a:t>
            </a:r>
            <a:endParaRPr lang="en-US" sz="4000" dirty="0"/>
          </a:p>
        </p:txBody>
      </p:sp>
    </p:spTree>
    <p:extLst>
      <p:ext uri="{BB962C8B-B14F-4D97-AF65-F5344CB8AC3E}">
        <p14:creationId xmlns:p14="http://schemas.microsoft.com/office/powerpoint/2010/main" val="2621538308"/>
      </p:ext>
    </p:extLst>
  </p:cSld>
  <p:clrMapOvr>
    <a:masterClrMapping/>
  </p:clrMapOvr>
  <p:transition>
    <p:fade/>
  </p:transition>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a:spLocks noGrp="1"/>
          </p:cNvSpPr>
          <p:nvPr>
            <p:ph type="title"/>
          </p:nvPr>
        </p:nvSpPr>
        <p:spPr/>
        <p:txBody>
          <a:bodyPr/>
          <a:lstStyle/>
          <a:p>
            <a:pPr algn="ctr">
              <a:defRPr/>
            </a:pPr>
            <a:r>
              <a:rPr lang="en-US" dirty="0" smtClean="0"/>
              <a:t>Future Resource Development Costs</a:t>
            </a:r>
            <a:endParaRPr baseline="30000" dirty="0"/>
          </a:p>
        </p:txBody>
      </p:sp>
      <p:graphicFrame>
        <p:nvGraphicFramePr>
          <p:cNvPr id="11" name="Chart 10"/>
          <p:cNvGraphicFramePr/>
          <p:nvPr>
            <p:extLst>
              <p:ext uri="{D42A27DB-BD31-4B8C-83A1-F6EECF244321}">
                <p14:modId xmlns:p14="http://schemas.microsoft.com/office/powerpoint/2010/main" val="4012748719"/>
              </p:ext>
            </p:extLst>
          </p:nvPr>
        </p:nvGraphicFramePr>
        <p:xfrm>
          <a:off x="228600" y="1832101"/>
          <a:ext cx="8534400" cy="4495800"/>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1"/>
          <p:cNvSpPr txBox="1"/>
          <p:nvPr/>
        </p:nvSpPr>
        <p:spPr>
          <a:xfrm>
            <a:off x="2895600" y="1540280"/>
            <a:ext cx="1435100" cy="355042"/>
          </a:xfrm>
          <a:prstGeom prst="rect">
            <a:avLst/>
          </a:prstGeom>
          <a:noFill/>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2000" b="1" dirty="0" smtClean="0">
                <a:solidFill>
                  <a:prstClr val="white"/>
                </a:solidFill>
              </a:rPr>
              <a:t>$12,000/AF</a:t>
            </a:r>
            <a:endParaRPr lang="en-US" sz="2000" b="1" dirty="0">
              <a:solidFill>
                <a:prstClr val="white"/>
              </a:solidFill>
            </a:endParaRPr>
          </a:p>
        </p:txBody>
      </p:sp>
      <p:sp>
        <p:nvSpPr>
          <p:cNvPr id="2" name="TextBox 1"/>
          <p:cNvSpPr txBox="1"/>
          <p:nvPr/>
        </p:nvSpPr>
        <p:spPr>
          <a:xfrm>
            <a:off x="146050" y="6550223"/>
            <a:ext cx="8007350" cy="307777"/>
          </a:xfrm>
          <a:prstGeom prst="rect">
            <a:avLst/>
          </a:prstGeom>
          <a:noFill/>
        </p:spPr>
        <p:txBody>
          <a:bodyPr wrap="square" rtlCol="0">
            <a:spAutoFit/>
          </a:bodyPr>
          <a:lstStyle>
            <a:defPPr>
              <a:defRPr lang="en-US"/>
            </a:defPPr>
            <a:lvl1pPr>
              <a:defRPr sz="1400" i="1">
                <a:solidFill>
                  <a:srgbClr val="FFC000"/>
                </a:solidFill>
                <a:latin typeface="+mn-lt"/>
              </a:defRPr>
            </a:lvl1pPr>
          </a:lstStyle>
          <a:p>
            <a:r>
              <a:rPr lang="en-US" dirty="0"/>
              <a:t>* 2015 IRP Update local supply cost analysis as of November 2015, in 2015 dollars</a:t>
            </a:r>
          </a:p>
        </p:txBody>
      </p:sp>
      <p:sp>
        <p:nvSpPr>
          <p:cNvPr id="3" name="Rectangle 2"/>
          <p:cNvSpPr/>
          <p:nvPr/>
        </p:nvSpPr>
        <p:spPr bwMode="auto">
          <a:xfrm>
            <a:off x="1524000" y="5070881"/>
            <a:ext cx="7010400" cy="76200"/>
          </a:xfrm>
          <a:prstGeom prst="rect">
            <a:avLst/>
          </a:pr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8" name="Rectangle 7"/>
          <p:cNvSpPr/>
          <p:nvPr/>
        </p:nvSpPr>
        <p:spPr bwMode="auto">
          <a:xfrm>
            <a:off x="4419600" y="1692680"/>
            <a:ext cx="3581400" cy="1066800"/>
          </a:xfrm>
          <a:prstGeom prst="rect">
            <a:avLst/>
          </a:prstGeom>
          <a:ln>
            <a:headEnd type="none" w="med" len="med"/>
            <a:tailEnd type="none" w="med" len="med"/>
          </a:ln>
        </p:spPr>
        <p:style>
          <a:lnRef idx="0">
            <a:schemeClr val="accent1"/>
          </a:lnRef>
          <a:fillRef idx="3">
            <a:schemeClr val="accent1"/>
          </a:fillRef>
          <a:effectRef idx="3">
            <a:schemeClr val="accent1"/>
          </a:effectRef>
          <a:fontRef idx="minor">
            <a:schemeClr val="lt1"/>
          </a:fontRef>
        </p:style>
        <p:txBody>
          <a:bodyPr vert="horz" wrap="square" lIns="91436" tIns="45718" rIns="91436" bIns="45718" numCol="1" rtlCol="0" anchor="ctr" anchorCtr="1" compatLnSpc="1">
            <a:prstTxWarp prst="textNoShape">
              <a:avLst/>
            </a:prstTxWarp>
          </a:bodyPr>
          <a:lstStyle/>
          <a:p>
            <a:pPr defTabSz="914099">
              <a:defRPr/>
            </a:pPr>
            <a:r>
              <a:rPr lang="en-US" sz="2000" b="1" kern="0" dirty="0" smtClean="0">
                <a:solidFill>
                  <a:srgbClr val="FFFFFF"/>
                </a:solidFill>
                <a:effectLst>
                  <a:outerShdw blurRad="38100" dist="38100" dir="2700000" algn="tl">
                    <a:srgbClr val="000000">
                      <a:alpha val="43137"/>
                    </a:srgbClr>
                  </a:outerShdw>
                </a:effectLst>
              </a:rPr>
              <a:t>MWD 2016 Tier 1 Treated </a:t>
            </a:r>
            <a:br>
              <a:rPr lang="en-US" sz="2000" b="1" kern="0" dirty="0" smtClean="0">
                <a:solidFill>
                  <a:srgbClr val="FFFFFF"/>
                </a:solidFill>
                <a:effectLst>
                  <a:outerShdw blurRad="38100" dist="38100" dir="2700000" algn="tl">
                    <a:srgbClr val="000000">
                      <a:alpha val="43137"/>
                    </a:srgbClr>
                  </a:outerShdw>
                </a:effectLst>
              </a:rPr>
            </a:br>
            <a:r>
              <a:rPr lang="en-US" sz="2000" b="1" kern="0" dirty="0" smtClean="0">
                <a:solidFill>
                  <a:srgbClr val="FFFFFF"/>
                </a:solidFill>
                <a:effectLst>
                  <a:outerShdw blurRad="38100" dist="38100" dir="2700000" algn="tl">
                    <a:srgbClr val="000000">
                      <a:alpha val="43137"/>
                    </a:srgbClr>
                  </a:outerShdw>
                </a:effectLst>
              </a:rPr>
              <a:t>(with California Water Fix)</a:t>
            </a:r>
          </a:p>
          <a:p>
            <a:pPr defTabSz="914099">
              <a:defRPr/>
            </a:pPr>
            <a:r>
              <a:rPr lang="en-US" kern="0" dirty="0" smtClean="0">
                <a:solidFill>
                  <a:srgbClr val="FFFFFF"/>
                </a:solidFill>
                <a:effectLst>
                  <a:outerShdw blurRad="38100" dist="38100" dir="2700000" algn="tl">
                    <a:srgbClr val="000000">
                      <a:alpha val="43137"/>
                    </a:srgbClr>
                  </a:outerShdw>
                </a:effectLst>
              </a:rPr>
              <a:t>~$1,089 to $1,118 / acre-feet</a:t>
            </a:r>
            <a:endParaRPr lang="en-US" kern="0" dirty="0" smtClean="0">
              <a:solidFill>
                <a:prstClr val="white"/>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523394391"/>
      </p:ext>
    </p:extLst>
  </p:cSld>
  <p:clrMapOvr>
    <a:masterClrMapping/>
  </p:clrMapOvr>
  <p:transition>
    <p:fade/>
  </p:transition>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a:t>California Water Fix</a:t>
            </a:r>
            <a:br>
              <a:rPr lang="en-US" dirty="0"/>
            </a:br>
            <a:r>
              <a:rPr lang="en-US" sz="3600" dirty="0">
                <a:solidFill>
                  <a:schemeClr val="tx1"/>
                </a:solidFill>
              </a:rPr>
              <a:t>Retail Impact – Household Water </a:t>
            </a:r>
            <a:r>
              <a:rPr lang="en-US" sz="3600" dirty="0" smtClean="0">
                <a:solidFill>
                  <a:schemeClr val="tx1"/>
                </a:solidFill>
              </a:rPr>
              <a:t>Costs</a:t>
            </a:r>
            <a:endParaRPr lang="en-US" sz="3600" dirty="0">
              <a:solidFill>
                <a:schemeClr val="tx1"/>
              </a:solidFill>
            </a:endParaRPr>
          </a:p>
        </p:txBody>
      </p:sp>
      <p:graphicFrame>
        <p:nvGraphicFramePr>
          <p:cNvPr id="6" name="Table 5"/>
          <p:cNvGraphicFramePr>
            <a:graphicFrameLocks noGrp="1"/>
          </p:cNvGraphicFramePr>
          <p:nvPr>
            <p:extLst>
              <p:ext uri="{D42A27DB-BD31-4B8C-83A1-F6EECF244321}">
                <p14:modId xmlns:p14="http://schemas.microsoft.com/office/powerpoint/2010/main" val="1787161080"/>
              </p:ext>
            </p:extLst>
          </p:nvPr>
        </p:nvGraphicFramePr>
        <p:xfrm>
          <a:off x="685800" y="2895600"/>
          <a:ext cx="7620000" cy="2194560"/>
        </p:xfrm>
        <a:graphic>
          <a:graphicData uri="http://schemas.openxmlformats.org/drawingml/2006/table">
            <a:tbl>
              <a:tblPr firstRow="1" bandRow="1">
                <a:tableStyleId>{93296810-A885-4BE3-A3E7-6D5BEEA58F35}</a:tableStyleId>
              </a:tblPr>
              <a:tblGrid>
                <a:gridCol w="5257800"/>
                <a:gridCol w="2362200"/>
              </a:tblGrid>
              <a:tr h="370840">
                <a:tc>
                  <a:txBody>
                    <a:bodyPr/>
                    <a:lstStyle/>
                    <a:p>
                      <a:pPr algn="ctr"/>
                      <a:r>
                        <a:rPr lang="en-US" sz="2800" dirty="0" smtClean="0"/>
                        <a:t>Future Supply Improvements</a:t>
                      </a:r>
                      <a:endParaRPr lang="en-US" sz="2800" dirty="0"/>
                    </a:p>
                  </a:txBody>
                  <a:tcPr anchor="ctr"/>
                </a:tc>
                <a:tc>
                  <a:txBody>
                    <a:bodyPr/>
                    <a:lstStyle/>
                    <a:p>
                      <a:pPr algn="ctr"/>
                      <a:r>
                        <a:rPr lang="en-US" sz="2400" dirty="0" smtClean="0"/>
                        <a:t>Monthly Impact</a:t>
                      </a:r>
                    </a:p>
                    <a:p>
                      <a:pPr algn="ctr"/>
                      <a:r>
                        <a:rPr lang="en-US" sz="2400" dirty="0" smtClean="0"/>
                        <a:t>Per Household</a:t>
                      </a:r>
                      <a:endParaRPr lang="en-US" sz="2400" dirty="0"/>
                    </a:p>
                  </a:txBody>
                  <a:tcPr anchor="ctr"/>
                </a:tc>
              </a:tr>
              <a:tr h="370840">
                <a:tc>
                  <a:txBody>
                    <a:bodyPr/>
                    <a:lstStyle/>
                    <a:p>
                      <a:r>
                        <a:rPr lang="en-US" sz="2400" dirty="0" smtClean="0"/>
                        <a:t>Desalination Focus</a:t>
                      </a:r>
                      <a:endParaRPr lang="en-US" sz="2400" dirty="0"/>
                    </a:p>
                  </a:txBody>
                  <a:tcPr/>
                </a:tc>
                <a:tc>
                  <a:txBody>
                    <a:bodyPr/>
                    <a:lstStyle/>
                    <a:p>
                      <a:pPr algn="ctr"/>
                      <a:r>
                        <a:rPr lang="en-US" sz="2400" dirty="0" smtClean="0"/>
                        <a:t>$11 / month</a:t>
                      </a:r>
                      <a:endParaRPr lang="en-US" sz="2400" dirty="0"/>
                    </a:p>
                  </a:txBody>
                  <a:tcPr/>
                </a:tc>
              </a:tr>
              <a:tr h="370840">
                <a:tc>
                  <a:txBody>
                    <a:bodyPr/>
                    <a:lstStyle/>
                    <a:p>
                      <a:r>
                        <a:rPr lang="en-US" sz="2400" dirty="0" smtClean="0"/>
                        <a:t>Recycling Focus</a:t>
                      </a:r>
                      <a:endParaRPr lang="en-US" sz="2400" dirty="0"/>
                    </a:p>
                  </a:txBody>
                  <a:tcPr/>
                </a:tc>
                <a:tc>
                  <a:txBody>
                    <a:bodyPr/>
                    <a:lstStyle/>
                    <a:p>
                      <a:pPr algn="ctr"/>
                      <a:r>
                        <a:rPr lang="en-US" sz="2400" dirty="0" smtClean="0"/>
                        <a:t>$7</a:t>
                      </a:r>
                      <a:r>
                        <a:rPr lang="en-US" sz="2400" baseline="0" dirty="0" smtClean="0"/>
                        <a:t> to 11</a:t>
                      </a:r>
                      <a:r>
                        <a:rPr lang="en-US" sz="2400" dirty="0" smtClean="0"/>
                        <a:t> / month</a:t>
                      </a:r>
                      <a:endParaRPr lang="en-US" sz="2400" dirty="0"/>
                    </a:p>
                  </a:txBody>
                  <a:tcPr/>
                </a:tc>
              </a:tr>
              <a:tr h="370840">
                <a:tc>
                  <a:txBody>
                    <a:bodyPr/>
                    <a:lstStyle/>
                    <a:p>
                      <a:r>
                        <a:rPr lang="en-US" sz="2400" dirty="0" smtClean="0"/>
                        <a:t>Diversified Portfolio (with Cal Water Fix)</a:t>
                      </a:r>
                      <a:endParaRPr lang="en-US" sz="2400" dirty="0"/>
                    </a:p>
                  </a:txBody>
                  <a:tcPr/>
                </a:tc>
                <a:tc>
                  <a:txBody>
                    <a:bodyPr/>
                    <a:lstStyle/>
                    <a:p>
                      <a:pPr algn="ctr"/>
                      <a:r>
                        <a:rPr lang="en-US" sz="2400" dirty="0" smtClean="0"/>
                        <a:t>Up to $5/month</a:t>
                      </a:r>
                      <a:endParaRPr lang="en-US" sz="2400" dirty="0"/>
                    </a:p>
                  </a:txBody>
                  <a:tcPr/>
                </a:tc>
              </a:tr>
            </a:tbl>
          </a:graphicData>
        </a:graphic>
      </p:graphicFrame>
      <p:sp>
        <p:nvSpPr>
          <p:cNvPr id="7" name="TextBox 6"/>
          <p:cNvSpPr txBox="1"/>
          <p:nvPr/>
        </p:nvSpPr>
        <p:spPr>
          <a:xfrm flipH="1">
            <a:off x="152400" y="5943600"/>
            <a:ext cx="8534400" cy="954107"/>
          </a:xfrm>
          <a:prstGeom prst="rect">
            <a:avLst/>
          </a:prstGeom>
          <a:noFill/>
        </p:spPr>
        <p:txBody>
          <a:bodyPr wrap="square" rtlCol="0">
            <a:spAutoFit/>
          </a:bodyPr>
          <a:lstStyle/>
          <a:p>
            <a:r>
              <a:rPr lang="en-US" sz="1400" i="1" dirty="0">
                <a:solidFill>
                  <a:srgbClr val="FFC000"/>
                </a:solidFill>
                <a:latin typeface="Calibri"/>
              </a:rPr>
              <a:t>20 HCF and 50% MWD</a:t>
            </a:r>
          </a:p>
          <a:p>
            <a:r>
              <a:rPr lang="en-US" sz="1400" i="1" dirty="0" smtClean="0">
                <a:solidFill>
                  <a:srgbClr val="FFC000"/>
                </a:solidFill>
                <a:latin typeface="Calibri"/>
              </a:rPr>
              <a:t>Based on analysis completed during IRP process</a:t>
            </a:r>
          </a:p>
          <a:p>
            <a:r>
              <a:rPr lang="en-US" sz="1400" i="1" dirty="0" smtClean="0">
                <a:solidFill>
                  <a:srgbClr val="FFC000"/>
                </a:solidFill>
                <a:latin typeface="Calibri"/>
              </a:rPr>
              <a:t>A diversified portfolio approach strives to meet future supply improvement needs with a cost-effective and reliable mix of local (conservation, recycling, groundwater improvement, desalination), transfers, and imported supplies.</a:t>
            </a:r>
            <a:endParaRPr lang="en-US" sz="1400" i="1" dirty="0">
              <a:solidFill>
                <a:srgbClr val="FFC000"/>
              </a:solidFill>
              <a:latin typeface="Calibri"/>
            </a:endParaRPr>
          </a:p>
        </p:txBody>
      </p:sp>
      <p:sp>
        <p:nvSpPr>
          <p:cNvPr id="3" name="Rectangle 2"/>
          <p:cNvSpPr/>
          <p:nvPr/>
        </p:nvSpPr>
        <p:spPr bwMode="auto">
          <a:xfrm>
            <a:off x="6172200" y="5181600"/>
            <a:ext cx="2133600" cy="533400"/>
          </a:xfrm>
          <a:prstGeom prst="rect">
            <a:avLst/>
          </a:prstGeom>
          <a:solidFill>
            <a:srgbClr val="C0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dirty="0" smtClean="0">
                <a:solidFill>
                  <a:srgbClr val="FFFFFF"/>
                </a:solidFill>
                <a:effectLst>
                  <a:outerShdw blurRad="38100" dist="38100" dir="2700000" algn="tl">
                    <a:srgbClr val="000000">
                      <a:alpha val="43137"/>
                    </a:srgbClr>
                  </a:outerShdw>
                </a:effectLst>
                <a:latin typeface="Segoe" pitchFamily="34" charset="0"/>
              </a:rPr>
              <a:t>Checking with RJ</a:t>
            </a:r>
          </a:p>
        </p:txBody>
      </p:sp>
    </p:spTree>
    <p:extLst>
      <p:ext uri="{BB962C8B-B14F-4D97-AF65-F5344CB8AC3E}">
        <p14:creationId xmlns:p14="http://schemas.microsoft.com/office/powerpoint/2010/main" val="280330139"/>
      </p:ext>
    </p:extLst>
  </p:cSld>
  <p:clrMapOvr>
    <a:masterClrMapping/>
  </p:clrMapOvr>
  <p:transition spd="slow">
    <p:fade/>
  </p:transition>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4294967295"/>
          </p:nvPr>
        </p:nvSpPr>
        <p:spPr>
          <a:xfrm>
            <a:off x="228600" y="1926372"/>
            <a:ext cx="7562850" cy="411189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defTabSz="912813" eaLnBrk="0" fontAlgn="base" hangingPunct="0">
              <a:spcAft>
                <a:spcPct val="0"/>
              </a:spcAft>
            </a:pPr>
            <a:r>
              <a:rPr lang="en-US" sz="2800" dirty="0">
                <a:effectLst>
                  <a:outerShdw blurRad="38100" dist="38100" dir="2700000" algn="tl">
                    <a:srgbClr val="000000">
                      <a:alpha val="43137"/>
                    </a:srgbClr>
                  </a:outerShdw>
                </a:effectLst>
              </a:rPr>
              <a:t>Recycled Water (Existing)</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Edward C. Little Water Recycling </a:t>
            </a:r>
            <a:r>
              <a:rPr lang="en-US" sz="2400" dirty="0" smtClean="0">
                <a:solidFill>
                  <a:srgbClr val="D8B25C"/>
                </a:solidFill>
                <a:effectLst>
                  <a:outerShdw blurRad="38100" dist="38100" dir="2700000" algn="tl">
                    <a:srgbClr val="000000">
                      <a:alpha val="43137"/>
                    </a:srgbClr>
                  </a:outerShdw>
                </a:effectLst>
              </a:rPr>
              <a:t>Facility </a:t>
            </a:r>
            <a:r>
              <a:rPr lang="en-US" sz="2400" baseline="30000" dirty="0" smtClean="0">
                <a:solidFill>
                  <a:srgbClr val="D8B25C"/>
                </a:solidFill>
                <a:effectLst>
                  <a:outerShdw blurRad="38100" dist="38100" dir="2700000" algn="tl">
                    <a:srgbClr val="000000">
                      <a:alpha val="43137"/>
                    </a:srgbClr>
                  </a:outerShdw>
                </a:effectLst>
              </a:rPr>
              <a:t>1</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1,739 /AF</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Orange County Groundwater Replenishment </a:t>
            </a:r>
            <a:r>
              <a:rPr lang="en-US" sz="2400" dirty="0" smtClean="0">
                <a:solidFill>
                  <a:srgbClr val="D8B25C"/>
                </a:solidFill>
                <a:effectLst>
                  <a:outerShdw blurRad="38100" dist="38100" dir="2700000" algn="tl">
                    <a:srgbClr val="000000">
                      <a:alpha val="43137"/>
                    </a:srgbClr>
                  </a:outerShdw>
                </a:effectLst>
              </a:rPr>
              <a:t>System </a:t>
            </a:r>
            <a:r>
              <a:rPr lang="en-US" sz="2400" baseline="30000" dirty="0" smtClean="0">
                <a:solidFill>
                  <a:srgbClr val="D8B25C"/>
                </a:solidFill>
                <a:effectLst>
                  <a:outerShdw blurRad="38100" dist="38100" dir="2700000" algn="tl">
                    <a:srgbClr val="000000">
                      <a:alpha val="43137"/>
                    </a:srgbClr>
                  </a:outerShdw>
                </a:effectLst>
              </a:rPr>
              <a:t>2</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887/AF</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Local Resources Program (average of projects</a:t>
            </a:r>
            <a:r>
              <a:rPr lang="en-US" sz="2400" dirty="0" smtClean="0">
                <a:solidFill>
                  <a:srgbClr val="D8B25C"/>
                </a:solidFill>
                <a:effectLst>
                  <a:outerShdw blurRad="38100" dist="38100" dir="2700000" algn="tl">
                    <a:srgbClr val="000000">
                      <a:alpha val="43137"/>
                    </a:srgbClr>
                  </a:outerShdw>
                </a:effectLst>
              </a:rPr>
              <a:t>) </a:t>
            </a:r>
            <a:r>
              <a:rPr lang="en-US" sz="2400" baseline="30000" dirty="0" smtClean="0">
                <a:solidFill>
                  <a:srgbClr val="D8B25C"/>
                </a:solidFill>
                <a:effectLst>
                  <a:outerShdw blurRad="38100" dist="38100" dir="2700000" algn="tl">
                    <a:srgbClr val="000000">
                      <a:alpha val="43137"/>
                    </a:srgbClr>
                  </a:outerShdw>
                </a:effectLst>
              </a:rPr>
              <a:t>3</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2,240/AF</a:t>
            </a:r>
          </a:p>
          <a:p>
            <a:pPr defTabSz="912813" eaLnBrk="0" fontAlgn="base" hangingPunct="0">
              <a:spcAft>
                <a:spcPct val="0"/>
              </a:spcAft>
            </a:pPr>
            <a:r>
              <a:rPr lang="en-US" sz="2800" dirty="0">
                <a:effectLst>
                  <a:outerShdw blurRad="38100" dist="38100" dir="2700000" algn="tl">
                    <a:srgbClr val="000000">
                      <a:alpha val="43137"/>
                    </a:srgbClr>
                  </a:outerShdw>
                </a:effectLst>
              </a:rPr>
              <a:t>Recycled Water (Future)</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San Diego Pure Water </a:t>
            </a:r>
            <a:r>
              <a:rPr lang="en-US" sz="2400" dirty="0" smtClean="0">
                <a:solidFill>
                  <a:srgbClr val="D8B25C"/>
                </a:solidFill>
                <a:effectLst>
                  <a:outerShdw blurRad="38100" dist="38100" dir="2700000" algn="tl">
                    <a:srgbClr val="000000">
                      <a:alpha val="43137"/>
                    </a:srgbClr>
                  </a:outerShdw>
                </a:effectLst>
              </a:rPr>
              <a:t>Project </a:t>
            </a:r>
            <a:r>
              <a:rPr lang="en-US" sz="2400" baseline="30000" dirty="0" smtClean="0">
                <a:solidFill>
                  <a:srgbClr val="D8B25C"/>
                </a:solidFill>
                <a:effectLst>
                  <a:outerShdw blurRad="38100" dist="38100" dir="2700000" algn="tl">
                    <a:srgbClr val="000000">
                      <a:alpha val="43137"/>
                    </a:srgbClr>
                  </a:outerShdw>
                </a:effectLst>
              </a:rPr>
              <a:t>4</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1,975/AF to $2,375/AF</a:t>
            </a:r>
          </a:p>
        </p:txBody>
      </p:sp>
      <p:pic>
        <p:nvPicPr>
          <p:cNvPr id="1029" name="Picture 5"/>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6553200" y="1893971"/>
            <a:ext cx="2438400" cy="11510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le 3"/>
          <p:cNvSpPr>
            <a:spLocks noGrp="1"/>
          </p:cNvSpPr>
          <p:nvPr>
            <p:ph type="title"/>
          </p:nvPr>
        </p:nvSpPr>
        <p:spPr>
          <a:xfrm>
            <a:off x="533400" y="381000"/>
            <a:ext cx="8229600" cy="1107996"/>
          </a:xfrm>
        </p:spPr>
        <p:txBody>
          <a:bodyPr/>
          <a:lstStyle/>
          <a:p>
            <a:r>
              <a:rPr lang="en-US" dirty="0" smtClean="0"/>
              <a:t>California Water Fix</a:t>
            </a:r>
            <a:br>
              <a:rPr lang="en-US" dirty="0" smtClean="0"/>
            </a:br>
            <a:r>
              <a:rPr lang="en-US" sz="3600" dirty="0" smtClean="0">
                <a:solidFill>
                  <a:schemeClr val="tx1"/>
                </a:solidFill>
              </a:rPr>
              <a:t>Examples of Alternative Resource Costs</a:t>
            </a:r>
            <a:endParaRPr lang="en-US" sz="3600" dirty="0">
              <a:solidFill>
                <a:schemeClr val="tx1"/>
              </a:solidFill>
            </a:endParaRPr>
          </a:p>
        </p:txBody>
      </p:sp>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994990" y="3541395"/>
            <a:ext cx="1557669" cy="45720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pic>
        <p:nvPicPr>
          <p:cNvPr id="1030" name="Picture 6"/>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981344" y="4983480"/>
            <a:ext cx="1584960" cy="73152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
        <p:nvSpPr>
          <p:cNvPr id="14" name="Rectangle 13"/>
          <p:cNvSpPr/>
          <p:nvPr/>
        </p:nvSpPr>
        <p:spPr bwMode="auto">
          <a:xfrm>
            <a:off x="134982" y="6156960"/>
            <a:ext cx="8475618" cy="548640"/>
          </a:xfrm>
          <a:prstGeom prst="rect">
            <a:avLst/>
          </a:prstGeom>
          <a:noFill/>
          <a:ln>
            <a:noFill/>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0000" tIns="46800" rIns="90000" bIns="46800" numCol="1" rtlCol="0" anchor="ctr" anchorCtr="0" compatLnSpc="1">
            <a:prstTxWarp prst="textNoShape">
              <a:avLst/>
            </a:prstTxWarp>
          </a:bodyPr>
          <a:lstStyle/>
          <a:p>
            <a:pPr marL="228600" indent="-228600">
              <a:lnSpc>
                <a:spcPct val="85000"/>
              </a:lnSpc>
              <a:buFont typeface="+mj-lt"/>
              <a:buAutoNum type="arabicPeriod"/>
            </a:pPr>
            <a:r>
              <a:rPr lang="de-DE" sz="1200" i="1" dirty="0" smtClean="0">
                <a:solidFill>
                  <a:srgbClr val="FFC000"/>
                </a:solidFill>
                <a:cs typeface="Arial" charset="0"/>
              </a:rPr>
              <a:t>Project unit </a:t>
            </a:r>
            <a:r>
              <a:rPr lang="de-DE" sz="1200" i="1" dirty="0">
                <a:solidFill>
                  <a:srgbClr val="FFC000"/>
                </a:solidFill>
                <a:cs typeface="Arial" charset="0"/>
              </a:rPr>
              <a:t>c</a:t>
            </a:r>
            <a:r>
              <a:rPr lang="de-DE" sz="1200" i="1" dirty="0" smtClean="0">
                <a:solidFill>
                  <a:srgbClr val="FFC000"/>
                </a:solidFill>
                <a:cs typeface="Arial" charset="0"/>
              </a:rPr>
              <a:t>ost from the Local Resources Program FY13/14 reconciliation; grants included in cost</a:t>
            </a:r>
          </a:p>
          <a:p>
            <a:pPr marL="228600" indent="-228600">
              <a:lnSpc>
                <a:spcPct val="85000"/>
              </a:lnSpc>
              <a:buFont typeface="+mj-lt"/>
              <a:buAutoNum type="arabicPeriod"/>
            </a:pPr>
            <a:r>
              <a:rPr lang="de-DE" sz="1200" i="1" dirty="0" smtClean="0">
                <a:solidFill>
                  <a:srgbClr val="FFC000"/>
                </a:solidFill>
                <a:cs typeface="Arial" charset="0"/>
              </a:rPr>
              <a:t>FY09-10 overall project </a:t>
            </a:r>
            <a:r>
              <a:rPr lang="de-DE" sz="1200" i="1" dirty="0">
                <a:solidFill>
                  <a:srgbClr val="FFC000"/>
                </a:solidFill>
                <a:cs typeface="Arial" charset="0"/>
              </a:rPr>
              <a:t>gross </a:t>
            </a:r>
            <a:r>
              <a:rPr lang="de-DE" sz="1200" i="1" dirty="0" smtClean="0">
                <a:solidFill>
                  <a:srgbClr val="FFC000"/>
                </a:solidFill>
                <a:cs typeface="Arial" charset="0"/>
              </a:rPr>
              <a:t>unit cost </a:t>
            </a:r>
            <a:r>
              <a:rPr lang="de-DE" sz="1200" i="1" dirty="0">
                <a:solidFill>
                  <a:srgbClr val="FFC000"/>
                </a:solidFill>
                <a:cs typeface="Arial" charset="0"/>
              </a:rPr>
              <a:t>from the </a:t>
            </a:r>
            <a:r>
              <a:rPr lang="de-DE" sz="1200" i="1" dirty="0" smtClean="0">
                <a:solidFill>
                  <a:srgbClr val="FFC000"/>
                </a:solidFill>
                <a:cs typeface="Arial" charset="0"/>
              </a:rPr>
              <a:t>GWRS website</a:t>
            </a:r>
          </a:p>
          <a:p>
            <a:pPr marL="228600" indent="-228600">
              <a:lnSpc>
                <a:spcPct val="85000"/>
              </a:lnSpc>
              <a:buFont typeface="+mj-lt"/>
              <a:buAutoNum type="arabicPeriod"/>
            </a:pPr>
            <a:r>
              <a:rPr lang="de-DE" sz="1200" i="1" dirty="0" smtClean="0">
                <a:solidFill>
                  <a:srgbClr val="FFC000"/>
                </a:solidFill>
                <a:cs typeface="Arial" charset="0"/>
              </a:rPr>
              <a:t>Weighted average unit cost from </a:t>
            </a:r>
            <a:r>
              <a:rPr lang="de-DE" sz="1200" i="1" dirty="0">
                <a:solidFill>
                  <a:srgbClr val="FFC000"/>
                </a:solidFill>
                <a:cs typeface="Arial" charset="0"/>
              </a:rPr>
              <a:t>the </a:t>
            </a:r>
            <a:r>
              <a:rPr lang="de-DE" sz="1200" i="1" dirty="0" smtClean="0">
                <a:solidFill>
                  <a:srgbClr val="FFC000"/>
                </a:solidFill>
                <a:cs typeface="Arial" charset="0"/>
              </a:rPr>
              <a:t>Local </a:t>
            </a:r>
            <a:r>
              <a:rPr lang="de-DE" sz="1200" i="1" dirty="0">
                <a:solidFill>
                  <a:srgbClr val="FFC000"/>
                </a:solidFill>
                <a:cs typeface="Arial" charset="0"/>
              </a:rPr>
              <a:t>Resources Program FY13/14 </a:t>
            </a:r>
            <a:r>
              <a:rPr lang="de-DE" sz="1200" i="1" dirty="0" smtClean="0">
                <a:solidFill>
                  <a:srgbClr val="FFC000"/>
                </a:solidFill>
                <a:cs typeface="Arial" charset="0"/>
              </a:rPr>
              <a:t>reconciliation</a:t>
            </a:r>
          </a:p>
          <a:p>
            <a:pPr marL="228600" indent="-228600">
              <a:lnSpc>
                <a:spcPct val="85000"/>
              </a:lnSpc>
              <a:buFont typeface="+mj-lt"/>
              <a:buAutoNum type="arabicPeriod"/>
            </a:pPr>
            <a:r>
              <a:rPr lang="de-DE" sz="1200" i="1" dirty="0" smtClean="0">
                <a:solidFill>
                  <a:srgbClr val="FFC000"/>
                </a:solidFill>
                <a:cs typeface="Arial" charset="0"/>
              </a:rPr>
              <a:t>Unit costs in 2011 dollars and before grants or netting out avoided costs (from the June 14, 2012, SDCWA Board presentation)</a:t>
            </a:r>
          </a:p>
        </p:txBody>
      </p:sp>
      <p:pic>
        <p:nvPicPr>
          <p:cNvPr id="15" name="Picture 2" descr="http://cityofpasadena.net/assets/0/73/113/160/b311b274-1e81-435a-babe-735ca6cc6923.jpg">
            <a:hlinkClick r:id="rId7"/>
          </p:cNvPr>
          <p:cNvPicPr>
            <a:picLocks noChangeAspect="1" noChangeArrowheads="1"/>
          </p:cNvPicPr>
          <p:nvPr/>
        </p:nvPicPr>
        <p:blipFill rotWithShape="1">
          <a:blip r:embed="rId8" cstate="print">
            <a:extLst>
              <a:ext uri="{BEBA8EAE-BF5A-486C-A8C5-ECC9F3942E4B}">
                <a14:imgProps xmlns:a14="http://schemas.microsoft.com/office/drawing/2010/main">
                  <a14:imgLayer r:embed="rId9">
                    <a14:imgEffect>
                      <a14:backgroundRemoval t="0" b="95473" l="8333" r="90000">
                        <a14:foregroundMark x1="36000" y1="28395" x2="36000" y2="28395"/>
                        <a14:foregroundMark x1="27000" y1="51852" x2="27000" y2="51852"/>
                        <a14:foregroundMark x1="31333" y1="72016" x2="31333" y2="72016"/>
                        <a14:foregroundMark x1="66667" y1="72840" x2="66667" y2="72840"/>
                        <a14:foregroundMark x1="74667" y1="50206" x2="74667" y2="50206"/>
                        <a14:foregroundMark x1="65000" y1="42387" x2="65000" y2="42387"/>
                        <a14:foregroundMark x1="68333" y1="37037" x2="68333" y2="37037"/>
                        <a14:foregroundMark x1="66000" y1="39918" x2="66000" y2="39918"/>
                      </a14:backgroundRemoval>
                    </a14:imgEffect>
                  </a14:imgLayer>
                </a14:imgProps>
              </a:ext>
              <a:ext uri="{28A0092B-C50C-407E-A947-70E740481C1C}">
                <a14:useLocalDpi xmlns:a14="http://schemas.microsoft.com/office/drawing/2010/main" val="0"/>
              </a:ext>
            </a:extLst>
          </a:blip>
          <a:srcRect l="8929" r="15305" b="5202"/>
          <a:stretch/>
        </p:blipFill>
        <p:spPr bwMode="auto">
          <a:xfrm>
            <a:off x="7503150" y="4191000"/>
            <a:ext cx="541348" cy="54864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7655622"/>
      </p:ext>
    </p:extLst>
  </p:cSld>
  <p:clrMapOvr>
    <a:masterClrMapping/>
  </p:clrMapOvr>
  <p:transition spd="slow">
    <p:fade/>
  </p:transition>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33400" y="381000"/>
            <a:ext cx="8229600" cy="1107996"/>
          </a:xfrm>
        </p:spPr>
        <p:txBody>
          <a:bodyPr/>
          <a:lstStyle/>
          <a:p>
            <a:r>
              <a:rPr lang="en-US" dirty="0" smtClean="0"/>
              <a:t>California Water Fix</a:t>
            </a:r>
            <a:br>
              <a:rPr lang="en-US" dirty="0" smtClean="0"/>
            </a:br>
            <a:r>
              <a:rPr lang="en-US" sz="3600" dirty="0" smtClean="0">
                <a:solidFill>
                  <a:schemeClr val="tx1"/>
                </a:solidFill>
              </a:rPr>
              <a:t>Examples of Alternative Resource Costs</a:t>
            </a:r>
            <a:endParaRPr lang="en-US" sz="3600" dirty="0">
              <a:solidFill>
                <a:schemeClr val="tx1"/>
              </a:solidFill>
            </a:endParaRPr>
          </a:p>
        </p:txBody>
      </p:sp>
      <p:sp>
        <p:nvSpPr>
          <p:cNvPr id="5" name="Text Placeholder 4"/>
          <p:cNvSpPr>
            <a:spLocks noGrp="1"/>
          </p:cNvSpPr>
          <p:nvPr>
            <p:ph type="body" sz="quarter" idx="4294967295"/>
          </p:nvPr>
        </p:nvSpPr>
        <p:spPr>
          <a:xfrm>
            <a:off x="533400" y="2382726"/>
            <a:ext cx="8229600" cy="248683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defTabSz="912813" eaLnBrk="0" fontAlgn="base" hangingPunct="0">
              <a:spcAft>
                <a:spcPct val="0"/>
              </a:spcAft>
            </a:pPr>
            <a:r>
              <a:rPr lang="en-US" sz="2800" dirty="0">
                <a:effectLst>
                  <a:outerShdw blurRad="38100" dist="38100" dir="2700000" algn="tl">
                    <a:srgbClr val="000000">
                      <a:alpha val="43137"/>
                    </a:srgbClr>
                  </a:outerShdw>
                </a:effectLst>
              </a:rPr>
              <a:t>Seawater Desalination</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Carlsbad Desalination </a:t>
            </a:r>
            <a:r>
              <a:rPr lang="en-US" sz="2400" dirty="0" smtClean="0">
                <a:solidFill>
                  <a:srgbClr val="D8B25C"/>
                </a:solidFill>
                <a:effectLst>
                  <a:outerShdw blurRad="38100" dist="38100" dir="2700000" algn="tl">
                    <a:srgbClr val="000000">
                      <a:alpha val="43137"/>
                    </a:srgbClr>
                  </a:outerShdw>
                </a:effectLst>
              </a:rPr>
              <a:t>Project </a:t>
            </a:r>
            <a:r>
              <a:rPr lang="en-US" sz="2400" baseline="30000" dirty="0" smtClean="0">
                <a:solidFill>
                  <a:srgbClr val="D8B25C"/>
                </a:solidFill>
                <a:effectLst>
                  <a:outerShdw blurRad="38100" dist="38100" dir="2700000" algn="tl">
                    <a:srgbClr val="000000">
                      <a:alpha val="43137"/>
                    </a:srgbClr>
                  </a:outerShdw>
                </a:effectLst>
              </a:rPr>
              <a:t>1</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2,367/AF</a:t>
            </a:r>
          </a:p>
          <a:p>
            <a:pPr defTabSz="912813" eaLnBrk="0" fontAlgn="base" hangingPunct="0">
              <a:spcAft>
                <a:spcPct val="0"/>
              </a:spcAft>
            </a:pPr>
            <a:r>
              <a:rPr lang="en-US" sz="2800" dirty="0">
                <a:effectLst>
                  <a:outerShdw blurRad="38100" dist="38100" dir="2700000" algn="tl">
                    <a:srgbClr val="000000">
                      <a:alpha val="43137"/>
                    </a:srgbClr>
                  </a:outerShdw>
                </a:effectLst>
              </a:rPr>
              <a:t>Groundwater Recovery</a:t>
            </a:r>
          </a:p>
          <a:p>
            <a:pPr lvl="1" defTabSz="912813" eaLnBrk="0" fontAlgn="base" hangingPunct="0">
              <a:spcAft>
                <a:spcPct val="0"/>
              </a:spcAft>
            </a:pPr>
            <a:r>
              <a:rPr lang="en-US" sz="2400" dirty="0">
                <a:solidFill>
                  <a:srgbClr val="D8B25C"/>
                </a:solidFill>
                <a:effectLst>
                  <a:outerShdw blurRad="38100" dist="38100" dir="2700000" algn="tl">
                    <a:srgbClr val="000000">
                      <a:alpha val="43137"/>
                    </a:srgbClr>
                  </a:outerShdw>
                </a:effectLst>
              </a:rPr>
              <a:t>Local Resources Program (average of projects</a:t>
            </a:r>
            <a:r>
              <a:rPr lang="en-US" sz="2400" dirty="0" smtClean="0">
                <a:solidFill>
                  <a:srgbClr val="D8B25C"/>
                </a:solidFill>
                <a:effectLst>
                  <a:outerShdw blurRad="38100" dist="38100" dir="2700000" algn="tl">
                    <a:srgbClr val="000000">
                      <a:alpha val="43137"/>
                    </a:srgbClr>
                  </a:outerShdw>
                </a:effectLst>
              </a:rPr>
              <a:t>) </a:t>
            </a:r>
            <a:r>
              <a:rPr lang="en-US" sz="2400" baseline="30000" dirty="0" smtClean="0">
                <a:solidFill>
                  <a:srgbClr val="D8B25C"/>
                </a:solidFill>
                <a:effectLst>
                  <a:outerShdw blurRad="38100" dist="38100" dir="2700000" algn="tl">
                    <a:srgbClr val="000000">
                      <a:alpha val="43137"/>
                    </a:srgbClr>
                  </a:outerShdw>
                </a:effectLst>
              </a:rPr>
              <a:t>2</a:t>
            </a:r>
            <a:endParaRPr lang="en-US" sz="2400" baseline="30000" dirty="0">
              <a:solidFill>
                <a:srgbClr val="D8B25C"/>
              </a:solidFill>
              <a:effectLst>
                <a:outerShdw blurRad="38100" dist="38100" dir="2700000" algn="tl">
                  <a:srgbClr val="000000">
                    <a:alpha val="43137"/>
                  </a:srgbClr>
                </a:outerShdw>
              </a:effectLst>
            </a:endParaRPr>
          </a:p>
          <a:p>
            <a:pPr lvl="2" defTabSz="912813" eaLnBrk="0" fontAlgn="base" hangingPunct="0">
              <a:spcAft>
                <a:spcPct val="0"/>
              </a:spcAft>
            </a:pPr>
            <a:r>
              <a:rPr lang="en-US" dirty="0">
                <a:solidFill>
                  <a:srgbClr val="A5AB81"/>
                </a:solidFill>
                <a:effectLst>
                  <a:outerShdw blurRad="38100" dist="38100" dir="2700000" algn="tl">
                    <a:srgbClr val="000000">
                      <a:alpha val="43137"/>
                    </a:srgbClr>
                  </a:outerShdw>
                </a:effectLst>
              </a:rPr>
              <a:t>$1,157/AF</a:t>
            </a:r>
          </a:p>
        </p:txBody>
      </p:sp>
      <p:pic>
        <p:nvPicPr>
          <p:cNvPr id="1027"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781800" y="2560320"/>
            <a:ext cx="1939834" cy="64008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
        <p:nvSpPr>
          <p:cNvPr id="9" name="Rectangle 8"/>
          <p:cNvSpPr/>
          <p:nvPr/>
        </p:nvSpPr>
        <p:spPr bwMode="auto">
          <a:xfrm>
            <a:off x="134982" y="6156960"/>
            <a:ext cx="8475618" cy="548640"/>
          </a:xfrm>
          <a:prstGeom prst="rect">
            <a:avLst/>
          </a:prstGeom>
          <a:noFill/>
          <a:ln>
            <a:noFill/>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0000" tIns="46800" rIns="90000" bIns="46800" numCol="1" rtlCol="0" anchor="ctr" anchorCtr="0" compatLnSpc="1">
            <a:prstTxWarp prst="textNoShape">
              <a:avLst/>
            </a:prstTxWarp>
          </a:bodyPr>
          <a:lstStyle/>
          <a:p>
            <a:pPr marL="228600" indent="-228600">
              <a:lnSpc>
                <a:spcPct val="85000"/>
              </a:lnSpc>
              <a:buFont typeface="+mj-lt"/>
              <a:buAutoNum type="arabicPeriod"/>
            </a:pPr>
            <a:r>
              <a:rPr lang="de-DE" sz="1200" i="1" dirty="0" smtClean="0">
                <a:solidFill>
                  <a:srgbClr val="FFC000"/>
                </a:solidFill>
                <a:cs typeface="Arial" charset="0"/>
              </a:rPr>
              <a:t>Estimated unit cost from the June 9, 2012, SDCWA Board presentation</a:t>
            </a:r>
          </a:p>
          <a:p>
            <a:pPr marL="228600" indent="-228600">
              <a:lnSpc>
                <a:spcPct val="85000"/>
              </a:lnSpc>
              <a:buFont typeface="+mj-lt"/>
              <a:buAutoNum type="arabicPeriod"/>
            </a:pPr>
            <a:r>
              <a:rPr lang="de-DE" sz="1200" i="1" dirty="0" smtClean="0">
                <a:solidFill>
                  <a:srgbClr val="FFC000"/>
                </a:solidFill>
                <a:cs typeface="Arial" charset="0"/>
              </a:rPr>
              <a:t>Weighted average unit cost from </a:t>
            </a:r>
            <a:r>
              <a:rPr lang="de-DE" sz="1200" i="1" dirty="0">
                <a:solidFill>
                  <a:srgbClr val="FFC000"/>
                </a:solidFill>
                <a:cs typeface="Arial" charset="0"/>
              </a:rPr>
              <a:t>the </a:t>
            </a:r>
            <a:r>
              <a:rPr lang="de-DE" sz="1200" i="1" dirty="0" smtClean="0">
                <a:solidFill>
                  <a:srgbClr val="FFC000"/>
                </a:solidFill>
                <a:cs typeface="Arial" charset="0"/>
              </a:rPr>
              <a:t>Local </a:t>
            </a:r>
            <a:r>
              <a:rPr lang="de-DE" sz="1200" i="1" dirty="0">
                <a:solidFill>
                  <a:srgbClr val="FFC000"/>
                </a:solidFill>
                <a:cs typeface="Arial" charset="0"/>
              </a:rPr>
              <a:t>Resources Program FY13/14 </a:t>
            </a:r>
            <a:r>
              <a:rPr lang="de-DE" sz="1200" i="1" dirty="0" smtClean="0">
                <a:solidFill>
                  <a:srgbClr val="FFC000"/>
                </a:solidFill>
                <a:cs typeface="Arial" charset="0"/>
              </a:rPr>
              <a:t>reconciliation</a:t>
            </a:r>
          </a:p>
        </p:txBody>
      </p:sp>
      <p:pic>
        <p:nvPicPr>
          <p:cNvPr id="2050" name="Picture 2" descr="https://blog.aquaamerica.com/image.axd?picture=%2F2014%2F11%2F5085_Groundwater_Info_FB-1.jpg">
            <a:hlinkClick r:id="rId4"/>
          </p:cNvPr>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2545" t="46429" r="1891" b="2298"/>
          <a:stretch/>
        </p:blipFill>
        <p:spPr bwMode="auto">
          <a:xfrm>
            <a:off x="6892834" y="3200400"/>
            <a:ext cx="1717766" cy="921634"/>
          </a:xfrm>
          <a:prstGeom prst="ellipse">
            <a:avLst/>
          </a:prstGeom>
          <a:ln w="63500" cap="rnd">
            <a:solidFill>
              <a:srgbClr val="333333"/>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661426"/>
      </p:ext>
    </p:extLst>
  </p:cSld>
  <p:clrMapOvr>
    <a:masterClrMapping/>
  </p:clrMapOvr>
  <p:transition spd="slow">
    <p:fade/>
  </p:transition>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ackground Member Agency Map"/>
          <p:cNvPicPr>
            <a:picLocks noChangeAspect="1" noChangeArrowheads="1"/>
          </p:cNvPicPr>
          <p:nvPr/>
        </p:nvPicPr>
        <p:blipFill>
          <a:blip r:embed="rId3">
            <a:extLst>
              <a:ext uri="{BEBA8EAE-BF5A-486C-A8C5-ECC9F3942E4B}">
                <a14:imgProps xmlns:a14="http://schemas.microsoft.com/office/drawing/2010/main">
                  <a14:imgLayer r:embed="rId4">
                    <a14:imgEffect>
                      <a14:backgroundRemoval t="321" b="100000" l="0" r="100000">
                        <a14:foregroundMark x1="10057" y1="11378" x2="20546" y2="14263"/>
                        <a14:foregroundMark x1="2874" y1="16506" x2="3736" y2="14263"/>
                        <a14:foregroundMark x1="46264" y1="24519" x2="48276" y2="16346"/>
                      </a14:backgroundRemoval>
                    </a14:imgEffect>
                  </a14:imgLayer>
                </a14:imgProps>
              </a:ext>
              <a:ext uri="{28A0092B-C50C-407E-A947-70E740481C1C}">
                <a14:useLocalDpi xmlns:a14="http://schemas.microsoft.com/office/drawing/2010/main" val="0"/>
              </a:ext>
            </a:extLst>
          </a:blip>
          <a:srcRect/>
          <a:stretch>
            <a:fillRect/>
          </a:stretch>
        </p:blipFill>
        <p:spPr bwMode="auto">
          <a:xfrm>
            <a:off x="762000" y="1371600"/>
            <a:ext cx="7772400" cy="53339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5" name="Blending Freeform 2"/>
          <p:cNvSpPr/>
          <p:nvPr/>
        </p:nvSpPr>
        <p:spPr bwMode="auto">
          <a:xfrm>
            <a:off x="6646132" y="3534035"/>
            <a:ext cx="671038" cy="1470339"/>
          </a:xfrm>
          <a:custGeom>
            <a:avLst/>
            <a:gdLst>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635431 w 687092"/>
              <a:gd name="connsiteY14" fmla="*/ 465546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09868 w 687092"/>
              <a:gd name="connsiteY15" fmla="*/ 569002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98039 w 687092"/>
              <a:gd name="connsiteY15" fmla="*/ 485942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25098 w 687092"/>
              <a:gd name="connsiteY26" fmla="*/ 1044149 h 1493600"/>
              <a:gd name="connsiteX27" fmla="*/ 609600 w 687092"/>
              <a:gd name="connsiteY27" fmla="*/ 1075146 h 1493600"/>
              <a:gd name="connsiteX28" fmla="*/ 588936 w 687092"/>
              <a:gd name="connsiteY28" fmla="*/ 1121641 h 1493600"/>
              <a:gd name="connsiteX29" fmla="*/ 583770 w 687092"/>
              <a:gd name="connsiteY29" fmla="*/ 1147471 h 1493600"/>
              <a:gd name="connsiteX30" fmla="*/ 578603 w 687092"/>
              <a:gd name="connsiteY30" fmla="*/ 1162970 h 1493600"/>
              <a:gd name="connsiteX31" fmla="*/ 568271 w 687092"/>
              <a:gd name="connsiteY31" fmla="*/ 1204298 h 1493600"/>
              <a:gd name="connsiteX32" fmla="*/ 547607 w 687092"/>
              <a:gd name="connsiteY32" fmla="*/ 1235295 h 1493600"/>
              <a:gd name="connsiteX33" fmla="*/ 542441 w 687092"/>
              <a:gd name="connsiteY33" fmla="*/ 1250793 h 1493600"/>
              <a:gd name="connsiteX34" fmla="*/ 516610 w 687092"/>
              <a:gd name="connsiteY34" fmla="*/ 1271458 h 1493600"/>
              <a:gd name="connsiteX35" fmla="*/ 495946 w 687092"/>
              <a:gd name="connsiteY35" fmla="*/ 1302454 h 1493600"/>
              <a:gd name="connsiteX36" fmla="*/ 485614 w 687092"/>
              <a:gd name="connsiteY36" fmla="*/ 1317953 h 1493600"/>
              <a:gd name="connsiteX37" fmla="*/ 470115 w 687092"/>
              <a:gd name="connsiteY37" fmla="*/ 1369614 h 1493600"/>
              <a:gd name="connsiteX38" fmla="*/ 464949 w 687092"/>
              <a:gd name="connsiteY38" fmla="*/ 1385112 h 1493600"/>
              <a:gd name="connsiteX39" fmla="*/ 454617 w 687092"/>
              <a:gd name="connsiteY39" fmla="*/ 1400610 h 1493600"/>
              <a:gd name="connsiteX40" fmla="*/ 444285 w 687092"/>
              <a:gd name="connsiteY40" fmla="*/ 1426441 h 1493600"/>
              <a:gd name="connsiteX41" fmla="*/ 428786 w 687092"/>
              <a:gd name="connsiteY41" fmla="*/ 1441939 h 1493600"/>
              <a:gd name="connsiteX42" fmla="*/ 418454 w 687092"/>
              <a:gd name="connsiteY42" fmla="*/ 1457437 h 1493600"/>
              <a:gd name="connsiteX43" fmla="*/ 304800 w 687092"/>
              <a:gd name="connsiteY43" fmla="*/ 1462603 h 1493600"/>
              <a:gd name="connsiteX44" fmla="*/ 237641 w 687092"/>
              <a:gd name="connsiteY44" fmla="*/ 1467770 h 1493600"/>
              <a:gd name="connsiteX45" fmla="*/ 175648 w 687092"/>
              <a:gd name="connsiteY45" fmla="*/ 1488434 h 1493600"/>
              <a:gd name="connsiteX46" fmla="*/ 113654 w 687092"/>
              <a:gd name="connsiteY46" fmla="*/ 1493600 h 1493600"/>
              <a:gd name="connsiteX47" fmla="*/ 41329 w 687092"/>
              <a:gd name="connsiteY47" fmla="*/ 1483268 h 1493600"/>
              <a:gd name="connsiteX48" fmla="*/ 25831 w 687092"/>
              <a:gd name="connsiteY48" fmla="*/ 1472936 h 1493600"/>
              <a:gd name="connsiteX49" fmla="*/ 10332 w 687092"/>
              <a:gd name="connsiteY49" fmla="*/ 1410942 h 1493600"/>
              <a:gd name="connsiteX50" fmla="*/ 5166 w 687092"/>
              <a:gd name="connsiteY50" fmla="*/ 1240461 h 1493600"/>
              <a:gd name="connsiteX51" fmla="*/ 0 w 687092"/>
              <a:gd name="connsiteY51" fmla="*/ 1193966 h 1493600"/>
              <a:gd name="connsiteX52" fmla="*/ 15498 w 687092"/>
              <a:gd name="connsiteY52" fmla="*/ 1090644 h 1493600"/>
              <a:gd name="connsiteX53" fmla="*/ 20664 w 687092"/>
              <a:gd name="connsiteY53" fmla="*/ 1064814 h 1493600"/>
              <a:gd name="connsiteX54" fmla="*/ 30997 w 687092"/>
              <a:gd name="connsiteY54" fmla="*/ 1033817 h 1493600"/>
              <a:gd name="connsiteX55" fmla="*/ 36163 w 687092"/>
              <a:gd name="connsiteY55" fmla="*/ 935661 h 1493600"/>
              <a:gd name="connsiteX56" fmla="*/ 46495 w 687092"/>
              <a:gd name="connsiteY56" fmla="*/ 920163 h 1493600"/>
              <a:gd name="connsiteX57" fmla="*/ 56827 w 687092"/>
              <a:gd name="connsiteY57" fmla="*/ 899498 h 1493600"/>
              <a:gd name="connsiteX58" fmla="*/ 77492 w 687092"/>
              <a:gd name="connsiteY58" fmla="*/ 873668 h 1493600"/>
              <a:gd name="connsiteX59" fmla="*/ 77492 w 687092"/>
              <a:gd name="connsiteY59" fmla="*/ 806509 h 1493600"/>
              <a:gd name="connsiteX60" fmla="*/ 87824 w 687092"/>
              <a:gd name="connsiteY60" fmla="*/ 698020 h 1493600"/>
              <a:gd name="connsiteX61" fmla="*/ 98156 w 687092"/>
              <a:gd name="connsiteY61" fmla="*/ 667024 h 1493600"/>
              <a:gd name="connsiteX62" fmla="*/ 108488 w 687092"/>
              <a:gd name="connsiteY62" fmla="*/ 651526 h 1493600"/>
              <a:gd name="connsiteX63" fmla="*/ 113654 w 687092"/>
              <a:gd name="connsiteY63" fmla="*/ 636027 h 1493600"/>
              <a:gd name="connsiteX64" fmla="*/ 123986 w 687092"/>
              <a:gd name="connsiteY64" fmla="*/ 574034 h 1493600"/>
              <a:gd name="connsiteX65" fmla="*/ 129153 w 687092"/>
              <a:gd name="connsiteY65" fmla="*/ 532705 h 1493600"/>
              <a:gd name="connsiteX66" fmla="*/ 144651 w 687092"/>
              <a:gd name="connsiteY66" fmla="*/ 357058 h 1493600"/>
              <a:gd name="connsiteX67" fmla="*/ 165315 w 687092"/>
              <a:gd name="connsiteY67" fmla="*/ 310563 h 1493600"/>
              <a:gd name="connsiteX68" fmla="*/ 170481 w 687092"/>
              <a:gd name="connsiteY68" fmla="*/ 289898 h 1493600"/>
              <a:gd name="connsiteX69" fmla="*/ 180814 w 687092"/>
              <a:gd name="connsiteY69" fmla="*/ 279566 h 1493600"/>
              <a:gd name="connsiteX70" fmla="*/ 191146 w 687092"/>
              <a:gd name="connsiteY70" fmla="*/ 264068 h 1493600"/>
              <a:gd name="connsiteX71" fmla="*/ 201478 w 687092"/>
              <a:gd name="connsiteY71" fmla="*/ 227905 h 1493600"/>
              <a:gd name="connsiteX72" fmla="*/ 211810 w 687092"/>
              <a:gd name="connsiteY72" fmla="*/ 196909 h 1493600"/>
              <a:gd name="connsiteX73" fmla="*/ 216976 w 687092"/>
              <a:gd name="connsiteY73" fmla="*/ 181410 h 1493600"/>
              <a:gd name="connsiteX74" fmla="*/ 227309 w 687092"/>
              <a:gd name="connsiteY74" fmla="*/ 171078 h 1493600"/>
              <a:gd name="connsiteX75" fmla="*/ 242807 w 687092"/>
              <a:gd name="connsiteY75" fmla="*/ 140081 h 1493600"/>
              <a:gd name="connsiteX76" fmla="*/ 258305 w 687092"/>
              <a:gd name="connsiteY76" fmla="*/ 124583 h 1493600"/>
              <a:gd name="connsiteX77" fmla="*/ 268637 w 687092"/>
              <a:gd name="connsiteY77" fmla="*/ 109085 h 1493600"/>
              <a:gd name="connsiteX78" fmla="*/ 278970 w 687092"/>
              <a:gd name="connsiteY78" fmla="*/ 98753 h 1493600"/>
              <a:gd name="connsiteX79" fmla="*/ 289302 w 687092"/>
              <a:gd name="connsiteY79" fmla="*/ 83254 h 1493600"/>
              <a:gd name="connsiteX80" fmla="*/ 325464 w 687092"/>
              <a:gd name="connsiteY80" fmla="*/ 62590 h 1493600"/>
              <a:gd name="connsiteX81" fmla="*/ 335797 w 687092"/>
              <a:gd name="connsiteY81" fmla="*/ 52258 h 1493600"/>
              <a:gd name="connsiteX82" fmla="*/ 351295 w 687092"/>
              <a:gd name="connsiteY82" fmla="*/ 41926 h 1493600"/>
              <a:gd name="connsiteX83" fmla="*/ 371959 w 687092"/>
              <a:gd name="connsiteY83" fmla="*/ 10929 h 1493600"/>
              <a:gd name="connsiteX84" fmla="*/ 382292 w 687092"/>
              <a:gd name="connsiteY84"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09600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78603 w 687092"/>
              <a:gd name="connsiteY28" fmla="*/ 1162970 h 1493600"/>
              <a:gd name="connsiteX29" fmla="*/ 568271 w 687092"/>
              <a:gd name="connsiteY29" fmla="*/ 1204298 h 1493600"/>
              <a:gd name="connsiteX30" fmla="*/ 547607 w 687092"/>
              <a:gd name="connsiteY30" fmla="*/ 1235295 h 1493600"/>
              <a:gd name="connsiteX31" fmla="*/ 542441 w 687092"/>
              <a:gd name="connsiteY31" fmla="*/ 1250793 h 1493600"/>
              <a:gd name="connsiteX32" fmla="*/ 516610 w 687092"/>
              <a:gd name="connsiteY32" fmla="*/ 1271458 h 1493600"/>
              <a:gd name="connsiteX33" fmla="*/ 495946 w 687092"/>
              <a:gd name="connsiteY33" fmla="*/ 1302454 h 1493600"/>
              <a:gd name="connsiteX34" fmla="*/ 485614 w 687092"/>
              <a:gd name="connsiteY34" fmla="*/ 1317953 h 1493600"/>
              <a:gd name="connsiteX35" fmla="*/ 470115 w 687092"/>
              <a:gd name="connsiteY35" fmla="*/ 1369614 h 1493600"/>
              <a:gd name="connsiteX36" fmla="*/ 464949 w 687092"/>
              <a:gd name="connsiteY36" fmla="*/ 1385112 h 1493600"/>
              <a:gd name="connsiteX37" fmla="*/ 454617 w 687092"/>
              <a:gd name="connsiteY37" fmla="*/ 1400610 h 1493600"/>
              <a:gd name="connsiteX38" fmla="*/ 444285 w 687092"/>
              <a:gd name="connsiteY38" fmla="*/ 1426441 h 1493600"/>
              <a:gd name="connsiteX39" fmla="*/ 428786 w 687092"/>
              <a:gd name="connsiteY39" fmla="*/ 1441939 h 1493600"/>
              <a:gd name="connsiteX40" fmla="*/ 418454 w 687092"/>
              <a:gd name="connsiteY40" fmla="*/ 1457437 h 1493600"/>
              <a:gd name="connsiteX41" fmla="*/ 304800 w 687092"/>
              <a:gd name="connsiteY41" fmla="*/ 1462603 h 1493600"/>
              <a:gd name="connsiteX42" fmla="*/ 237641 w 687092"/>
              <a:gd name="connsiteY42" fmla="*/ 1467770 h 1493600"/>
              <a:gd name="connsiteX43" fmla="*/ 175648 w 687092"/>
              <a:gd name="connsiteY43" fmla="*/ 1488434 h 1493600"/>
              <a:gd name="connsiteX44" fmla="*/ 113654 w 687092"/>
              <a:gd name="connsiteY44" fmla="*/ 1493600 h 1493600"/>
              <a:gd name="connsiteX45" fmla="*/ 41329 w 687092"/>
              <a:gd name="connsiteY45" fmla="*/ 1483268 h 1493600"/>
              <a:gd name="connsiteX46" fmla="*/ 25831 w 687092"/>
              <a:gd name="connsiteY46" fmla="*/ 1472936 h 1493600"/>
              <a:gd name="connsiteX47" fmla="*/ 10332 w 687092"/>
              <a:gd name="connsiteY47" fmla="*/ 1410942 h 1493600"/>
              <a:gd name="connsiteX48" fmla="*/ 5166 w 687092"/>
              <a:gd name="connsiteY48" fmla="*/ 1240461 h 1493600"/>
              <a:gd name="connsiteX49" fmla="*/ 0 w 687092"/>
              <a:gd name="connsiteY49" fmla="*/ 1193966 h 1493600"/>
              <a:gd name="connsiteX50" fmla="*/ 15498 w 687092"/>
              <a:gd name="connsiteY50" fmla="*/ 1090644 h 1493600"/>
              <a:gd name="connsiteX51" fmla="*/ 20664 w 687092"/>
              <a:gd name="connsiteY51" fmla="*/ 1064814 h 1493600"/>
              <a:gd name="connsiteX52" fmla="*/ 30997 w 687092"/>
              <a:gd name="connsiteY52" fmla="*/ 1033817 h 1493600"/>
              <a:gd name="connsiteX53" fmla="*/ 36163 w 687092"/>
              <a:gd name="connsiteY53" fmla="*/ 935661 h 1493600"/>
              <a:gd name="connsiteX54" fmla="*/ 46495 w 687092"/>
              <a:gd name="connsiteY54" fmla="*/ 920163 h 1493600"/>
              <a:gd name="connsiteX55" fmla="*/ 56827 w 687092"/>
              <a:gd name="connsiteY55" fmla="*/ 899498 h 1493600"/>
              <a:gd name="connsiteX56" fmla="*/ 77492 w 687092"/>
              <a:gd name="connsiteY56" fmla="*/ 873668 h 1493600"/>
              <a:gd name="connsiteX57" fmla="*/ 77492 w 687092"/>
              <a:gd name="connsiteY57" fmla="*/ 806509 h 1493600"/>
              <a:gd name="connsiteX58" fmla="*/ 87824 w 687092"/>
              <a:gd name="connsiteY58" fmla="*/ 698020 h 1493600"/>
              <a:gd name="connsiteX59" fmla="*/ 98156 w 687092"/>
              <a:gd name="connsiteY59" fmla="*/ 667024 h 1493600"/>
              <a:gd name="connsiteX60" fmla="*/ 108488 w 687092"/>
              <a:gd name="connsiteY60" fmla="*/ 651526 h 1493600"/>
              <a:gd name="connsiteX61" fmla="*/ 113654 w 687092"/>
              <a:gd name="connsiteY61" fmla="*/ 636027 h 1493600"/>
              <a:gd name="connsiteX62" fmla="*/ 123986 w 687092"/>
              <a:gd name="connsiteY62" fmla="*/ 574034 h 1493600"/>
              <a:gd name="connsiteX63" fmla="*/ 129153 w 687092"/>
              <a:gd name="connsiteY63" fmla="*/ 532705 h 1493600"/>
              <a:gd name="connsiteX64" fmla="*/ 144651 w 687092"/>
              <a:gd name="connsiteY64" fmla="*/ 357058 h 1493600"/>
              <a:gd name="connsiteX65" fmla="*/ 165315 w 687092"/>
              <a:gd name="connsiteY65" fmla="*/ 310563 h 1493600"/>
              <a:gd name="connsiteX66" fmla="*/ 170481 w 687092"/>
              <a:gd name="connsiteY66" fmla="*/ 289898 h 1493600"/>
              <a:gd name="connsiteX67" fmla="*/ 180814 w 687092"/>
              <a:gd name="connsiteY67" fmla="*/ 279566 h 1493600"/>
              <a:gd name="connsiteX68" fmla="*/ 191146 w 687092"/>
              <a:gd name="connsiteY68" fmla="*/ 264068 h 1493600"/>
              <a:gd name="connsiteX69" fmla="*/ 201478 w 687092"/>
              <a:gd name="connsiteY69" fmla="*/ 227905 h 1493600"/>
              <a:gd name="connsiteX70" fmla="*/ 211810 w 687092"/>
              <a:gd name="connsiteY70" fmla="*/ 196909 h 1493600"/>
              <a:gd name="connsiteX71" fmla="*/ 216976 w 687092"/>
              <a:gd name="connsiteY71" fmla="*/ 181410 h 1493600"/>
              <a:gd name="connsiteX72" fmla="*/ 227309 w 687092"/>
              <a:gd name="connsiteY72" fmla="*/ 171078 h 1493600"/>
              <a:gd name="connsiteX73" fmla="*/ 242807 w 687092"/>
              <a:gd name="connsiteY73" fmla="*/ 140081 h 1493600"/>
              <a:gd name="connsiteX74" fmla="*/ 258305 w 687092"/>
              <a:gd name="connsiteY74" fmla="*/ 124583 h 1493600"/>
              <a:gd name="connsiteX75" fmla="*/ 268637 w 687092"/>
              <a:gd name="connsiteY75" fmla="*/ 109085 h 1493600"/>
              <a:gd name="connsiteX76" fmla="*/ 278970 w 687092"/>
              <a:gd name="connsiteY76" fmla="*/ 98753 h 1493600"/>
              <a:gd name="connsiteX77" fmla="*/ 289302 w 687092"/>
              <a:gd name="connsiteY77" fmla="*/ 83254 h 1493600"/>
              <a:gd name="connsiteX78" fmla="*/ 325464 w 687092"/>
              <a:gd name="connsiteY78" fmla="*/ 62590 h 1493600"/>
              <a:gd name="connsiteX79" fmla="*/ 335797 w 687092"/>
              <a:gd name="connsiteY79" fmla="*/ 52258 h 1493600"/>
              <a:gd name="connsiteX80" fmla="*/ 351295 w 687092"/>
              <a:gd name="connsiteY80" fmla="*/ 41926 h 1493600"/>
              <a:gd name="connsiteX81" fmla="*/ 371959 w 687092"/>
              <a:gd name="connsiteY81" fmla="*/ 10929 h 1493600"/>
              <a:gd name="connsiteX82" fmla="*/ 382292 w 687092"/>
              <a:gd name="connsiteY82"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68271 w 687092"/>
              <a:gd name="connsiteY28" fmla="*/ 1204298 h 1493600"/>
              <a:gd name="connsiteX29" fmla="*/ 547607 w 687092"/>
              <a:gd name="connsiteY29" fmla="*/ 1235295 h 1493600"/>
              <a:gd name="connsiteX30" fmla="*/ 542441 w 687092"/>
              <a:gd name="connsiteY30" fmla="*/ 1250793 h 1493600"/>
              <a:gd name="connsiteX31" fmla="*/ 516610 w 687092"/>
              <a:gd name="connsiteY31" fmla="*/ 1271458 h 1493600"/>
              <a:gd name="connsiteX32" fmla="*/ 495946 w 687092"/>
              <a:gd name="connsiteY32" fmla="*/ 1302454 h 1493600"/>
              <a:gd name="connsiteX33" fmla="*/ 485614 w 687092"/>
              <a:gd name="connsiteY33" fmla="*/ 1317953 h 1493600"/>
              <a:gd name="connsiteX34" fmla="*/ 470115 w 687092"/>
              <a:gd name="connsiteY34" fmla="*/ 1369614 h 1493600"/>
              <a:gd name="connsiteX35" fmla="*/ 464949 w 687092"/>
              <a:gd name="connsiteY35" fmla="*/ 1385112 h 1493600"/>
              <a:gd name="connsiteX36" fmla="*/ 454617 w 687092"/>
              <a:gd name="connsiteY36" fmla="*/ 1400610 h 1493600"/>
              <a:gd name="connsiteX37" fmla="*/ 444285 w 687092"/>
              <a:gd name="connsiteY37" fmla="*/ 1426441 h 1493600"/>
              <a:gd name="connsiteX38" fmla="*/ 428786 w 687092"/>
              <a:gd name="connsiteY38" fmla="*/ 1441939 h 1493600"/>
              <a:gd name="connsiteX39" fmla="*/ 418454 w 687092"/>
              <a:gd name="connsiteY39" fmla="*/ 1457437 h 1493600"/>
              <a:gd name="connsiteX40" fmla="*/ 304800 w 687092"/>
              <a:gd name="connsiteY40" fmla="*/ 1462603 h 1493600"/>
              <a:gd name="connsiteX41" fmla="*/ 237641 w 687092"/>
              <a:gd name="connsiteY41" fmla="*/ 1467770 h 1493600"/>
              <a:gd name="connsiteX42" fmla="*/ 175648 w 687092"/>
              <a:gd name="connsiteY42" fmla="*/ 1488434 h 1493600"/>
              <a:gd name="connsiteX43" fmla="*/ 113654 w 687092"/>
              <a:gd name="connsiteY43" fmla="*/ 1493600 h 1493600"/>
              <a:gd name="connsiteX44" fmla="*/ 41329 w 687092"/>
              <a:gd name="connsiteY44" fmla="*/ 1483268 h 1493600"/>
              <a:gd name="connsiteX45" fmla="*/ 25831 w 687092"/>
              <a:gd name="connsiteY45" fmla="*/ 1472936 h 1493600"/>
              <a:gd name="connsiteX46" fmla="*/ 10332 w 687092"/>
              <a:gd name="connsiteY46" fmla="*/ 1410942 h 1493600"/>
              <a:gd name="connsiteX47" fmla="*/ 5166 w 687092"/>
              <a:gd name="connsiteY47" fmla="*/ 1240461 h 1493600"/>
              <a:gd name="connsiteX48" fmla="*/ 0 w 687092"/>
              <a:gd name="connsiteY48" fmla="*/ 1193966 h 1493600"/>
              <a:gd name="connsiteX49" fmla="*/ 15498 w 687092"/>
              <a:gd name="connsiteY49" fmla="*/ 1090644 h 1493600"/>
              <a:gd name="connsiteX50" fmla="*/ 20664 w 687092"/>
              <a:gd name="connsiteY50" fmla="*/ 1064814 h 1493600"/>
              <a:gd name="connsiteX51" fmla="*/ 30997 w 687092"/>
              <a:gd name="connsiteY51" fmla="*/ 1033817 h 1493600"/>
              <a:gd name="connsiteX52" fmla="*/ 36163 w 687092"/>
              <a:gd name="connsiteY52" fmla="*/ 935661 h 1493600"/>
              <a:gd name="connsiteX53" fmla="*/ 46495 w 687092"/>
              <a:gd name="connsiteY53" fmla="*/ 920163 h 1493600"/>
              <a:gd name="connsiteX54" fmla="*/ 56827 w 687092"/>
              <a:gd name="connsiteY54" fmla="*/ 899498 h 1493600"/>
              <a:gd name="connsiteX55" fmla="*/ 77492 w 687092"/>
              <a:gd name="connsiteY55" fmla="*/ 873668 h 1493600"/>
              <a:gd name="connsiteX56" fmla="*/ 77492 w 687092"/>
              <a:gd name="connsiteY56" fmla="*/ 806509 h 1493600"/>
              <a:gd name="connsiteX57" fmla="*/ 87824 w 687092"/>
              <a:gd name="connsiteY57" fmla="*/ 698020 h 1493600"/>
              <a:gd name="connsiteX58" fmla="*/ 98156 w 687092"/>
              <a:gd name="connsiteY58" fmla="*/ 667024 h 1493600"/>
              <a:gd name="connsiteX59" fmla="*/ 108488 w 687092"/>
              <a:gd name="connsiteY59" fmla="*/ 651526 h 1493600"/>
              <a:gd name="connsiteX60" fmla="*/ 113654 w 687092"/>
              <a:gd name="connsiteY60" fmla="*/ 636027 h 1493600"/>
              <a:gd name="connsiteX61" fmla="*/ 123986 w 687092"/>
              <a:gd name="connsiteY61" fmla="*/ 574034 h 1493600"/>
              <a:gd name="connsiteX62" fmla="*/ 129153 w 687092"/>
              <a:gd name="connsiteY62" fmla="*/ 532705 h 1493600"/>
              <a:gd name="connsiteX63" fmla="*/ 144651 w 687092"/>
              <a:gd name="connsiteY63" fmla="*/ 357058 h 1493600"/>
              <a:gd name="connsiteX64" fmla="*/ 165315 w 687092"/>
              <a:gd name="connsiteY64" fmla="*/ 310563 h 1493600"/>
              <a:gd name="connsiteX65" fmla="*/ 170481 w 687092"/>
              <a:gd name="connsiteY65" fmla="*/ 289898 h 1493600"/>
              <a:gd name="connsiteX66" fmla="*/ 180814 w 687092"/>
              <a:gd name="connsiteY66" fmla="*/ 279566 h 1493600"/>
              <a:gd name="connsiteX67" fmla="*/ 191146 w 687092"/>
              <a:gd name="connsiteY67" fmla="*/ 264068 h 1493600"/>
              <a:gd name="connsiteX68" fmla="*/ 201478 w 687092"/>
              <a:gd name="connsiteY68" fmla="*/ 227905 h 1493600"/>
              <a:gd name="connsiteX69" fmla="*/ 211810 w 687092"/>
              <a:gd name="connsiteY69" fmla="*/ 196909 h 1493600"/>
              <a:gd name="connsiteX70" fmla="*/ 216976 w 687092"/>
              <a:gd name="connsiteY70" fmla="*/ 181410 h 1493600"/>
              <a:gd name="connsiteX71" fmla="*/ 227309 w 687092"/>
              <a:gd name="connsiteY71" fmla="*/ 171078 h 1493600"/>
              <a:gd name="connsiteX72" fmla="*/ 242807 w 687092"/>
              <a:gd name="connsiteY72" fmla="*/ 140081 h 1493600"/>
              <a:gd name="connsiteX73" fmla="*/ 258305 w 687092"/>
              <a:gd name="connsiteY73" fmla="*/ 124583 h 1493600"/>
              <a:gd name="connsiteX74" fmla="*/ 268637 w 687092"/>
              <a:gd name="connsiteY74" fmla="*/ 109085 h 1493600"/>
              <a:gd name="connsiteX75" fmla="*/ 278970 w 687092"/>
              <a:gd name="connsiteY75" fmla="*/ 98753 h 1493600"/>
              <a:gd name="connsiteX76" fmla="*/ 289302 w 687092"/>
              <a:gd name="connsiteY76" fmla="*/ 83254 h 1493600"/>
              <a:gd name="connsiteX77" fmla="*/ 325464 w 687092"/>
              <a:gd name="connsiteY77" fmla="*/ 62590 h 1493600"/>
              <a:gd name="connsiteX78" fmla="*/ 335797 w 687092"/>
              <a:gd name="connsiteY78" fmla="*/ 52258 h 1493600"/>
              <a:gd name="connsiteX79" fmla="*/ 351295 w 687092"/>
              <a:gd name="connsiteY79" fmla="*/ 41926 h 1493600"/>
              <a:gd name="connsiteX80" fmla="*/ 371959 w 687092"/>
              <a:gd name="connsiteY80" fmla="*/ 10929 h 1493600"/>
              <a:gd name="connsiteX81" fmla="*/ 382292 w 687092"/>
              <a:gd name="connsiteY81"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47607 w 687092"/>
              <a:gd name="connsiteY28" fmla="*/ 1235295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16610 w 687092"/>
              <a:gd name="connsiteY29" fmla="*/ 1271458 h 1493600"/>
              <a:gd name="connsiteX30" fmla="*/ 495946 w 687092"/>
              <a:gd name="connsiteY30" fmla="*/ 1302454 h 1493600"/>
              <a:gd name="connsiteX31" fmla="*/ 485614 w 687092"/>
              <a:gd name="connsiteY31" fmla="*/ 1317953 h 1493600"/>
              <a:gd name="connsiteX32" fmla="*/ 470115 w 687092"/>
              <a:gd name="connsiteY32" fmla="*/ 1369614 h 1493600"/>
              <a:gd name="connsiteX33" fmla="*/ 464949 w 687092"/>
              <a:gd name="connsiteY33" fmla="*/ 1385112 h 1493600"/>
              <a:gd name="connsiteX34" fmla="*/ 454617 w 687092"/>
              <a:gd name="connsiteY34" fmla="*/ 1400610 h 1493600"/>
              <a:gd name="connsiteX35" fmla="*/ 444285 w 687092"/>
              <a:gd name="connsiteY35" fmla="*/ 1426441 h 1493600"/>
              <a:gd name="connsiteX36" fmla="*/ 428786 w 687092"/>
              <a:gd name="connsiteY36" fmla="*/ 1441939 h 1493600"/>
              <a:gd name="connsiteX37" fmla="*/ 418454 w 687092"/>
              <a:gd name="connsiteY37" fmla="*/ 1457437 h 1493600"/>
              <a:gd name="connsiteX38" fmla="*/ 304800 w 687092"/>
              <a:gd name="connsiteY38" fmla="*/ 1462603 h 1493600"/>
              <a:gd name="connsiteX39" fmla="*/ 237641 w 687092"/>
              <a:gd name="connsiteY39" fmla="*/ 1467770 h 1493600"/>
              <a:gd name="connsiteX40" fmla="*/ 175648 w 687092"/>
              <a:gd name="connsiteY40" fmla="*/ 1488434 h 1493600"/>
              <a:gd name="connsiteX41" fmla="*/ 113654 w 687092"/>
              <a:gd name="connsiteY41" fmla="*/ 1493600 h 1493600"/>
              <a:gd name="connsiteX42" fmla="*/ 41329 w 687092"/>
              <a:gd name="connsiteY42" fmla="*/ 1483268 h 1493600"/>
              <a:gd name="connsiteX43" fmla="*/ 25831 w 687092"/>
              <a:gd name="connsiteY43" fmla="*/ 1472936 h 1493600"/>
              <a:gd name="connsiteX44" fmla="*/ 10332 w 687092"/>
              <a:gd name="connsiteY44" fmla="*/ 1410942 h 1493600"/>
              <a:gd name="connsiteX45" fmla="*/ 5166 w 687092"/>
              <a:gd name="connsiteY45" fmla="*/ 1240461 h 1493600"/>
              <a:gd name="connsiteX46" fmla="*/ 0 w 687092"/>
              <a:gd name="connsiteY46" fmla="*/ 1193966 h 1493600"/>
              <a:gd name="connsiteX47" fmla="*/ 15498 w 687092"/>
              <a:gd name="connsiteY47" fmla="*/ 1090644 h 1493600"/>
              <a:gd name="connsiteX48" fmla="*/ 20664 w 687092"/>
              <a:gd name="connsiteY48" fmla="*/ 1064814 h 1493600"/>
              <a:gd name="connsiteX49" fmla="*/ 30997 w 687092"/>
              <a:gd name="connsiteY49" fmla="*/ 1033817 h 1493600"/>
              <a:gd name="connsiteX50" fmla="*/ 36163 w 687092"/>
              <a:gd name="connsiteY50" fmla="*/ 935661 h 1493600"/>
              <a:gd name="connsiteX51" fmla="*/ 46495 w 687092"/>
              <a:gd name="connsiteY51" fmla="*/ 920163 h 1493600"/>
              <a:gd name="connsiteX52" fmla="*/ 56827 w 687092"/>
              <a:gd name="connsiteY52" fmla="*/ 899498 h 1493600"/>
              <a:gd name="connsiteX53" fmla="*/ 77492 w 687092"/>
              <a:gd name="connsiteY53" fmla="*/ 873668 h 1493600"/>
              <a:gd name="connsiteX54" fmla="*/ 77492 w 687092"/>
              <a:gd name="connsiteY54" fmla="*/ 806509 h 1493600"/>
              <a:gd name="connsiteX55" fmla="*/ 87824 w 687092"/>
              <a:gd name="connsiteY55" fmla="*/ 698020 h 1493600"/>
              <a:gd name="connsiteX56" fmla="*/ 98156 w 687092"/>
              <a:gd name="connsiteY56" fmla="*/ 667024 h 1493600"/>
              <a:gd name="connsiteX57" fmla="*/ 108488 w 687092"/>
              <a:gd name="connsiteY57" fmla="*/ 651526 h 1493600"/>
              <a:gd name="connsiteX58" fmla="*/ 113654 w 687092"/>
              <a:gd name="connsiteY58" fmla="*/ 636027 h 1493600"/>
              <a:gd name="connsiteX59" fmla="*/ 123986 w 687092"/>
              <a:gd name="connsiteY59" fmla="*/ 574034 h 1493600"/>
              <a:gd name="connsiteX60" fmla="*/ 129153 w 687092"/>
              <a:gd name="connsiteY60" fmla="*/ 532705 h 1493600"/>
              <a:gd name="connsiteX61" fmla="*/ 144651 w 687092"/>
              <a:gd name="connsiteY61" fmla="*/ 357058 h 1493600"/>
              <a:gd name="connsiteX62" fmla="*/ 165315 w 687092"/>
              <a:gd name="connsiteY62" fmla="*/ 310563 h 1493600"/>
              <a:gd name="connsiteX63" fmla="*/ 170481 w 687092"/>
              <a:gd name="connsiteY63" fmla="*/ 289898 h 1493600"/>
              <a:gd name="connsiteX64" fmla="*/ 180814 w 687092"/>
              <a:gd name="connsiteY64" fmla="*/ 279566 h 1493600"/>
              <a:gd name="connsiteX65" fmla="*/ 191146 w 687092"/>
              <a:gd name="connsiteY65" fmla="*/ 264068 h 1493600"/>
              <a:gd name="connsiteX66" fmla="*/ 201478 w 687092"/>
              <a:gd name="connsiteY66" fmla="*/ 227905 h 1493600"/>
              <a:gd name="connsiteX67" fmla="*/ 211810 w 687092"/>
              <a:gd name="connsiteY67" fmla="*/ 196909 h 1493600"/>
              <a:gd name="connsiteX68" fmla="*/ 216976 w 687092"/>
              <a:gd name="connsiteY68" fmla="*/ 181410 h 1493600"/>
              <a:gd name="connsiteX69" fmla="*/ 227309 w 687092"/>
              <a:gd name="connsiteY69" fmla="*/ 171078 h 1493600"/>
              <a:gd name="connsiteX70" fmla="*/ 242807 w 687092"/>
              <a:gd name="connsiteY70" fmla="*/ 140081 h 1493600"/>
              <a:gd name="connsiteX71" fmla="*/ 258305 w 687092"/>
              <a:gd name="connsiteY71" fmla="*/ 124583 h 1493600"/>
              <a:gd name="connsiteX72" fmla="*/ 268637 w 687092"/>
              <a:gd name="connsiteY72" fmla="*/ 109085 h 1493600"/>
              <a:gd name="connsiteX73" fmla="*/ 278970 w 687092"/>
              <a:gd name="connsiteY73" fmla="*/ 98753 h 1493600"/>
              <a:gd name="connsiteX74" fmla="*/ 289302 w 687092"/>
              <a:gd name="connsiteY74" fmla="*/ 83254 h 1493600"/>
              <a:gd name="connsiteX75" fmla="*/ 325464 w 687092"/>
              <a:gd name="connsiteY75" fmla="*/ 62590 h 1493600"/>
              <a:gd name="connsiteX76" fmla="*/ 335797 w 687092"/>
              <a:gd name="connsiteY76" fmla="*/ 52258 h 1493600"/>
              <a:gd name="connsiteX77" fmla="*/ 351295 w 687092"/>
              <a:gd name="connsiteY77" fmla="*/ 41926 h 1493600"/>
              <a:gd name="connsiteX78" fmla="*/ 371959 w 687092"/>
              <a:gd name="connsiteY78" fmla="*/ 10929 h 1493600"/>
              <a:gd name="connsiteX79" fmla="*/ 382292 w 687092"/>
              <a:gd name="connsiteY79" fmla="*/ 597 h 1493600"/>
              <a:gd name="connsiteX0" fmla="*/ 395889 w 700689"/>
              <a:gd name="connsiteY0" fmla="*/ 597 h 1493600"/>
              <a:gd name="connsiteX1" fmla="*/ 509543 w 700689"/>
              <a:gd name="connsiteY1" fmla="*/ 5763 h 1493600"/>
              <a:gd name="connsiteX2" fmla="*/ 561204 w 700689"/>
              <a:gd name="connsiteY2" fmla="*/ 47092 h 1493600"/>
              <a:gd name="connsiteX3" fmla="*/ 576702 w 700689"/>
              <a:gd name="connsiteY3" fmla="*/ 62590 h 1493600"/>
              <a:gd name="connsiteX4" fmla="*/ 587034 w 700689"/>
              <a:gd name="connsiteY4" fmla="*/ 93587 h 1493600"/>
              <a:gd name="connsiteX5" fmla="*/ 592200 w 700689"/>
              <a:gd name="connsiteY5" fmla="*/ 109085 h 1493600"/>
              <a:gd name="connsiteX6" fmla="*/ 597367 w 700689"/>
              <a:gd name="connsiteY6" fmla="*/ 155580 h 1493600"/>
              <a:gd name="connsiteX7" fmla="*/ 602533 w 700689"/>
              <a:gd name="connsiteY7" fmla="*/ 191742 h 1493600"/>
              <a:gd name="connsiteX8" fmla="*/ 607699 w 700689"/>
              <a:gd name="connsiteY8" fmla="*/ 264068 h 1493600"/>
              <a:gd name="connsiteX9" fmla="*/ 612865 w 700689"/>
              <a:gd name="connsiteY9" fmla="*/ 284732 h 1493600"/>
              <a:gd name="connsiteX10" fmla="*/ 618031 w 700689"/>
              <a:gd name="connsiteY10" fmla="*/ 320895 h 1493600"/>
              <a:gd name="connsiteX11" fmla="*/ 628363 w 700689"/>
              <a:gd name="connsiteY11" fmla="*/ 351892 h 1493600"/>
              <a:gd name="connsiteX12" fmla="*/ 638695 w 700689"/>
              <a:gd name="connsiteY12" fmla="*/ 398387 h 1493600"/>
              <a:gd name="connsiteX13" fmla="*/ 609869 w 700689"/>
              <a:gd name="connsiteY13" fmla="*/ 431149 h 1493600"/>
              <a:gd name="connsiteX14" fmla="*/ 592853 w 700689"/>
              <a:gd name="connsiteY14" fmla="*/ 451661 h 1493600"/>
              <a:gd name="connsiteX15" fmla="*/ 601438 w 700689"/>
              <a:gd name="connsiteY15" fmla="*/ 513136 h 1493600"/>
              <a:gd name="connsiteX16" fmla="*/ 606469 w 700689"/>
              <a:gd name="connsiteY16" fmla="*/ 592797 h 1493600"/>
              <a:gd name="connsiteX17" fmla="*/ 664526 w 700689"/>
              <a:gd name="connsiteY17" fmla="*/ 713519 h 1493600"/>
              <a:gd name="connsiteX18" fmla="*/ 680024 w 700689"/>
              <a:gd name="connsiteY18" fmla="*/ 749681 h 1493600"/>
              <a:gd name="connsiteX19" fmla="*/ 685190 w 700689"/>
              <a:gd name="connsiteY19" fmla="*/ 765180 h 1493600"/>
              <a:gd name="connsiteX20" fmla="*/ 695522 w 700689"/>
              <a:gd name="connsiteY20" fmla="*/ 791010 h 1493600"/>
              <a:gd name="connsiteX21" fmla="*/ 700689 w 700689"/>
              <a:gd name="connsiteY21" fmla="*/ 811675 h 1493600"/>
              <a:gd name="connsiteX22" fmla="*/ 695522 w 700689"/>
              <a:gd name="connsiteY22" fmla="*/ 842671 h 1493600"/>
              <a:gd name="connsiteX23" fmla="*/ 676759 w 700689"/>
              <a:gd name="connsiteY23" fmla="*/ 871767 h 1493600"/>
              <a:gd name="connsiteX24" fmla="*/ 674858 w 700689"/>
              <a:gd name="connsiteY24" fmla="*/ 982156 h 1493600"/>
              <a:gd name="connsiteX25" fmla="*/ 649028 w 700689"/>
              <a:gd name="connsiteY25" fmla="*/ 1033817 h 1493600"/>
              <a:gd name="connsiteX26" fmla="*/ 602801 w 700689"/>
              <a:gd name="connsiteY26" fmla="*/ 1075146 h 1493600"/>
              <a:gd name="connsiteX27" fmla="*/ 565142 w 700689"/>
              <a:gd name="connsiteY27" fmla="*/ 1121641 h 1493600"/>
              <a:gd name="connsiteX28" fmla="*/ 540808 w 700689"/>
              <a:gd name="connsiteY28" fmla="*/ 1197903 h 1493600"/>
              <a:gd name="connsiteX29" fmla="*/ 530207 w 700689"/>
              <a:gd name="connsiteY29" fmla="*/ 1271458 h 1493600"/>
              <a:gd name="connsiteX30" fmla="*/ 509543 w 700689"/>
              <a:gd name="connsiteY30" fmla="*/ 1302454 h 1493600"/>
              <a:gd name="connsiteX31" fmla="*/ 499211 w 700689"/>
              <a:gd name="connsiteY31" fmla="*/ 1317953 h 1493600"/>
              <a:gd name="connsiteX32" fmla="*/ 483712 w 700689"/>
              <a:gd name="connsiteY32" fmla="*/ 1369614 h 1493600"/>
              <a:gd name="connsiteX33" fmla="*/ 478546 w 700689"/>
              <a:gd name="connsiteY33" fmla="*/ 1385112 h 1493600"/>
              <a:gd name="connsiteX34" fmla="*/ 468214 w 700689"/>
              <a:gd name="connsiteY34" fmla="*/ 1400610 h 1493600"/>
              <a:gd name="connsiteX35" fmla="*/ 457882 w 700689"/>
              <a:gd name="connsiteY35" fmla="*/ 1426441 h 1493600"/>
              <a:gd name="connsiteX36" fmla="*/ 442383 w 700689"/>
              <a:gd name="connsiteY36" fmla="*/ 1441939 h 1493600"/>
              <a:gd name="connsiteX37" fmla="*/ 432051 w 700689"/>
              <a:gd name="connsiteY37" fmla="*/ 1457437 h 1493600"/>
              <a:gd name="connsiteX38" fmla="*/ 318397 w 700689"/>
              <a:gd name="connsiteY38" fmla="*/ 1462603 h 1493600"/>
              <a:gd name="connsiteX39" fmla="*/ 251238 w 700689"/>
              <a:gd name="connsiteY39" fmla="*/ 1467770 h 1493600"/>
              <a:gd name="connsiteX40" fmla="*/ 189245 w 700689"/>
              <a:gd name="connsiteY40" fmla="*/ 1488434 h 1493600"/>
              <a:gd name="connsiteX41" fmla="*/ 127251 w 700689"/>
              <a:gd name="connsiteY41" fmla="*/ 1493600 h 1493600"/>
              <a:gd name="connsiteX42" fmla="*/ 54926 w 700689"/>
              <a:gd name="connsiteY42" fmla="*/ 1483268 h 1493600"/>
              <a:gd name="connsiteX43" fmla="*/ 39428 w 700689"/>
              <a:gd name="connsiteY43" fmla="*/ 1472936 h 1493600"/>
              <a:gd name="connsiteX44" fmla="*/ 23929 w 700689"/>
              <a:gd name="connsiteY44" fmla="*/ 1410942 h 1493600"/>
              <a:gd name="connsiteX45" fmla="*/ 18763 w 700689"/>
              <a:gd name="connsiteY45" fmla="*/ 1240461 h 1493600"/>
              <a:gd name="connsiteX46" fmla="*/ 0 w 700689"/>
              <a:gd name="connsiteY46" fmla="*/ 1193966 h 1493600"/>
              <a:gd name="connsiteX47" fmla="*/ 29095 w 700689"/>
              <a:gd name="connsiteY47" fmla="*/ 1090644 h 1493600"/>
              <a:gd name="connsiteX48" fmla="*/ 34261 w 700689"/>
              <a:gd name="connsiteY48" fmla="*/ 1064814 h 1493600"/>
              <a:gd name="connsiteX49" fmla="*/ 44594 w 700689"/>
              <a:gd name="connsiteY49" fmla="*/ 1033817 h 1493600"/>
              <a:gd name="connsiteX50" fmla="*/ 49760 w 700689"/>
              <a:gd name="connsiteY50" fmla="*/ 935661 h 1493600"/>
              <a:gd name="connsiteX51" fmla="*/ 60092 w 700689"/>
              <a:gd name="connsiteY51" fmla="*/ 920163 h 1493600"/>
              <a:gd name="connsiteX52" fmla="*/ 70424 w 700689"/>
              <a:gd name="connsiteY52" fmla="*/ 899498 h 1493600"/>
              <a:gd name="connsiteX53" fmla="*/ 91089 w 700689"/>
              <a:gd name="connsiteY53" fmla="*/ 873668 h 1493600"/>
              <a:gd name="connsiteX54" fmla="*/ 91089 w 700689"/>
              <a:gd name="connsiteY54" fmla="*/ 806509 h 1493600"/>
              <a:gd name="connsiteX55" fmla="*/ 101421 w 700689"/>
              <a:gd name="connsiteY55" fmla="*/ 698020 h 1493600"/>
              <a:gd name="connsiteX56" fmla="*/ 111753 w 700689"/>
              <a:gd name="connsiteY56" fmla="*/ 667024 h 1493600"/>
              <a:gd name="connsiteX57" fmla="*/ 122085 w 700689"/>
              <a:gd name="connsiteY57" fmla="*/ 651526 h 1493600"/>
              <a:gd name="connsiteX58" fmla="*/ 127251 w 700689"/>
              <a:gd name="connsiteY58" fmla="*/ 636027 h 1493600"/>
              <a:gd name="connsiteX59" fmla="*/ 137583 w 700689"/>
              <a:gd name="connsiteY59" fmla="*/ 574034 h 1493600"/>
              <a:gd name="connsiteX60" fmla="*/ 142750 w 700689"/>
              <a:gd name="connsiteY60" fmla="*/ 532705 h 1493600"/>
              <a:gd name="connsiteX61" fmla="*/ 158248 w 700689"/>
              <a:gd name="connsiteY61" fmla="*/ 357058 h 1493600"/>
              <a:gd name="connsiteX62" fmla="*/ 178912 w 700689"/>
              <a:gd name="connsiteY62" fmla="*/ 310563 h 1493600"/>
              <a:gd name="connsiteX63" fmla="*/ 184078 w 700689"/>
              <a:gd name="connsiteY63" fmla="*/ 289898 h 1493600"/>
              <a:gd name="connsiteX64" fmla="*/ 194411 w 700689"/>
              <a:gd name="connsiteY64" fmla="*/ 279566 h 1493600"/>
              <a:gd name="connsiteX65" fmla="*/ 204743 w 700689"/>
              <a:gd name="connsiteY65" fmla="*/ 264068 h 1493600"/>
              <a:gd name="connsiteX66" fmla="*/ 215075 w 700689"/>
              <a:gd name="connsiteY66" fmla="*/ 227905 h 1493600"/>
              <a:gd name="connsiteX67" fmla="*/ 225407 w 700689"/>
              <a:gd name="connsiteY67" fmla="*/ 196909 h 1493600"/>
              <a:gd name="connsiteX68" fmla="*/ 230573 w 700689"/>
              <a:gd name="connsiteY68" fmla="*/ 181410 h 1493600"/>
              <a:gd name="connsiteX69" fmla="*/ 240906 w 700689"/>
              <a:gd name="connsiteY69" fmla="*/ 171078 h 1493600"/>
              <a:gd name="connsiteX70" fmla="*/ 256404 w 700689"/>
              <a:gd name="connsiteY70" fmla="*/ 140081 h 1493600"/>
              <a:gd name="connsiteX71" fmla="*/ 271902 w 700689"/>
              <a:gd name="connsiteY71" fmla="*/ 124583 h 1493600"/>
              <a:gd name="connsiteX72" fmla="*/ 282234 w 700689"/>
              <a:gd name="connsiteY72" fmla="*/ 109085 h 1493600"/>
              <a:gd name="connsiteX73" fmla="*/ 292567 w 700689"/>
              <a:gd name="connsiteY73" fmla="*/ 98753 h 1493600"/>
              <a:gd name="connsiteX74" fmla="*/ 302899 w 700689"/>
              <a:gd name="connsiteY74" fmla="*/ 83254 h 1493600"/>
              <a:gd name="connsiteX75" fmla="*/ 339061 w 700689"/>
              <a:gd name="connsiteY75" fmla="*/ 62590 h 1493600"/>
              <a:gd name="connsiteX76" fmla="*/ 349394 w 700689"/>
              <a:gd name="connsiteY76" fmla="*/ 52258 h 1493600"/>
              <a:gd name="connsiteX77" fmla="*/ 364892 w 700689"/>
              <a:gd name="connsiteY77" fmla="*/ 41926 h 1493600"/>
              <a:gd name="connsiteX78" fmla="*/ 385556 w 700689"/>
              <a:gd name="connsiteY78" fmla="*/ 10929 h 1493600"/>
              <a:gd name="connsiteX79" fmla="*/ 395889 w 700689"/>
              <a:gd name="connsiteY79" fmla="*/ 597 h 1493600"/>
              <a:gd name="connsiteX0" fmla="*/ 421712 w 726512"/>
              <a:gd name="connsiteY0" fmla="*/ 597 h 1493600"/>
              <a:gd name="connsiteX1" fmla="*/ 535366 w 726512"/>
              <a:gd name="connsiteY1" fmla="*/ 5763 h 1493600"/>
              <a:gd name="connsiteX2" fmla="*/ 587027 w 726512"/>
              <a:gd name="connsiteY2" fmla="*/ 47092 h 1493600"/>
              <a:gd name="connsiteX3" fmla="*/ 602525 w 726512"/>
              <a:gd name="connsiteY3" fmla="*/ 62590 h 1493600"/>
              <a:gd name="connsiteX4" fmla="*/ 612857 w 726512"/>
              <a:gd name="connsiteY4" fmla="*/ 93587 h 1493600"/>
              <a:gd name="connsiteX5" fmla="*/ 618023 w 726512"/>
              <a:gd name="connsiteY5" fmla="*/ 109085 h 1493600"/>
              <a:gd name="connsiteX6" fmla="*/ 623190 w 726512"/>
              <a:gd name="connsiteY6" fmla="*/ 155580 h 1493600"/>
              <a:gd name="connsiteX7" fmla="*/ 628356 w 726512"/>
              <a:gd name="connsiteY7" fmla="*/ 191742 h 1493600"/>
              <a:gd name="connsiteX8" fmla="*/ 633522 w 726512"/>
              <a:gd name="connsiteY8" fmla="*/ 264068 h 1493600"/>
              <a:gd name="connsiteX9" fmla="*/ 638688 w 726512"/>
              <a:gd name="connsiteY9" fmla="*/ 284732 h 1493600"/>
              <a:gd name="connsiteX10" fmla="*/ 643854 w 726512"/>
              <a:gd name="connsiteY10" fmla="*/ 320895 h 1493600"/>
              <a:gd name="connsiteX11" fmla="*/ 654186 w 726512"/>
              <a:gd name="connsiteY11" fmla="*/ 351892 h 1493600"/>
              <a:gd name="connsiteX12" fmla="*/ 664518 w 726512"/>
              <a:gd name="connsiteY12" fmla="*/ 398387 h 1493600"/>
              <a:gd name="connsiteX13" fmla="*/ 635692 w 726512"/>
              <a:gd name="connsiteY13" fmla="*/ 431149 h 1493600"/>
              <a:gd name="connsiteX14" fmla="*/ 618676 w 726512"/>
              <a:gd name="connsiteY14" fmla="*/ 451661 h 1493600"/>
              <a:gd name="connsiteX15" fmla="*/ 627261 w 726512"/>
              <a:gd name="connsiteY15" fmla="*/ 513136 h 1493600"/>
              <a:gd name="connsiteX16" fmla="*/ 632292 w 726512"/>
              <a:gd name="connsiteY16" fmla="*/ 592797 h 1493600"/>
              <a:gd name="connsiteX17" fmla="*/ 690349 w 726512"/>
              <a:gd name="connsiteY17" fmla="*/ 713519 h 1493600"/>
              <a:gd name="connsiteX18" fmla="*/ 705847 w 726512"/>
              <a:gd name="connsiteY18" fmla="*/ 749681 h 1493600"/>
              <a:gd name="connsiteX19" fmla="*/ 711013 w 726512"/>
              <a:gd name="connsiteY19" fmla="*/ 765180 h 1493600"/>
              <a:gd name="connsiteX20" fmla="*/ 721345 w 726512"/>
              <a:gd name="connsiteY20" fmla="*/ 791010 h 1493600"/>
              <a:gd name="connsiteX21" fmla="*/ 726512 w 726512"/>
              <a:gd name="connsiteY21" fmla="*/ 811675 h 1493600"/>
              <a:gd name="connsiteX22" fmla="*/ 721345 w 726512"/>
              <a:gd name="connsiteY22" fmla="*/ 842671 h 1493600"/>
              <a:gd name="connsiteX23" fmla="*/ 702582 w 726512"/>
              <a:gd name="connsiteY23" fmla="*/ 871767 h 1493600"/>
              <a:gd name="connsiteX24" fmla="*/ 700681 w 726512"/>
              <a:gd name="connsiteY24" fmla="*/ 982156 h 1493600"/>
              <a:gd name="connsiteX25" fmla="*/ 674851 w 726512"/>
              <a:gd name="connsiteY25" fmla="*/ 1033817 h 1493600"/>
              <a:gd name="connsiteX26" fmla="*/ 628624 w 726512"/>
              <a:gd name="connsiteY26" fmla="*/ 1075146 h 1493600"/>
              <a:gd name="connsiteX27" fmla="*/ 590965 w 726512"/>
              <a:gd name="connsiteY27" fmla="*/ 1121641 h 1493600"/>
              <a:gd name="connsiteX28" fmla="*/ 566631 w 726512"/>
              <a:gd name="connsiteY28" fmla="*/ 1197903 h 1493600"/>
              <a:gd name="connsiteX29" fmla="*/ 556030 w 726512"/>
              <a:gd name="connsiteY29" fmla="*/ 1271458 h 1493600"/>
              <a:gd name="connsiteX30" fmla="*/ 535366 w 726512"/>
              <a:gd name="connsiteY30" fmla="*/ 1302454 h 1493600"/>
              <a:gd name="connsiteX31" fmla="*/ 525034 w 726512"/>
              <a:gd name="connsiteY31" fmla="*/ 1317953 h 1493600"/>
              <a:gd name="connsiteX32" fmla="*/ 509535 w 726512"/>
              <a:gd name="connsiteY32" fmla="*/ 1369614 h 1493600"/>
              <a:gd name="connsiteX33" fmla="*/ 504369 w 726512"/>
              <a:gd name="connsiteY33" fmla="*/ 1385112 h 1493600"/>
              <a:gd name="connsiteX34" fmla="*/ 494037 w 726512"/>
              <a:gd name="connsiteY34" fmla="*/ 1400610 h 1493600"/>
              <a:gd name="connsiteX35" fmla="*/ 483705 w 726512"/>
              <a:gd name="connsiteY35" fmla="*/ 1426441 h 1493600"/>
              <a:gd name="connsiteX36" fmla="*/ 468206 w 726512"/>
              <a:gd name="connsiteY36" fmla="*/ 1441939 h 1493600"/>
              <a:gd name="connsiteX37" fmla="*/ 457874 w 726512"/>
              <a:gd name="connsiteY37" fmla="*/ 1457437 h 1493600"/>
              <a:gd name="connsiteX38" fmla="*/ 344220 w 726512"/>
              <a:gd name="connsiteY38" fmla="*/ 1462603 h 1493600"/>
              <a:gd name="connsiteX39" fmla="*/ 277061 w 726512"/>
              <a:gd name="connsiteY39" fmla="*/ 1467770 h 1493600"/>
              <a:gd name="connsiteX40" fmla="*/ 215068 w 726512"/>
              <a:gd name="connsiteY40" fmla="*/ 1488434 h 1493600"/>
              <a:gd name="connsiteX41" fmla="*/ 153074 w 726512"/>
              <a:gd name="connsiteY41" fmla="*/ 1493600 h 1493600"/>
              <a:gd name="connsiteX42" fmla="*/ 80749 w 726512"/>
              <a:gd name="connsiteY42" fmla="*/ 1483268 h 1493600"/>
              <a:gd name="connsiteX43" fmla="*/ 65251 w 726512"/>
              <a:gd name="connsiteY43" fmla="*/ 1472936 h 1493600"/>
              <a:gd name="connsiteX44" fmla="*/ 49752 w 726512"/>
              <a:gd name="connsiteY44" fmla="*/ 1410942 h 1493600"/>
              <a:gd name="connsiteX45" fmla="*/ 13 w 726512"/>
              <a:gd name="connsiteY45" fmla="*/ 1267482 h 1493600"/>
              <a:gd name="connsiteX46" fmla="*/ 44586 w 726512"/>
              <a:gd name="connsiteY46" fmla="*/ 1240461 h 1493600"/>
              <a:gd name="connsiteX47" fmla="*/ 25823 w 726512"/>
              <a:gd name="connsiteY47" fmla="*/ 1193966 h 1493600"/>
              <a:gd name="connsiteX48" fmla="*/ 54918 w 726512"/>
              <a:gd name="connsiteY48" fmla="*/ 1090644 h 1493600"/>
              <a:gd name="connsiteX49" fmla="*/ 60084 w 726512"/>
              <a:gd name="connsiteY49" fmla="*/ 1064814 h 1493600"/>
              <a:gd name="connsiteX50" fmla="*/ 70417 w 726512"/>
              <a:gd name="connsiteY50" fmla="*/ 1033817 h 1493600"/>
              <a:gd name="connsiteX51" fmla="*/ 75583 w 726512"/>
              <a:gd name="connsiteY51" fmla="*/ 935661 h 1493600"/>
              <a:gd name="connsiteX52" fmla="*/ 85915 w 726512"/>
              <a:gd name="connsiteY52" fmla="*/ 920163 h 1493600"/>
              <a:gd name="connsiteX53" fmla="*/ 96247 w 726512"/>
              <a:gd name="connsiteY53" fmla="*/ 899498 h 1493600"/>
              <a:gd name="connsiteX54" fmla="*/ 116912 w 726512"/>
              <a:gd name="connsiteY54" fmla="*/ 873668 h 1493600"/>
              <a:gd name="connsiteX55" fmla="*/ 116912 w 726512"/>
              <a:gd name="connsiteY55" fmla="*/ 806509 h 1493600"/>
              <a:gd name="connsiteX56" fmla="*/ 127244 w 726512"/>
              <a:gd name="connsiteY56" fmla="*/ 698020 h 1493600"/>
              <a:gd name="connsiteX57" fmla="*/ 137576 w 726512"/>
              <a:gd name="connsiteY57" fmla="*/ 667024 h 1493600"/>
              <a:gd name="connsiteX58" fmla="*/ 147908 w 726512"/>
              <a:gd name="connsiteY58" fmla="*/ 651526 h 1493600"/>
              <a:gd name="connsiteX59" fmla="*/ 153074 w 726512"/>
              <a:gd name="connsiteY59" fmla="*/ 636027 h 1493600"/>
              <a:gd name="connsiteX60" fmla="*/ 163406 w 726512"/>
              <a:gd name="connsiteY60" fmla="*/ 574034 h 1493600"/>
              <a:gd name="connsiteX61" fmla="*/ 168573 w 726512"/>
              <a:gd name="connsiteY61" fmla="*/ 532705 h 1493600"/>
              <a:gd name="connsiteX62" fmla="*/ 184071 w 726512"/>
              <a:gd name="connsiteY62" fmla="*/ 357058 h 1493600"/>
              <a:gd name="connsiteX63" fmla="*/ 204735 w 726512"/>
              <a:gd name="connsiteY63" fmla="*/ 310563 h 1493600"/>
              <a:gd name="connsiteX64" fmla="*/ 209901 w 726512"/>
              <a:gd name="connsiteY64" fmla="*/ 289898 h 1493600"/>
              <a:gd name="connsiteX65" fmla="*/ 220234 w 726512"/>
              <a:gd name="connsiteY65" fmla="*/ 279566 h 1493600"/>
              <a:gd name="connsiteX66" fmla="*/ 230566 w 726512"/>
              <a:gd name="connsiteY66" fmla="*/ 264068 h 1493600"/>
              <a:gd name="connsiteX67" fmla="*/ 240898 w 726512"/>
              <a:gd name="connsiteY67" fmla="*/ 227905 h 1493600"/>
              <a:gd name="connsiteX68" fmla="*/ 251230 w 726512"/>
              <a:gd name="connsiteY68" fmla="*/ 196909 h 1493600"/>
              <a:gd name="connsiteX69" fmla="*/ 256396 w 726512"/>
              <a:gd name="connsiteY69" fmla="*/ 181410 h 1493600"/>
              <a:gd name="connsiteX70" fmla="*/ 266729 w 726512"/>
              <a:gd name="connsiteY70" fmla="*/ 171078 h 1493600"/>
              <a:gd name="connsiteX71" fmla="*/ 282227 w 726512"/>
              <a:gd name="connsiteY71" fmla="*/ 140081 h 1493600"/>
              <a:gd name="connsiteX72" fmla="*/ 297725 w 726512"/>
              <a:gd name="connsiteY72" fmla="*/ 124583 h 1493600"/>
              <a:gd name="connsiteX73" fmla="*/ 308057 w 726512"/>
              <a:gd name="connsiteY73" fmla="*/ 109085 h 1493600"/>
              <a:gd name="connsiteX74" fmla="*/ 318390 w 726512"/>
              <a:gd name="connsiteY74" fmla="*/ 98753 h 1493600"/>
              <a:gd name="connsiteX75" fmla="*/ 328722 w 726512"/>
              <a:gd name="connsiteY75" fmla="*/ 83254 h 1493600"/>
              <a:gd name="connsiteX76" fmla="*/ 364884 w 726512"/>
              <a:gd name="connsiteY76" fmla="*/ 62590 h 1493600"/>
              <a:gd name="connsiteX77" fmla="*/ 375217 w 726512"/>
              <a:gd name="connsiteY77" fmla="*/ 52258 h 1493600"/>
              <a:gd name="connsiteX78" fmla="*/ 390715 w 726512"/>
              <a:gd name="connsiteY78" fmla="*/ 41926 h 1493600"/>
              <a:gd name="connsiteX79" fmla="*/ 411379 w 726512"/>
              <a:gd name="connsiteY79" fmla="*/ 10929 h 1493600"/>
              <a:gd name="connsiteX80" fmla="*/ 421712 w 726512"/>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50244 w 727004"/>
              <a:gd name="connsiteY44" fmla="*/ 1410942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12852 w 727004"/>
              <a:gd name="connsiteY44" fmla="*/ 1404144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12852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2655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89316"/>
              <a:gd name="connsiteX1" fmla="*/ 535858 w 727004"/>
              <a:gd name="connsiteY1" fmla="*/ 5763 h 1489316"/>
              <a:gd name="connsiteX2" fmla="*/ 587519 w 727004"/>
              <a:gd name="connsiteY2" fmla="*/ 47092 h 1489316"/>
              <a:gd name="connsiteX3" fmla="*/ 603017 w 727004"/>
              <a:gd name="connsiteY3" fmla="*/ 62590 h 1489316"/>
              <a:gd name="connsiteX4" fmla="*/ 613349 w 727004"/>
              <a:gd name="connsiteY4" fmla="*/ 93587 h 1489316"/>
              <a:gd name="connsiteX5" fmla="*/ 618515 w 727004"/>
              <a:gd name="connsiteY5" fmla="*/ 109085 h 1489316"/>
              <a:gd name="connsiteX6" fmla="*/ 623682 w 727004"/>
              <a:gd name="connsiteY6" fmla="*/ 155580 h 1489316"/>
              <a:gd name="connsiteX7" fmla="*/ 628848 w 727004"/>
              <a:gd name="connsiteY7" fmla="*/ 191742 h 1489316"/>
              <a:gd name="connsiteX8" fmla="*/ 634014 w 727004"/>
              <a:gd name="connsiteY8" fmla="*/ 264068 h 1489316"/>
              <a:gd name="connsiteX9" fmla="*/ 639180 w 727004"/>
              <a:gd name="connsiteY9" fmla="*/ 284732 h 1489316"/>
              <a:gd name="connsiteX10" fmla="*/ 644346 w 727004"/>
              <a:gd name="connsiteY10" fmla="*/ 320895 h 1489316"/>
              <a:gd name="connsiteX11" fmla="*/ 654678 w 727004"/>
              <a:gd name="connsiteY11" fmla="*/ 351892 h 1489316"/>
              <a:gd name="connsiteX12" fmla="*/ 665010 w 727004"/>
              <a:gd name="connsiteY12" fmla="*/ 398387 h 1489316"/>
              <a:gd name="connsiteX13" fmla="*/ 636184 w 727004"/>
              <a:gd name="connsiteY13" fmla="*/ 431149 h 1489316"/>
              <a:gd name="connsiteX14" fmla="*/ 619168 w 727004"/>
              <a:gd name="connsiteY14" fmla="*/ 451661 h 1489316"/>
              <a:gd name="connsiteX15" fmla="*/ 627753 w 727004"/>
              <a:gd name="connsiteY15" fmla="*/ 513136 h 1489316"/>
              <a:gd name="connsiteX16" fmla="*/ 632784 w 727004"/>
              <a:gd name="connsiteY16" fmla="*/ 592797 h 1489316"/>
              <a:gd name="connsiteX17" fmla="*/ 690841 w 727004"/>
              <a:gd name="connsiteY17" fmla="*/ 713519 h 1489316"/>
              <a:gd name="connsiteX18" fmla="*/ 706339 w 727004"/>
              <a:gd name="connsiteY18" fmla="*/ 749681 h 1489316"/>
              <a:gd name="connsiteX19" fmla="*/ 711505 w 727004"/>
              <a:gd name="connsiteY19" fmla="*/ 765180 h 1489316"/>
              <a:gd name="connsiteX20" fmla="*/ 721837 w 727004"/>
              <a:gd name="connsiteY20" fmla="*/ 791010 h 1489316"/>
              <a:gd name="connsiteX21" fmla="*/ 727004 w 727004"/>
              <a:gd name="connsiteY21" fmla="*/ 811675 h 1489316"/>
              <a:gd name="connsiteX22" fmla="*/ 721837 w 727004"/>
              <a:gd name="connsiteY22" fmla="*/ 842671 h 1489316"/>
              <a:gd name="connsiteX23" fmla="*/ 703074 w 727004"/>
              <a:gd name="connsiteY23" fmla="*/ 871767 h 1489316"/>
              <a:gd name="connsiteX24" fmla="*/ 701173 w 727004"/>
              <a:gd name="connsiteY24" fmla="*/ 982156 h 1489316"/>
              <a:gd name="connsiteX25" fmla="*/ 675343 w 727004"/>
              <a:gd name="connsiteY25" fmla="*/ 1033817 h 1489316"/>
              <a:gd name="connsiteX26" fmla="*/ 629116 w 727004"/>
              <a:gd name="connsiteY26" fmla="*/ 1075146 h 1489316"/>
              <a:gd name="connsiteX27" fmla="*/ 591457 w 727004"/>
              <a:gd name="connsiteY27" fmla="*/ 1121641 h 1489316"/>
              <a:gd name="connsiteX28" fmla="*/ 567123 w 727004"/>
              <a:gd name="connsiteY28" fmla="*/ 1197903 h 1489316"/>
              <a:gd name="connsiteX29" fmla="*/ 556522 w 727004"/>
              <a:gd name="connsiteY29" fmla="*/ 1271458 h 1489316"/>
              <a:gd name="connsiteX30" fmla="*/ 535858 w 727004"/>
              <a:gd name="connsiteY30" fmla="*/ 1302454 h 1489316"/>
              <a:gd name="connsiteX31" fmla="*/ 525526 w 727004"/>
              <a:gd name="connsiteY31" fmla="*/ 1317953 h 1489316"/>
              <a:gd name="connsiteX32" fmla="*/ 510027 w 727004"/>
              <a:gd name="connsiteY32" fmla="*/ 1369614 h 1489316"/>
              <a:gd name="connsiteX33" fmla="*/ 504861 w 727004"/>
              <a:gd name="connsiteY33" fmla="*/ 1385112 h 1489316"/>
              <a:gd name="connsiteX34" fmla="*/ 494529 w 727004"/>
              <a:gd name="connsiteY34" fmla="*/ 1400610 h 1489316"/>
              <a:gd name="connsiteX35" fmla="*/ 484197 w 727004"/>
              <a:gd name="connsiteY35" fmla="*/ 1426441 h 1489316"/>
              <a:gd name="connsiteX36" fmla="*/ 468698 w 727004"/>
              <a:gd name="connsiteY36" fmla="*/ 1441939 h 1489316"/>
              <a:gd name="connsiteX37" fmla="*/ 458366 w 727004"/>
              <a:gd name="connsiteY37" fmla="*/ 1457437 h 1489316"/>
              <a:gd name="connsiteX38" fmla="*/ 344712 w 727004"/>
              <a:gd name="connsiteY38" fmla="*/ 1462603 h 1489316"/>
              <a:gd name="connsiteX39" fmla="*/ 277553 w 727004"/>
              <a:gd name="connsiteY39" fmla="*/ 1467770 h 1489316"/>
              <a:gd name="connsiteX40" fmla="*/ 215560 w 727004"/>
              <a:gd name="connsiteY40" fmla="*/ 1488434 h 1489316"/>
              <a:gd name="connsiteX41" fmla="*/ 160365 w 727004"/>
              <a:gd name="connsiteY41" fmla="*/ 1486801 h 1489316"/>
              <a:gd name="connsiteX42" fmla="*/ 81241 w 727004"/>
              <a:gd name="connsiteY42" fmla="*/ 1483268 h 1489316"/>
              <a:gd name="connsiteX43" fmla="*/ 65743 w 727004"/>
              <a:gd name="connsiteY43" fmla="*/ 1472936 h 1489316"/>
              <a:gd name="connsiteX44" fmla="*/ 41296 w 727004"/>
              <a:gd name="connsiteY44" fmla="*/ 1461240 h 1489316"/>
              <a:gd name="connsiteX45" fmla="*/ 2655 w 727004"/>
              <a:gd name="connsiteY45" fmla="*/ 1404144 h 1489316"/>
              <a:gd name="connsiteX46" fmla="*/ 505 w 727004"/>
              <a:gd name="connsiteY46" fmla="*/ 1267482 h 1489316"/>
              <a:gd name="connsiteX47" fmla="*/ 26315 w 727004"/>
              <a:gd name="connsiteY47" fmla="*/ 1193966 h 1489316"/>
              <a:gd name="connsiteX48" fmla="*/ 55410 w 727004"/>
              <a:gd name="connsiteY48" fmla="*/ 1090644 h 1489316"/>
              <a:gd name="connsiteX49" fmla="*/ 60576 w 727004"/>
              <a:gd name="connsiteY49" fmla="*/ 1064814 h 1489316"/>
              <a:gd name="connsiteX50" fmla="*/ 70909 w 727004"/>
              <a:gd name="connsiteY50" fmla="*/ 1033817 h 1489316"/>
              <a:gd name="connsiteX51" fmla="*/ 76075 w 727004"/>
              <a:gd name="connsiteY51" fmla="*/ 935661 h 1489316"/>
              <a:gd name="connsiteX52" fmla="*/ 86407 w 727004"/>
              <a:gd name="connsiteY52" fmla="*/ 920163 h 1489316"/>
              <a:gd name="connsiteX53" fmla="*/ 96739 w 727004"/>
              <a:gd name="connsiteY53" fmla="*/ 899498 h 1489316"/>
              <a:gd name="connsiteX54" fmla="*/ 117404 w 727004"/>
              <a:gd name="connsiteY54" fmla="*/ 873668 h 1489316"/>
              <a:gd name="connsiteX55" fmla="*/ 117404 w 727004"/>
              <a:gd name="connsiteY55" fmla="*/ 806509 h 1489316"/>
              <a:gd name="connsiteX56" fmla="*/ 127736 w 727004"/>
              <a:gd name="connsiteY56" fmla="*/ 698020 h 1489316"/>
              <a:gd name="connsiteX57" fmla="*/ 138068 w 727004"/>
              <a:gd name="connsiteY57" fmla="*/ 667024 h 1489316"/>
              <a:gd name="connsiteX58" fmla="*/ 148400 w 727004"/>
              <a:gd name="connsiteY58" fmla="*/ 651526 h 1489316"/>
              <a:gd name="connsiteX59" fmla="*/ 153566 w 727004"/>
              <a:gd name="connsiteY59" fmla="*/ 636027 h 1489316"/>
              <a:gd name="connsiteX60" fmla="*/ 163898 w 727004"/>
              <a:gd name="connsiteY60" fmla="*/ 574034 h 1489316"/>
              <a:gd name="connsiteX61" fmla="*/ 169065 w 727004"/>
              <a:gd name="connsiteY61" fmla="*/ 532705 h 1489316"/>
              <a:gd name="connsiteX62" fmla="*/ 184563 w 727004"/>
              <a:gd name="connsiteY62" fmla="*/ 357058 h 1489316"/>
              <a:gd name="connsiteX63" fmla="*/ 205227 w 727004"/>
              <a:gd name="connsiteY63" fmla="*/ 310563 h 1489316"/>
              <a:gd name="connsiteX64" fmla="*/ 210393 w 727004"/>
              <a:gd name="connsiteY64" fmla="*/ 289898 h 1489316"/>
              <a:gd name="connsiteX65" fmla="*/ 220726 w 727004"/>
              <a:gd name="connsiteY65" fmla="*/ 279566 h 1489316"/>
              <a:gd name="connsiteX66" fmla="*/ 231058 w 727004"/>
              <a:gd name="connsiteY66" fmla="*/ 264068 h 1489316"/>
              <a:gd name="connsiteX67" fmla="*/ 241390 w 727004"/>
              <a:gd name="connsiteY67" fmla="*/ 227905 h 1489316"/>
              <a:gd name="connsiteX68" fmla="*/ 251722 w 727004"/>
              <a:gd name="connsiteY68" fmla="*/ 196909 h 1489316"/>
              <a:gd name="connsiteX69" fmla="*/ 256888 w 727004"/>
              <a:gd name="connsiteY69" fmla="*/ 181410 h 1489316"/>
              <a:gd name="connsiteX70" fmla="*/ 267221 w 727004"/>
              <a:gd name="connsiteY70" fmla="*/ 171078 h 1489316"/>
              <a:gd name="connsiteX71" fmla="*/ 282719 w 727004"/>
              <a:gd name="connsiteY71" fmla="*/ 140081 h 1489316"/>
              <a:gd name="connsiteX72" fmla="*/ 298217 w 727004"/>
              <a:gd name="connsiteY72" fmla="*/ 124583 h 1489316"/>
              <a:gd name="connsiteX73" fmla="*/ 308549 w 727004"/>
              <a:gd name="connsiteY73" fmla="*/ 109085 h 1489316"/>
              <a:gd name="connsiteX74" fmla="*/ 318882 w 727004"/>
              <a:gd name="connsiteY74" fmla="*/ 98753 h 1489316"/>
              <a:gd name="connsiteX75" fmla="*/ 329214 w 727004"/>
              <a:gd name="connsiteY75" fmla="*/ 83254 h 1489316"/>
              <a:gd name="connsiteX76" fmla="*/ 365376 w 727004"/>
              <a:gd name="connsiteY76" fmla="*/ 62590 h 1489316"/>
              <a:gd name="connsiteX77" fmla="*/ 375709 w 727004"/>
              <a:gd name="connsiteY77" fmla="*/ 52258 h 1489316"/>
              <a:gd name="connsiteX78" fmla="*/ 391207 w 727004"/>
              <a:gd name="connsiteY78" fmla="*/ 41926 h 1489316"/>
              <a:gd name="connsiteX79" fmla="*/ 411871 w 727004"/>
              <a:gd name="connsiteY79" fmla="*/ 10929 h 1489316"/>
              <a:gd name="connsiteX80" fmla="*/ 422204 w 727004"/>
              <a:gd name="connsiteY80" fmla="*/ 597 h 1489316"/>
              <a:gd name="connsiteX0" fmla="*/ 422204 w 727004"/>
              <a:gd name="connsiteY0" fmla="*/ 597 h 1487666"/>
              <a:gd name="connsiteX1" fmla="*/ 535858 w 727004"/>
              <a:gd name="connsiteY1" fmla="*/ 5763 h 1487666"/>
              <a:gd name="connsiteX2" fmla="*/ 587519 w 727004"/>
              <a:gd name="connsiteY2" fmla="*/ 47092 h 1487666"/>
              <a:gd name="connsiteX3" fmla="*/ 603017 w 727004"/>
              <a:gd name="connsiteY3" fmla="*/ 62590 h 1487666"/>
              <a:gd name="connsiteX4" fmla="*/ 613349 w 727004"/>
              <a:gd name="connsiteY4" fmla="*/ 93587 h 1487666"/>
              <a:gd name="connsiteX5" fmla="*/ 618515 w 727004"/>
              <a:gd name="connsiteY5" fmla="*/ 109085 h 1487666"/>
              <a:gd name="connsiteX6" fmla="*/ 623682 w 727004"/>
              <a:gd name="connsiteY6" fmla="*/ 155580 h 1487666"/>
              <a:gd name="connsiteX7" fmla="*/ 628848 w 727004"/>
              <a:gd name="connsiteY7" fmla="*/ 191742 h 1487666"/>
              <a:gd name="connsiteX8" fmla="*/ 634014 w 727004"/>
              <a:gd name="connsiteY8" fmla="*/ 264068 h 1487666"/>
              <a:gd name="connsiteX9" fmla="*/ 639180 w 727004"/>
              <a:gd name="connsiteY9" fmla="*/ 284732 h 1487666"/>
              <a:gd name="connsiteX10" fmla="*/ 644346 w 727004"/>
              <a:gd name="connsiteY10" fmla="*/ 320895 h 1487666"/>
              <a:gd name="connsiteX11" fmla="*/ 654678 w 727004"/>
              <a:gd name="connsiteY11" fmla="*/ 351892 h 1487666"/>
              <a:gd name="connsiteX12" fmla="*/ 665010 w 727004"/>
              <a:gd name="connsiteY12" fmla="*/ 398387 h 1487666"/>
              <a:gd name="connsiteX13" fmla="*/ 636184 w 727004"/>
              <a:gd name="connsiteY13" fmla="*/ 431149 h 1487666"/>
              <a:gd name="connsiteX14" fmla="*/ 619168 w 727004"/>
              <a:gd name="connsiteY14" fmla="*/ 451661 h 1487666"/>
              <a:gd name="connsiteX15" fmla="*/ 627753 w 727004"/>
              <a:gd name="connsiteY15" fmla="*/ 513136 h 1487666"/>
              <a:gd name="connsiteX16" fmla="*/ 632784 w 727004"/>
              <a:gd name="connsiteY16" fmla="*/ 592797 h 1487666"/>
              <a:gd name="connsiteX17" fmla="*/ 690841 w 727004"/>
              <a:gd name="connsiteY17" fmla="*/ 713519 h 1487666"/>
              <a:gd name="connsiteX18" fmla="*/ 706339 w 727004"/>
              <a:gd name="connsiteY18" fmla="*/ 749681 h 1487666"/>
              <a:gd name="connsiteX19" fmla="*/ 711505 w 727004"/>
              <a:gd name="connsiteY19" fmla="*/ 765180 h 1487666"/>
              <a:gd name="connsiteX20" fmla="*/ 721837 w 727004"/>
              <a:gd name="connsiteY20" fmla="*/ 791010 h 1487666"/>
              <a:gd name="connsiteX21" fmla="*/ 727004 w 727004"/>
              <a:gd name="connsiteY21" fmla="*/ 811675 h 1487666"/>
              <a:gd name="connsiteX22" fmla="*/ 721837 w 727004"/>
              <a:gd name="connsiteY22" fmla="*/ 842671 h 1487666"/>
              <a:gd name="connsiteX23" fmla="*/ 703074 w 727004"/>
              <a:gd name="connsiteY23" fmla="*/ 871767 h 1487666"/>
              <a:gd name="connsiteX24" fmla="*/ 701173 w 727004"/>
              <a:gd name="connsiteY24" fmla="*/ 982156 h 1487666"/>
              <a:gd name="connsiteX25" fmla="*/ 675343 w 727004"/>
              <a:gd name="connsiteY25" fmla="*/ 1033817 h 1487666"/>
              <a:gd name="connsiteX26" fmla="*/ 629116 w 727004"/>
              <a:gd name="connsiteY26" fmla="*/ 1075146 h 1487666"/>
              <a:gd name="connsiteX27" fmla="*/ 591457 w 727004"/>
              <a:gd name="connsiteY27" fmla="*/ 1121641 h 1487666"/>
              <a:gd name="connsiteX28" fmla="*/ 567123 w 727004"/>
              <a:gd name="connsiteY28" fmla="*/ 1197903 h 1487666"/>
              <a:gd name="connsiteX29" fmla="*/ 556522 w 727004"/>
              <a:gd name="connsiteY29" fmla="*/ 1271458 h 1487666"/>
              <a:gd name="connsiteX30" fmla="*/ 535858 w 727004"/>
              <a:gd name="connsiteY30" fmla="*/ 1302454 h 1487666"/>
              <a:gd name="connsiteX31" fmla="*/ 525526 w 727004"/>
              <a:gd name="connsiteY31" fmla="*/ 1317953 h 1487666"/>
              <a:gd name="connsiteX32" fmla="*/ 510027 w 727004"/>
              <a:gd name="connsiteY32" fmla="*/ 1369614 h 1487666"/>
              <a:gd name="connsiteX33" fmla="*/ 504861 w 727004"/>
              <a:gd name="connsiteY33" fmla="*/ 1385112 h 1487666"/>
              <a:gd name="connsiteX34" fmla="*/ 494529 w 727004"/>
              <a:gd name="connsiteY34" fmla="*/ 1400610 h 1487666"/>
              <a:gd name="connsiteX35" fmla="*/ 484197 w 727004"/>
              <a:gd name="connsiteY35" fmla="*/ 1426441 h 1487666"/>
              <a:gd name="connsiteX36" fmla="*/ 468698 w 727004"/>
              <a:gd name="connsiteY36" fmla="*/ 1441939 h 1487666"/>
              <a:gd name="connsiteX37" fmla="*/ 458366 w 727004"/>
              <a:gd name="connsiteY37" fmla="*/ 1457437 h 1487666"/>
              <a:gd name="connsiteX38" fmla="*/ 344712 w 727004"/>
              <a:gd name="connsiteY38" fmla="*/ 1462603 h 1487666"/>
              <a:gd name="connsiteX39" fmla="*/ 277553 w 727004"/>
              <a:gd name="connsiteY39" fmla="*/ 1467770 h 1487666"/>
              <a:gd name="connsiteX40" fmla="*/ 160365 w 727004"/>
              <a:gd name="connsiteY40" fmla="*/ 1486801 h 1487666"/>
              <a:gd name="connsiteX41" fmla="*/ 81241 w 727004"/>
              <a:gd name="connsiteY41" fmla="*/ 1483268 h 1487666"/>
              <a:gd name="connsiteX42" fmla="*/ 65743 w 727004"/>
              <a:gd name="connsiteY42" fmla="*/ 1472936 h 1487666"/>
              <a:gd name="connsiteX43" fmla="*/ 41296 w 727004"/>
              <a:gd name="connsiteY43" fmla="*/ 1461240 h 1487666"/>
              <a:gd name="connsiteX44" fmla="*/ 2655 w 727004"/>
              <a:gd name="connsiteY44" fmla="*/ 1404144 h 1487666"/>
              <a:gd name="connsiteX45" fmla="*/ 505 w 727004"/>
              <a:gd name="connsiteY45" fmla="*/ 1267482 h 1487666"/>
              <a:gd name="connsiteX46" fmla="*/ 26315 w 727004"/>
              <a:gd name="connsiteY46" fmla="*/ 1193966 h 1487666"/>
              <a:gd name="connsiteX47" fmla="*/ 55410 w 727004"/>
              <a:gd name="connsiteY47" fmla="*/ 1090644 h 1487666"/>
              <a:gd name="connsiteX48" fmla="*/ 60576 w 727004"/>
              <a:gd name="connsiteY48" fmla="*/ 1064814 h 1487666"/>
              <a:gd name="connsiteX49" fmla="*/ 70909 w 727004"/>
              <a:gd name="connsiteY49" fmla="*/ 1033817 h 1487666"/>
              <a:gd name="connsiteX50" fmla="*/ 76075 w 727004"/>
              <a:gd name="connsiteY50" fmla="*/ 935661 h 1487666"/>
              <a:gd name="connsiteX51" fmla="*/ 86407 w 727004"/>
              <a:gd name="connsiteY51" fmla="*/ 920163 h 1487666"/>
              <a:gd name="connsiteX52" fmla="*/ 96739 w 727004"/>
              <a:gd name="connsiteY52" fmla="*/ 899498 h 1487666"/>
              <a:gd name="connsiteX53" fmla="*/ 117404 w 727004"/>
              <a:gd name="connsiteY53" fmla="*/ 873668 h 1487666"/>
              <a:gd name="connsiteX54" fmla="*/ 117404 w 727004"/>
              <a:gd name="connsiteY54" fmla="*/ 806509 h 1487666"/>
              <a:gd name="connsiteX55" fmla="*/ 127736 w 727004"/>
              <a:gd name="connsiteY55" fmla="*/ 698020 h 1487666"/>
              <a:gd name="connsiteX56" fmla="*/ 138068 w 727004"/>
              <a:gd name="connsiteY56" fmla="*/ 667024 h 1487666"/>
              <a:gd name="connsiteX57" fmla="*/ 148400 w 727004"/>
              <a:gd name="connsiteY57" fmla="*/ 651526 h 1487666"/>
              <a:gd name="connsiteX58" fmla="*/ 153566 w 727004"/>
              <a:gd name="connsiteY58" fmla="*/ 636027 h 1487666"/>
              <a:gd name="connsiteX59" fmla="*/ 163898 w 727004"/>
              <a:gd name="connsiteY59" fmla="*/ 574034 h 1487666"/>
              <a:gd name="connsiteX60" fmla="*/ 169065 w 727004"/>
              <a:gd name="connsiteY60" fmla="*/ 532705 h 1487666"/>
              <a:gd name="connsiteX61" fmla="*/ 184563 w 727004"/>
              <a:gd name="connsiteY61" fmla="*/ 357058 h 1487666"/>
              <a:gd name="connsiteX62" fmla="*/ 205227 w 727004"/>
              <a:gd name="connsiteY62" fmla="*/ 310563 h 1487666"/>
              <a:gd name="connsiteX63" fmla="*/ 210393 w 727004"/>
              <a:gd name="connsiteY63" fmla="*/ 289898 h 1487666"/>
              <a:gd name="connsiteX64" fmla="*/ 220726 w 727004"/>
              <a:gd name="connsiteY64" fmla="*/ 279566 h 1487666"/>
              <a:gd name="connsiteX65" fmla="*/ 231058 w 727004"/>
              <a:gd name="connsiteY65" fmla="*/ 264068 h 1487666"/>
              <a:gd name="connsiteX66" fmla="*/ 241390 w 727004"/>
              <a:gd name="connsiteY66" fmla="*/ 227905 h 1487666"/>
              <a:gd name="connsiteX67" fmla="*/ 251722 w 727004"/>
              <a:gd name="connsiteY67" fmla="*/ 196909 h 1487666"/>
              <a:gd name="connsiteX68" fmla="*/ 256888 w 727004"/>
              <a:gd name="connsiteY68" fmla="*/ 181410 h 1487666"/>
              <a:gd name="connsiteX69" fmla="*/ 267221 w 727004"/>
              <a:gd name="connsiteY69" fmla="*/ 171078 h 1487666"/>
              <a:gd name="connsiteX70" fmla="*/ 282719 w 727004"/>
              <a:gd name="connsiteY70" fmla="*/ 140081 h 1487666"/>
              <a:gd name="connsiteX71" fmla="*/ 298217 w 727004"/>
              <a:gd name="connsiteY71" fmla="*/ 124583 h 1487666"/>
              <a:gd name="connsiteX72" fmla="*/ 308549 w 727004"/>
              <a:gd name="connsiteY72" fmla="*/ 109085 h 1487666"/>
              <a:gd name="connsiteX73" fmla="*/ 318882 w 727004"/>
              <a:gd name="connsiteY73" fmla="*/ 98753 h 1487666"/>
              <a:gd name="connsiteX74" fmla="*/ 329214 w 727004"/>
              <a:gd name="connsiteY74" fmla="*/ 83254 h 1487666"/>
              <a:gd name="connsiteX75" fmla="*/ 365376 w 727004"/>
              <a:gd name="connsiteY75" fmla="*/ 62590 h 1487666"/>
              <a:gd name="connsiteX76" fmla="*/ 375709 w 727004"/>
              <a:gd name="connsiteY76" fmla="*/ 52258 h 1487666"/>
              <a:gd name="connsiteX77" fmla="*/ 391207 w 727004"/>
              <a:gd name="connsiteY77" fmla="*/ 41926 h 1487666"/>
              <a:gd name="connsiteX78" fmla="*/ 411871 w 727004"/>
              <a:gd name="connsiteY78" fmla="*/ 10929 h 1487666"/>
              <a:gd name="connsiteX79" fmla="*/ 422204 w 727004"/>
              <a:gd name="connsiteY79" fmla="*/ 597 h 1487666"/>
              <a:gd name="connsiteX0" fmla="*/ 422204 w 727004"/>
              <a:gd name="connsiteY0" fmla="*/ 597 h 1483334"/>
              <a:gd name="connsiteX1" fmla="*/ 535858 w 727004"/>
              <a:gd name="connsiteY1" fmla="*/ 5763 h 1483334"/>
              <a:gd name="connsiteX2" fmla="*/ 587519 w 727004"/>
              <a:gd name="connsiteY2" fmla="*/ 47092 h 1483334"/>
              <a:gd name="connsiteX3" fmla="*/ 603017 w 727004"/>
              <a:gd name="connsiteY3" fmla="*/ 62590 h 1483334"/>
              <a:gd name="connsiteX4" fmla="*/ 613349 w 727004"/>
              <a:gd name="connsiteY4" fmla="*/ 93587 h 1483334"/>
              <a:gd name="connsiteX5" fmla="*/ 618515 w 727004"/>
              <a:gd name="connsiteY5" fmla="*/ 109085 h 1483334"/>
              <a:gd name="connsiteX6" fmla="*/ 623682 w 727004"/>
              <a:gd name="connsiteY6" fmla="*/ 155580 h 1483334"/>
              <a:gd name="connsiteX7" fmla="*/ 628848 w 727004"/>
              <a:gd name="connsiteY7" fmla="*/ 191742 h 1483334"/>
              <a:gd name="connsiteX8" fmla="*/ 634014 w 727004"/>
              <a:gd name="connsiteY8" fmla="*/ 264068 h 1483334"/>
              <a:gd name="connsiteX9" fmla="*/ 639180 w 727004"/>
              <a:gd name="connsiteY9" fmla="*/ 284732 h 1483334"/>
              <a:gd name="connsiteX10" fmla="*/ 644346 w 727004"/>
              <a:gd name="connsiteY10" fmla="*/ 320895 h 1483334"/>
              <a:gd name="connsiteX11" fmla="*/ 654678 w 727004"/>
              <a:gd name="connsiteY11" fmla="*/ 351892 h 1483334"/>
              <a:gd name="connsiteX12" fmla="*/ 665010 w 727004"/>
              <a:gd name="connsiteY12" fmla="*/ 398387 h 1483334"/>
              <a:gd name="connsiteX13" fmla="*/ 636184 w 727004"/>
              <a:gd name="connsiteY13" fmla="*/ 431149 h 1483334"/>
              <a:gd name="connsiteX14" fmla="*/ 619168 w 727004"/>
              <a:gd name="connsiteY14" fmla="*/ 451661 h 1483334"/>
              <a:gd name="connsiteX15" fmla="*/ 627753 w 727004"/>
              <a:gd name="connsiteY15" fmla="*/ 513136 h 1483334"/>
              <a:gd name="connsiteX16" fmla="*/ 632784 w 727004"/>
              <a:gd name="connsiteY16" fmla="*/ 592797 h 1483334"/>
              <a:gd name="connsiteX17" fmla="*/ 690841 w 727004"/>
              <a:gd name="connsiteY17" fmla="*/ 713519 h 1483334"/>
              <a:gd name="connsiteX18" fmla="*/ 706339 w 727004"/>
              <a:gd name="connsiteY18" fmla="*/ 749681 h 1483334"/>
              <a:gd name="connsiteX19" fmla="*/ 711505 w 727004"/>
              <a:gd name="connsiteY19" fmla="*/ 765180 h 1483334"/>
              <a:gd name="connsiteX20" fmla="*/ 721837 w 727004"/>
              <a:gd name="connsiteY20" fmla="*/ 791010 h 1483334"/>
              <a:gd name="connsiteX21" fmla="*/ 727004 w 727004"/>
              <a:gd name="connsiteY21" fmla="*/ 811675 h 1483334"/>
              <a:gd name="connsiteX22" fmla="*/ 721837 w 727004"/>
              <a:gd name="connsiteY22" fmla="*/ 842671 h 1483334"/>
              <a:gd name="connsiteX23" fmla="*/ 703074 w 727004"/>
              <a:gd name="connsiteY23" fmla="*/ 871767 h 1483334"/>
              <a:gd name="connsiteX24" fmla="*/ 701173 w 727004"/>
              <a:gd name="connsiteY24" fmla="*/ 982156 h 1483334"/>
              <a:gd name="connsiteX25" fmla="*/ 675343 w 727004"/>
              <a:gd name="connsiteY25" fmla="*/ 1033817 h 1483334"/>
              <a:gd name="connsiteX26" fmla="*/ 629116 w 727004"/>
              <a:gd name="connsiteY26" fmla="*/ 1075146 h 1483334"/>
              <a:gd name="connsiteX27" fmla="*/ 591457 w 727004"/>
              <a:gd name="connsiteY27" fmla="*/ 1121641 h 1483334"/>
              <a:gd name="connsiteX28" fmla="*/ 567123 w 727004"/>
              <a:gd name="connsiteY28" fmla="*/ 1197903 h 1483334"/>
              <a:gd name="connsiteX29" fmla="*/ 556522 w 727004"/>
              <a:gd name="connsiteY29" fmla="*/ 1271458 h 1483334"/>
              <a:gd name="connsiteX30" fmla="*/ 535858 w 727004"/>
              <a:gd name="connsiteY30" fmla="*/ 1302454 h 1483334"/>
              <a:gd name="connsiteX31" fmla="*/ 525526 w 727004"/>
              <a:gd name="connsiteY31" fmla="*/ 1317953 h 1483334"/>
              <a:gd name="connsiteX32" fmla="*/ 510027 w 727004"/>
              <a:gd name="connsiteY32" fmla="*/ 1369614 h 1483334"/>
              <a:gd name="connsiteX33" fmla="*/ 504861 w 727004"/>
              <a:gd name="connsiteY33" fmla="*/ 1385112 h 1483334"/>
              <a:gd name="connsiteX34" fmla="*/ 494529 w 727004"/>
              <a:gd name="connsiteY34" fmla="*/ 1400610 h 1483334"/>
              <a:gd name="connsiteX35" fmla="*/ 484197 w 727004"/>
              <a:gd name="connsiteY35" fmla="*/ 1426441 h 1483334"/>
              <a:gd name="connsiteX36" fmla="*/ 468698 w 727004"/>
              <a:gd name="connsiteY36" fmla="*/ 1441939 h 1483334"/>
              <a:gd name="connsiteX37" fmla="*/ 458366 w 727004"/>
              <a:gd name="connsiteY37" fmla="*/ 1457437 h 1483334"/>
              <a:gd name="connsiteX38" fmla="*/ 344712 w 727004"/>
              <a:gd name="connsiteY38" fmla="*/ 1462603 h 1483334"/>
              <a:gd name="connsiteX39" fmla="*/ 277553 w 727004"/>
              <a:gd name="connsiteY39" fmla="*/ 1467770 h 1483334"/>
              <a:gd name="connsiteX40" fmla="*/ 81241 w 727004"/>
              <a:gd name="connsiteY40" fmla="*/ 1483268 h 1483334"/>
              <a:gd name="connsiteX41" fmla="*/ 65743 w 727004"/>
              <a:gd name="connsiteY41" fmla="*/ 1472936 h 1483334"/>
              <a:gd name="connsiteX42" fmla="*/ 41296 w 727004"/>
              <a:gd name="connsiteY42" fmla="*/ 1461240 h 1483334"/>
              <a:gd name="connsiteX43" fmla="*/ 2655 w 727004"/>
              <a:gd name="connsiteY43" fmla="*/ 1404144 h 1483334"/>
              <a:gd name="connsiteX44" fmla="*/ 505 w 727004"/>
              <a:gd name="connsiteY44" fmla="*/ 1267482 h 1483334"/>
              <a:gd name="connsiteX45" fmla="*/ 26315 w 727004"/>
              <a:gd name="connsiteY45" fmla="*/ 1193966 h 1483334"/>
              <a:gd name="connsiteX46" fmla="*/ 55410 w 727004"/>
              <a:gd name="connsiteY46" fmla="*/ 1090644 h 1483334"/>
              <a:gd name="connsiteX47" fmla="*/ 60576 w 727004"/>
              <a:gd name="connsiteY47" fmla="*/ 1064814 h 1483334"/>
              <a:gd name="connsiteX48" fmla="*/ 70909 w 727004"/>
              <a:gd name="connsiteY48" fmla="*/ 1033817 h 1483334"/>
              <a:gd name="connsiteX49" fmla="*/ 76075 w 727004"/>
              <a:gd name="connsiteY49" fmla="*/ 935661 h 1483334"/>
              <a:gd name="connsiteX50" fmla="*/ 86407 w 727004"/>
              <a:gd name="connsiteY50" fmla="*/ 920163 h 1483334"/>
              <a:gd name="connsiteX51" fmla="*/ 96739 w 727004"/>
              <a:gd name="connsiteY51" fmla="*/ 899498 h 1483334"/>
              <a:gd name="connsiteX52" fmla="*/ 117404 w 727004"/>
              <a:gd name="connsiteY52" fmla="*/ 873668 h 1483334"/>
              <a:gd name="connsiteX53" fmla="*/ 117404 w 727004"/>
              <a:gd name="connsiteY53" fmla="*/ 806509 h 1483334"/>
              <a:gd name="connsiteX54" fmla="*/ 127736 w 727004"/>
              <a:gd name="connsiteY54" fmla="*/ 698020 h 1483334"/>
              <a:gd name="connsiteX55" fmla="*/ 138068 w 727004"/>
              <a:gd name="connsiteY55" fmla="*/ 667024 h 1483334"/>
              <a:gd name="connsiteX56" fmla="*/ 148400 w 727004"/>
              <a:gd name="connsiteY56" fmla="*/ 651526 h 1483334"/>
              <a:gd name="connsiteX57" fmla="*/ 153566 w 727004"/>
              <a:gd name="connsiteY57" fmla="*/ 636027 h 1483334"/>
              <a:gd name="connsiteX58" fmla="*/ 163898 w 727004"/>
              <a:gd name="connsiteY58" fmla="*/ 574034 h 1483334"/>
              <a:gd name="connsiteX59" fmla="*/ 169065 w 727004"/>
              <a:gd name="connsiteY59" fmla="*/ 532705 h 1483334"/>
              <a:gd name="connsiteX60" fmla="*/ 184563 w 727004"/>
              <a:gd name="connsiteY60" fmla="*/ 357058 h 1483334"/>
              <a:gd name="connsiteX61" fmla="*/ 205227 w 727004"/>
              <a:gd name="connsiteY61" fmla="*/ 310563 h 1483334"/>
              <a:gd name="connsiteX62" fmla="*/ 210393 w 727004"/>
              <a:gd name="connsiteY62" fmla="*/ 289898 h 1483334"/>
              <a:gd name="connsiteX63" fmla="*/ 220726 w 727004"/>
              <a:gd name="connsiteY63" fmla="*/ 279566 h 1483334"/>
              <a:gd name="connsiteX64" fmla="*/ 231058 w 727004"/>
              <a:gd name="connsiteY64" fmla="*/ 264068 h 1483334"/>
              <a:gd name="connsiteX65" fmla="*/ 241390 w 727004"/>
              <a:gd name="connsiteY65" fmla="*/ 227905 h 1483334"/>
              <a:gd name="connsiteX66" fmla="*/ 251722 w 727004"/>
              <a:gd name="connsiteY66" fmla="*/ 196909 h 1483334"/>
              <a:gd name="connsiteX67" fmla="*/ 256888 w 727004"/>
              <a:gd name="connsiteY67" fmla="*/ 181410 h 1483334"/>
              <a:gd name="connsiteX68" fmla="*/ 267221 w 727004"/>
              <a:gd name="connsiteY68" fmla="*/ 171078 h 1483334"/>
              <a:gd name="connsiteX69" fmla="*/ 282719 w 727004"/>
              <a:gd name="connsiteY69" fmla="*/ 140081 h 1483334"/>
              <a:gd name="connsiteX70" fmla="*/ 298217 w 727004"/>
              <a:gd name="connsiteY70" fmla="*/ 124583 h 1483334"/>
              <a:gd name="connsiteX71" fmla="*/ 308549 w 727004"/>
              <a:gd name="connsiteY71" fmla="*/ 109085 h 1483334"/>
              <a:gd name="connsiteX72" fmla="*/ 318882 w 727004"/>
              <a:gd name="connsiteY72" fmla="*/ 98753 h 1483334"/>
              <a:gd name="connsiteX73" fmla="*/ 329214 w 727004"/>
              <a:gd name="connsiteY73" fmla="*/ 83254 h 1483334"/>
              <a:gd name="connsiteX74" fmla="*/ 365376 w 727004"/>
              <a:gd name="connsiteY74" fmla="*/ 62590 h 1483334"/>
              <a:gd name="connsiteX75" fmla="*/ 375709 w 727004"/>
              <a:gd name="connsiteY75" fmla="*/ 52258 h 1483334"/>
              <a:gd name="connsiteX76" fmla="*/ 391207 w 727004"/>
              <a:gd name="connsiteY76" fmla="*/ 41926 h 1483334"/>
              <a:gd name="connsiteX77" fmla="*/ 411871 w 727004"/>
              <a:gd name="connsiteY77" fmla="*/ 10929 h 1483334"/>
              <a:gd name="connsiteX78" fmla="*/ 422204 w 727004"/>
              <a:gd name="connsiteY78" fmla="*/ 597 h 1483334"/>
              <a:gd name="connsiteX0" fmla="*/ 422204 w 727004"/>
              <a:gd name="connsiteY0" fmla="*/ 597 h 1473102"/>
              <a:gd name="connsiteX1" fmla="*/ 535858 w 727004"/>
              <a:gd name="connsiteY1" fmla="*/ 5763 h 1473102"/>
              <a:gd name="connsiteX2" fmla="*/ 587519 w 727004"/>
              <a:gd name="connsiteY2" fmla="*/ 47092 h 1473102"/>
              <a:gd name="connsiteX3" fmla="*/ 603017 w 727004"/>
              <a:gd name="connsiteY3" fmla="*/ 62590 h 1473102"/>
              <a:gd name="connsiteX4" fmla="*/ 613349 w 727004"/>
              <a:gd name="connsiteY4" fmla="*/ 93587 h 1473102"/>
              <a:gd name="connsiteX5" fmla="*/ 618515 w 727004"/>
              <a:gd name="connsiteY5" fmla="*/ 109085 h 1473102"/>
              <a:gd name="connsiteX6" fmla="*/ 623682 w 727004"/>
              <a:gd name="connsiteY6" fmla="*/ 155580 h 1473102"/>
              <a:gd name="connsiteX7" fmla="*/ 628848 w 727004"/>
              <a:gd name="connsiteY7" fmla="*/ 191742 h 1473102"/>
              <a:gd name="connsiteX8" fmla="*/ 634014 w 727004"/>
              <a:gd name="connsiteY8" fmla="*/ 264068 h 1473102"/>
              <a:gd name="connsiteX9" fmla="*/ 639180 w 727004"/>
              <a:gd name="connsiteY9" fmla="*/ 284732 h 1473102"/>
              <a:gd name="connsiteX10" fmla="*/ 644346 w 727004"/>
              <a:gd name="connsiteY10" fmla="*/ 320895 h 1473102"/>
              <a:gd name="connsiteX11" fmla="*/ 654678 w 727004"/>
              <a:gd name="connsiteY11" fmla="*/ 351892 h 1473102"/>
              <a:gd name="connsiteX12" fmla="*/ 665010 w 727004"/>
              <a:gd name="connsiteY12" fmla="*/ 398387 h 1473102"/>
              <a:gd name="connsiteX13" fmla="*/ 636184 w 727004"/>
              <a:gd name="connsiteY13" fmla="*/ 431149 h 1473102"/>
              <a:gd name="connsiteX14" fmla="*/ 619168 w 727004"/>
              <a:gd name="connsiteY14" fmla="*/ 451661 h 1473102"/>
              <a:gd name="connsiteX15" fmla="*/ 627753 w 727004"/>
              <a:gd name="connsiteY15" fmla="*/ 513136 h 1473102"/>
              <a:gd name="connsiteX16" fmla="*/ 632784 w 727004"/>
              <a:gd name="connsiteY16" fmla="*/ 592797 h 1473102"/>
              <a:gd name="connsiteX17" fmla="*/ 690841 w 727004"/>
              <a:gd name="connsiteY17" fmla="*/ 713519 h 1473102"/>
              <a:gd name="connsiteX18" fmla="*/ 706339 w 727004"/>
              <a:gd name="connsiteY18" fmla="*/ 749681 h 1473102"/>
              <a:gd name="connsiteX19" fmla="*/ 711505 w 727004"/>
              <a:gd name="connsiteY19" fmla="*/ 765180 h 1473102"/>
              <a:gd name="connsiteX20" fmla="*/ 721837 w 727004"/>
              <a:gd name="connsiteY20" fmla="*/ 791010 h 1473102"/>
              <a:gd name="connsiteX21" fmla="*/ 727004 w 727004"/>
              <a:gd name="connsiteY21" fmla="*/ 811675 h 1473102"/>
              <a:gd name="connsiteX22" fmla="*/ 721837 w 727004"/>
              <a:gd name="connsiteY22" fmla="*/ 842671 h 1473102"/>
              <a:gd name="connsiteX23" fmla="*/ 703074 w 727004"/>
              <a:gd name="connsiteY23" fmla="*/ 871767 h 1473102"/>
              <a:gd name="connsiteX24" fmla="*/ 701173 w 727004"/>
              <a:gd name="connsiteY24" fmla="*/ 982156 h 1473102"/>
              <a:gd name="connsiteX25" fmla="*/ 675343 w 727004"/>
              <a:gd name="connsiteY25" fmla="*/ 1033817 h 1473102"/>
              <a:gd name="connsiteX26" fmla="*/ 629116 w 727004"/>
              <a:gd name="connsiteY26" fmla="*/ 1075146 h 1473102"/>
              <a:gd name="connsiteX27" fmla="*/ 591457 w 727004"/>
              <a:gd name="connsiteY27" fmla="*/ 1121641 h 1473102"/>
              <a:gd name="connsiteX28" fmla="*/ 567123 w 727004"/>
              <a:gd name="connsiteY28" fmla="*/ 1197903 h 1473102"/>
              <a:gd name="connsiteX29" fmla="*/ 556522 w 727004"/>
              <a:gd name="connsiteY29" fmla="*/ 1271458 h 1473102"/>
              <a:gd name="connsiteX30" fmla="*/ 535858 w 727004"/>
              <a:gd name="connsiteY30" fmla="*/ 1302454 h 1473102"/>
              <a:gd name="connsiteX31" fmla="*/ 525526 w 727004"/>
              <a:gd name="connsiteY31" fmla="*/ 1317953 h 1473102"/>
              <a:gd name="connsiteX32" fmla="*/ 510027 w 727004"/>
              <a:gd name="connsiteY32" fmla="*/ 1369614 h 1473102"/>
              <a:gd name="connsiteX33" fmla="*/ 504861 w 727004"/>
              <a:gd name="connsiteY33" fmla="*/ 1385112 h 1473102"/>
              <a:gd name="connsiteX34" fmla="*/ 494529 w 727004"/>
              <a:gd name="connsiteY34" fmla="*/ 1400610 h 1473102"/>
              <a:gd name="connsiteX35" fmla="*/ 484197 w 727004"/>
              <a:gd name="connsiteY35" fmla="*/ 1426441 h 1473102"/>
              <a:gd name="connsiteX36" fmla="*/ 468698 w 727004"/>
              <a:gd name="connsiteY36" fmla="*/ 1441939 h 1473102"/>
              <a:gd name="connsiteX37" fmla="*/ 458366 w 727004"/>
              <a:gd name="connsiteY37" fmla="*/ 1457437 h 1473102"/>
              <a:gd name="connsiteX38" fmla="*/ 344712 w 727004"/>
              <a:gd name="connsiteY38" fmla="*/ 1462603 h 1473102"/>
              <a:gd name="connsiteX39" fmla="*/ 277553 w 727004"/>
              <a:gd name="connsiteY39" fmla="*/ 1467770 h 1473102"/>
              <a:gd name="connsiteX40" fmla="*/ 65743 w 727004"/>
              <a:gd name="connsiteY40" fmla="*/ 1472936 h 1473102"/>
              <a:gd name="connsiteX41" fmla="*/ 41296 w 727004"/>
              <a:gd name="connsiteY41" fmla="*/ 1461240 h 1473102"/>
              <a:gd name="connsiteX42" fmla="*/ 2655 w 727004"/>
              <a:gd name="connsiteY42" fmla="*/ 1404144 h 1473102"/>
              <a:gd name="connsiteX43" fmla="*/ 505 w 727004"/>
              <a:gd name="connsiteY43" fmla="*/ 1267482 h 1473102"/>
              <a:gd name="connsiteX44" fmla="*/ 26315 w 727004"/>
              <a:gd name="connsiteY44" fmla="*/ 1193966 h 1473102"/>
              <a:gd name="connsiteX45" fmla="*/ 55410 w 727004"/>
              <a:gd name="connsiteY45" fmla="*/ 1090644 h 1473102"/>
              <a:gd name="connsiteX46" fmla="*/ 60576 w 727004"/>
              <a:gd name="connsiteY46" fmla="*/ 1064814 h 1473102"/>
              <a:gd name="connsiteX47" fmla="*/ 70909 w 727004"/>
              <a:gd name="connsiteY47" fmla="*/ 1033817 h 1473102"/>
              <a:gd name="connsiteX48" fmla="*/ 76075 w 727004"/>
              <a:gd name="connsiteY48" fmla="*/ 935661 h 1473102"/>
              <a:gd name="connsiteX49" fmla="*/ 86407 w 727004"/>
              <a:gd name="connsiteY49" fmla="*/ 920163 h 1473102"/>
              <a:gd name="connsiteX50" fmla="*/ 96739 w 727004"/>
              <a:gd name="connsiteY50" fmla="*/ 899498 h 1473102"/>
              <a:gd name="connsiteX51" fmla="*/ 117404 w 727004"/>
              <a:gd name="connsiteY51" fmla="*/ 873668 h 1473102"/>
              <a:gd name="connsiteX52" fmla="*/ 117404 w 727004"/>
              <a:gd name="connsiteY52" fmla="*/ 806509 h 1473102"/>
              <a:gd name="connsiteX53" fmla="*/ 127736 w 727004"/>
              <a:gd name="connsiteY53" fmla="*/ 698020 h 1473102"/>
              <a:gd name="connsiteX54" fmla="*/ 138068 w 727004"/>
              <a:gd name="connsiteY54" fmla="*/ 667024 h 1473102"/>
              <a:gd name="connsiteX55" fmla="*/ 148400 w 727004"/>
              <a:gd name="connsiteY55" fmla="*/ 651526 h 1473102"/>
              <a:gd name="connsiteX56" fmla="*/ 153566 w 727004"/>
              <a:gd name="connsiteY56" fmla="*/ 636027 h 1473102"/>
              <a:gd name="connsiteX57" fmla="*/ 163898 w 727004"/>
              <a:gd name="connsiteY57" fmla="*/ 574034 h 1473102"/>
              <a:gd name="connsiteX58" fmla="*/ 169065 w 727004"/>
              <a:gd name="connsiteY58" fmla="*/ 532705 h 1473102"/>
              <a:gd name="connsiteX59" fmla="*/ 184563 w 727004"/>
              <a:gd name="connsiteY59" fmla="*/ 357058 h 1473102"/>
              <a:gd name="connsiteX60" fmla="*/ 205227 w 727004"/>
              <a:gd name="connsiteY60" fmla="*/ 310563 h 1473102"/>
              <a:gd name="connsiteX61" fmla="*/ 210393 w 727004"/>
              <a:gd name="connsiteY61" fmla="*/ 289898 h 1473102"/>
              <a:gd name="connsiteX62" fmla="*/ 220726 w 727004"/>
              <a:gd name="connsiteY62" fmla="*/ 279566 h 1473102"/>
              <a:gd name="connsiteX63" fmla="*/ 231058 w 727004"/>
              <a:gd name="connsiteY63" fmla="*/ 264068 h 1473102"/>
              <a:gd name="connsiteX64" fmla="*/ 241390 w 727004"/>
              <a:gd name="connsiteY64" fmla="*/ 227905 h 1473102"/>
              <a:gd name="connsiteX65" fmla="*/ 251722 w 727004"/>
              <a:gd name="connsiteY65" fmla="*/ 196909 h 1473102"/>
              <a:gd name="connsiteX66" fmla="*/ 256888 w 727004"/>
              <a:gd name="connsiteY66" fmla="*/ 181410 h 1473102"/>
              <a:gd name="connsiteX67" fmla="*/ 267221 w 727004"/>
              <a:gd name="connsiteY67" fmla="*/ 171078 h 1473102"/>
              <a:gd name="connsiteX68" fmla="*/ 282719 w 727004"/>
              <a:gd name="connsiteY68" fmla="*/ 140081 h 1473102"/>
              <a:gd name="connsiteX69" fmla="*/ 298217 w 727004"/>
              <a:gd name="connsiteY69" fmla="*/ 124583 h 1473102"/>
              <a:gd name="connsiteX70" fmla="*/ 308549 w 727004"/>
              <a:gd name="connsiteY70" fmla="*/ 109085 h 1473102"/>
              <a:gd name="connsiteX71" fmla="*/ 318882 w 727004"/>
              <a:gd name="connsiteY71" fmla="*/ 98753 h 1473102"/>
              <a:gd name="connsiteX72" fmla="*/ 329214 w 727004"/>
              <a:gd name="connsiteY72" fmla="*/ 83254 h 1473102"/>
              <a:gd name="connsiteX73" fmla="*/ 365376 w 727004"/>
              <a:gd name="connsiteY73" fmla="*/ 62590 h 1473102"/>
              <a:gd name="connsiteX74" fmla="*/ 375709 w 727004"/>
              <a:gd name="connsiteY74" fmla="*/ 52258 h 1473102"/>
              <a:gd name="connsiteX75" fmla="*/ 391207 w 727004"/>
              <a:gd name="connsiteY75" fmla="*/ 41926 h 1473102"/>
              <a:gd name="connsiteX76" fmla="*/ 411871 w 727004"/>
              <a:gd name="connsiteY76" fmla="*/ 10929 h 1473102"/>
              <a:gd name="connsiteX77" fmla="*/ 422204 w 727004"/>
              <a:gd name="connsiteY77" fmla="*/ 597 h 1473102"/>
              <a:gd name="connsiteX0" fmla="*/ 422204 w 727004"/>
              <a:gd name="connsiteY0" fmla="*/ 597 h 1473132"/>
              <a:gd name="connsiteX1" fmla="*/ 535858 w 727004"/>
              <a:gd name="connsiteY1" fmla="*/ 5763 h 1473132"/>
              <a:gd name="connsiteX2" fmla="*/ 587519 w 727004"/>
              <a:gd name="connsiteY2" fmla="*/ 47092 h 1473132"/>
              <a:gd name="connsiteX3" fmla="*/ 603017 w 727004"/>
              <a:gd name="connsiteY3" fmla="*/ 62590 h 1473132"/>
              <a:gd name="connsiteX4" fmla="*/ 613349 w 727004"/>
              <a:gd name="connsiteY4" fmla="*/ 93587 h 1473132"/>
              <a:gd name="connsiteX5" fmla="*/ 618515 w 727004"/>
              <a:gd name="connsiteY5" fmla="*/ 109085 h 1473132"/>
              <a:gd name="connsiteX6" fmla="*/ 623682 w 727004"/>
              <a:gd name="connsiteY6" fmla="*/ 155580 h 1473132"/>
              <a:gd name="connsiteX7" fmla="*/ 628848 w 727004"/>
              <a:gd name="connsiteY7" fmla="*/ 191742 h 1473132"/>
              <a:gd name="connsiteX8" fmla="*/ 634014 w 727004"/>
              <a:gd name="connsiteY8" fmla="*/ 264068 h 1473132"/>
              <a:gd name="connsiteX9" fmla="*/ 639180 w 727004"/>
              <a:gd name="connsiteY9" fmla="*/ 284732 h 1473132"/>
              <a:gd name="connsiteX10" fmla="*/ 644346 w 727004"/>
              <a:gd name="connsiteY10" fmla="*/ 320895 h 1473132"/>
              <a:gd name="connsiteX11" fmla="*/ 654678 w 727004"/>
              <a:gd name="connsiteY11" fmla="*/ 351892 h 1473132"/>
              <a:gd name="connsiteX12" fmla="*/ 665010 w 727004"/>
              <a:gd name="connsiteY12" fmla="*/ 398387 h 1473132"/>
              <a:gd name="connsiteX13" fmla="*/ 636184 w 727004"/>
              <a:gd name="connsiteY13" fmla="*/ 431149 h 1473132"/>
              <a:gd name="connsiteX14" fmla="*/ 619168 w 727004"/>
              <a:gd name="connsiteY14" fmla="*/ 451661 h 1473132"/>
              <a:gd name="connsiteX15" fmla="*/ 627753 w 727004"/>
              <a:gd name="connsiteY15" fmla="*/ 513136 h 1473132"/>
              <a:gd name="connsiteX16" fmla="*/ 632784 w 727004"/>
              <a:gd name="connsiteY16" fmla="*/ 592797 h 1473132"/>
              <a:gd name="connsiteX17" fmla="*/ 690841 w 727004"/>
              <a:gd name="connsiteY17" fmla="*/ 713519 h 1473132"/>
              <a:gd name="connsiteX18" fmla="*/ 706339 w 727004"/>
              <a:gd name="connsiteY18" fmla="*/ 749681 h 1473132"/>
              <a:gd name="connsiteX19" fmla="*/ 711505 w 727004"/>
              <a:gd name="connsiteY19" fmla="*/ 765180 h 1473132"/>
              <a:gd name="connsiteX20" fmla="*/ 721837 w 727004"/>
              <a:gd name="connsiteY20" fmla="*/ 791010 h 1473132"/>
              <a:gd name="connsiteX21" fmla="*/ 727004 w 727004"/>
              <a:gd name="connsiteY21" fmla="*/ 811675 h 1473132"/>
              <a:gd name="connsiteX22" fmla="*/ 721837 w 727004"/>
              <a:gd name="connsiteY22" fmla="*/ 842671 h 1473132"/>
              <a:gd name="connsiteX23" fmla="*/ 703074 w 727004"/>
              <a:gd name="connsiteY23" fmla="*/ 871767 h 1473132"/>
              <a:gd name="connsiteX24" fmla="*/ 701173 w 727004"/>
              <a:gd name="connsiteY24" fmla="*/ 982156 h 1473132"/>
              <a:gd name="connsiteX25" fmla="*/ 675343 w 727004"/>
              <a:gd name="connsiteY25" fmla="*/ 1033817 h 1473132"/>
              <a:gd name="connsiteX26" fmla="*/ 629116 w 727004"/>
              <a:gd name="connsiteY26" fmla="*/ 1075146 h 1473132"/>
              <a:gd name="connsiteX27" fmla="*/ 591457 w 727004"/>
              <a:gd name="connsiteY27" fmla="*/ 1121641 h 1473132"/>
              <a:gd name="connsiteX28" fmla="*/ 567123 w 727004"/>
              <a:gd name="connsiteY28" fmla="*/ 1197903 h 1473132"/>
              <a:gd name="connsiteX29" fmla="*/ 556522 w 727004"/>
              <a:gd name="connsiteY29" fmla="*/ 1271458 h 1473132"/>
              <a:gd name="connsiteX30" fmla="*/ 535858 w 727004"/>
              <a:gd name="connsiteY30" fmla="*/ 1302454 h 1473132"/>
              <a:gd name="connsiteX31" fmla="*/ 525526 w 727004"/>
              <a:gd name="connsiteY31" fmla="*/ 1317953 h 1473132"/>
              <a:gd name="connsiteX32" fmla="*/ 510027 w 727004"/>
              <a:gd name="connsiteY32" fmla="*/ 1369614 h 1473132"/>
              <a:gd name="connsiteX33" fmla="*/ 504861 w 727004"/>
              <a:gd name="connsiteY33" fmla="*/ 1385112 h 1473132"/>
              <a:gd name="connsiteX34" fmla="*/ 494529 w 727004"/>
              <a:gd name="connsiteY34" fmla="*/ 1400610 h 1473132"/>
              <a:gd name="connsiteX35" fmla="*/ 484197 w 727004"/>
              <a:gd name="connsiteY35" fmla="*/ 1426441 h 1473132"/>
              <a:gd name="connsiteX36" fmla="*/ 468698 w 727004"/>
              <a:gd name="connsiteY36" fmla="*/ 1441939 h 1473132"/>
              <a:gd name="connsiteX37" fmla="*/ 458366 w 727004"/>
              <a:gd name="connsiteY37" fmla="*/ 1457437 h 1473132"/>
              <a:gd name="connsiteX38" fmla="*/ 277553 w 727004"/>
              <a:gd name="connsiteY38" fmla="*/ 1467770 h 1473132"/>
              <a:gd name="connsiteX39" fmla="*/ 65743 w 727004"/>
              <a:gd name="connsiteY39" fmla="*/ 1472936 h 1473132"/>
              <a:gd name="connsiteX40" fmla="*/ 41296 w 727004"/>
              <a:gd name="connsiteY40" fmla="*/ 1461240 h 1473132"/>
              <a:gd name="connsiteX41" fmla="*/ 2655 w 727004"/>
              <a:gd name="connsiteY41" fmla="*/ 1404144 h 1473132"/>
              <a:gd name="connsiteX42" fmla="*/ 505 w 727004"/>
              <a:gd name="connsiteY42" fmla="*/ 1267482 h 1473132"/>
              <a:gd name="connsiteX43" fmla="*/ 26315 w 727004"/>
              <a:gd name="connsiteY43" fmla="*/ 1193966 h 1473132"/>
              <a:gd name="connsiteX44" fmla="*/ 55410 w 727004"/>
              <a:gd name="connsiteY44" fmla="*/ 1090644 h 1473132"/>
              <a:gd name="connsiteX45" fmla="*/ 60576 w 727004"/>
              <a:gd name="connsiteY45" fmla="*/ 1064814 h 1473132"/>
              <a:gd name="connsiteX46" fmla="*/ 70909 w 727004"/>
              <a:gd name="connsiteY46" fmla="*/ 1033817 h 1473132"/>
              <a:gd name="connsiteX47" fmla="*/ 76075 w 727004"/>
              <a:gd name="connsiteY47" fmla="*/ 935661 h 1473132"/>
              <a:gd name="connsiteX48" fmla="*/ 86407 w 727004"/>
              <a:gd name="connsiteY48" fmla="*/ 920163 h 1473132"/>
              <a:gd name="connsiteX49" fmla="*/ 96739 w 727004"/>
              <a:gd name="connsiteY49" fmla="*/ 899498 h 1473132"/>
              <a:gd name="connsiteX50" fmla="*/ 117404 w 727004"/>
              <a:gd name="connsiteY50" fmla="*/ 873668 h 1473132"/>
              <a:gd name="connsiteX51" fmla="*/ 117404 w 727004"/>
              <a:gd name="connsiteY51" fmla="*/ 806509 h 1473132"/>
              <a:gd name="connsiteX52" fmla="*/ 127736 w 727004"/>
              <a:gd name="connsiteY52" fmla="*/ 698020 h 1473132"/>
              <a:gd name="connsiteX53" fmla="*/ 138068 w 727004"/>
              <a:gd name="connsiteY53" fmla="*/ 667024 h 1473132"/>
              <a:gd name="connsiteX54" fmla="*/ 148400 w 727004"/>
              <a:gd name="connsiteY54" fmla="*/ 651526 h 1473132"/>
              <a:gd name="connsiteX55" fmla="*/ 153566 w 727004"/>
              <a:gd name="connsiteY55" fmla="*/ 636027 h 1473132"/>
              <a:gd name="connsiteX56" fmla="*/ 163898 w 727004"/>
              <a:gd name="connsiteY56" fmla="*/ 574034 h 1473132"/>
              <a:gd name="connsiteX57" fmla="*/ 169065 w 727004"/>
              <a:gd name="connsiteY57" fmla="*/ 532705 h 1473132"/>
              <a:gd name="connsiteX58" fmla="*/ 184563 w 727004"/>
              <a:gd name="connsiteY58" fmla="*/ 357058 h 1473132"/>
              <a:gd name="connsiteX59" fmla="*/ 205227 w 727004"/>
              <a:gd name="connsiteY59" fmla="*/ 310563 h 1473132"/>
              <a:gd name="connsiteX60" fmla="*/ 210393 w 727004"/>
              <a:gd name="connsiteY60" fmla="*/ 289898 h 1473132"/>
              <a:gd name="connsiteX61" fmla="*/ 220726 w 727004"/>
              <a:gd name="connsiteY61" fmla="*/ 279566 h 1473132"/>
              <a:gd name="connsiteX62" fmla="*/ 231058 w 727004"/>
              <a:gd name="connsiteY62" fmla="*/ 264068 h 1473132"/>
              <a:gd name="connsiteX63" fmla="*/ 241390 w 727004"/>
              <a:gd name="connsiteY63" fmla="*/ 227905 h 1473132"/>
              <a:gd name="connsiteX64" fmla="*/ 251722 w 727004"/>
              <a:gd name="connsiteY64" fmla="*/ 196909 h 1473132"/>
              <a:gd name="connsiteX65" fmla="*/ 256888 w 727004"/>
              <a:gd name="connsiteY65" fmla="*/ 181410 h 1473132"/>
              <a:gd name="connsiteX66" fmla="*/ 267221 w 727004"/>
              <a:gd name="connsiteY66" fmla="*/ 171078 h 1473132"/>
              <a:gd name="connsiteX67" fmla="*/ 282719 w 727004"/>
              <a:gd name="connsiteY67" fmla="*/ 140081 h 1473132"/>
              <a:gd name="connsiteX68" fmla="*/ 298217 w 727004"/>
              <a:gd name="connsiteY68" fmla="*/ 124583 h 1473132"/>
              <a:gd name="connsiteX69" fmla="*/ 308549 w 727004"/>
              <a:gd name="connsiteY69" fmla="*/ 109085 h 1473132"/>
              <a:gd name="connsiteX70" fmla="*/ 318882 w 727004"/>
              <a:gd name="connsiteY70" fmla="*/ 98753 h 1473132"/>
              <a:gd name="connsiteX71" fmla="*/ 329214 w 727004"/>
              <a:gd name="connsiteY71" fmla="*/ 83254 h 1473132"/>
              <a:gd name="connsiteX72" fmla="*/ 365376 w 727004"/>
              <a:gd name="connsiteY72" fmla="*/ 62590 h 1473132"/>
              <a:gd name="connsiteX73" fmla="*/ 375709 w 727004"/>
              <a:gd name="connsiteY73" fmla="*/ 52258 h 1473132"/>
              <a:gd name="connsiteX74" fmla="*/ 391207 w 727004"/>
              <a:gd name="connsiteY74" fmla="*/ 41926 h 1473132"/>
              <a:gd name="connsiteX75" fmla="*/ 411871 w 727004"/>
              <a:gd name="connsiteY75" fmla="*/ 10929 h 1473132"/>
              <a:gd name="connsiteX76" fmla="*/ 422204 w 727004"/>
              <a:gd name="connsiteY76" fmla="*/ 597 h 1473132"/>
              <a:gd name="connsiteX0" fmla="*/ 411871 w 727004"/>
              <a:gd name="connsiteY0" fmla="*/ 7853 h 1470056"/>
              <a:gd name="connsiteX1" fmla="*/ 535858 w 727004"/>
              <a:gd name="connsiteY1" fmla="*/ 2687 h 1470056"/>
              <a:gd name="connsiteX2" fmla="*/ 587519 w 727004"/>
              <a:gd name="connsiteY2" fmla="*/ 44016 h 1470056"/>
              <a:gd name="connsiteX3" fmla="*/ 603017 w 727004"/>
              <a:gd name="connsiteY3" fmla="*/ 59514 h 1470056"/>
              <a:gd name="connsiteX4" fmla="*/ 613349 w 727004"/>
              <a:gd name="connsiteY4" fmla="*/ 90511 h 1470056"/>
              <a:gd name="connsiteX5" fmla="*/ 618515 w 727004"/>
              <a:gd name="connsiteY5" fmla="*/ 106009 h 1470056"/>
              <a:gd name="connsiteX6" fmla="*/ 623682 w 727004"/>
              <a:gd name="connsiteY6" fmla="*/ 152504 h 1470056"/>
              <a:gd name="connsiteX7" fmla="*/ 628848 w 727004"/>
              <a:gd name="connsiteY7" fmla="*/ 188666 h 1470056"/>
              <a:gd name="connsiteX8" fmla="*/ 634014 w 727004"/>
              <a:gd name="connsiteY8" fmla="*/ 260992 h 1470056"/>
              <a:gd name="connsiteX9" fmla="*/ 639180 w 727004"/>
              <a:gd name="connsiteY9" fmla="*/ 281656 h 1470056"/>
              <a:gd name="connsiteX10" fmla="*/ 644346 w 727004"/>
              <a:gd name="connsiteY10" fmla="*/ 317819 h 1470056"/>
              <a:gd name="connsiteX11" fmla="*/ 654678 w 727004"/>
              <a:gd name="connsiteY11" fmla="*/ 348816 h 1470056"/>
              <a:gd name="connsiteX12" fmla="*/ 665010 w 727004"/>
              <a:gd name="connsiteY12" fmla="*/ 395311 h 1470056"/>
              <a:gd name="connsiteX13" fmla="*/ 636184 w 727004"/>
              <a:gd name="connsiteY13" fmla="*/ 428073 h 1470056"/>
              <a:gd name="connsiteX14" fmla="*/ 619168 w 727004"/>
              <a:gd name="connsiteY14" fmla="*/ 448585 h 1470056"/>
              <a:gd name="connsiteX15" fmla="*/ 627753 w 727004"/>
              <a:gd name="connsiteY15" fmla="*/ 510060 h 1470056"/>
              <a:gd name="connsiteX16" fmla="*/ 632784 w 727004"/>
              <a:gd name="connsiteY16" fmla="*/ 589721 h 1470056"/>
              <a:gd name="connsiteX17" fmla="*/ 690841 w 727004"/>
              <a:gd name="connsiteY17" fmla="*/ 710443 h 1470056"/>
              <a:gd name="connsiteX18" fmla="*/ 706339 w 727004"/>
              <a:gd name="connsiteY18" fmla="*/ 746605 h 1470056"/>
              <a:gd name="connsiteX19" fmla="*/ 711505 w 727004"/>
              <a:gd name="connsiteY19" fmla="*/ 762104 h 1470056"/>
              <a:gd name="connsiteX20" fmla="*/ 721837 w 727004"/>
              <a:gd name="connsiteY20" fmla="*/ 787934 h 1470056"/>
              <a:gd name="connsiteX21" fmla="*/ 727004 w 727004"/>
              <a:gd name="connsiteY21" fmla="*/ 808599 h 1470056"/>
              <a:gd name="connsiteX22" fmla="*/ 721837 w 727004"/>
              <a:gd name="connsiteY22" fmla="*/ 839595 h 1470056"/>
              <a:gd name="connsiteX23" fmla="*/ 703074 w 727004"/>
              <a:gd name="connsiteY23" fmla="*/ 868691 h 1470056"/>
              <a:gd name="connsiteX24" fmla="*/ 701173 w 727004"/>
              <a:gd name="connsiteY24" fmla="*/ 979080 h 1470056"/>
              <a:gd name="connsiteX25" fmla="*/ 675343 w 727004"/>
              <a:gd name="connsiteY25" fmla="*/ 1030741 h 1470056"/>
              <a:gd name="connsiteX26" fmla="*/ 629116 w 727004"/>
              <a:gd name="connsiteY26" fmla="*/ 1072070 h 1470056"/>
              <a:gd name="connsiteX27" fmla="*/ 591457 w 727004"/>
              <a:gd name="connsiteY27" fmla="*/ 1118565 h 1470056"/>
              <a:gd name="connsiteX28" fmla="*/ 567123 w 727004"/>
              <a:gd name="connsiteY28" fmla="*/ 1194827 h 1470056"/>
              <a:gd name="connsiteX29" fmla="*/ 556522 w 727004"/>
              <a:gd name="connsiteY29" fmla="*/ 1268382 h 1470056"/>
              <a:gd name="connsiteX30" fmla="*/ 535858 w 727004"/>
              <a:gd name="connsiteY30" fmla="*/ 1299378 h 1470056"/>
              <a:gd name="connsiteX31" fmla="*/ 525526 w 727004"/>
              <a:gd name="connsiteY31" fmla="*/ 1314877 h 1470056"/>
              <a:gd name="connsiteX32" fmla="*/ 510027 w 727004"/>
              <a:gd name="connsiteY32" fmla="*/ 1366538 h 1470056"/>
              <a:gd name="connsiteX33" fmla="*/ 504861 w 727004"/>
              <a:gd name="connsiteY33" fmla="*/ 1382036 h 1470056"/>
              <a:gd name="connsiteX34" fmla="*/ 494529 w 727004"/>
              <a:gd name="connsiteY34" fmla="*/ 1397534 h 1470056"/>
              <a:gd name="connsiteX35" fmla="*/ 484197 w 727004"/>
              <a:gd name="connsiteY35" fmla="*/ 1423365 h 1470056"/>
              <a:gd name="connsiteX36" fmla="*/ 468698 w 727004"/>
              <a:gd name="connsiteY36" fmla="*/ 1438863 h 1470056"/>
              <a:gd name="connsiteX37" fmla="*/ 458366 w 727004"/>
              <a:gd name="connsiteY37" fmla="*/ 1454361 h 1470056"/>
              <a:gd name="connsiteX38" fmla="*/ 277553 w 727004"/>
              <a:gd name="connsiteY38" fmla="*/ 1464694 h 1470056"/>
              <a:gd name="connsiteX39" fmla="*/ 65743 w 727004"/>
              <a:gd name="connsiteY39" fmla="*/ 1469860 h 1470056"/>
              <a:gd name="connsiteX40" fmla="*/ 41296 w 727004"/>
              <a:gd name="connsiteY40" fmla="*/ 1458164 h 1470056"/>
              <a:gd name="connsiteX41" fmla="*/ 2655 w 727004"/>
              <a:gd name="connsiteY41" fmla="*/ 1401068 h 1470056"/>
              <a:gd name="connsiteX42" fmla="*/ 505 w 727004"/>
              <a:gd name="connsiteY42" fmla="*/ 1264406 h 1470056"/>
              <a:gd name="connsiteX43" fmla="*/ 26315 w 727004"/>
              <a:gd name="connsiteY43" fmla="*/ 1190890 h 1470056"/>
              <a:gd name="connsiteX44" fmla="*/ 55410 w 727004"/>
              <a:gd name="connsiteY44" fmla="*/ 1087568 h 1470056"/>
              <a:gd name="connsiteX45" fmla="*/ 60576 w 727004"/>
              <a:gd name="connsiteY45" fmla="*/ 1061738 h 1470056"/>
              <a:gd name="connsiteX46" fmla="*/ 70909 w 727004"/>
              <a:gd name="connsiteY46" fmla="*/ 1030741 h 1470056"/>
              <a:gd name="connsiteX47" fmla="*/ 76075 w 727004"/>
              <a:gd name="connsiteY47" fmla="*/ 932585 h 1470056"/>
              <a:gd name="connsiteX48" fmla="*/ 86407 w 727004"/>
              <a:gd name="connsiteY48" fmla="*/ 917087 h 1470056"/>
              <a:gd name="connsiteX49" fmla="*/ 96739 w 727004"/>
              <a:gd name="connsiteY49" fmla="*/ 896422 h 1470056"/>
              <a:gd name="connsiteX50" fmla="*/ 117404 w 727004"/>
              <a:gd name="connsiteY50" fmla="*/ 870592 h 1470056"/>
              <a:gd name="connsiteX51" fmla="*/ 117404 w 727004"/>
              <a:gd name="connsiteY51" fmla="*/ 803433 h 1470056"/>
              <a:gd name="connsiteX52" fmla="*/ 127736 w 727004"/>
              <a:gd name="connsiteY52" fmla="*/ 694944 h 1470056"/>
              <a:gd name="connsiteX53" fmla="*/ 138068 w 727004"/>
              <a:gd name="connsiteY53" fmla="*/ 663948 h 1470056"/>
              <a:gd name="connsiteX54" fmla="*/ 148400 w 727004"/>
              <a:gd name="connsiteY54" fmla="*/ 648450 h 1470056"/>
              <a:gd name="connsiteX55" fmla="*/ 153566 w 727004"/>
              <a:gd name="connsiteY55" fmla="*/ 632951 h 1470056"/>
              <a:gd name="connsiteX56" fmla="*/ 163898 w 727004"/>
              <a:gd name="connsiteY56" fmla="*/ 570958 h 1470056"/>
              <a:gd name="connsiteX57" fmla="*/ 169065 w 727004"/>
              <a:gd name="connsiteY57" fmla="*/ 529629 h 1470056"/>
              <a:gd name="connsiteX58" fmla="*/ 184563 w 727004"/>
              <a:gd name="connsiteY58" fmla="*/ 353982 h 1470056"/>
              <a:gd name="connsiteX59" fmla="*/ 205227 w 727004"/>
              <a:gd name="connsiteY59" fmla="*/ 307487 h 1470056"/>
              <a:gd name="connsiteX60" fmla="*/ 210393 w 727004"/>
              <a:gd name="connsiteY60" fmla="*/ 286822 h 1470056"/>
              <a:gd name="connsiteX61" fmla="*/ 220726 w 727004"/>
              <a:gd name="connsiteY61" fmla="*/ 276490 h 1470056"/>
              <a:gd name="connsiteX62" fmla="*/ 231058 w 727004"/>
              <a:gd name="connsiteY62" fmla="*/ 260992 h 1470056"/>
              <a:gd name="connsiteX63" fmla="*/ 241390 w 727004"/>
              <a:gd name="connsiteY63" fmla="*/ 224829 h 1470056"/>
              <a:gd name="connsiteX64" fmla="*/ 251722 w 727004"/>
              <a:gd name="connsiteY64" fmla="*/ 193833 h 1470056"/>
              <a:gd name="connsiteX65" fmla="*/ 256888 w 727004"/>
              <a:gd name="connsiteY65" fmla="*/ 178334 h 1470056"/>
              <a:gd name="connsiteX66" fmla="*/ 267221 w 727004"/>
              <a:gd name="connsiteY66" fmla="*/ 168002 h 1470056"/>
              <a:gd name="connsiteX67" fmla="*/ 282719 w 727004"/>
              <a:gd name="connsiteY67" fmla="*/ 137005 h 1470056"/>
              <a:gd name="connsiteX68" fmla="*/ 298217 w 727004"/>
              <a:gd name="connsiteY68" fmla="*/ 121507 h 1470056"/>
              <a:gd name="connsiteX69" fmla="*/ 308549 w 727004"/>
              <a:gd name="connsiteY69" fmla="*/ 106009 h 1470056"/>
              <a:gd name="connsiteX70" fmla="*/ 318882 w 727004"/>
              <a:gd name="connsiteY70" fmla="*/ 95677 h 1470056"/>
              <a:gd name="connsiteX71" fmla="*/ 329214 w 727004"/>
              <a:gd name="connsiteY71" fmla="*/ 80178 h 1470056"/>
              <a:gd name="connsiteX72" fmla="*/ 365376 w 727004"/>
              <a:gd name="connsiteY72" fmla="*/ 59514 h 1470056"/>
              <a:gd name="connsiteX73" fmla="*/ 375709 w 727004"/>
              <a:gd name="connsiteY73" fmla="*/ 49182 h 1470056"/>
              <a:gd name="connsiteX74" fmla="*/ 391207 w 727004"/>
              <a:gd name="connsiteY74" fmla="*/ 38850 h 1470056"/>
              <a:gd name="connsiteX75" fmla="*/ 411871 w 727004"/>
              <a:gd name="connsiteY75" fmla="*/ 7853 h 1470056"/>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29214 w 727004"/>
              <a:gd name="connsiteY71" fmla="*/ 77510 h 1467388"/>
              <a:gd name="connsiteX72" fmla="*/ 365376 w 727004"/>
              <a:gd name="connsiteY72" fmla="*/ 56846 h 1467388"/>
              <a:gd name="connsiteX73" fmla="*/ 375709 w 727004"/>
              <a:gd name="connsiteY73" fmla="*/ 46514 h 1467388"/>
              <a:gd name="connsiteX74" fmla="*/ 391207 w 727004"/>
              <a:gd name="connsiteY74"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65376 w 727004"/>
              <a:gd name="connsiteY71" fmla="*/ 56846 h 1467388"/>
              <a:gd name="connsiteX72" fmla="*/ 375709 w 727004"/>
              <a:gd name="connsiteY72" fmla="*/ 46514 h 1467388"/>
              <a:gd name="connsiteX73" fmla="*/ 391207 w 727004"/>
              <a:gd name="connsiteY73"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18882 w 727004"/>
              <a:gd name="connsiteY69" fmla="*/ 93009 h 1467388"/>
              <a:gd name="connsiteX70" fmla="*/ 365376 w 727004"/>
              <a:gd name="connsiteY70" fmla="*/ 56846 h 1467388"/>
              <a:gd name="connsiteX71" fmla="*/ 375709 w 727004"/>
              <a:gd name="connsiteY71" fmla="*/ 46514 h 1467388"/>
              <a:gd name="connsiteX72" fmla="*/ 391207 w 727004"/>
              <a:gd name="connsiteY72"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75709 w 727004"/>
              <a:gd name="connsiteY70" fmla="*/ 46514 h 1467388"/>
              <a:gd name="connsiteX71" fmla="*/ 391207 w 727004"/>
              <a:gd name="connsiteY71"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91207 w 727004"/>
              <a:gd name="connsiteY70"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82719 w 727004"/>
              <a:gd name="connsiteY66" fmla="*/ 134337 h 1467388"/>
              <a:gd name="connsiteX67" fmla="*/ 318882 w 727004"/>
              <a:gd name="connsiteY67" fmla="*/ 93009 h 1467388"/>
              <a:gd name="connsiteX68" fmla="*/ 365376 w 727004"/>
              <a:gd name="connsiteY68" fmla="*/ 56846 h 1467388"/>
              <a:gd name="connsiteX69" fmla="*/ 391207 w 727004"/>
              <a:gd name="connsiteY69"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205227 w 727004"/>
              <a:gd name="connsiteY58" fmla="*/ 304819 h 1467388"/>
              <a:gd name="connsiteX59" fmla="*/ 210393 w 727004"/>
              <a:gd name="connsiteY59" fmla="*/ 284154 h 1467388"/>
              <a:gd name="connsiteX60" fmla="*/ 220726 w 727004"/>
              <a:gd name="connsiteY60" fmla="*/ 273822 h 1467388"/>
              <a:gd name="connsiteX61" fmla="*/ 231058 w 727004"/>
              <a:gd name="connsiteY61" fmla="*/ 258324 h 1467388"/>
              <a:gd name="connsiteX62" fmla="*/ 241390 w 727004"/>
              <a:gd name="connsiteY62" fmla="*/ 222161 h 1467388"/>
              <a:gd name="connsiteX63" fmla="*/ 251722 w 727004"/>
              <a:gd name="connsiteY63" fmla="*/ 191165 h 1467388"/>
              <a:gd name="connsiteX64" fmla="*/ 256888 w 727004"/>
              <a:gd name="connsiteY64" fmla="*/ 175666 h 1467388"/>
              <a:gd name="connsiteX65" fmla="*/ 282719 w 727004"/>
              <a:gd name="connsiteY65" fmla="*/ 134337 h 1467388"/>
              <a:gd name="connsiteX66" fmla="*/ 318882 w 727004"/>
              <a:gd name="connsiteY66" fmla="*/ 93009 h 1467388"/>
              <a:gd name="connsiteX67" fmla="*/ 365376 w 727004"/>
              <a:gd name="connsiteY67" fmla="*/ 56846 h 1467388"/>
              <a:gd name="connsiteX68" fmla="*/ 391207 w 727004"/>
              <a:gd name="connsiteY68" fmla="*/ 36182 h 1467388"/>
              <a:gd name="connsiteX0" fmla="*/ 391207 w 727004"/>
              <a:gd name="connsiteY0" fmla="*/ 18880 h 1450086"/>
              <a:gd name="connsiteX1" fmla="*/ 514190 w 727004"/>
              <a:gd name="connsiteY1" fmla="*/ 51 h 1450086"/>
              <a:gd name="connsiteX2" fmla="*/ 587519 w 727004"/>
              <a:gd name="connsiteY2" fmla="*/ 24046 h 1450086"/>
              <a:gd name="connsiteX3" fmla="*/ 603017 w 727004"/>
              <a:gd name="connsiteY3" fmla="*/ 39544 h 1450086"/>
              <a:gd name="connsiteX4" fmla="*/ 613349 w 727004"/>
              <a:gd name="connsiteY4" fmla="*/ 70541 h 1450086"/>
              <a:gd name="connsiteX5" fmla="*/ 618515 w 727004"/>
              <a:gd name="connsiteY5" fmla="*/ 86039 h 1450086"/>
              <a:gd name="connsiteX6" fmla="*/ 623682 w 727004"/>
              <a:gd name="connsiteY6" fmla="*/ 132534 h 1450086"/>
              <a:gd name="connsiteX7" fmla="*/ 628848 w 727004"/>
              <a:gd name="connsiteY7" fmla="*/ 168696 h 1450086"/>
              <a:gd name="connsiteX8" fmla="*/ 634014 w 727004"/>
              <a:gd name="connsiteY8" fmla="*/ 241022 h 1450086"/>
              <a:gd name="connsiteX9" fmla="*/ 639180 w 727004"/>
              <a:gd name="connsiteY9" fmla="*/ 261686 h 1450086"/>
              <a:gd name="connsiteX10" fmla="*/ 644346 w 727004"/>
              <a:gd name="connsiteY10" fmla="*/ 297849 h 1450086"/>
              <a:gd name="connsiteX11" fmla="*/ 654678 w 727004"/>
              <a:gd name="connsiteY11" fmla="*/ 328846 h 1450086"/>
              <a:gd name="connsiteX12" fmla="*/ 665010 w 727004"/>
              <a:gd name="connsiteY12" fmla="*/ 375341 h 1450086"/>
              <a:gd name="connsiteX13" fmla="*/ 636184 w 727004"/>
              <a:gd name="connsiteY13" fmla="*/ 408103 h 1450086"/>
              <a:gd name="connsiteX14" fmla="*/ 619168 w 727004"/>
              <a:gd name="connsiteY14" fmla="*/ 428615 h 1450086"/>
              <a:gd name="connsiteX15" fmla="*/ 627753 w 727004"/>
              <a:gd name="connsiteY15" fmla="*/ 490090 h 1450086"/>
              <a:gd name="connsiteX16" fmla="*/ 632784 w 727004"/>
              <a:gd name="connsiteY16" fmla="*/ 569751 h 1450086"/>
              <a:gd name="connsiteX17" fmla="*/ 690841 w 727004"/>
              <a:gd name="connsiteY17" fmla="*/ 690473 h 1450086"/>
              <a:gd name="connsiteX18" fmla="*/ 706339 w 727004"/>
              <a:gd name="connsiteY18" fmla="*/ 726635 h 1450086"/>
              <a:gd name="connsiteX19" fmla="*/ 711505 w 727004"/>
              <a:gd name="connsiteY19" fmla="*/ 742134 h 1450086"/>
              <a:gd name="connsiteX20" fmla="*/ 721837 w 727004"/>
              <a:gd name="connsiteY20" fmla="*/ 767964 h 1450086"/>
              <a:gd name="connsiteX21" fmla="*/ 727004 w 727004"/>
              <a:gd name="connsiteY21" fmla="*/ 788629 h 1450086"/>
              <a:gd name="connsiteX22" fmla="*/ 721837 w 727004"/>
              <a:gd name="connsiteY22" fmla="*/ 819625 h 1450086"/>
              <a:gd name="connsiteX23" fmla="*/ 703074 w 727004"/>
              <a:gd name="connsiteY23" fmla="*/ 848721 h 1450086"/>
              <a:gd name="connsiteX24" fmla="*/ 701173 w 727004"/>
              <a:gd name="connsiteY24" fmla="*/ 959110 h 1450086"/>
              <a:gd name="connsiteX25" fmla="*/ 675343 w 727004"/>
              <a:gd name="connsiteY25" fmla="*/ 1010771 h 1450086"/>
              <a:gd name="connsiteX26" fmla="*/ 629116 w 727004"/>
              <a:gd name="connsiteY26" fmla="*/ 1052100 h 1450086"/>
              <a:gd name="connsiteX27" fmla="*/ 591457 w 727004"/>
              <a:gd name="connsiteY27" fmla="*/ 1098595 h 1450086"/>
              <a:gd name="connsiteX28" fmla="*/ 567123 w 727004"/>
              <a:gd name="connsiteY28" fmla="*/ 1174857 h 1450086"/>
              <a:gd name="connsiteX29" fmla="*/ 556522 w 727004"/>
              <a:gd name="connsiteY29" fmla="*/ 1248412 h 1450086"/>
              <a:gd name="connsiteX30" fmla="*/ 535858 w 727004"/>
              <a:gd name="connsiteY30" fmla="*/ 1279408 h 1450086"/>
              <a:gd name="connsiteX31" fmla="*/ 525526 w 727004"/>
              <a:gd name="connsiteY31" fmla="*/ 1294907 h 1450086"/>
              <a:gd name="connsiteX32" fmla="*/ 510027 w 727004"/>
              <a:gd name="connsiteY32" fmla="*/ 1346568 h 1450086"/>
              <a:gd name="connsiteX33" fmla="*/ 504861 w 727004"/>
              <a:gd name="connsiteY33" fmla="*/ 1362066 h 1450086"/>
              <a:gd name="connsiteX34" fmla="*/ 494529 w 727004"/>
              <a:gd name="connsiteY34" fmla="*/ 1377564 h 1450086"/>
              <a:gd name="connsiteX35" fmla="*/ 484197 w 727004"/>
              <a:gd name="connsiteY35" fmla="*/ 1403395 h 1450086"/>
              <a:gd name="connsiteX36" fmla="*/ 468698 w 727004"/>
              <a:gd name="connsiteY36" fmla="*/ 1418893 h 1450086"/>
              <a:gd name="connsiteX37" fmla="*/ 458366 w 727004"/>
              <a:gd name="connsiteY37" fmla="*/ 1434391 h 1450086"/>
              <a:gd name="connsiteX38" fmla="*/ 277553 w 727004"/>
              <a:gd name="connsiteY38" fmla="*/ 1444724 h 1450086"/>
              <a:gd name="connsiteX39" fmla="*/ 65743 w 727004"/>
              <a:gd name="connsiteY39" fmla="*/ 1449890 h 1450086"/>
              <a:gd name="connsiteX40" fmla="*/ 41296 w 727004"/>
              <a:gd name="connsiteY40" fmla="*/ 1438194 h 1450086"/>
              <a:gd name="connsiteX41" fmla="*/ 2655 w 727004"/>
              <a:gd name="connsiteY41" fmla="*/ 1381098 h 1450086"/>
              <a:gd name="connsiteX42" fmla="*/ 505 w 727004"/>
              <a:gd name="connsiteY42" fmla="*/ 1244436 h 1450086"/>
              <a:gd name="connsiteX43" fmla="*/ 26315 w 727004"/>
              <a:gd name="connsiteY43" fmla="*/ 1170920 h 1450086"/>
              <a:gd name="connsiteX44" fmla="*/ 55410 w 727004"/>
              <a:gd name="connsiteY44" fmla="*/ 1067598 h 1450086"/>
              <a:gd name="connsiteX45" fmla="*/ 60576 w 727004"/>
              <a:gd name="connsiteY45" fmla="*/ 1041768 h 1450086"/>
              <a:gd name="connsiteX46" fmla="*/ 70909 w 727004"/>
              <a:gd name="connsiteY46" fmla="*/ 1010771 h 1450086"/>
              <a:gd name="connsiteX47" fmla="*/ 76075 w 727004"/>
              <a:gd name="connsiteY47" fmla="*/ 912615 h 1450086"/>
              <a:gd name="connsiteX48" fmla="*/ 86407 w 727004"/>
              <a:gd name="connsiteY48" fmla="*/ 897117 h 1450086"/>
              <a:gd name="connsiteX49" fmla="*/ 96739 w 727004"/>
              <a:gd name="connsiteY49" fmla="*/ 876452 h 1450086"/>
              <a:gd name="connsiteX50" fmla="*/ 117404 w 727004"/>
              <a:gd name="connsiteY50" fmla="*/ 850622 h 1450086"/>
              <a:gd name="connsiteX51" fmla="*/ 117404 w 727004"/>
              <a:gd name="connsiteY51" fmla="*/ 783463 h 1450086"/>
              <a:gd name="connsiteX52" fmla="*/ 127736 w 727004"/>
              <a:gd name="connsiteY52" fmla="*/ 674974 h 1450086"/>
              <a:gd name="connsiteX53" fmla="*/ 138068 w 727004"/>
              <a:gd name="connsiteY53" fmla="*/ 643978 h 1450086"/>
              <a:gd name="connsiteX54" fmla="*/ 148400 w 727004"/>
              <a:gd name="connsiteY54" fmla="*/ 628480 h 1450086"/>
              <a:gd name="connsiteX55" fmla="*/ 153566 w 727004"/>
              <a:gd name="connsiteY55" fmla="*/ 612981 h 1450086"/>
              <a:gd name="connsiteX56" fmla="*/ 163898 w 727004"/>
              <a:gd name="connsiteY56" fmla="*/ 550988 h 1450086"/>
              <a:gd name="connsiteX57" fmla="*/ 169065 w 727004"/>
              <a:gd name="connsiteY57" fmla="*/ 509659 h 1450086"/>
              <a:gd name="connsiteX58" fmla="*/ 205227 w 727004"/>
              <a:gd name="connsiteY58" fmla="*/ 287517 h 1450086"/>
              <a:gd name="connsiteX59" fmla="*/ 210393 w 727004"/>
              <a:gd name="connsiteY59" fmla="*/ 266852 h 1450086"/>
              <a:gd name="connsiteX60" fmla="*/ 220726 w 727004"/>
              <a:gd name="connsiteY60" fmla="*/ 256520 h 1450086"/>
              <a:gd name="connsiteX61" fmla="*/ 231058 w 727004"/>
              <a:gd name="connsiteY61" fmla="*/ 241022 h 1450086"/>
              <a:gd name="connsiteX62" fmla="*/ 241390 w 727004"/>
              <a:gd name="connsiteY62" fmla="*/ 204859 h 1450086"/>
              <a:gd name="connsiteX63" fmla="*/ 251722 w 727004"/>
              <a:gd name="connsiteY63" fmla="*/ 173863 h 1450086"/>
              <a:gd name="connsiteX64" fmla="*/ 256888 w 727004"/>
              <a:gd name="connsiteY64" fmla="*/ 158364 h 1450086"/>
              <a:gd name="connsiteX65" fmla="*/ 282719 w 727004"/>
              <a:gd name="connsiteY65" fmla="*/ 117035 h 1450086"/>
              <a:gd name="connsiteX66" fmla="*/ 318882 w 727004"/>
              <a:gd name="connsiteY66" fmla="*/ 75707 h 1450086"/>
              <a:gd name="connsiteX67" fmla="*/ 365376 w 727004"/>
              <a:gd name="connsiteY67" fmla="*/ 39544 h 1450086"/>
              <a:gd name="connsiteX68" fmla="*/ 391207 w 727004"/>
              <a:gd name="connsiteY68" fmla="*/ 18880 h 1450086"/>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65376 w 727004"/>
              <a:gd name="connsiteY67" fmla="*/ 40765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05881 w 727004"/>
              <a:gd name="connsiteY66" fmla="*/ 21993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305881 w 727004"/>
              <a:gd name="connsiteY65" fmla="*/ 219938 h 1451307"/>
              <a:gd name="connsiteX66" fmla="*/ 348041 w 727004"/>
              <a:gd name="connsiteY66" fmla="*/ 127438 h 1451307"/>
              <a:gd name="connsiteX67" fmla="*/ 408541 w 727004"/>
              <a:gd name="connsiteY6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305881 w 727004"/>
              <a:gd name="connsiteY64" fmla="*/ 219938 h 1451307"/>
              <a:gd name="connsiteX65" fmla="*/ 348041 w 727004"/>
              <a:gd name="connsiteY65" fmla="*/ 127438 h 1451307"/>
              <a:gd name="connsiteX66" fmla="*/ 408541 w 727004"/>
              <a:gd name="connsiteY6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305881 w 727004"/>
              <a:gd name="connsiteY63" fmla="*/ 219938 h 1451307"/>
              <a:gd name="connsiteX64" fmla="*/ 348041 w 727004"/>
              <a:gd name="connsiteY64" fmla="*/ 127438 h 1451307"/>
              <a:gd name="connsiteX65" fmla="*/ 408541 w 727004"/>
              <a:gd name="connsiteY6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305881 w 727004"/>
              <a:gd name="connsiteY62" fmla="*/ 219938 h 1451307"/>
              <a:gd name="connsiteX63" fmla="*/ 348041 w 727004"/>
              <a:gd name="connsiteY63" fmla="*/ 127438 h 1451307"/>
              <a:gd name="connsiteX64" fmla="*/ 408541 w 727004"/>
              <a:gd name="connsiteY6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305881 w 727004"/>
              <a:gd name="connsiteY61" fmla="*/ 219938 h 1451307"/>
              <a:gd name="connsiteX62" fmla="*/ 348041 w 727004"/>
              <a:gd name="connsiteY62" fmla="*/ 127438 h 1451307"/>
              <a:gd name="connsiteX63" fmla="*/ 408541 w 727004"/>
              <a:gd name="connsiteY63"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305881 w 727004"/>
              <a:gd name="connsiteY60" fmla="*/ 219938 h 1451307"/>
              <a:gd name="connsiteX61" fmla="*/ 348041 w 727004"/>
              <a:gd name="connsiteY61" fmla="*/ 127438 h 1451307"/>
              <a:gd name="connsiteX62" fmla="*/ 408541 w 727004"/>
              <a:gd name="connsiteY62"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305881 w 727004"/>
              <a:gd name="connsiteY59" fmla="*/ 219938 h 1451307"/>
              <a:gd name="connsiteX60" fmla="*/ 348041 w 727004"/>
              <a:gd name="connsiteY60" fmla="*/ 127438 h 1451307"/>
              <a:gd name="connsiteX61" fmla="*/ 408541 w 727004"/>
              <a:gd name="connsiteY61"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207234 w 727004"/>
              <a:gd name="connsiteY56" fmla="*/ 595546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207234 w 727004"/>
              <a:gd name="connsiteY55" fmla="*/ 595546 h 1451307"/>
              <a:gd name="connsiteX56" fmla="*/ 255738 w 727004"/>
              <a:gd name="connsiteY56" fmla="*/ 454542 h 1451307"/>
              <a:gd name="connsiteX57" fmla="*/ 305881 w 727004"/>
              <a:gd name="connsiteY57" fmla="*/ 219938 h 1451307"/>
              <a:gd name="connsiteX58" fmla="*/ 348041 w 727004"/>
              <a:gd name="connsiteY58" fmla="*/ 127438 h 1451307"/>
              <a:gd name="connsiteX59" fmla="*/ 408541 w 727004"/>
              <a:gd name="connsiteY59"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68404 w 727004"/>
              <a:gd name="connsiteY53" fmla="*/ 701536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68404 w 727004"/>
              <a:gd name="connsiteY52" fmla="*/ 701536 h 1451307"/>
              <a:gd name="connsiteX53" fmla="*/ 207234 w 727004"/>
              <a:gd name="connsiteY53" fmla="*/ 595546 h 1451307"/>
              <a:gd name="connsiteX54" fmla="*/ 255738 w 727004"/>
              <a:gd name="connsiteY54" fmla="*/ 454542 h 1451307"/>
              <a:gd name="connsiteX55" fmla="*/ 305881 w 727004"/>
              <a:gd name="connsiteY55" fmla="*/ 219938 h 1451307"/>
              <a:gd name="connsiteX56" fmla="*/ 348041 w 727004"/>
              <a:gd name="connsiteY56" fmla="*/ 127438 h 1451307"/>
              <a:gd name="connsiteX57" fmla="*/ 408541 w 727004"/>
              <a:gd name="connsiteY5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117404 w 727004"/>
              <a:gd name="connsiteY49" fmla="*/ 851843 h 1451307"/>
              <a:gd name="connsiteX50" fmla="*/ 117404 w 727004"/>
              <a:gd name="connsiteY50" fmla="*/ 784684 h 1451307"/>
              <a:gd name="connsiteX51" fmla="*/ 168404 w 727004"/>
              <a:gd name="connsiteY51" fmla="*/ 701536 h 1451307"/>
              <a:gd name="connsiteX52" fmla="*/ 207234 w 727004"/>
              <a:gd name="connsiteY52" fmla="*/ 595546 h 1451307"/>
              <a:gd name="connsiteX53" fmla="*/ 255738 w 727004"/>
              <a:gd name="connsiteY53" fmla="*/ 454542 h 1451307"/>
              <a:gd name="connsiteX54" fmla="*/ 305881 w 727004"/>
              <a:gd name="connsiteY54" fmla="*/ 219938 h 1451307"/>
              <a:gd name="connsiteX55" fmla="*/ 348041 w 727004"/>
              <a:gd name="connsiteY55" fmla="*/ 127438 h 1451307"/>
              <a:gd name="connsiteX56" fmla="*/ 408541 w 727004"/>
              <a:gd name="connsiteY5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86407 w 727004"/>
              <a:gd name="connsiteY47" fmla="*/ 898338 h 1451307"/>
              <a:gd name="connsiteX48" fmla="*/ 117404 w 727004"/>
              <a:gd name="connsiteY48" fmla="*/ 851843 h 1451307"/>
              <a:gd name="connsiteX49" fmla="*/ 117404 w 727004"/>
              <a:gd name="connsiteY49" fmla="*/ 784684 h 1451307"/>
              <a:gd name="connsiteX50" fmla="*/ 168404 w 727004"/>
              <a:gd name="connsiteY50" fmla="*/ 701536 h 1451307"/>
              <a:gd name="connsiteX51" fmla="*/ 207234 w 727004"/>
              <a:gd name="connsiteY51" fmla="*/ 595546 h 1451307"/>
              <a:gd name="connsiteX52" fmla="*/ 255738 w 727004"/>
              <a:gd name="connsiteY52" fmla="*/ 454542 h 1451307"/>
              <a:gd name="connsiteX53" fmla="*/ 305881 w 727004"/>
              <a:gd name="connsiteY53" fmla="*/ 219938 h 1451307"/>
              <a:gd name="connsiteX54" fmla="*/ 348041 w 727004"/>
              <a:gd name="connsiteY54" fmla="*/ 127438 h 1451307"/>
              <a:gd name="connsiteX55" fmla="*/ 408541 w 727004"/>
              <a:gd name="connsiteY5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117404 w 727004"/>
              <a:gd name="connsiteY47" fmla="*/ 851843 h 1451307"/>
              <a:gd name="connsiteX48" fmla="*/ 117404 w 727004"/>
              <a:gd name="connsiteY48" fmla="*/ 784684 h 1451307"/>
              <a:gd name="connsiteX49" fmla="*/ 168404 w 727004"/>
              <a:gd name="connsiteY49" fmla="*/ 701536 h 1451307"/>
              <a:gd name="connsiteX50" fmla="*/ 207234 w 727004"/>
              <a:gd name="connsiteY50" fmla="*/ 595546 h 1451307"/>
              <a:gd name="connsiteX51" fmla="*/ 255738 w 727004"/>
              <a:gd name="connsiteY51" fmla="*/ 454542 h 1451307"/>
              <a:gd name="connsiteX52" fmla="*/ 305881 w 727004"/>
              <a:gd name="connsiteY52" fmla="*/ 219938 h 1451307"/>
              <a:gd name="connsiteX53" fmla="*/ 348041 w 727004"/>
              <a:gd name="connsiteY53" fmla="*/ 127438 h 1451307"/>
              <a:gd name="connsiteX54" fmla="*/ 408541 w 727004"/>
              <a:gd name="connsiteY5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117404 w 727004"/>
              <a:gd name="connsiteY46" fmla="*/ 851843 h 1451307"/>
              <a:gd name="connsiteX47" fmla="*/ 117404 w 727004"/>
              <a:gd name="connsiteY47" fmla="*/ 784684 h 1451307"/>
              <a:gd name="connsiteX48" fmla="*/ 168404 w 727004"/>
              <a:gd name="connsiteY48" fmla="*/ 701536 h 1451307"/>
              <a:gd name="connsiteX49" fmla="*/ 207234 w 727004"/>
              <a:gd name="connsiteY49" fmla="*/ 595546 h 1451307"/>
              <a:gd name="connsiteX50" fmla="*/ 255738 w 727004"/>
              <a:gd name="connsiteY50" fmla="*/ 454542 h 1451307"/>
              <a:gd name="connsiteX51" fmla="*/ 305881 w 727004"/>
              <a:gd name="connsiteY51" fmla="*/ 219938 h 1451307"/>
              <a:gd name="connsiteX52" fmla="*/ 348041 w 727004"/>
              <a:gd name="connsiteY52" fmla="*/ 127438 h 1451307"/>
              <a:gd name="connsiteX53" fmla="*/ 408541 w 727004"/>
              <a:gd name="connsiteY53" fmla="*/ 67771 h 1451307"/>
              <a:gd name="connsiteX0" fmla="*/ 406130 w 724593"/>
              <a:gd name="connsiteY0" fmla="*/ 67771 h 1451307"/>
              <a:gd name="connsiteX1" fmla="*/ 511779 w 724593"/>
              <a:gd name="connsiteY1" fmla="*/ 1272 h 1451307"/>
              <a:gd name="connsiteX2" fmla="*/ 585108 w 724593"/>
              <a:gd name="connsiteY2" fmla="*/ 25267 h 1451307"/>
              <a:gd name="connsiteX3" fmla="*/ 600606 w 724593"/>
              <a:gd name="connsiteY3" fmla="*/ 40765 h 1451307"/>
              <a:gd name="connsiteX4" fmla="*/ 610938 w 724593"/>
              <a:gd name="connsiteY4" fmla="*/ 71762 h 1451307"/>
              <a:gd name="connsiteX5" fmla="*/ 616104 w 724593"/>
              <a:gd name="connsiteY5" fmla="*/ 87260 h 1451307"/>
              <a:gd name="connsiteX6" fmla="*/ 621271 w 724593"/>
              <a:gd name="connsiteY6" fmla="*/ 133755 h 1451307"/>
              <a:gd name="connsiteX7" fmla="*/ 626437 w 724593"/>
              <a:gd name="connsiteY7" fmla="*/ 169917 h 1451307"/>
              <a:gd name="connsiteX8" fmla="*/ 631603 w 724593"/>
              <a:gd name="connsiteY8" fmla="*/ 242243 h 1451307"/>
              <a:gd name="connsiteX9" fmla="*/ 636769 w 724593"/>
              <a:gd name="connsiteY9" fmla="*/ 262907 h 1451307"/>
              <a:gd name="connsiteX10" fmla="*/ 641935 w 724593"/>
              <a:gd name="connsiteY10" fmla="*/ 299070 h 1451307"/>
              <a:gd name="connsiteX11" fmla="*/ 652267 w 724593"/>
              <a:gd name="connsiteY11" fmla="*/ 330067 h 1451307"/>
              <a:gd name="connsiteX12" fmla="*/ 662599 w 724593"/>
              <a:gd name="connsiteY12" fmla="*/ 376562 h 1451307"/>
              <a:gd name="connsiteX13" fmla="*/ 633773 w 724593"/>
              <a:gd name="connsiteY13" fmla="*/ 409324 h 1451307"/>
              <a:gd name="connsiteX14" fmla="*/ 616757 w 724593"/>
              <a:gd name="connsiteY14" fmla="*/ 429836 h 1451307"/>
              <a:gd name="connsiteX15" fmla="*/ 625342 w 724593"/>
              <a:gd name="connsiteY15" fmla="*/ 491311 h 1451307"/>
              <a:gd name="connsiteX16" fmla="*/ 630373 w 724593"/>
              <a:gd name="connsiteY16" fmla="*/ 570972 h 1451307"/>
              <a:gd name="connsiteX17" fmla="*/ 688430 w 724593"/>
              <a:gd name="connsiteY17" fmla="*/ 691694 h 1451307"/>
              <a:gd name="connsiteX18" fmla="*/ 703928 w 724593"/>
              <a:gd name="connsiteY18" fmla="*/ 727856 h 1451307"/>
              <a:gd name="connsiteX19" fmla="*/ 709094 w 724593"/>
              <a:gd name="connsiteY19" fmla="*/ 743355 h 1451307"/>
              <a:gd name="connsiteX20" fmla="*/ 719426 w 724593"/>
              <a:gd name="connsiteY20" fmla="*/ 769185 h 1451307"/>
              <a:gd name="connsiteX21" fmla="*/ 724593 w 724593"/>
              <a:gd name="connsiteY21" fmla="*/ 789850 h 1451307"/>
              <a:gd name="connsiteX22" fmla="*/ 719426 w 724593"/>
              <a:gd name="connsiteY22" fmla="*/ 820846 h 1451307"/>
              <a:gd name="connsiteX23" fmla="*/ 700663 w 724593"/>
              <a:gd name="connsiteY23" fmla="*/ 849942 h 1451307"/>
              <a:gd name="connsiteX24" fmla="*/ 698762 w 724593"/>
              <a:gd name="connsiteY24" fmla="*/ 960331 h 1451307"/>
              <a:gd name="connsiteX25" fmla="*/ 672932 w 724593"/>
              <a:gd name="connsiteY25" fmla="*/ 1011992 h 1451307"/>
              <a:gd name="connsiteX26" fmla="*/ 626705 w 724593"/>
              <a:gd name="connsiteY26" fmla="*/ 1053321 h 1451307"/>
              <a:gd name="connsiteX27" fmla="*/ 589046 w 724593"/>
              <a:gd name="connsiteY27" fmla="*/ 1099816 h 1451307"/>
              <a:gd name="connsiteX28" fmla="*/ 564712 w 724593"/>
              <a:gd name="connsiteY28" fmla="*/ 1176078 h 1451307"/>
              <a:gd name="connsiteX29" fmla="*/ 554111 w 724593"/>
              <a:gd name="connsiteY29" fmla="*/ 1249633 h 1451307"/>
              <a:gd name="connsiteX30" fmla="*/ 533447 w 724593"/>
              <a:gd name="connsiteY30" fmla="*/ 1280629 h 1451307"/>
              <a:gd name="connsiteX31" fmla="*/ 523115 w 724593"/>
              <a:gd name="connsiteY31" fmla="*/ 1296128 h 1451307"/>
              <a:gd name="connsiteX32" fmla="*/ 507616 w 724593"/>
              <a:gd name="connsiteY32" fmla="*/ 1347789 h 1451307"/>
              <a:gd name="connsiteX33" fmla="*/ 502450 w 724593"/>
              <a:gd name="connsiteY33" fmla="*/ 1363287 h 1451307"/>
              <a:gd name="connsiteX34" fmla="*/ 492118 w 724593"/>
              <a:gd name="connsiteY34" fmla="*/ 1378785 h 1451307"/>
              <a:gd name="connsiteX35" fmla="*/ 481786 w 724593"/>
              <a:gd name="connsiteY35" fmla="*/ 1404616 h 1451307"/>
              <a:gd name="connsiteX36" fmla="*/ 466287 w 724593"/>
              <a:gd name="connsiteY36" fmla="*/ 1420114 h 1451307"/>
              <a:gd name="connsiteX37" fmla="*/ 455955 w 724593"/>
              <a:gd name="connsiteY37" fmla="*/ 1435612 h 1451307"/>
              <a:gd name="connsiteX38" fmla="*/ 275142 w 724593"/>
              <a:gd name="connsiteY38" fmla="*/ 1445945 h 1451307"/>
              <a:gd name="connsiteX39" fmla="*/ 63332 w 724593"/>
              <a:gd name="connsiteY39" fmla="*/ 1451111 h 1451307"/>
              <a:gd name="connsiteX40" fmla="*/ 38885 w 724593"/>
              <a:gd name="connsiteY40" fmla="*/ 1439415 h 1451307"/>
              <a:gd name="connsiteX41" fmla="*/ 244 w 724593"/>
              <a:gd name="connsiteY41" fmla="*/ 1382319 h 1451307"/>
              <a:gd name="connsiteX42" fmla="*/ 23904 w 724593"/>
              <a:gd name="connsiteY42" fmla="*/ 1172141 h 1451307"/>
              <a:gd name="connsiteX43" fmla="*/ 52999 w 724593"/>
              <a:gd name="connsiteY43" fmla="*/ 1068819 h 1451307"/>
              <a:gd name="connsiteX44" fmla="*/ 58165 w 724593"/>
              <a:gd name="connsiteY44" fmla="*/ 1042989 h 1451307"/>
              <a:gd name="connsiteX45" fmla="*/ 114993 w 724593"/>
              <a:gd name="connsiteY45" fmla="*/ 851843 h 1451307"/>
              <a:gd name="connsiteX46" fmla="*/ 114993 w 724593"/>
              <a:gd name="connsiteY46" fmla="*/ 784684 h 1451307"/>
              <a:gd name="connsiteX47" fmla="*/ 165993 w 724593"/>
              <a:gd name="connsiteY47" fmla="*/ 701536 h 1451307"/>
              <a:gd name="connsiteX48" fmla="*/ 204823 w 724593"/>
              <a:gd name="connsiteY48" fmla="*/ 595546 h 1451307"/>
              <a:gd name="connsiteX49" fmla="*/ 253327 w 724593"/>
              <a:gd name="connsiteY49" fmla="*/ 454542 h 1451307"/>
              <a:gd name="connsiteX50" fmla="*/ 303470 w 724593"/>
              <a:gd name="connsiteY50" fmla="*/ 219938 h 1451307"/>
              <a:gd name="connsiteX51" fmla="*/ 345630 w 724593"/>
              <a:gd name="connsiteY51" fmla="*/ 127438 h 1451307"/>
              <a:gd name="connsiteX52" fmla="*/ 406130 w 724593"/>
              <a:gd name="connsiteY52" fmla="*/ 67771 h 1451307"/>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34592 w 701020"/>
              <a:gd name="connsiteY43" fmla="*/ 1042989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43260 w 701020"/>
              <a:gd name="connsiteY43" fmla="*/ 977985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3208 w 701671"/>
              <a:gd name="connsiteY0" fmla="*/ 67771 h 1463306"/>
              <a:gd name="connsiteX1" fmla="*/ 488857 w 701671"/>
              <a:gd name="connsiteY1" fmla="*/ 1272 h 1463306"/>
              <a:gd name="connsiteX2" fmla="*/ 562186 w 701671"/>
              <a:gd name="connsiteY2" fmla="*/ 25267 h 1463306"/>
              <a:gd name="connsiteX3" fmla="*/ 577684 w 701671"/>
              <a:gd name="connsiteY3" fmla="*/ 40765 h 1463306"/>
              <a:gd name="connsiteX4" fmla="*/ 588016 w 701671"/>
              <a:gd name="connsiteY4" fmla="*/ 71762 h 1463306"/>
              <a:gd name="connsiteX5" fmla="*/ 593182 w 701671"/>
              <a:gd name="connsiteY5" fmla="*/ 87260 h 1463306"/>
              <a:gd name="connsiteX6" fmla="*/ 598349 w 701671"/>
              <a:gd name="connsiteY6" fmla="*/ 133755 h 1463306"/>
              <a:gd name="connsiteX7" fmla="*/ 603515 w 701671"/>
              <a:gd name="connsiteY7" fmla="*/ 169917 h 1463306"/>
              <a:gd name="connsiteX8" fmla="*/ 608681 w 701671"/>
              <a:gd name="connsiteY8" fmla="*/ 242243 h 1463306"/>
              <a:gd name="connsiteX9" fmla="*/ 613847 w 701671"/>
              <a:gd name="connsiteY9" fmla="*/ 262907 h 1463306"/>
              <a:gd name="connsiteX10" fmla="*/ 619013 w 701671"/>
              <a:gd name="connsiteY10" fmla="*/ 299070 h 1463306"/>
              <a:gd name="connsiteX11" fmla="*/ 629345 w 701671"/>
              <a:gd name="connsiteY11" fmla="*/ 330067 h 1463306"/>
              <a:gd name="connsiteX12" fmla="*/ 639677 w 701671"/>
              <a:gd name="connsiteY12" fmla="*/ 376562 h 1463306"/>
              <a:gd name="connsiteX13" fmla="*/ 610851 w 701671"/>
              <a:gd name="connsiteY13" fmla="*/ 409324 h 1463306"/>
              <a:gd name="connsiteX14" fmla="*/ 593835 w 701671"/>
              <a:gd name="connsiteY14" fmla="*/ 429836 h 1463306"/>
              <a:gd name="connsiteX15" fmla="*/ 602420 w 701671"/>
              <a:gd name="connsiteY15" fmla="*/ 491311 h 1463306"/>
              <a:gd name="connsiteX16" fmla="*/ 607451 w 701671"/>
              <a:gd name="connsiteY16" fmla="*/ 570972 h 1463306"/>
              <a:gd name="connsiteX17" fmla="*/ 665508 w 701671"/>
              <a:gd name="connsiteY17" fmla="*/ 691694 h 1463306"/>
              <a:gd name="connsiteX18" fmla="*/ 681006 w 701671"/>
              <a:gd name="connsiteY18" fmla="*/ 727856 h 1463306"/>
              <a:gd name="connsiteX19" fmla="*/ 686172 w 701671"/>
              <a:gd name="connsiteY19" fmla="*/ 743355 h 1463306"/>
              <a:gd name="connsiteX20" fmla="*/ 696504 w 701671"/>
              <a:gd name="connsiteY20" fmla="*/ 769185 h 1463306"/>
              <a:gd name="connsiteX21" fmla="*/ 701671 w 701671"/>
              <a:gd name="connsiteY21" fmla="*/ 789850 h 1463306"/>
              <a:gd name="connsiteX22" fmla="*/ 696504 w 701671"/>
              <a:gd name="connsiteY22" fmla="*/ 820846 h 1463306"/>
              <a:gd name="connsiteX23" fmla="*/ 677741 w 701671"/>
              <a:gd name="connsiteY23" fmla="*/ 849942 h 1463306"/>
              <a:gd name="connsiteX24" fmla="*/ 675840 w 701671"/>
              <a:gd name="connsiteY24" fmla="*/ 960331 h 1463306"/>
              <a:gd name="connsiteX25" fmla="*/ 650010 w 701671"/>
              <a:gd name="connsiteY25" fmla="*/ 1011992 h 1463306"/>
              <a:gd name="connsiteX26" fmla="*/ 603783 w 701671"/>
              <a:gd name="connsiteY26" fmla="*/ 1053321 h 1463306"/>
              <a:gd name="connsiteX27" fmla="*/ 566124 w 701671"/>
              <a:gd name="connsiteY27" fmla="*/ 1099816 h 1463306"/>
              <a:gd name="connsiteX28" fmla="*/ 541790 w 701671"/>
              <a:gd name="connsiteY28" fmla="*/ 1176078 h 1463306"/>
              <a:gd name="connsiteX29" fmla="*/ 531189 w 701671"/>
              <a:gd name="connsiteY29" fmla="*/ 1249633 h 1463306"/>
              <a:gd name="connsiteX30" fmla="*/ 510525 w 701671"/>
              <a:gd name="connsiteY30" fmla="*/ 1280629 h 1463306"/>
              <a:gd name="connsiteX31" fmla="*/ 500193 w 701671"/>
              <a:gd name="connsiteY31" fmla="*/ 1296128 h 1463306"/>
              <a:gd name="connsiteX32" fmla="*/ 484694 w 701671"/>
              <a:gd name="connsiteY32" fmla="*/ 1347789 h 1463306"/>
              <a:gd name="connsiteX33" fmla="*/ 479528 w 701671"/>
              <a:gd name="connsiteY33" fmla="*/ 1363287 h 1463306"/>
              <a:gd name="connsiteX34" fmla="*/ 469196 w 701671"/>
              <a:gd name="connsiteY34" fmla="*/ 1378785 h 1463306"/>
              <a:gd name="connsiteX35" fmla="*/ 458864 w 701671"/>
              <a:gd name="connsiteY35" fmla="*/ 1404616 h 1463306"/>
              <a:gd name="connsiteX36" fmla="*/ 443365 w 701671"/>
              <a:gd name="connsiteY36" fmla="*/ 1420114 h 1463306"/>
              <a:gd name="connsiteX37" fmla="*/ 433033 w 701671"/>
              <a:gd name="connsiteY37" fmla="*/ 1435612 h 1463306"/>
              <a:gd name="connsiteX38" fmla="*/ 252220 w 701671"/>
              <a:gd name="connsiteY38" fmla="*/ 1445945 h 1463306"/>
              <a:gd name="connsiteX39" fmla="*/ 40410 w 701671"/>
              <a:gd name="connsiteY39" fmla="*/ 1451111 h 1463306"/>
              <a:gd name="connsiteX40" fmla="*/ 15963 w 701671"/>
              <a:gd name="connsiteY40" fmla="*/ 1439415 h 1463306"/>
              <a:gd name="connsiteX41" fmla="*/ 982 w 701671"/>
              <a:gd name="connsiteY41" fmla="*/ 1172141 h 1463306"/>
              <a:gd name="connsiteX42" fmla="*/ 43911 w 701671"/>
              <a:gd name="connsiteY42" fmla="*/ 977985 h 1463306"/>
              <a:gd name="connsiteX43" fmla="*/ 92071 w 701671"/>
              <a:gd name="connsiteY43" fmla="*/ 851843 h 1463306"/>
              <a:gd name="connsiteX44" fmla="*/ 92071 w 701671"/>
              <a:gd name="connsiteY44" fmla="*/ 784684 h 1463306"/>
              <a:gd name="connsiteX45" fmla="*/ 143071 w 701671"/>
              <a:gd name="connsiteY45" fmla="*/ 701536 h 1463306"/>
              <a:gd name="connsiteX46" fmla="*/ 181901 w 701671"/>
              <a:gd name="connsiteY46" fmla="*/ 595546 h 1463306"/>
              <a:gd name="connsiteX47" fmla="*/ 230405 w 701671"/>
              <a:gd name="connsiteY47" fmla="*/ 454542 h 1463306"/>
              <a:gd name="connsiteX48" fmla="*/ 280548 w 701671"/>
              <a:gd name="connsiteY48" fmla="*/ 219938 h 1463306"/>
              <a:gd name="connsiteX49" fmla="*/ 322708 w 701671"/>
              <a:gd name="connsiteY49" fmla="*/ 127438 h 1463306"/>
              <a:gd name="connsiteX50" fmla="*/ 383208 w 701671"/>
              <a:gd name="connsiteY50" fmla="*/ 67771 h 1463306"/>
              <a:gd name="connsiteX0" fmla="*/ 367819 w 686282"/>
              <a:gd name="connsiteY0" fmla="*/ 67771 h 1463306"/>
              <a:gd name="connsiteX1" fmla="*/ 473468 w 686282"/>
              <a:gd name="connsiteY1" fmla="*/ 1272 h 1463306"/>
              <a:gd name="connsiteX2" fmla="*/ 546797 w 686282"/>
              <a:gd name="connsiteY2" fmla="*/ 25267 h 1463306"/>
              <a:gd name="connsiteX3" fmla="*/ 562295 w 686282"/>
              <a:gd name="connsiteY3" fmla="*/ 40765 h 1463306"/>
              <a:gd name="connsiteX4" fmla="*/ 572627 w 686282"/>
              <a:gd name="connsiteY4" fmla="*/ 71762 h 1463306"/>
              <a:gd name="connsiteX5" fmla="*/ 577793 w 686282"/>
              <a:gd name="connsiteY5" fmla="*/ 87260 h 1463306"/>
              <a:gd name="connsiteX6" fmla="*/ 582960 w 686282"/>
              <a:gd name="connsiteY6" fmla="*/ 133755 h 1463306"/>
              <a:gd name="connsiteX7" fmla="*/ 588126 w 686282"/>
              <a:gd name="connsiteY7" fmla="*/ 169917 h 1463306"/>
              <a:gd name="connsiteX8" fmla="*/ 593292 w 686282"/>
              <a:gd name="connsiteY8" fmla="*/ 242243 h 1463306"/>
              <a:gd name="connsiteX9" fmla="*/ 598458 w 686282"/>
              <a:gd name="connsiteY9" fmla="*/ 262907 h 1463306"/>
              <a:gd name="connsiteX10" fmla="*/ 603624 w 686282"/>
              <a:gd name="connsiteY10" fmla="*/ 299070 h 1463306"/>
              <a:gd name="connsiteX11" fmla="*/ 613956 w 686282"/>
              <a:gd name="connsiteY11" fmla="*/ 330067 h 1463306"/>
              <a:gd name="connsiteX12" fmla="*/ 624288 w 686282"/>
              <a:gd name="connsiteY12" fmla="*/ 376562 h 1463306"/>
              <a:gd name="connsiteX13" fmla="*/ 595462 w 686282"/>
              <a:gd name="connsiteY13" fmla="*/ 409324 h 1463306"/>
              <a:gd name="connsiteX14" fmla="*/ 578446 w 686282"/>
              <a:gd name="connsiteY14" fmla="*/ 429836 h 1463306"/>
              <a:gd name="connsiteX15" fmla="*/ 587031 w 686282"/>
              <a:gd name="connsiteY15" fmla="*/ 491311 h 1463306"/>
              <a:gd name="connsiteX16" fmla="*/ 592062 w 686282"/>
              <a:gd name="connsiteY16" fmla="*/ 570972 h 1463306"/>
              <a:gd name="connsiteX17" fmla="*/ 650119 w 686282"/>
              <a:gd name="connsiteY17" fmla="*/ 691694 h 1463306"/>
              <a:gd name="connsiteX18" fmla="*/ 665617 w 686282"/>
              <a:gd name="connsiteY18" fmla="*/ 727856 h 1463306"/>
              <a:gd name="connsiteX19" fmla="*/ 670783 w 686282"/>
              <a:gd name="connsiteY19" fmla="*/ 743355 h 1463306"/>
              <a:gd name="connsiteX20" fmla="*/ 681115 w 686282"/>
              <a:gd name="connsiteY20" fmla="*/ 769185 h 1463306"/>
              <a:gd name="connsiteX21" fmla="*/ 686282 w 686282"/>
              <a:gd name="connsiteY21" fmla="*/ 789850 h 1463306"/>
              <a:gd name="connsiteX22" fmla="*/ 681115 w 686282"/>
              <a:gd name="connsiteY22" fmla="*/ 820846 h 1463306"/>
              <a:gd name="connsiteX23" fmla="*/ 662352 w 686282"/>
              <a:gd name="connsiteY23" fmla="*/ 849942 h 1463306"/>
              <a:gd name="connsiteX24" fmla="*/ 660451 w 686282"/>
              <a:gd name="connsiteY24" fmla="*/ 960331 h 1463306"/>
              <a:gd name="connsiteX25" fmla="*/ 634621 w 686282"/>
              <a:gd name="connsiteY25" fmla="*/ 1011992 h 1463306"/>
              <a:gd name="connsiteX26" fmla="*/ 588394 w 686282"/>
              <a:gd name="connsiteY26" fmla="*/ 1053321 h 1463306"/>
              <a:gd name="connsiteX27" fmla="*/ 550735 w 686282"/>
              <a:gd name="connsiteY27" fmla="*/ 1099816 h 1463306"/>
              <a:gd name="connsiteX28" fmla="*/ 526401 w 686282"/>
              <a:gd name="connsiteY28" fmla="*/ 1176078 h 1463306"/>
              <a:gd name="connsiteX29" fmla="*/ 515800 w 686282"/>
              <a:gd name="connsiteY29" fmla="*/ 1249633 h 1463306"/>
              <a:gd name="connsiteX30" fmla="*/ 495136 w 686282"/>
              <a:gd name="connsiteY30" fmla="*/ 1280629 h 1463306"/>
              <a:gd name="connsiteX31" fmla="*/ 484804 w 686282"/>
              <a:gd name="connsiteY31" fmla="*/ 1296128 h 1463306"/>
              <a:gd name="connsiteX32" fmla="*/ 469305 w 686282"/>
              <a:gd name="connsiteY32" fmla="*/ 1347789 h 1463306"/>
              <a:gd name="connsiteX33" fmla="*/ 464139 w 686282"/>
              <a:gd name="connsiteY33" fmla="*/ 1363287 h 1463306"/>
              <a:gd name="connsiteX34" fmla="*/ 453807 w 686282"/>
              <a:gd name="connsiteY34" fmla="*/ 1378785 h 1463306"/>
              <a:gd name="connsiteX35" fmla="*/ 443475 w 686282"/>
              <a:gd name="connsiteY35" fmla="*/ 1404616 h 1463306"/>
              <a:gd name="connsiteX36" fmla="*/ 427976 w 686282"/>
              <a:gd name="connsiteY36" fmla="*/ 1420114 h 1463306"/>
              <a:gd name="connsiteX37" fmla="*/ 417644 w 686282"/>
              <a:gd name="connsiteY37" fmla="*/ 1435612 h 1463306"/>
              <a:gd name="connsiteX38" fmla="*/ 236831 w 686282"/>
              <a:gd name="connsiteY38" fmla="*/ 1445945 h 1463306"/>
              <a:gd name="connsiteX39" fmla="*/ 25021 w 686282"/>
              <a:gd name="connsiteY39" fmla="*/ 1451111 h 1463306"/>
              <a:gd name="connsiteX40" fmla="*/ 574 w 686282"/>
              <a:gd name="connsiteY40" fmla="*/ 1439415 h 1463306"/>
              <a:gd name="connsiteX41" fmla="*/ 50598 w 686282"/>
              <a:gd name="connsiteY41" fmla="*/ 1176475 h 1463306"/>
              <a:gd name="connsiteX42" fmla="*/ 28522 w 686282"/>
              <a:gd name="connsiteY42" fmla="*/ 977985 h 1463306"/>
              <a:gd name="connsiteX43" fmla="*/ 76682 w 686282"/>
              <a:gd name="connsiteY43" fmla="*/ 851843 h 1463306"/>
              <a:gd name="connsiteX44" fmla="*/ 76682 w 686282"/>
              <a:gd name="connsiteY44" fmla="*/ 784684 h 1463306"/>
              <a:gd name="connsiteX45" fmla="*/ 127682 w 686282"/>
              <a:gd name="connsiteY45" fmla="*/ 701536 h 1463306"/>
              <a:gd name="connsiteX46" fmla="*/ 166512 w 686282"/>
              <a:gd name="connsiteY46" fmla="*/ 595546 h 1463306"/>
              <a:gd name="connsiteX47" fmla="*/ 215016 w 686282"/>
              <a:gd name="connsiteY47" fmla="*/ 454542 h 1463306"/>
              <a:gd name="connsiteX48" fmla="*/ 265159 w 686282"/>
              <a:gd name="connsiteY48" fmla="*/ 219938 h 1463306"/>
              <a:gd name="connsiteX49" fmla="*/ 307319 w 686282"/>
              <a:gd name="connsiteY49" fmla="*/ 127438 h 1463306"/>
              <a:gd name="connsiteX50" fmla="*/ 367819 w 686282"/>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851843 h 1463306"/>
              <a:gd name="connsiteX44" fmla="*/ 76720 w 686320"/>
              <a:gd name="connsiteY44" fmla="*/ 784684 h 1463306"/>
              <a:gd name="connsiteX45" fmla="*/ 127720 w 686320"/>
              <a:gd name="connsiteY45" fmla="*/ 701536 h 1463306"/>
              <a:gd name="connsiteX46" fmla="*/ 166550 w 686320"/>
              <a:gd name="connsiteY46" fmla="*/ 595546 h 1463306"/>
              <a:gd name="connsiteX47" fmla="*/ 215054 w 686320"/>
              <a:gd name="connsiteY47" fmla="*/ 454542 h 1463306"/>
              <a:gd name="connsiteX48" fmla="*/ 265197 w 686320"/>
              <a:gd name="connsiteY48" fmla="*/ 219938 h 1463306"/>
              <a:gd name="connsiteX49" fmla="*/ 307357 w 686320"/>
              <a:gd name="connsiteY49" fmla="*/ 127438 h 1463306"/>
              <a:gd name="connsiteX50" fmla="*/ 367857 w 686320"/>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784684 h 1463306"/>
              <a:gd name="connsiteX44" fmla="*/ 127720 w 686320"/>
              <a:gd name="connsiteY44" fmla="*/ 701536 h 1463306"/>
              <a:gd name="connsiteX45" fmla="*/ 166550 w 686320"/>
              <a:gd name="connsiteY45" fmla="*/ 595546 h 1463306"/>
              <a:gd name="connsiteX46" fmla="*/ 215054 w 686320"/>
              <a:gd name="connsiteY46" fmla="*/ 454542 h 1463306"/>
              <a:gd name="connsiteX47" fmla="*/ 265197 w 686320"/>
              <a:gd name="connsiteY47" fmla="*/ 219938 h 1463306"/>
              <a:gd name="connsiteX48" fmla="*/ 307357 w 686320"/>
              <a:gd name="connsiteY48" fmla="*/ 127438 h 1463306"/>
              <a:gd name="connsiteX49" fmla="*/ 367857 w 686320"/>
              <a:gd name="connsiteY49" fmla="*/ 67771 h 1463306"/>
              <a:gd name="connsiteX0" fmla="*/ 352575 w 671038"/>
              <a:gd name="connsiteY0" fmla="*/ 67771 h 1470339"/>
              <a:gd name="connsiteX1" fmla="*/ 458224 w 671038"/>
              <a:gd name="connsiteY1" fmla="*/ 1272 h 1470339"/>
              <a:gd name="connsiteX2" fmla="*/ 531553 w 671038"/>
              <a:gd name="connsiteY2" fmla="*/ 25267 h 1470339"/>
              <a:gd name="connsiteX3" fmla="*/ 547051 w 671038"/>
              <a:gd name="connsiteY3" fmla="*/ 40765 h 1470339"/>
              <a:gd name="connsiteX4" fmla="*/ 557383 w 671038"/>
              <a:gd name="connsiteY4" fmla="*/ 71762 h 1470339"/>
              <a:gd name="connsiteX5" fmla="*/ 562549 w 671038"/>
              <a:gd name="connsiteY5" fmla="*/ 87260 h 1470339"/>
              <a:gd name="connsiteX6" fmla="*/ 567716 w 671038"/>
              <a:gd name="connsiteY6" fmla="*/ 133755 h 1470339"/>
              <a:gd name="connsiteX7" fmla="*/ 572882 w 671038"/>
              <a:gd name="connsiteY7" fmla="*/ 169917 h 1470339"/>
              <a:gd name="connsiteX8" fmla="*/ 578048 w 671038"/>
              <a:gd name="connsiteY8" fmla="*/ 242243 h 1470339"/>
              <a:gd name="connsiteX9" fmla="*/ 583214 w 671038"/>
              <a:gd name="connsiteY9" fmla="*/ 262907 h 1470339"/>
              <a:gd name="connsiteX10" fmla="*/ 588380 w 671038"/>
              <a:gd name="connsiteY10" fmla="*/ 299070 h 1470339"/>
              <a:gd name="connsiteX11" fmla="*/ 598712 w 671038"/>
              <a:gd name="connsiteY11" fmla="*/ 330067 h 1470339"/>
              <a:gd name="connsiteX12" fmla="*/ 609044 w 671038"/>
              <a:gd name="connsiteY12" fmla="*/ 376562 h 1470339"/>
              <a:gd name="connsiteX13" fmla="*/ 580218 w 671038"/>
              <a:gd name="connsiteY13" fmla="*/ 409324 h 1470339"/>
              <a:gd name="connsiteX14" fmla="*/ 563202 w 671038"/>
              <a:gd name="connsiteY14" fmla="*/ 429836 h 1470339"/>
              <a:gd name="connsiteX15" fmla="*/ 571787 w 671038"/>
              <a:gd name="connsiteY15" fmla="*/ 491311 h 1470339"/>
              <a:gd name="connsiteX16" fmla="*/ 576818 w 671038"/>
              <a:gd name="connsiteY16" fmla="*/ 570972 h 1470339"/>
              <a:gd name="connsiteX17" fmla="*/ 634875 w 671038"/>
              <a:gd name="connsiteY17" fmla="*/ 691694 h 1470339"/>
              <a:gd name="connsiteX18" fmla="*/ 650373 w 671038"/>
              <a:gd name="connsiteY18" fmla="*/ 727856 h 1470339"/>
              <a:gd name="connsiteX19" fmla="*/ 655539 w 671038"/>
              <a:gd name="connsiteY19" fmla="*/ 743355 h 1470339"/>
              <a:gd name="connsiteX20" fmla="*/ 665871 w 671038"/>
              <a:gd name="connsiteY20" fmla="*/ 769185 h 1470339"/>
              <a:gd name="connsiteX21" fmla="*/ 671038 w 671038"/>
              <a:gd name="connsiteY21" fmla="*/ 789850 h 1470339"/>
              <a:gd name="connsiteX22" fmla="*/ 665871 w 671038"/>
              <a:gd name="connsiteY22" fmla="*/ 820846 h 1470339"/>
              <a:gd name="connsiteX23" fmla="*/ 647108 w 671038"/>
              <a:gd name="connsiteY23" fmla="*/ 849942 h 1470339"/>
              <a:gd name="connsiteX24" fmla="*/ 645207 w 671038"/>
              <a:gd name="connsiteY24" fmla="*/ 960331 h 1470339"/>
              <a:gd name="connsiteX25" fmla="*/ 619377 w 671038"/>
              <a:gd name="connsiteY25" fmla="*/ 1011992 h 1470339"/>
              <a:gd name="connsiteX26" fmla="*/ 573150 w 671038"/>
              <a:gd name="connsiteY26" fmla="*/ 1053321 h 1470339"/>
              <a:gd name="connsiteX27" fmla="*/ 535491 w 671038"/>
              <a:gd name="connsiteY27" fmla="*/ 1099816 h 1470339"/>
              <a:gd name="connsiteX28" fmla="*/ 511157 w 671038"/>
              <a:gd name="connsiteY28" fmla="*/ 1176078 h 1470339"/>
              <a:gd name="connsiteX29" fmla="*/ 500556 w 671038"/>
              <a:gd name="connsiteY29" fmla="*/ 1249633 h 1470339"/>
              <a:gd name="connsiteX30" fmla="*/ 479892 w 671038"/>
              <a:gd name="connsiteY30" fmla="*/ 1280629 h 1470339"/>
              <a:gd name="connsiteX31" fmla="*/ 469560 w 671038"/>
              <a:gd name="connsiteY31" fmla="*/ 1296128 h 1470339"/>
              <a:gd name="connsiteX32" fmla="*/ 454061 w 671038"/>
              <a:gd name="connsiteY32" fmla="*/ 1347789 h 1470339"/>
              <a:gd name="connsiteX33" fmla="*/ 448895 w 671038"/>
              <a:gd name="connsiteY33" fmla="*/ 1363287 h 1470339"/>
              <a:gd name="connsiteX34" fmla="*/ 438563 w 671038"/>
              <a:gd name="connsiteY34" fmla="*/ 1378785 h 1470339"/>
              <a:gd name="connsiteX35" fmla="*/ 428231 w 671038"/>
              <a:gd name="connsiteY35" fmla="*/ 1404616 h 1470339"/>
              <a:gd name="connsiteX36" fmla="*/ 412732 w 671038"/>
              <a:gd name="connsiteY36" fmla="*/ 1420114 h 1470339"/>
              <a:gd name="connsiteX37" fmla="*/ 402400 w 671038"/>
              <a:gd name="connsiteY37" fmla="*/ 1435612 h 1470339"/>
              <a:gd name="connsiteX38" fmla="*/ 221587 w 671038"/>
              <a:gd name="connsiteY38" fmla="*/ 1445945 h 1470339"/>
              <a:gd name="connsiteX39" fmla="*/ 9777 w 671038"/>
              <a:gd name="connsiteY39" fmla="*/ 1451111 h 1470339"/>
              <a:gd name="connsiteX40" fmla="*/ 35354 w 671038"/>
              <a:gd name="connsiteY40" fmla="*/ 1176475 h 1470339"/>
              <a:gd name="connsiteX41" fmla="*/ 34947 w 671038"/>
              <a:gd name="connsiteY41" fmla="*/ 977985 h 1470339"/>
              <a:gd name="connsiteX42" fmla="*/ 61438 w 671038"/>
              <a:gd name="connsiteY42" fmla="*/ 784684 h 1470339"/>
              <a:gd name="connsiteX43" fmla="*/ 112438 w 671038"/>
              <a:gd name="connsiteY43" fmla="*/ 701536 h 1470339"/>
              <a:gd name="connsiteX44" fmla="*/ 151268 w 671038"/>
              <a:gd name="connsiteY44" fmla="*/ 595546 h 1470339"/>
              <a:gd name="connsiteX45" fmla="*/ 199772 w 671038"/>
              <a:gd name="connsiteY45" fmla="*/ 454542 h 1470339"/>
              <a:gd name="connsiteX46" fmla="*/ 249915 w 671038"/>
              <a:gd name="connsiteY46" fmla="*/ 219938 h 1470339"/>
              <a:gd name="connsiteX47" fmla="*/ 292075 w 671038"/>
              <a:gd name="connsiteY47" fmla="*/ 127438 h 1470339"/>
              <a:gd name="connsiteX48" fmla="*/ 352575 w 671038"/>
              <a:gd name="connsiteY48" fmla="*/ 67771 h 14703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671038" h="1470339">
                <a:moveTo>
                  <a:pt x="352575" y="67771"/>
                </a:moveTo>
                <a:cubicBezTo>
                  <a:pt x="380988" y="58300"/>
                  <a:pt x="428395" y="8356"/>
                  <a:pt x="458224" y="1272"/>
                </a:cubicBezTo>
                <a:cubicBezTo>
                  <a:pt x="488053" y="-5812"/>
                  <a:pt x="516749" y="18685"/>
                  <a:pt x="531553" y="25267"/>
                </a:cubicBezTo>
                <a:cubicBezTo>
                  <a:pt x="546358" y="31849"/>
                  <a:pt x="541885" y="35599"/>
                  <a:pt x="547051" y="40765"/>
                </a:cubicBezTo>
                <a:lnTo>
                  <a:pt x="557383" y="71762"/>
                </a:lnTo>
                <a:lnTo>
                  <a:pt x="562549" y="87260"/>
                </a:lnTo>
                <a:cubicBezTo>
                  <a:pt x="564271" y="102758"/>
                  <a:pt x="565782" y="118282"/>
                  <a:pt x="567716" y="133755"/>
                </a:cubicBezTo>
                <a:cubicBezTo>
                  <a:pt x="569226" y="145837"/>
                  <a:pt x="571728" y="157795"/>
                  <a:pt x="572882" y="169917"/>
                </a:cubicBezTo>
                <a:cubicBezTo>
                  <a:pt x="575174" y="193978"/>
                  <a:pt x="575379" y="218221"/>
                  <a:pt x="578048" y="242243"/>
                </a:cubicBezTo>
                <a:cubicBezTo>
                  <a:pt x="578832" y="249300"/>
                  <a:pt x="581944" y="255922"/>
                  <a:pt x="583214" y="262907"/>
                </a:cubicBezTo>
                <a:cubicBezTo>
                  <a:pt x="585392" y="274887"/>
                  <a:pt x="585642" y="287205"/>
                  <a:pt x="588380" y="299070"/>
                </a:cubicBezTo>
                <a:cubicBezTo>
                  <a:pt x="590829" y="309682"/>
                  <a:pt x="596921" y="319324"/>
                  <a:pt x="598712" y="330067"/>
                </a:cubicBezTo>
                <a:cubicBezTo>
                  <a:pt x="604773" y="366435"/>
                  <a:pt x="600566" y="351126"/>
                  <a:pt x="609044" y="376562"/>
                </a:cubicBezTo>
                <a:cubicBezTo>
                  <a:pt x="610766" y="388616"/>
                  <a:pt x="587858" y="400445"/>
                  <a:pt x="580218" y="409324"/>
                </a:cubicBezTo>
                <a:cubicBezTo>
                  <a:pt x="572578" y="418203"/>
                  <a:pt x="562908" y="420704"/>
                  <a:pt x="563202" y="429836"/>
                </a:cubicBezTo>
                <a:cubicBezTo>
                  <a:pt x="563496" y="438968"/>
                  <a:pt x="569518" y="467788"/>
                  <a:pt x="571787" y="491311"/>
                </a:cubicBezTo>
                <a:cubicBezTo>
                  <a:pt x="574056" y="514834"/>
                  <a:pt x="578540" y="533087"/>
                  <a:pt x="576818" y="570972"/>
                </a:cubicBezTo>
                <a:cubicBezTo>
                  <a:pt x="587333" y="604369"/>
                  <a:pt x="622616" y="665547"/>
                  <a:pt x="634875" y="691694"/>
                </a:cubicBezTo>
                <a:cubicBezTo>
                  <a:pt x="647134" y="717841"/>
                  <a:pt x="634644" y="704263"/>
                  <a:pt x="650373" y="727856"/>
                </a:cubicBezTo>
                <a:cubicBezTo>
                  <a:pt x="652095" y="733022"/>
                  <a:pt x="653627" y="738256"/>
                  <a:pt x="655539" y="743355"/>
                </a:cubicBezTo>
                <a:cubicBezTo>
                  <a:pt x="658795" y="752038"/>
                  <a:pt x="662938" y="760388"/>
                  <a:pt x="665871" y="769185"/>
                </a:cubicBezTo>
                <a:cubicBezTo>
                  <a:pt x="668116" y="775921"/>
                  <a:pt x="669316" y="782962"/>
                  <a:pt x="671038" y="789850"/>
                </a:cubicBezTo>
                <a:cubicBezTo>
                  <a:pt x="669316" y="800182"/>
                  <a:pt x="669859" y="810831"/>
                  <a:pt x="665871" y="820846"/>
                </a:cubicBezTo>
                <a:cubicBezTo>
                  <a:pt x="661883" y="830861"/>
                  <a:pt x="650552" y="826695"/>
                  <a:pt x="647108" y="849942"/>
                </a:cubicBezTo>
                <a:cubicBezTo>
                  <a:pt x="643664" y="873190"/>
                  <a:pt x="649829" y="933323"/>
                  <a:pt x="645207" y="960331"/>
                </a:cubicBezTo>
                <a:cubicBezTo>
                  <a:pt x="640585" y="987339"/>
                  <a:pt x="631386" y="996494"/>
                  <a:pt x="619377" y="1011992"/>
                </a:cubicBezTo>
                <a:cubicBezTo>
                  <a:pt x="607368" y="1027490"/>
                  <a:pt x="587131" y="1038684"/>
                  <a:pt x="573150" y="1053321"/>
                </a:cubicBezTo>
                <a:cubicBezTo>
                  <a:pt x="559169" y="1067958"/>
                  <a:pt x="545823" y="1079357"/>
                  <a:pt x="535491" y="1099816"/>
                </a:cubicBezTo>
                <a:cubicBezTo>
                  <a:pt x="525159" y="1120275"/>
                  <a:pt x="516979" y="1151109"/>
                  <a:pt x="511157" y="1176078"/>
                </a:cubicBezTo>
                <a:cubicBezTo>
                  <a:pt x="505335" y="1201047"/>
                  <a:pt x="505767" y="1232208"/>
                  <a:pt x="500556" y="1249633"/>
                </a:cubicBezTo>
                <a:lnTo>
                  <a:pt x="479892" y="1280629"/>
                </a:lnTo>
                <a:lnTo>
                  <a:pt x="469560" y="1296128"/>
                </a:lnTo>
                <a:cubicBezTo>
                  <a:pt x="461752" y="1327360"/>
                  <a:pt x="466640" y="1310053"/>
                  <a:pt x="454061" y="1347789"/>
                </a:cubicBezTo>
                <a:cubicBezTo>
                  <a:pt x="452339" y="1352955"/>
                  <a:pt x="451916" y="1358756"/>
                  <a:pt x="448895" y="1363287"/>
                </a:cubicBezTo>
                <a:cubicBezTo>
                  <a:pt x="445451" y="1368453"/>
                  <a:pt x="441340" y="1373232"/>
                  <a:pt x="438563" y="1378785"/>
                </a:cubicBezTo>
                <a:cubicBezTo>
                  <a:pt x="434416" y="1387080"/>
                  <a:pt x="433146" y="1396752"/>
                  <a:pt x="428231" y="1404616"/>
                </a:cubicBezTo>
                <a:cubicBezTo>
                  <a:pt x="424359" y="1410812"/>
                  <a:pt x="417409" y="1414501"/>
                  <a:pt x="412732" y="1420114"/>
                </a:cubicBezTo>
                <a:cubicBezTo>
                  <a:pt x="408757" y="1424884"/>
                  <a:pt x="434257" y="1431307"/>
                  <a:pt x="402400" y="1435612"/>
                </a:cubicBezTo>
                <a:cubicBezTo>
                  <a:pt x="370543" y="1439917"/>
                  <a:pt x="287024" y="1443362"/>
                  <a:pt x="221587" y="1445945"/>
                </a:cubicBezTo>
                <a:cubicBezTo>
                  <a:pt x="156150" y="1448528"/>
                  <a:pt x="40816" y="1496023"/>
                  <a:pt x="9777" y="1451111"/>
                </a:cubicBezTo>
                <a:cubicBezTo>
                  <a:pt x="-21262" y="1406199"/>
                  <a:pt x="31159" y="1255329"/>
                  <a:pt x="35354" y="1176475"/>
                </a:cubicBezTo>
                <a:cubicBezTo>
                  <a:pt x="39549" y="1097621"/>
                  <a:pt x="30600" y="1043284"/>
                  <a:pt x="34947" y="977985"/>
                </a:cubicBezTo>
                <a:cubicBezTo>
                  <a:pt x="39294" y="912687"/>
                  <a:pt x="48523" y="830759"/>
                  <a:pt x="61438" y="784684"/>
                </a:cubicBezTo>
                <a:cubicBezTo>
                  <a:pt x="74353" y="738609"/>
                  <a:pt x="97466" y="733059"/>
                  <a:pt x="112438" y="701536"/>
                </a:cubicBezTo>
                <a:cubicBezTo>
                  <a:pt x="127410" y="670013"/>
                  <a:pt x="138325" y="630876"/>
                  <a:pt x="151268" y="595546"/>
                </a:cubicBezTo>
                <a:cubicBezTo>
                  <a:pt x="169158" y="566353"/>
                  <a:pt x="183331" y="517143"/>
                  <a:pt x="199772" y="454542"/>
                </a:cubicBezTo>
                <a:cubicBezTo>
                  <a:pt x="216213" y="391941"/>
                  <a:pt x="234531" y="274455"/>
                  <a:pt x="249915" y="219938"/>
                </a:cubicBezTo>
                <a:cubicBezTo>
                  <a:pt x="265299" y="165421"/>
                  <a:pt x="274965" y="152799"/>
                  <a:pt x="292075" y="127438"/>
                </a:cubicBezTo>
                <a:cubicBezTo>
                  <a:pt x="309185" y="102077"/>
                  <a:pt x="324162" y="77242"/>
                  <a:pt x="352575" y="67771"/>
                </a:cubicBezTo>
                <a:close/>
              </a:path>
            </a:pathLst>
          </a:custGeom>
          <a:solidFill>
            <a:srgbClr val="000000">
              <a:alpha val="30196"/>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 name="Oval 7"/>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9" name="Oval 8"/>
          <p:cNvSpPr/>
          <p:nvPr/>
        </p:nvSpPr>
        <p:spPr bwMode="auto">
          <a:xfrm>
            <a:off x="4904302" y="2951377"/>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Oval 10"/>
          <p:cNvSpPr/>
          <p:nvPr/>
        </p:nvSpPr>
        <p:spPr bwMode="auto">
          <a:xfrm>
            <a:off x="7068238" y="38455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Oval 9"/>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31" name="Oval 30"/>
          <p:cNvSpPr/>
          <p:nvPr/>
        </p:nvSpPr>
        <p:spPr bwMode="auto">
          <a:xfrm>
            <a:off x="4904302" y="2950825"/>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3" name="SWP Eastside"/>
          <p:cNvGrpSpPr/>
          <p:nvPr/>
        </p:nvGrpSpPr>
        <p:grpSpPr>
          <a:xfrm>
            <a:off x="4627917" y="1378177"/>
            <a:ext cx="2608342" cy="2174169"/>
            <a:chOff x="4627917" y="1378177"/>
            <a:chExt cx="2608342" cy="2174169"/>
          </a:xfrm>
          <a:effectLst>
            <a:outerShdw dist="38100" dir="8100000" algn="tr" rotWithShape="0">
              <a:schemeClr val="tx1"/>
            </a:outerShdw>
          </a:effectLst>
        </p:grpSpPr>
        <p:sp>
          <p:nvSpPr>
            <p:cNvPr id="26" name="Freeform 25"/>
            <p:cNvSpPr/>
            <p:nvPr/>
          </p:nvSpPr>
          <p:spPr bwMode="auto">
            <a:xfrm>
              <a:off x="5829585" y="2196639"/>
              <a:ext cx="526274" cy="236823"/>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45968 w 1045968"/>
                <a:gd name="connsiteY0" fmla="*/ 0 h 207220"/>
                <a:gd name="connsiteX1" fmla="*/ 1032811 w 1045968"/>
                <a:gd name="connsiteY1" fmla="*/ 23025 h 207220"/>
                <a:gd name="connsiteX2" fmla="*/ 1006498 w 1045968"/>
                <a:gd name="connsiteY2" fmla="*/ 55917 h 207220"/>
                <a:gd name="connsiteX3" fmla="*/ 996630 w 1045968"/>
                <a:gd name="connsiteY3" fmla="*/ 59206 h 207220"/>
                <a:gd name="connsiteX4" fmla="*/ 973606 w 1045968"/>
                <a:gd name="connsiteY4" fmla="*/ 69074 h 207220"/>
                <a:gd name="connsiteX5" fmla="*/ 927557 w 1045968"/>
                <a:gd name="connsiteY5" fmla="*/ 78941 h 207220"/>
                <a:gd name="connsiteX6" fmla="*/ 920978 w 1045968"/>
                <a:gd name="connsiteY6" fmla="*/ 85520 h 207220"/>
                <a:gd name="connsiteX7" fmla="*/ 911111 w 1045968"/>
                <a:gd name="connsiteY7" fmla="*/ 92098 h 207220"/>
                <a:gd name="connsiteX8" fmla="*/ 907822 w 1045968"/>
                <a:gd name="connsiteY8" fmla="*/ 101966 h 207220"/>
                <a:gd name="connsiteX9" fmla="*/ 891375 w 1045968"/>
                <a:gd name="connsiteY9" fmla="*/ 115122 h 207220"/>
                <a:gd name="connsiteX10" fmla="*/ 874929 w 1045968"/>
                <a:gd name="connsiteY10" fmla="*/ 118412 h 207220"/>
                <a:gd name="connsiteX11" fmla="*/ 842037 w 1045968"/>
                <a:gd name="connsiteY11" fmla="*/ 124990 h 207220"/>
                <a:gd name="connsiteX12" fmla="*/ 779542 w 1045968"/>
                <a:gd name="connsiteY12" fmla="*/ 128279 h 207220"/>
                <a:gd name="connsiteX13" fmla="*/ 717047 w 1045968"/>
                <a:gd name="connsiteY13" fmla="*/ 131569 h 207220"/>
                <a:gd name="connsiteX14" fmla="*/ 697312 w 1045968"/>
                <a:gd name="connsiteY14" fmla="*/ 138147 h 207220"/>
                <a:gd name="connsiteX15" fmla="*/ 654552 w 1045968"/>
                <a:gd name="connsiteY15" fmla="*/ 131569 h 207220"/>
                <a:gd name="connsiteX16" fmla="*/ 598636 w 1045968"/>
                <a:gd name="connsiteY16" fmla="*/ 141436 h 207220"/>
                <a:gd name="connsiteX17" fmla="*/ 552587 w 1045968"/>
                <a:gd name="connsiteY17" fmla="*/ 148015 h 207220"/>
                <a:gd name="connsiteX18" fmla="*/ 529563 w 1045968"/>
                <a:gd name="connsiteY18" fmla="*/ 157882 h 207220"/>
                <a:gd name="connsiteX19" fmla="*/ 467068 w 1045968"/>
                <a:gd name="connsiteY19" fmla="*/ 167750 h 207220"/>
                <a:gd name="connsiteX20" fmla="*/ 404573 w 1045968"/>
                <a:gd name="connsiteY20" fmla="*/ 174328 h 207220"/>
                <a:gd name="connsiteX21" fmla="*/ 384837 w 1045968"/>
                <a:gd name="connsiteY21" fmla="*/ 177617 h 207220"/>
                <a:gd name="connsiteX22" fmla="*/ 371681 w 1045968"/>
                <a:gd name="connsiteY22" fmla="*/ 180907 h 207220"/>
                <a:gd name="connsiteX23" fmla="*/ 289451 w 1045968"/>
                <a:gd name="connsiteY23" fmla="*/ 180907 h 207220"/>
                <a:gd name="connsiteX24" fmla="*/ 131568 w 1045968"/>
                <a:gd name="connsiteY24" fmla="*/ 194063 h 207220"/>
                <a:gd name="connsiteX25" fmla="*/ 92098 w 1045968"/>
                <a:gd name="connsiteY25" fmla="*/ 197353 h 207220"/>
                <a:gd name="connsiteX26" fmla="*/ 65784 w 1045968"/>
                <a:gd name="connsiteY26" fmla="*/ 200642 h 207220"/>
                <a:gd name="connsiteX27" fmla="*/ 42760 w 1045968"/>
                <a:gd name="connsiteY27" fmla="*/ 203931 h 207220"/>
                <a:gd name="connsiteX28" fmla="*/ 0 w 1045968"/>
                <a:gd name="connsiteY28" fmla="*/ 207220 h 207220"/>
                <a:gd name="connsiteX0" fmla="*/ 1003208 w 1003208"/>
                <a:gd name="connsiteY0" fmla="*/ 0 h 203931"/>
                <a:gd name="connsiteX1" fmla="*/ 990051 w 1003208"/>
                <a:gd name="connsiteY1" fmla="*/ 23025 h 203931"/>
                <a:gd name="connsiteX2" fmla="*/ 963738 w 1003208"/>
                <a:gd name="connsiteY2" fmla="*/ 55917 h 203931"/>
                <a:gd name="connsiteX3" fmla="*/ 953870 w 1003208"/>
                <a:gd name="connsiteY3" fmla="*/ 59206 h 203931"/>
                <a:gd name="connsiteX4" fmla="*/ 930846 w 1003208"/>
                <a:gd name="connsiteY4" fmla="*/ 69074 h 203931"/>
                <a:gd name="connsiteX5" fmla="*/ 884797 w 1003208"/>
                <a:gd name="connsiteY5" fmla="*/ 78941 h 203931"/>
                <a:gd name="connsiteX6" fmla="*/ 878218 w 1003208"/>
                <a:gd name="connsiteY6" fmla="*/ 85520 h 203931"/>
                <a:gd name="connsiteX7" fmla="*/ 868351 w 1003208"/>
                <a:gd name="connsiteY7" fmla="*/ 92098 h 203931"/>
                <a:gd name="connsiteX8" fmla="*/ 865062 w 1003208"/>
                <a:gd name="connsiteY8" fmla="*/ 101966 h 203931"/>
                <a:gd name="connsiteX9" fmla="*/ 848615 w 1003208"/>
                <a:gd name="connsiteY9" fmla="*/ 115122 h 203931"/>
                <a:gd name="connsiteX10" fmla="*/ 832169 w 1003208"/>
                <a:gd name="connsiteY10" fmla="*/ 118412 h 203931"/>
                <a:gd name="connsiteX11" fmla="*/ 799277 w 1003208"/>
                <a:gd name="connsiteY11" fmla="*/ 124990 h 203931"/>
                <a:gd name="connsiteX12" fmla="*/ 736782 w 1003208"/>
                <a:gd name="connsiteY12" fmla="*/ 128279 h 203931"/>
                <a:gd name="connsiteX13" fmla="*/ 674287 w 1003208"/>
                <a:gd name="connsiteY13" fmla="*/ 131569 h 203931"/>
                <a:gd name="connsiteX14" fmla="*/ 654552 w 1003208"/>
                <a:gd name="connsiteY14" fmla="*/ 138147 h 203931"/>
                <a:gd name="connsiteX15" fmla="*/ 611792 w 1003208"/>
                <a:gd name="connsiteY15" fmla="*/ 131569 h 203931"/>
                <a:gd name="connsiteX16" fmla="*/ 555876 w 1003208"/>
                <a:gd name="connsiteY16" fmla="*/ 141436 h 203931"/>
                <a:gd name="connsiteX17" fmla="*/ 509827 w 1003208"/>
                <a:gd name="connsiteY17" fmla="*/ 148015 h 203931"/>
                <a:gd name="connsiteX18" fmla="*/ 486803 w 1003208"/>
                <a:gd name="connsiteY18" fmla="*/ 157882 h 203931"/>
                <a:gd name="connsiteX19" fmla="*/ 424308 w 1003208"/>
                <a:gd name="connsiteY19" fmla="*/ 167750 h 203931"/>
                <a:gd name="connsiteX20" fmla="*/ 361813 w 1003208"/>
                <a:gd name="connsiteY20" fmla="*/ 174328 h 203931"/>
                <a:gd name="connsiteX21" fmla="*/ 342077 w 1003208"/>
                <a:gd name="connsiteY21" fmla="*/ 177617 h 203931"/>
                <a:gd name="connsiteX22" fmla="*/ 328921 w 1003208"/>
                <a:gd name="connsiteY22" fmla="*/ 180907 h 203931"/>
                <a:gd name="connsiteX23" fmla="*/ 246691 w 1003208"/>
                <a:gd name="connsiteY23" fmla="*/ 180907 h 203931"/>
                <a:gd name="connsiteX24" fmla="*/ 88808 w 1003208"/>
                <a:gd name="connsiteY24" fmla="*/ 194063 h 203931"/>
                <a:gd name="connsiteX25" fmla="*/ 49338 w 1003208"/>
                <a:gd name="connsiteY25" fmla="*/ 197353 h 203931"/>
                <a:gd name="connsiteX26" fmla="*/ 23024 w 1003208"/>
                <a:gd name="connsiteY26" fmla="*/ 200642 h 203931"/>
                <a:gd name="connsiteX27" fmla="*/ 0 w 1003208"/>
                <a:gd name="connsiteY27" fmla="*/ 203931 h 203931"/>
                <a:gd name="connsiteX0" fmla="*/ 980184 w 980184"/>
                <a:gd name="connsiteY0" fmla="*/ 0 h 200642"/>
                <a:gd name="connsiteX1" fmla="*/ 967027 w 980184"/>
                <a:gd name="connsiteY1" fmla="*/ 23025 h 200642"/>
                <a:gd name="connsiteX2" fmla="*/ 940714 w 980184"/>
                <a:gd name="connsiteY2" fmla="*/ 55917 h 200642"/>
                <a:gd name="connsiteX3" fmla="*/ 930846 w 980184"/>
                <a:gd name="connsiteY3" fmla="*/ 59206 h 200642"/>
                <a:gd name="connsiteX4" fmla="*/ 907822 w 980184"/>
                <a:gd name="connsiteY4" fmla="*/ 69074 h 200642"/>
                <a:gd name="connsiteX5" fmla="*/ 861773 w 980184"/>
                <a:gd name="connsiteY5" fmla="*/ 78941 h 200642"/>
                <a:gd name="connsiteX6" fmla="*/ 855194 w 980184"/>
                <a:gd name="connsiteY6" fmla="*/ 85520 h 200642"/>
                <a:gd name="connsiteX7" fmla="*/ 845327 w 980184"/>
                <a:gd name="connsiteY7" fmla="*/ 92098 h 200642"/>
                <a:gd name="connsiteX8" fmla="*/ 842038 w 980184"/>
                <a:gd name="connsiteY8" fmla="*/ 101966 h 200642"/>
                <a:gd name="connsiteX9" fmla="*/ 825591 w 980184"/>
                <a:gd name="connsiteY9" fmla="*/ 115122 h 200642"/>
                <a:gd name="connsiteX10" fmla="*/ 809145 w 980184"/>
                <a:gd name="connsiteY10" fmla="*/ 118412 h 200642"/>
                <a:gd name="connsiteX11" fmla="*/ 776253 w 980184"/>
                <a:gd name="connsiteY11" fmla="*/ 124990 h 200642"/>
                <a:gd name="connsiteX12" fmla="*/ 713758 w 980184"/>
                <a:gd name="connsiteY12" fmla="*/ 128279 h 200642"/>
                <a:gd name="connsiteX13" fmla="*/ 651263 w 980184"/>
                <a:gd name="connsiteY13" fmla="*/ 131569 h 200642"/>
                <a:gd name="connsiteX14" fmla="*/ 631528 w 980184"/>
                <a:gd name="connsiteY14" fmla="*/ 138147 h 200642"/>
                <a:gd name="connsiteX15" fmla="*/ 588768 w 980184"/>
                <a:gd name="connsiteY15" fmla="*/ 131569 h 200642"/>
                <a:gd name="connsiteX16" fmla="*/ 532852 w 980184"/>
                <a:gd name="connsiteY16" fmla="*/ 141436 h 200642"/>
                <a:gd name="connsiteX17" fmla="*/ 486803 w 980184"/>
                <a:gd name="connsiteY17" fmla="*/ 148015 h 200642"/>
                <a:gd name="connsiteX18" fmla="*/ 463779 w 980184"/>
                <a:gd name="connsiteY18" fmla="*/ 157882 h 200642"/>
                <a:gd name="connsiteX19" fmla="*/ 401284 w 980184"/>
                <a:gd name="connsiteY19" fmla="*/ 167750 h 200642"/>
                <a:gd name="connsiteX20" fmla="*/ 338789 w 980184"/>
                <a:gd name="connsiteY20" fmla="*/ 174328 h 200642"/>
                <a:gd name="connsiteX21" fmla="*/ 319053 w 980184"/>
                <a:gd name="connsiteY21" fmla="*/ 177617 h 200642"/>
                <a:gd name="connsiteX22" fmla="*/ 305897 w 980184"/>
                <a:gd name="connsiteY22" fmla="*/ 180907 h 200642"/>
                <a:gd name="connsiteX23" fmla="*/ 223667 w 980184"/>
                <a:gd name="connsiteY23" fmla="*/ 180907 h 200642"/>
                <a:gd name="connsiteX24" fmla="*/ 65784 w 980184"/>
                <a:gd name="connsiteY24" fmla="*/ 194063 h 200642"/>
                <a:gd name="connsiteX25" fmla="*/ 26314 w 980184"/>
                <a:gd name="connsiteY25" fmla="*/ 197353 h 200642"/>
                <a:gd name="connsiteX26" fmla="*/ 0 w 980184"/>
                <a:gd name="connsiteY26" fmla="*/ 200642 h 200642"/>
                <a:gd name="connsiteX0" fmla="*/ 953870 w 953870"/>
                <a:gd name="connsiteY0" fmla="*/ 0 h 197353"/>
                <a:gd name="connsiteX1" fmla="*/ 940713 w 953870"/>
                <a:gd name="connsiteY1" fmla="*/ 23025 h 197353"/>
                <a:gd name="connsiteX2" fmla="*/ 914400 w 953870"/>
                <a:gd name="connsiteY2" fmla="*/ 55917 h 197353"/>
                <a:gd name="connsiteX3" fmla="*/ 904532 w 953870"/>
                <a:gd name="connsiteY3" fmla="*/ 59206 h 197353"/>
                <a:gd name="connsiteX4" fmla="*/ 881508 w 953870"/>
                <a:gd name="connsiteY4" fmla="*/ 69074 h 197353"/>
                <a:gd name="connsiteX5" fmla="*/ 835459 w 953870"/>
                <a:gd name="connsiteY5" fmla="*/ 78941 h 197353"/>
                <a:gd name="connsiteX6" fmla="*/ 828880 w 953870"/>
                <a:gd name="connsiteY6" fmla="*/ 85520 h 197353"/>
                <a:gd name="connsiteX7" fmla="*/ 819013 w 953870"/>
                <a:gd name="connsiteY7" fmla="*/ 92098 h 197353"/>
                <a:gd name="connsiteX8" fmla="*/ 815724 w 953870"/>
                <a:gd name="connsiteY8" fmla="*/ 101966 h 197353"/>
                <a:gd name="connsiteX9" fmla="*/ 799277 w 953870"/>
                <a:gd name="connsiteY9" fmla="*/ 115122 h 197353"/>
                <a:gd name="connsiteX10" fmla="*/ 782831 w 953870"/>
                <a:gd name="connsiteY10" fmla="*/ 118412 h 197353"/>
                <a:gd name="connsiteX11" fmla="*/ 749939 w 953870"/>
                <a:gd name="connsiteY11" fmla="*/ 124990 h 197353"/>
                <a:gd name="connsiteX12" fmla="*/ 687444 w 953870"/>
                <a:gd name="connsiteY12" fmla="*/ 128279 h 197353"/>
                <a:gd name="connsiteX13" fmla="*/ 624949 w 953870"/>
                <a:gd name="connsiteY13" fmla="*/ 131569 h 197353"/>
                <a:gd name="connsiteX14" fmla="*/ 605214 w 953870"/>
                <a:gd name="connsiteY14" fmla="*/ 138147 h 197353"/>
                <a:gd name="connsiteX15" fmla="*/ 562454 w 953870"/>
                <a:gd name="connsiteY15" fmla="*/ 131569 h 197353"/>
                <a:gd name="connsiteX16" fmla="*/ 506538 w 953870"/>
                <a:gd name="connsiteY16" fmla="*/ 141436 h 197353"/>
                <a:gd name="connsiteX17" fmla="*/ 460489 w 953870"/>
                <a:gd name="connsiteY17" fmla="*/ 148015 h 197353"/>
                <a:gd name="connsiteX18" fmla="*/ 437465 w 953870"/>
                <a:gd name="connsiteY18" fmla="*/ 157882 h 197353"/>
                <a:gd name="connsiteX19" fmla="*/ 374970 w 953870"/>
                <a:gd name="connsiteY19" fmla="*/ 167750 h 197353"/>
                <a:gd name="connsiteX20" fmla="*/ 312475 w 953870"/>
                <a:gd name="connsiteY20" fmla="*/ 174328 h 197353"/>
                <a:gd name="connsiteX21" fmla="*/ 292739 w 953870"/>
                <a:gd name="connsiteY21" fmla="*/ 177617 h 197353"/>
                <a:gd name="connsiteX22" fmla="*/ 279583 w 953870"/>
                <a:gd name="connsiteY22" fmla="*/ 180907 h 197353"/>
                <a:gd name="connsiteX23" fmla="*/ 197353 w 953870"/>
                <a:gd name="connsiteY23" fmla="*/ 180907 h 197353"/>
                <a:gd name="connsiteX24" fmla="*/ 39470 w 953870"/>
                <a:gd name="connsiteY24" fmla="*/ 194063 h 197353"/>
                <a:gd name="connsiteX25" fmla="*/ 0 w 953870"/>
                <a:gd name="connsiteY25" fmla="*/ 197353 h 197353"/>
                <a:gd name="connsiteX0" fmla="*/ 914400 w 914400"/>
                <a:gd name="connsiteY0" fmla="*/ 0 h 194063"/>
                <a:gd name="connsiteX1" fmla="*/ 901243 w 914400"/>
                <a:gd name="connsiteY1" fmla="*/ 23025 h 194063"/>
                <a:gd name="connsiteX2" fmla="*/ 874930 w 914400"/>
                <a:gd name="connsiteY2" fmla="*/ 55917 h 194063"/>
                <a:gd name="connsiteX3" fmla="*/ 865062 w 914400"/>
                <a:gd name="connsiteY3" fmla="*/ 59206 h 194063"/>
                <a:gd name="connsiteX4" fmla="*/ 842038 w 914400"/>
                <a:gd name="connsiteY4" fmla="*/ 69074 h 194063"/>
                <a:gd name="connsiteX5" fmla="*/ 795989 w 914400"/>
                <a:gd name="connsiteY5" fmla="*/ 78941 h 194063"/>
                <a:gd name="connsiteX6" fmla="*/ 789410 w 914400"/>
                <a:gd name="connsiteY6" fmla="*/ 85520 h 194063"/>
                <a:gd name="connsiteX7" fmla="*/ 779543 w 914400"/>
                <a:gd name="connsiteY7" fmla="*/ 92098 h 194063"/>
                <a:gd name="connsiteX8" fmla="*/ 776254 w 914400"/>
                <a:gd name="connsiteY8" fmla="*/ 101966 h 194063"/>
                <a:gd name="connsiteX9" fmla="*/ 759807 w 914400"/>
                <a:gd name="connsiteY9" fmla="*/ 115122 h 194063"/>
                <a:gd name="connsiteX10" fmla="*/ 743361 w 914400"/>
                <a:gd name="connsiteY10" fmla="*/ 118412 h 194063"/>
                <a:gd name="connsiteX11" fmla="*/ 710469 w 914400"/>
                <a:gd name="connsiteY11" fmla="*/ 124990 h 194063"/>
                <a:gd name="connsiteX12" fmla="*/ 647974 w 914400"/>
                <a:gd name="connsiteY12" fmla="*/ 128279 h 194063"/>
                <a:gd name="connsiteX13" fmla="*/ 585479 w 914400"/>
                <a:gd name="connsiteY13" fmla="*/ 131569 h 194063"/>
                <a:gd name="connsiteX14" fmla="*/ 565744 w 914400"/>
                <a:gd name="connsiteY14" fmla="*/ 138147 h 194063"/>
                <a:gd name="connsiteX15" fmla="*/ 522984 w 914400"/>
                <a:gd name="connsiteY15" fmla="*/ 131569 h 194063"/>
                <a:gd name="connsiteX16" fmla="*/ 467068 w 914400"/>
                <a:gd name="connsiteY16" fmla="*/ 141436 h 194063"/>
                <a:gd name="connsiteX17" fmla="*/ 421019 w 914400"/>
                <a:gd name="connsiteY17" fmla="*/ 148015 h 194063"/>
                <a:gd name="connsiteX18" fmla="*/ 397995 w 914400"/>
                <a:gd name="connsiteY18" fmla="*/ 157882 h 194063"/>
                <a:gd name="connsiteX19" fmla="*/ 335500 w 914400"/>
                <a:gd name="connsiteY19" fmla="*/ 167750 h 194063"/>
                <a:gd name="connsiteX20" fmla="*/ 273005 w 914400"/>
                <a:gd name="connsiteY20" fmla="*/ 174328 h 194063"/>
                <a:gd name="connsiteX21" fmla="*/ 253269 w 914400"/>
                <a:gd name="connsiteY21" fmla="*/ 177617 h 194063"/>
                <a:gd name="connsiteX22" fmla="*/ 240113 w 914400"/>
                <a:gd name="connsiteY22" fmla="*/ 180907 h 194063"/>
                <a:gd name="connsiteX23" fmla="*/ 157883 w 914400"/>
                <a:gd name="connsiteY23" fmla="*/ 180907 h 194063"/>
                <a:gd name="connsiteX24" fmla="*/ 0 w 914400"/>
                <a:gd name="connsiteY24" fmla="*/ 194063 h 194063"/>
                <a:gd name="connsiteX0" fmla="*/ 756517 w 756517"/>
                <a:gd name="connsiteY0" fmla="*/ 0 h 181022"/>
                <a:gd name="connsiteX1" fmla="*/ 743360 w 756517"/>
                <a:gd name="connsiteY1" fmla="*/ 23025 h 181022"/>
                <a:gd name="connsiteX2" fmla="*/ 717047 w 756517"/>
                <a:gd name="connsiteY2" fmla="*/ 55917 h 181022"/>
                <a:gd name="connsiteX3" fmla="*/ 707179 w 756517"/>
                <a:gd name="connsiteY3" fmla="*/ 59206 h 181022"/>
                <a:gd name="connsiteX4" fmla="*/ 684155 w 756517"/>
                <a:gd name="connsiteY4" fmla="*/ 69074 h 181022"/>
                <a:gd name="connsiteX5" fmla="*/ 638106 w 756517"/>
                <a:gd name="connsiteY5" fmla="*/ 78941 h 181022"/>
                <a:gd name="connsiteX6" fmla="*/ 631527 w 756517"/>
                <a:gd name="connsiteY6" fmla="*/ 85520 h 181022"/>
                <a:gd name="connsiteX7" fmla="*/ 621660 w 756517"/>
                <a:gd name="connsiteY7" fmla="*/ 92098 h 181022"/>
                <a:gd name="connsiteX8" fmla="*/ 618371 w 756517"/>
                <a:gd name="connsiteY8" fmla="*/ 101966 h 181022"/>
                <a:gd name="connsiteX9" fmla="*/ 601924 w 756517"/>
                <a:gd name="connsiteY9" fmla="*/ 115122 h 181022"/>
                <a:gd name="connsiteX10" fmla="*/ 585478 w 756517"/>
                <a:gd name="connsiteY10" fmla="*/ 118412 h 181022"/>
                <a:gd name="connsiteX11" fmla="*/ 552586 w 756517"/>
                <a:gd name="connsiteY11" fmla="*/ 124990 h 181022"/>
                <a:gd name="connsiteX12" fmla="*/ 490091 w 756517"/>
                <a:gd name="connsiteY12" fmla="*/ 128279 h 181022"/>
                <a:gd name="connsiteX13" fmla="*/ 427596 w 756517"/>
                <a:gd name="connsiteY13" fmla="*/ 131569 h 181022"/>
                <a:gd name="connsiteX14" fmla="*/ 407861 w 756517"/>
                <a:gd name="connsiteY14" fmla="*/ 138147 h 181022"/>
                <a:gd name="connsiteX15" fmla="*/ 365101 w 756517"/>
                <a:gd name="connsiteY15" fmla="*/ 131569 h 181022"/>
                <a:gd name="connsiteX16" fmla="*/ 309185 w 756517"/>
                <a:gd name="connsiteY16" fmla="*/ 141436 h 181022"/>
                <a:gd name="connsiteX17" fmla="*/ 263136 w 756517"/>
                <a:gd name="connsiteY17" fmla="*/ 148015 h 181022"/>
                <a:gd name="connsiteX18" fmla="*/ 240112 w 756517"/>
                <a:gd name="connsiteY18" fmla="*/ 157882 h 181022"/>
                <a:gd name="connsiteX19" fmla="*/ 177617 w 756517"/>
                <a:gd name="connsiteY19" fmla="*/ 167750 h 181022"/>
                <a:gd name="connsiteX20" fmla="*/ 115122 w 756517"/>
                <a:gd name="connsiteY20" fmla="*/ 174328 h 181022"/>
                <a:gd name="connsiteX21" fmla="*/ 95386 w 756517"/>
                <a:gd name="connsiteY21" fmla="*/ 177617 h 181022"/>
                <a:gd name="connsiteX22" fmla="*/ 82230 w 756517"/>
                <a:gd name="connsiteY22" fmla="*/ 180907 h 181022"/>
                <a:gd name="connsiteX23" fmla="*/ 0 w 756517"/>
                <a:gd name="connsiteY23" fmla="*/ 180907 h 181022"/>
                <a:gd name="connsiteX0" fmla="*/ 674287 w 674287"/>
                <a:gd name="connsiteY0" fmla="*/ 0 h 180907"/>
                <a:gd name="connsiteX1" fmla="*/ 661130 w 674287"/>
                <a:gd name="connsiteY1" fmla="*/ 23025 h 180907"/>
                <a:gd name="connsiteX2" fmla="*/ 634817 w 674287"/>
                <a:gd name="connsiteY2" fmla="*/ 55917 h 180907"/>
                <a:gd name="connsiteX3" fmla="*/ 624949 w 674287"/>
                <a:gd name="connsiteY3" fmla="*/ 59206 h 180907"/>
                <a:gd name="connsiteX4" fmla="*/ 601925 w 674287"/>
                <a:gd name="connsiteY4" fmla="*/ 69074 h 180907"/>
                <a:gd name="connsiteX5" fmla="*/ 555876 w 674287"/>
                <a:gd name="connsiteY5" fmla="*/ 78941 h 180907"/>
                <a:gd name="connsiteX6" fmla="*/ 549297 w 674287"/>
                <a:gd name="connsiteY6" fmla="*/ 85520 h 180907"/>
                <a:gd name="connsiteX7" fmla="*/ 539430 w 674287"/>
                <a:gd name="connsiteY7" fmla="*/ 92098 h 180907"/>
                <a:gd name="connsiteX8" fmla="*/ 536141 w 674287"/>
                <a:gd name="connsiteY8" fmla="*/ 101966 h 180907"/>
                <a:gd name="connsiteX9" fmla="*/ 519694 w 674287"/>
                <a:gd name="connsiteY9" fmla="*/ 115122 h 180907"/>
                <a:gd name="connsiteX10" fmla="*/ 503248 w 674287"/>
                <a:gd name="connsiteY10" fmla="*/ 118412 h 180907"/>
                <a:gd name="connsiteX11" fmla="*/ 470356 w 674287"/>
                <a:gd name="connsiteY11" fmla="*/ 124990 h 180907"/>
                <a:gd name="connsiteX12" fmla="*/ 407861 w 674287"/>
                <a:gd name="connsiteY12" fmla="*/ 128279 h 180907"/>
                <a:gd name="connsiteX13" fmla="*/ 345366 w 674287"/>
                <a:gd name="connsiteY13" fmla="*/ 131569 h 180907"/>
                <a:gd name="connsiteX14" fmla="*/ 325631 w 674287"/>
                <a:gd name="connsiteY14" fmla="*/ 138147 h 180907"/>
                <a:gd name="connsiteX15" fmla="*/ 282871 w 674287"/>
                <a:gd name="connsiteY15" fmla="*/ 131569 h 180907"/>
                <a:gd name="connsiteX16" fmla="*/ 226955 w 674287"/>
                <a:gd name="connsiteY16" fmla="*/ 141436 h 180907"/>
                <a:gd name="connsiteX17" fmla="*/ 180906 w 674287"/>
                <a:gd name="connsiteY17" fmla="*/ 148015 h 180907"/>
                <a:gd name="connsiteX18" fmla="*/ 157882 w 674287"/>
                <a:gd name="connsiteY18" fmla="*/ 157882 h 180907"/>
                <a:gd name="connsiteX19" fmla="*/ 95387 w 674287"/>
                <a:gd name="connsiteY19" fmla="*/ 167750 h 180907"/>
                <a:gd name="connsiteX20" fmla="*/ 32892 w 674287"/>
                <a:gd name="connsiteY20" fmla="*/ 174328 h 180907"/>
                <a:gd name="connsiteX21" fmla="*/ 13156 w 674287"/>
                <a:gd name="connsiteY21" fmla="*/ 177617 h 180907"/>
                <a:gd name="connsiteX22" fmla="*/ 0 w 674287"/>
                <a:gd name="connsiteY22" fmla="*/ 180907 h 180907"/>
                <a:gd name="connsiteX0" fmla="*/ 661131 w 661131"/>
                <a:gd name="connsiteY0" fmla="*/ 0 h 177617"/>
                <a:gd name="connsiteX1" fmla="*/ 647974 w 661131"/>
                <a:gd name="connsiteY1" fmla="*/ 23025 h 177617"/>
                <a:gd name="connsiteX2" fmla="*/ 621661 w 661131"/>
                <a:gd name="connsiteY2" fmla="*/ 55917 h 177617"/>
                <a:gd name="connsiteX3" fmla="*/ 611793 w 661131"/>
                <a:gd name="connsiteY3" fmla="*/ 59206 h 177617"/>
                <a:gd name="connsiteX4" fmla="*/ 588769 w 661131"/>
                <a:gd name="connsiteY4" fmla="*/ 69074 h 177617"/>
                <a:gd name="connsiteX5" fmla="*/ 542720 w 661131"/>
                <a:gd name="connsiteY5" fmla="*/ 78941 h 177617"/>
                <a:gd name="connsiteX6" fmla="*/ 536141 w 661131"/>
                <a:gd name="connsiteY6" fmla="*/ 85520 h 177617"/>
                <a:gd name="connsiteX7" fmla="*/ 526274 w 661131"/>
                <a:gd name="connsiteY7" fmla="*/ 92098 h 177617"/>
                <a:gd name="connsiteX8" fmla="*/ 522985 w 661131"/>
                <a:gd name="connsiteY8" fmla="*/ 101966 h 177617"/>
                <a:gd name="connsiteX9" fmla="*/ 506538 w 661131"/>
                <a:gd name="connsiteY9" fmla="*/ 115122 h 177617"/>
                <a:gd name="connsiteX10" fmla="*/ 490092 w 661131"/>
                <a:gd name="connsiteY10" fmla="*/ 118412 h 177617"/>
                <a:gd name="connsiteX11" fmla="*/ 457200 w 661131"/>
                <a:gd name="connsiteY11" fmla="*/ 124990 h 177617"/>
                <a:gd name="connsiteX12" fmla="*/ 394705 w 661131"/>
                <a:gd name="connsiteY12" fmla="*/ 128279 h 177617"/>
                <a:gd name="connsiteX13" fmla="*/ 332210 w 661131"/>
                <a:gd name="connsiteY13" fmla="*/ 131569 h 177617"/>
                <a:gd name="connsiteX14" fmla="*/ 312475 w 661131"/>
                <a:gd name="connsiteY14" fmla="*/ 138147 h 177617"/>
                <a:gd name="connsiteX15" fmla="*/ 269715 w 661131"/>
                <a:gd name="connsiteY15" fmla="*/ 131569 h 177617"/>
                <a:gd name="connsiteX16" fmla="*/ 213799 w 661131"/>
                <a:gd name="connsiteY16" fmla="*/ 141436 h 177617"/>
                <a:gd name="connsiteX17" fmla="*/ 167750 w 661131"/>
                <a:gd name="connsiteY17" fmla="*/ 148015 h 177617"/>
                <a:gd name="connsiteX18" fmla="*/ 144726 w 661131"/>
                <a:gd name="connsiteY18" fmla="*/ 157882 h 177617"/>
                <a:gd name="connsiteX19" fmla="*/ 82231 w 661131"/>
                <a:gd name="connsiteY19" fmla="*/ 167750 h 177617"/>
                <a:gd name="connsiteX20" fmla="*/ 19736 w 661131"/>
                <a:gd name="connsiteY20" fmla="*/ 174328 h 177617"/>
                <a:gd name="connsiteX21" fmla="*/ 0 w 661131"/>
                <a:gd name="connsiteY21" fmla="*/ 177617 h 177617"/>
                <a:gd name="connsiteX0" fmla="*/ 641395 w 641395"/>
                <a:gd name="connsiteY0" fmla="*/ 0 h 174328"/>
                <a:gd name="connsiteX1" fmla="*/ 628238 w 641395"/>
                <a:gd name="connsiteY1" fmla="*/ 23025 h 174328"/>
                <a:gd name="connsiteX2" fmla="*/ 601925 w 641395"/>
                <a:gd name="connsiteY2" fmla="*/ 55917 h 174328"/>
                <a:gd name="connsiteX3" fmla="*/ 592057 w 641395"/>
                <a:gd name="connsiteY3" fmla="*/ 59206 h 174328"/>
                <a:gd name="connsiteX4" fmla="*/ 569033 w 641395"/>
                <a:gd name="connsiteY4" fmla="*/ 69074 h 174328"/>
                <a:gd name="connsiteX5" fmla="*/ 522984 w 641395"/>
                <a:gd name="connsiteY5" fmla="*/ 78941 h 174328"/>
                <a:gd name="connsiteX6" fmla="*/ 516405 w 641395"/>
                <a:gd name="connsiteY6" fmla="*/ 85520 h 174328"/>
                <a:gd name="connsiteX7" fmla="*/ 506538 w 641395"/>
                <a:gd name="connsiteY7" fmla="*/ 92098 h 174328"/>
                <a:gd name="connsiteX8" fmla="*/ 503249 w 641395"/>
                <a:gd name="connsiteY8" fmla="*/ 101966 h 174328"/>
                <a:gd name="connsiteX9" fmla="*/ 486802 w 641395"/>
                <a:gd name="connsiteY9" fmla="*/ 115122 h 174328"/>
                <a:gd name="connsiteX10" fmla="*/ 470356 w 641395"/>
                <a:gd name="connsiteY10" fmla="*/ 118412 h 174328"/>
                <a:gd name="connsiteX11" fmla="*/ 437464 w 641395"/>
                <a:gd name="connsiteY11" fmla="*/ 124990 h 174328"/>
                <a:gd name="connsiteX12" fmla="*/ 374969 w 641395"/>
                <a:gd name="connsiteY12" fmla="*/ 128279 h 174328"/>
                <a:gd name="connsiteX13" fmla="*/ 312474 w 641395"/>
                <a:gd name="connsiteY13" fmla="*/ 131569 h 174328"/>
                <a:gd name="connsiteX14" fmla="*/ 292739 w 641395"/>
                <a:gd name="connsiteY14" fmla="*/ 138147 h 174328"/>
                <a:gd name="connsiteX15" fmla="*/ 249979 w 641395"/>
                <a:gd name="connsiteY15" fmla="*/ 131569 h 174328"/>
                <a:gd name="connsiteX16" fmla="*/ 194063 w 641395"/>
                <a:gd name="connsiteY16" fmla="*/ 141436 h 174328"/>
                <a:gd name="connsiteX17" fmla="*/ 148014 w 641395"/>
                <a:gd name="connsiteY17" fmla="*/ 148015 h 174328"/>
                <a:gd name="connsiteX18" fmla="*/ 124990 w 641395"/>
                <a:gd name="connsiteY18" fmla="*/ 157882 h 174328"/>
                <a:gd name="connsiteX19" fmla="*/ 62495 w 641395"/>
                <a:gd name="connsiteY19" fmla="*/ 167750 h 174328"/>
                <a:gd name="connsiteX20" fmla="*/ 0 w 641395"/>
                <a:gd name="connsiteY20" fmla="*/ 174328 h 174328"/>
                <a:gd name="connsiteX0" fmla="*/ 578900 w 578900"/>
                <a:gd name="connsiteY0" fmla="*/ 0 h 167750"/>
                <a:gd name="connsiteX1" fmla="*/ 565743 w 578900"/>
                <a:gd name="connsiteY1" fmla="*/ 23025 h 167750"/>
                <a:gd name="connsiteX2" fmla="*/ 539430 w 578900"/>
                <a:gd name="connsiteY2" fmla="*/ 55917 h 167750"/>
                <a:gd name="connsiteX3" fmla="*/ 529562 w 578900"/>
                <a:gd name="connsiteY3" fmla="*/ 59206 h 167750"/>
                <a:gd name="connsiteX4" fmla="*/ 506538 w 578900"/>
                <a:gd name="connsiteY4" fmla="*/ 69074 h 167750"/>
                <a:gd name="connsiteX5" fmla="*/ 460489 w 578900"/>
                <a:gd name="connsiteY5" fmla="*/ 78941 h 167750"/>
                <a:gd name="connsiteX6" fmla="*/ 453910 w 578900"/>
                <a:gd name="connsiteY6" fmla="*/ 85520 h 167750"/>
                <a:gd name="connsiteX7" fmla="*/ 444043 w 578900"/>
                <a:gd name="connsiteY7" fmla="*/ 92098 h 167750"/>
                <a:gd name="connsiteX8" fmla="*/ 440754 w 578900"/>
                <a:gd name="connsiteY8" fmla="*/ 101966 h 167750"/>
                <a:gd name="connsiteX9" fmla="*/ 424307 w 578900"/>
                <a:gd name="connsiteY9" fmla="*/ 115122 h 167750"/>
                <a:gd name="connsiteX10" fmla="*/ 407861 w 578900"/>
                <a:gd name="connsiteY10" fmla="*/ 118412 h 167750"/>
                <a:gd name="connsiteX11" fmla="*/ 374969 w 578900"/>
                <a:gd name="connsiteY11" fmla="*/ 124990 h 167750"/>
                <a:gd name="connsiteX12" fmla="*/ 312474 w 578900"/>
                <a:gd name="connsiteY12" fmla="*/ 128279 h 167750"/>
                <a:gd name="connsiteX13" fmla="*/ 249979 w 578900"/>
                <a:gd name="connsiteY13" fmla="*/ 131569 h 167750"/>
                <a:gd name="connsiteX14" fmla="*/ 230244 w 578900"/>
                <a:gd name="connsiteY14" fmla="*/ 138147 h 167750"/>
                <a:gd name="connsiteX15" fmla="*/ 187484 w 578900"/>
                <a:gd name="connsiteY15" fmla="*/ 131569 h 167750"/>
                <a:gd name="connsiteX16" fmla="*/ 131568 w 578900"/>
                <a:gd name="connsiteY16" fmla="*/ 141436 h 167750"/>
                <a:gd name="connsiteX17" fmla="*/ 85519 w 578900"/>
                <a:gd name="connsiteY17" fmla="*/ 148015 h 167750"/>
                <a:gd name="connsiteX18" fmla="*/ 62495 w 578900"/>
                <a:gd name="connsiteY18" fmla="*/ 157882 h 167750"/>
                <a:gd name="connsiteX19" fmla="*/ 0 w 578900"/>
                <a:gd name="connsiteY19" fmla="*/ 167750 h 167750"/>
                <a:gd name="connsiteX0" fmla="*/ 516405 w 516405"/>
                <a:gd name="connsiteY0" fmla="*/ 0 h 157882"/>
                <a:gd name="connsiteX1" fmla="*/ 503248 w 516405"/>
                <a:gd name="connsiteY1" fmla="*/ 23025 h 157882"/>
                <a:gd name="connsiteX2" fmla="*/ 476935 w 516405"/>
                <a:gd name="connsiteY2" fmla="*/ 55917 h 157882"/>
                <a:gd name="connsiteX3" fmla="*/ 467067 w 516405"/>
                <a:gd name="connsiteY3" fmla="*/ 59206 h 157882"/>
                <a:gd name="connsiteX4" fmla="*/ 444043 w 516405"/>
                <a:gd name="connsiteY4" fmla="*/ 69074 h 157882"/>
                <a:gd name="connsiteX5" fmla="*/ 397994 w 516405"/>
                <a:gd name="connsiteY5" fmla="*/ 78941 h 157882"/>
                <a:gd name="connsiteX6" fmla="*/ 391415 w 516405"/>
                <a:gd name="connsiteY6" fmla="*/ 85520 h 157882"/>
                <a:gd name="connsiteX7" fmla="*/ 381548 w 516405"/>
                <a:gd name="connsiteY7" fmla="*/ 92098 h 157882"/>
                <a:gd name="connsiteX8" fmla="*/ 378259 w 516405"/>
                <a:gd name="connsiteY8" fmla="*/ 101966 h 157882"/>
                <a:gd name="connsiteX9" fmla="*/ 361812 w 516405"/>
                <a:gd name="connsiteY9" fmla="*/ 115122 h 157882"/>
                <a:gd name="connsiteX10" fmla="*/ 345366 w 516405"/>
                <a:gd name="connsiteY10" fmla="*/ 118412 h 157882"/>
                <a:gd name="connsiteX11" fmla="*/ 312474 w 516405"/>
                <a:gd name="connsiteY11" fmla="*/ 124990 h 157882"/>
                <a:gd name="connsiteX12" fmla="*/ 249979 w 516405"/>
                <a:gd name="connsiteY12" fmla="*/ 128279 h 157882"/>
                <a:gd name="connsiteX13" fmla="*/ 187484 w 516405"/>
                <a:gd name="connsiteY13" fmla="*/ 131569 h 157882"/>
                <a:gd name="connsiteX14" fmla="*/ 167749 w 516405"/>
                <a:gd name="connsiteY14" fmla="*/ 138147 h 157882"/>
                <a:gd name="connsiteX15" fmla="*/ 124989 w 516405"/>
                <a:gd name="connsiteY15" fmla="*/ 131569 h 157882"/>
                <a:gd name="connsiteX16" fmla="*/ 69073 w 516405"/>
                <a:gd name="connsiteY16" fmla="*/ 141436 h 157882"/>
                <a:gd name="connsiteX17" fmla="*/ 23024 w 516405"/>
                <a:gd name="connsiteY17" fmla="*/ 148015 h 157882"/>
                <a:gd name="connsiteX18" fmla="*/ 0 w 516405"/>
                <a:gd name="connsiteY18" fmla="*/ 157882 h 157882"/>
                <a:gd name="connsiteX0" fmla="*/ 493381 w 493381"/>
                <a:gd name="connsiteY0" fmla="*/ 0 h 148015"/>
                <a:gd name="connsiteX1" fmla="*/ 480224 w 493381"/>
                <a:gd name="connsiteY1" fmla="*/ 23025 h 148015"/>
                <a:gd name="connsiteX2" fmla="*/ 453911 w 493381"/>
                <a:gd name="connsiteY2" fmla="*/ 55917 h 148015"/>
                <a:gd name="connsiteX3" fmla="*/ 444043 w 493381"/>
                <a:gd name="connsiteY3" fmla="*/ 59206 h 148015"/>
                <a:gd name="connsiteX4" fmla="*/ 421019 w 493381"/>
                <a:gd name="connsiteY4" fmla="*/ 69074 h 148015"/>
                <a:gd name="connsiteX5" fmla="*/ 374970 w 493381"/>
                <a:gd name="connsiteY5" fmla="*/ 78941 h 148015"/>
                <a:gd name="connsiteX6" fmla="*/ 368391 w 493381"/>
                <a:gd name="connsiteY6" fmla="*/ 85520 h 148015"/>
                <a:gd name="connsiteX7" fmla="*/ 358524 w 493381"/>
                <a:gd name="connsiteY7" fmla="*/ 92098 h 148015"/>
                <a:gd name="connsiteX8" fmla="*/ 355235 w 493381"/>
                <a:gd name="connsiteY8" fmla="*/ 101966 h 148015"/>
                <a:gd name="connsiteX9" fmla="*/ 338788 w 493381"/>
                <a:gd name="connsiteY9" fmla="*/ 115122 h 148015"/>
                <a:gd name="connsiteX10" fmla="*/ 322342 w 493381"/>
                <a:gd name="connsiteY10" fmla="*/ 118412 h 148015"/>
                <a:gd name="connsiteX11" fmla="*/ 289450 w 493381"/>
                <a:gd name="connsiteY11" fmla="*/ 124990 h 148015"/>
                <a:gd name="connsiteX12" fmla="*/ 226955 w 493381"/>
                <a:gd name="connsiteY12" fmla="*/ 128279 h 148015"/>
                <a:gd name="connsiteX13" fmla="*/ 164460 w 493381"/>
                <a:gd name="connsiteY13" fmla="*/ 131569 h 148015"/>
                <a:gd name="connsiteX14" fmla="*/ 144725 w 493381"/>
                <a:gd name="connsiteY14" fmla="*/ 138147 h 148015"/>
                <a:gd name="connsiteX15" fmla="*/ 101965 w 493381"/>
                <a:gd name="connsiteY15" fmla="*/ 131569 h 148015"/>
                <a:gd name="connsiteX16" fmla="*/ 46049 w 493381"/>
                <a:gd name="connsiteY16" fmla="*/ 141436 h 148015"/>
                <a:gd name="connsiteX17" fmla="*/ 0 w 493381"/>
                <a:gd name="connsiteY17" fmla="*/ 148015 h 148015"/>
                <a:gd name="connsiteX0" fmla="*/ 447332 w 447332"/>
                <a:gd name="connsiteY0" fmla="*/ 0 h 141436"/>
                <a:gd name="connsiteX1" fmla="*/ 434175 w 447332"/>
                <a:gd name="connsiteY1" fmla="*/ 23025 h 141436"/>
                <a:gd name="connsiteX2" fmla="*/ 407862 w 447332"/>
                <a:gd name="connsiteY2" fmla="*/ 55917 h 141436"/>
                <a:gd name="connsiteX3" fmla="*/ 397994 w 447332"/>
                <a:gd name="connsiteY3" fmla="*/ 59206 h 141436"/>
                <a:gd name="connsiteX4" fmla="*/ 374970 w 447332"/>
                <a:gd name="connsiteY4" fmla="*/ 69074 h 141436"/>
                <a:gd name="connsiteX5" fmla="*/ 328921 w 447332"/>
                <a:gd name="connsiteY5" fmla="*/ 78941 h 141436"/>
                <a:gd name="connsiteX6" fmla="*/ 322342 w 447332"/>
                <a:gd name="connsiteY6" fmla="*/ 85520 h 141436"/>
                <a:gd name="connsiteX7" fmla="*/ 312475 w 447332"/>
                <a:gd name="connsiteY7" fmla="*/ 92098 h 141436"/>
                <a:gd name="connsiteX8" fmla="*/ 309186 w 447332"/>
                <a:gd name="connsiteY8" fmla="*/ 101966 h 141436"/>
                <a:gd name="connsiteX9" fmla="*/ 292739 w 447332"/>
                <a:gd name="connsiteY9" fmla="*/ 115122 h 141436"/>
                <a:gd name="connsiteX10" fmla="*/ 276293 w 447332"/>
                <a:gd name="connsiteY10" fmla="*/ 118412 h 141436"/>
                <a:gd name="connsiteX11" fmla="*/ 243401 w 447332"/>
                <a:gd name="connsiteY11" fmla="*/ 124990 h 141436"/>
                <a:gd name="connsiteX12" fmla="*/ 180906 w 447332"/>
                <a:gd name="connsiteY12" fmla="*/ 128279 h 141436"/>
                <a:gd name="connsiteX13" fmla="*/ 118411 w 447332"/>
                <a:gd name="connsiteY13" fmla="*/ 131569 h 141436"/>
                <a:gd name="connsiteX14" fmla="*/ 98676 w 447332"/>
                <a:gd name="connsiteY14" fmla="*/ 138147 h 141436"/>
                <a:gd name="connsiteX15" fmla="*/ 55916 w 447332"/>
                <a:gd name="connsiteY15" fmla="*/ 131569 h 141436"/>
                <a:gd name="connsiteX16" fmla="*/ 0 w 447332"/>
                <a:gd name="connsiteY16" fmla="*/ 141436 h 141436"/>
                <a:gd name="connsiteX0" fmla="*/ 391416 w 391416"/>
                <a:gd name="connsiteY0" fmla="*/ 0 h 138147"/>
                <a:gd name="connsiteX1" fmla="*/ 378259 w 391416"/>
                <a:gd name="connsiteY1" fmla="*/ 23025 h 138147"/>
                <a:gd name="connsiteX2" fmla="*/ 351946 w 391416"/>
                <a:gd name="connsiteY2" fmla="*/ 55917 h 138147"/>
                <a:gd name="connsiteX3" fmla="*/ 342078 w 391416"/>
                <a:gd name="connsiteY3" fmla="*/ 59206 h 138147"/>
                <a:gd name="connsiteX4" fmla="*/ 319054 w 391416"/>
                <a:gd name="connsiteY4" fmla="*/ 69074 h 138147"/>
                <a:gd name="connsiteX5" fmla="*/ 273005 w 391416"/>
                <a:gd name="connsiteY5" fmla="*/ 78941 h 138147"/>
                <a:gd name="connsiteX6" fmla="*/ 266426 w 391416"/>
                <a:gd name="connsiteY6" fmla="*/ 85520 h 138147"/>
                <a:gd name="connsiteX7" fmla="*/ 256559 w 391416"/>
                <a:gd name="connsiteY7" fmla="*/ 92098 h 138147"/>
                <a:gd name="connsiteX8" fmla="*/ 253270 w 391416"/>
                <a:gd name="connsiteY8" fmla="*/ 101966 h 138147"/>
                <a:gd name="connsiteX9" fmla="*/ 236823 w 391416"/>
                <a:gd name="connsiteY9" fmla="*/ 115122 h 138147"/>
                <a:gd name="connsiteX10" fmla="*/ 220377 w 391416"/>
                <a:gd name="connsiteY10" fmla="*/ 118412 h 138147"/>
                <a:gd name="connsiteX11" fmla="*/ 187485 w 391416"/>
                <a:gd name="connsiteY11" fmla="*/ 124990 h 138147"/>
                <a:gd name="connsiteX12" fmla="*/ 124990 w 391416"/>
                <a:gd name="connsiteY12" fmla="*/ 128279 h 138147"/>
                <a:gd name="connsiteX13" fmla="*/ 62495 w 391416"/>
                <a:gd name="connsiteY13" fmla="*/ 131569 h 138147"/>
                <a:gd name="connsiteX14" fmla="*/ 42760 w 391416"/>
                <a:gd name="connsiteY14" fmla="*/ 138147 h 138147"/>
                <a:gd name="connsiteX15" fmla="*/ 0 w 391416"/>
                <a:gd name="connsiteY15" fmla="*/ 131569 h 138147"/>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77618 w 526274"/>
                <a:gd name="connsiteY14" fmla="*/ 138147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41437 w 526274"/>
                <a:gd name="connsiteY14" fmla="*/ 144725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207221 w 526274"/>
                <a:gd name="connsiteY13" fmla="*/ 131569 h 236823"/>
                <a:gd name="connsiteX14" fmla="*/ 141437 w 526274"/>
                <a:gd name="connsiteY14" fmla="*/ 144725 h 236823"/>
                <a:gd name="connsiteX15" fmla="*/ 0 w 526274"/>
                <a:gd name="connsiteY15" fmla="*/ 236823 h 2368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26274" h="236823">
                  <a:moveTo>
                    <a:pt x="526274" y="0"/>
                  </a:moveTo>
                  <a:cubicBezTo>
                    <a:pt x="512695" y="33950"/>
                    <a:pt x="526943" y="4589"/>
                    <a:pt x="513117" y="23025"/>
                  </a:cubicBezTo>
                  <a:cubicBezTo>
                    <a:pt x="509685" y="27600"/>
                    <a:pt x="495224" y="53111"/>
                    <a:pt x="486804" y="55917"/>
                  </a:cubicBezTo>
                  <a:lnTo>
                    <a:pt x="476936" y="59206"/>
                  </a:lnTo>
                  <a:cubicBezTo>
                    <a:pt x="461284" y="69641"/>
                    <a:pt x="473218" y="63282"/>
                    <a:pt x="453912" y="69074"/>
                  </a:cubicBezTo>
                  <a:cubicBezTo>
                    <a:pt x="420440" y="79116"/>
                    <a:pt x="447877" y="73939"/>
                    <a:pt x="407863" y="78941"/>
                  </a:cubicBezTo>
                  <a:cubicBezTo>
                    <a:pt x="405670" y="81134"/>
                    <a:pt x="403706" y="83583"/>
                    <a:pt x="401284" y="85520"/>
                  </a:cubicBezTo>
                  <a:cubicBezTo>
                    <a:pt x="398197" y="87989"/>
                    <a:pt x="393886" y="89011"/>
                    <a:pt x="391417" y="92098"/>
                  </a:cubicBezTo>
                  <a:cubicBezTo>
                    <a:pt x="389251" y="94806"/>
                    <a:pt x="389912" y="98993"/>
                    <a:pt x="388128" y="101966"/>
                  </a:cubicBezTo>
                  <a:cubicBezTo>
                    <a:pt x="385797" y="105850"/>
                    <a:pt x="375150" y="113821"/>
                    <a:pt x="371681" y="115122"/>
                  </a:cubicBezTo>
                  <a:cubicBezTo>
                    <a:pt x="366446" y="117085"/>
                    <a:pt x="360692" y="117199"/>
                    <a:pt x="355235" y="118412"/>
                  </a:cubicBezTo>
                  <a:cubicBezTo>
                    <a:pt x="325813" y="124951"/>
                    <a:pt x="360991" y="118549"/>
                    <a:pt x="322343" y="124990"/>
                  </a:cubicBezTo>
                  <a:cubicBezTo>
                    <a:pt x="289046" y="136090"/>
                    <a:pt x="309522" y="132101"/>
                    <a:pt x="259848" y="128279"/>
                  </a:cubicBezTo>
                  <a:cubicBezTo>
                    <a:pt x="239016" y="129376"/>
                    <a:pt x="226956" y="128828"/>
                    <a:pt x="207221" y="131569"/>
                  </a:cubicBezTo>
                  <a:cubicBezTo>
                    <a:pt x="187486" y="134310"/>
                    <a:pt x="175974" y="127183"/>
                    <a:pt x="141437" y="144725"/>
                  </a:cubicBezTo>
                  <a:cubicBezTo>
                    <a:pt x="106900" y="162267"/>
                    <a:pt x="16446" y="236275"/>
                    <a:pt x="0" y="23682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2" name="Freeform 21"/>
            <p:cNvSpPr/>
            <p:nvPr/>
          </p:nvSpPr>
          <p:spPr bwMode="auto">
            <a:xfrm>
              <a:off x="6358041" y="1930764"/>
              <a:ext cx="26314" cy="266427"/>
            </a:xfrm>
            <a:custGeom>
              <a:avLst/>
              <a:gdLst>
                <a:gd name="connsiteX0" fmla="*/ 39471 w 39471"/>
                <a:gd name="connsiteY0" fmla="*/ 0 h 279583"/>
                <a:gd name="connsiteX1" fmla="*/ 36182 w 39471"/>
                <a:gd name="connsiteY1" fmla="*/ 29603 h 279583"/>
                <a:gd name="connsiteX2" fmla="*/ 23025 w 39471"/>
                <a:gd name="connsiteY2" fmla="*/ 75652 h 279583"/>
                <a:gd name="connsiteX3" fmla="*/ 16446 w 39471"/>
                <a:gd name="connsiteY3" fmla="*/ 95388 h 279583"/>
                <a:gd name="connsiteX4" fmla="*/ 13157 w 39471"/>
                <a:gd name="connsiteY4" fmla="*/ 105255 h 279583"/>
                <a:gd name="connsiteX5" fmla="*/ 13157 w 39471"/>
                <a:gd name="connsiteY5" fmla="*/ 236823 h 279583"/>
                <a:gd name="connsiteX6" fmla="*/ 6579 w 39471"/>
                <a:gd name="connsiteY6" fmla="*/ 256559 h 279583"/>
                <a:gd name="connsiteX7" fmla="*/ 3290 w 39471"/>
                <a:gd name="connsiteY7" fmla="*/ 269716 h 279583"/>
                <a:gd name="connsiteX8" fmla="*/ 0 w 39471"/>
                <a:gd name="connsiteY8" fmla="*/ 279583 h 279583"/>
                <a:gd name="connsiteX0" fmla="*/ 36181 w 36181"/>
                <a:gd name="connsiteY0" fmla="*/ 0 h 269716"/>
                <a:gd name="connsiteX1" fmla="*/ 32892 w 36181"/>
                <a:gd name="connsiteY1" fmla="*/ 29603 h 269716"/>
                <a:gd name="connsiteX2" fmla="*/ 19735 w 36181"/>
                <a:gd name="connsiteY2" fmla="*/ 75652 h 269716"/>
                <a:gd name="connsiteX3" fmla="*/ 13156 w 36181"/>
                <a:gd name="connsiteY3" fmla="*/ 95388 h 269716"/>
                <a:gd name="connsiteX4" fmla="*/ 9867 w 36181"/>
                <a:gd name="connsiteY4" fmla="*/ 105255 h 269716"/>
                <a:gd name="connsiteX5" fmla="*/ 9867 w 36181"/>
                <a:gd name="connsiteY5" fmla="*/ 236823 h 269716"/>
                <a:gd name="connsiteX6" fmla="*/ 3289 w 36181"/>
                <a:gd name="connsiteY6" fmla="*/ 256559 h 269716"/>
                <a:gd name="connsiteX7" fmla="*/ 0 w 36181"/>
                <a:gd name="connsiteY7" fmla="*/ 269716 h 269716"/>
                <a:gd name="connsiteX0" fmla="*/ 32892 w 32892"/>
                <a:gd name="connsiteY0" fmla="*/ 0 h 256559"/>
                <a:gd name="connsiteX1" fmla="*/ 29603 w 32892"/>
                <a:gd name="connsiteY1" fmla="*/ 29603 h 256559"/>
                <a:gd name="connsiteX2" fmla="*/ 16446 w 32892"/>
                <a:gd name="connsiteY2" fmla="*/ 75652 h 256559"/>
                <a:gd name="connsiteX3" fmla="*/ 9867 w 32892"/>
                <a:gd name="connsiteY3" fmla="*/ 95388 h 256559"/>
                <a:gd name="connsiteX4" fmla="*/ 6578 w 32892"/>
                <a:gd name="connsiteY4" fmla="*/ 105255 h 256559"/>
                <a:gd name="connsiteX5" fmla="*/ 6578 w 32892"/>
                <a:gd name="connsiteY5" fmla="*/ 236823 h 256559"/>
                <a:gd name="connsiteX6" fmla="*/ 0 w 32892"/>
                <a:gd name="connsiteY6" fmla="*/ 256559 h 256559"/>
                <a:gd name="connsiteX0" fmla="*/ 26314 w 26314"/>
                <a:gd name="connsiteY0" fmla="*/ 0 h 266427"/>
                <a:gd name="connsiteX1" fmla="*/ 23025 w 26314"/>
                <a:gd name="connsiteY1" fmla="*/ 29603 h 266427"/>
                <a:gd name="connsiteX2" fmla="*/ 9868 w 26314"/>
                <a:gd name="connsiteY2" fmla="*/ 75652 h 266427"/>
                <a:gd name="connsiteX3" fmla="*/ 3289 w 26314"/>
                <a:gd name="connsiteY3" fmla="*/ 95388 h 266427"/>
                <a:gd name="connsiteX4" fmla="*/ 0 w 26314"/>
                <a:gd name="connsiteY4" fmla="*/ 105255 h 266427"/>
                <a:gd name="connsiteX5" fmla="*/ 0 w 26314"/>
                <a:gd name="connsiteY5" fmla="*/ 236823 h 266427"/>
                <a:gd name="connsiteX6" fmla="*/ 0 w 26314"/>
                <a:gd name="connsiteY6" fmla="*/ 266427 h 2664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314" h="266427">
                  <a:moveTo>
                    <a:pt x="26314" y="0"/>
                  </a:moveTo>
                  <a:cubicBezTo>
                    <a:pt x="25218" y="9868"/>
                    <a:pt x="24750" y="19826"/>
                    <a:pt x="23025" y="29603"/>
                  </a:cubicBezTo>
                  <a:cubicBezTo>
                    <a:pt x="19928" y="47152"/>
                    <a:pt x="15345" y="59221"/>
                    <a:pt x="9868" y="75652"/>
                  </a:cubicBezTo>
                  <a:lnTo>
                    <a:pt x="3289" y="95388"/>
                  </a:lnTo>
                  <a:lnTo>
                    <a:pt x="0" y="105255"/>
                  </a:lnTo>
                  <a:cubicBezTo>
                    <a:pt x="1513" y="146120"/>
                    <a:pt x="0" y="209961"/>
                    <a:pt x="0" y="236823"/>
                  </a:cubicBezTo>
                  <a:cubicBezTo>
                    <a:pt x="0" y="263685"/>
                    <a:pt x="1682" y="259700"/>
                    <a:pt x="0" y="266427"/>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3" name="Freeform 22"/>
            <p:cNvSpPr/>
            <p:nvPr/>
          </p:nvSpPr>
          <p:spPr bwMode="auto">
            <a:xfrm>
              <a:off x="5246285" y="2328764"/>
              <a:ext cx="743360" cy="72657"/>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98595 w 1098595"/>
                <a:gd name="connsiteY0" fmla="*/ 0 h 184490"/>
                <a:gd name="connsiteX1" fmla="*/ 1072282 w 1098595"/>
                <a:gd name="connsiteY1" fmla="*/ 32892 h 184490"/>
                <a:gd name="connsiteX2" fmla="*/ 1062414 w 1098595"/>
                <a:gd name="connsiteY2" fmla="*/ 36181 h 184490"/>
                <a:gd name="connsiteX3" fmla="*/ 1039390 w 1098595"/>
                <a:gd name="connsiteY3" fmla="*/ 46049 h 184490"/>
                <a:gd name="connsiteX4" fmla="*/ 993341 w 1098595"/>
                <a:gd name="connsiteY4" fmla="*/ 55916 h 184490"/>
                <a:gd name="connsiteX5" fmla="*/ 986762 w 1098595"/>
                <a:gd name="connsiteY5" fmla="*/ 62495 h 184490"/>
                <a:gd name="connsiteX6" fmla="*/ 976895 w 1098595"/>
                <a:gd name="connsiteY6" fmla="*/ 69073 h 184490"/>
                <a:gd name="connsiteX7" fmla="*/ 973606 w 1098595"/>
                <a:gd name="connsiteY7" fmla="*/ 78941 h 184490"/>
                <a:gd name="connsiteX8" fmla="*/ 957159 w 1098595"/>
                <a:gd name="connsiteY8" fmla="*/ 92097 h 184490"/>
                <a:gd name="connsiteX9" fmla="*/ 940713 w 1098595"/>
                <a:gd name="connsiteY9" fmla="*/ 95387 h 184490"/>
                <a:gd name="connsiteX10" fmla="*/ 907821 w 1098595"/>
                <a:gd name="connsiteY10" fmla="*/ 101965 h 184490"/>
                <a:gd name="connsiteX11" fmla="*/ 845326 w 1098595"/>
                <a:gd name="connsiteY11" fmla="*/ 105254 h 184490"/>
                <a:gd name="connsiteX12" fmla="*/ 782831 w 1098595"/>
                <a:gd name="connsiteY12" fmla="*/ 108544 h 184490"/>
                <a:gd name="connsiteX13" fmla="*/ 763096 w 1098595"/>
                <a:gd name="connsiteY13" fmla="*/ 115122 h 184490"/>
                <a:gd name="connsiteX14" fmla="*/ 720336 w 1098595"/>
                <a:gd name="connsiteY14" fmla="*/ 108544 h 184490"/>
                <a:gd name="connsiteX15" fmla="*/ 664420 w 1098595"/>
                <a:gd name="connsiteY15" fmla="*/ 118411 h 184490"/>
                <a:gd name="connsiteX16" fmla="*/ 618371 w 1098595"/>
                <a:gd name="connsiteY16" fmla="*/ 124990 h 184490"/>
                <a:gd name="connsiteX17" fmla="*/ 595347 w 1098595"/>
                <a:gd name="connsiteY17" fmla="*/ 134857 h 184490"/>
                <a:gd name="connsiteX18" fmla="*/ 532852 w 1098595"/>
                <a:gd name="connsiteY18" fmla="*/ 144725 h 184490"/>
                <a:gd name="connsiteX19" fmla="*/ 470357 w 1098595"/>
                <a:gd name="connsiteY19" fmla="*/ 151303 h 184490"/>
                <a:gd name="connsiteX20" fmla="*/ 450621 w 1098595"/>
                <a:gd name="connsiteY20" fmla="*/ 154592 h 184490"/>
                <a:gd name="connsiteX21" fmla="*/ 437465 w 1098595"/>
                <a:gd name="connsiteY21" fmla="*/ 157882 h 184490"/>
                <a:gd name="connsiteX22" fmla="*/ 355235 w 1098595"/>
                <a:gd name="connsiteY22" fmla="*/ 157882 h 184490"/>
                <a:gd name="connsiteX23" fmla="*/ 197352 w 1098595"/>
                <a:gd name="connsiteY23" fmla="*/ 171038 h 184490"/>
                <a:gd name="connsiteX24" fmla="*/ 157882 w 1098595"/>
                <a:gd name="connsiteY24" fmla="*/ 174328 h 184490"/>
                <a:gd name="connsiteX25" fmla="*/ 131568 w 1098595"/>
                <a:gd name="connsiteY25" fmla="*/ 177617 h 184490"/>
                <a:gd name="connsiteX26" fmla="*/ 108544 w 1098595"/>
                <a:gd name="connsiteY26" fmla="*/ 180906 h 184490"/>
                <a:gd name="connsiteX27" fmla="*/ 65784 w 1098595"/>
                <a:gd name="connsiteY27" fmla="*/ 184195 h 184490"/>
                <a:gd name="connsiteX28" fmla="*/ 0 w 1098595"/>
                <a:gd name="connsiteY28" fmla="*/ 184195 h 184490"/>
                <a:gd name="connsiteX0" fmla="*/ 1072282 w 1072282"/>
                <a:gd name="connsiteY0" fmla="*/ 0 h 151598"/>
                <a:gd name="connsiteX1" fmla="*/ 1062414 w 1072282"/>
                <a:gd name="connsiteY1" fmla="*/ 3289 h 151598"/>
                <a:gd name="connsiteX2" fmla="*/ 1039390 w 1072282"/>
                <a:gd name="connsiteY2" fmla="*/ 13157 h 151598"/>
                <a:gd name="connsiteX3" fmla="*/ 993341 w 1072282"/>
                <a:gd name="connsiteY3" fmla="*/ 23024 h 151598"/>
                <a:gd name="connsiteX4" fmla="*/ 986762 w 1072282"/>
                <a:gd name="connsiteY4" fmla="*/ 29603 h 151598"/>
                <a:gd name="connsiteX5" fmla="*/ 976895 w 1072282"/>
                <a:gd name="connsiteY5" fmla="*/ 36181 h 151598"/>
                <a:gd name="connsiteX6" fmla="*/ 973606 w 1072282"/>
                <a:gd name="connsiteY6" fmla="*/ 46049 h 151598"/>
                <a:gd name="connsiteX7" fmla="*/ 957159 w 1072282"/>
                <a:gd name="connsiteY7" fmla="*/ 59205 h 151598"/>
                <a:gd name="connsiteX8" fmla="*/ 940713 w 1072282"/>
                <a:gd name="connsiteY8" fmla="*/ 62495 h 151598"/>
                <a:gd name="connsiteX9" fmla="*/ 907821 w 1072282"/>
                <a:gd name="connsiteY9" fmla="*/ 69073 h 151598"/>
                <a:gd name="connsiteX10" fmla="*/ 845326 w 1072282"/>
                <a:gd name="connsiteY10" fmla="*/ 72362 h 151598"/>
                <a:gd name="connsiteX11" fmla="*/ 782831 w 1072282"/>
                <a:gd name="connsiteY11" fmla="*/ 75652 h 151598"/>
                <a:gd name="connsiteX12" fmla="*/ 763096 w 1072282"/>
                <a:gd name="connsiteY12" fmla="*/ 82230 h 151598"/>
                <a:gd name="connsiteX13" fmla="*/ 720336 w 1072282"/>
                <a:gd name="connsiteY13" fmla="*/ 75652 h 151598"/>
                <a:gd name="connsiteX14" fmla="*/ 664420 w 1072282"/>
                <a:gd name="connsiteY14" fmla="*/ 85519 h 151598"/>
                <a:gd name="connsiteX15" fmla="*/ 618371 w 1072282"/>
                <a:gd name="connsiteY15" fmla="*/ 92098 h 151598"/>
                <a:gd name="connsiteX16" fmla="*/ 595347 w 1072282"/>
                <a:gd name="connsiteY16" fmla="*/ 101965 h 151598"/>
                <a:gd name="connsiteX17" fmla="*/ 532852 w 1072282"/>
                <a:gd name="connsiteY17" fmla="*/ 111833 h 151598"/>
                <a:gd name="connsiteX18" fmla="*/ 470357 w 1072282"/>
                <a:gd name="connsiteY18" fmla="*/ 118411 h 151598"/>
                <a:gd name="connsiteX19" fmla="*/ 450621 w 1072282"/>
                <a:gd name="connsiteY19" fmla="*/ 121700 h 151598"/>
                <a:gd name="connsiteX20" fmla="*/ 437465 w 1072282"/>
                <a:gd name="connsiteY20" fmla="*/ 124990 h 151598"/>
                <a:gd name="connsiteX21" fmla="*/ 355235 w 1072282"/>
                <a:gd name="connsiteY21" fmla="*/ 124990 h 151598"/>
                <a:gd name="connsiteX22" fmla="*/ 197352 w 1072282"/>
                <a:gd name="connsiteY22" fmla="*/ 138146 h 151598"/>
                <a:gd name="connsiteX23" fmla="*/ 157882 w 1072282"/>
                <a:gd name="connsiteY23" fmla="*/ 141436 h 151598"/>
                <a:gd name="connsiteX24" fmla="*/ 131568 w 1072282"/>
                <a:gd name="connsiteY24" fmla="*/ 144725 h 151598"/>
                <a:gd name="connsiteX25" fmla="*/ 108544 w 1072282"/>
                <a:gd name="connsiteY25" fmla="*/ 148014 h 151598"/>
                <a:gd name="connsiteX26" fmla="*/ 65784 w 1072282"/>
                <a:gd name="connsiteY26" fmla="*/ 151303 h 151598"/>
                <a:gd name="connsiteX27" fmla="*/ 0 w 1072282"/>
                <a:gd name="connsiteY27" fmla="*/ 151303 h 151598"/>
                <a:gd name="connsiteX0" fmla="*/ 1062414 w 1062414"/>
                <a:gd name="connsiteY0" fmla="*/ 0 h 148309"/>
                <a:gd name="connsiteX1" fmla="*/ 1039390 w 1062414"/>
                <a:gd name="connsiteY1" fmla="*/ 9868 h 148309"/>
                <a:gd name="connsiteX2" fmla="*/ 993341 w 1062414"/>
                <a:gd name="connsiteY2" fmla="*/ 19735 h 148309"/>
                <a:gd name="connsiteX3" fmla="*/ 986762 w 1062414"/>
                <a:gd name="connsiteY3" fmla="*/ 26314 h 148309"/>
                <a:gd name="connsiteX4" fmla="*/ 976895 w 1062414"/>
                <a:gd name="connsiteY4" fmla="*/ 32892 h 148309"/>
                <a:gd name="connsiteX5" fmla="*/ 973606 w 1062414"/>
                <a:gd name="connsiteY5" fmla="*/ 42760 h 148309"/>
                <a:gd name="connsiteX6" fmla="*/ 957159 w 1062414"/>
                <a:gd name="connsiteY6" fmla="*/ 55916 h 148309"/>
                <a:gd name="connsiteX7" fmla="*/ 940713 w 1062414"/>
                <a:gd name="connsiteY7" fmla="*/ 59206 h 148309"/>
                <a:gd name="connsiteX8" fmla="*/ 907821 w 1062414"/>
                <a:gd name="connsiteY8" fmla="*/ 65784 h 148309"/>
                <a:gd name="connsiteX9" fmla="*/ 845326 w 1062414"/>
                <a:gd name="connsiteY9" fmla="*/ 69073 h 148309"/>
                <a:gd name="connsiteX10" fmla="*/ 782831 w 1062414"/>
                <a:gd name="connsiteY10" fmla="*/ 72363 h 148309"/>
                <a:gd name="connsiteX11" fmla="*/ 763096 w 1062414"/>
                <a:gd name="connsiteY11" fmla="*/ 78941 h 148309"/>
                <a:gd name="connsiteX12" fmla="*/ 720336 w 1062414"/>
                <a:gd name="connsiteY12" fmla="*/ 72363 h 148309"/>
                <a:gd name="connsiteX13" fmla="*/ 664420 w 1062414"/>
                <a:gd name="connsiteY13" fmla="*/ 82230 h 148309"/>
                <a:gd name="connsiteX14" fmla="*/ 618371 w 1062414"/>
                <a:gd name="connsiteY14" fmla="*/ 88809 h 148309"/>
                <a:gd name="connsiteX15" fmla="*/ 595347 w 1062414"/>
                <a:gd name="connsiteY15" fmla="*/ 98676 h 148309"/>
                <a:gd name="connsiteX16" fmla="*/ 532852 w 1062414"/>
                <a:gd name="connsiteY16" fmla="*/ 108544 h 148309"/>
                <a:gd name="connsiteX17" fmla="*/ 470357 w 1062414"/>
                <a:gd name="connsiteY17" fmla="*/ 115122 h 148309"/>
                <a:gd name="connsiteX18" fmla="*/ 450621 w 1062414"/>
                <a:gd name="connsiteY18" fmla="*/ 118411 h 148309"/>
                <a:gd name="connsiteX19" fmla="*/ 437465 w 1062414"/>
                <a:gd name="connsiteY19" fmla="*/ 121701 h 148309"/>
                <a:gd name="connsiteX20" fmla="*/ 355235 w 1062414"/>
                <a:gd name="connsiteY20" fmla="*/ 121701 h 148309"/>
                <a:gd name="connsiteX21" fmla="*/ 197352 w 1062414"/>
                <a:gd name="connsiteY21" fmla="*/ 134857 h 148309"/>
                <a:gd name="connsiteX22" fmla="*/ 157882 w 1062414"/>
                <a:gd name="connsiteY22" fmla="*/ 138147 h 148309"/>
                <a:gd name="connsiteX23" fmla="*/ 131568 w 1062414"/>
                <a:gd name="connsiteY23" fmla="*/ 141436 h 148309"/>
                <a:gd name="connsiteX24" fmla="*/ 108544 w 1062414"/>
                <a:gd name="connsiteY24" fmla="*/ 144725 h 148309"/>
                <a:gd name="connsiteX25" fmla="*/ 65784 w 1062414"/>
                <a:gd name="connsiteY25" fmla="*/ 148014 h 148309"/>
                <a:gd name="connsiteX26" fmla="*/ 0 w 1062414"/>
                <a:gd name="connsiteY26" fmla="*/ 148014 h 148309"/>
                <a:gd name="connsiteX0" fmla="*/ 1039390 w 1039390"/>
                <a:gd name="connsiteY0" fmla="*/ 0 h 138441"/>
                <a:gd name="connsiteX1" fmla="*/ 993341 w 1039390"/>
                <a:gd name="connsiteY1" fmla="*/ 9867 h 138441"/>
                <a:gd name="connsiteX2" fmla="*/ 986762 w 1039390"/>
                <a:gd name="connsiteY2" fmla="*/ 16446 h 138441"/>
                <a:gd name="connsiteX3" fmla="*/ 976895 w 1039390"/>
                <a:gd name="connsiteY3" fmla="*/ 23024 h 138441"/>
                <a:gd name="connsiteX4" fmla="*/ 973606 w 1039390"/>
                <a:gd name="connsiteY4" fmla="*/ 32892 h 138441"/>
                <a:gd name="connsiteX5" fmla="*/ 957159 w 1039390"/>
                <a:gd name="connsiteY5" fmla="*/ 46048 h 138441"/>
                <a:gd name="connsiteX6" fmla="*/ 940713 w 1039390"/>
                <a:gd name="connsiteY6" fmla="*/ 49338 h 138441"/>
                <a:gd name="connsiteX7" fmla="*/ 907821 w 1039390"/>
                <a:gd name="connsiteY7" fmla="*/ 55916 h 138441"/>
                <a:gd name="connsiteX8" fmla="*/ 845326 w 1039390"/>
                <a:gd name="connsiteY8" fmla="*/ 59205 h 138441"/>
                <a:gd name="connsiteX9" fmla="*/ 782831 w 1039390"/>
                <a:gd name="connsiteY9" fmla="*/ 62495 h 138441"/>
                <a:gd name="connsiteX10" fmla="*/ 763096 w 1039390"/>
                <a:gd name="connsiteY10" fmla="*/ 69073 h 138441"/>
                <a:gd name="connsiteX11" fmla="*/ 720336 w 1039390"/>
                <a:gd name="connsiteY11" fmla="*/ 62495 h 138441"/>
                <a:gd name="connsiteX12" fmla="*/ 664420 w 1039390"/>
                <a:gd name="connsiteY12" fmla="*/ 72362 h 138441"/>
                <a:gd name="connsiteX13" fmla="*/ 618371 w 1039390"/>
                <a:gd name="connsiteY13" fmla="*/ 78941 h 138441"/>
                <a:gd name="connsiteX14" fmla="*/ 595347 w 1039390"/>
                <a:gd name="connsiteY14" fmla="*/ 88808 h 138441"/>
                <a:gd name="connsiteX15" fmla="*/ 532852 w 1039390"/>
                <a:gd name="connsiteY15" fmla="*/ 98676 h 138441"/>
                <a:gd name="connsiteX16" fmla="*/ 470357 w 1039390"/>
                <a:gd name="connsiteY16" fmla="*/ 105254 h 138441"/>
                <a:gd name="connsiteX17" fmla="*/ 450621 w 1039390"/>
                <a:gd name="connsiteY17" fmla="*/ 108543 h 138441"/>
                <a:gd name="connsiteX18" fmla="*/ 437465 w 1039390"/>
                <a:gd name="connsiteY18" fmla="*/ 111833 h 138441"/>
                <a:gd name="connsiteX19" fmla="*/ 355235 w 1039390"/>
                <a:gd name="connsiteY19" fmla="*/ 111833 h 138441"/>
                <a:gd name="connsiteX20" fmla="*/ 197352 w 1039390"/>
                <a:gd name="connsiteY20" fmla="*/ 124989 h 138441"/>
                <a:gd name="connsiteX21" fmla="*/ 157882 w 1039390"/>
                <a:gd name="connsiteY21" fmla="*/ 128279 h 138441"/>
                <a:gd name="connsiteX22" fmla="*/ 131568 w 1039390"/>
                <a:gd name="connsiteY22" fmla="*/ 131568 h 138441"/>
                <a:gd name="connsiteX23" fmla="*/ 108544 w 1039390"/>
                <a:gd name="connsiteY23" fmla="*/ 134857 h 138441"/>
                <a:gd name="connsiteX24" fmla="*/ 65784 w 1039390"/>
                <a:gd name="connsiteY24" fmla="*/ 138146 h 138441"/>
                <a:gd name="connsiteX25" fmla="*/ 0 w 1039390"/>
                <a:gd name="connsiteY25" fmla="*/ 138146 h 138441"/>
                <a:gd name="connsiteX0" fmla="*/ 993341 w 993341"/>
                <a:gd name="connsiteY0" fmla="*/ 0 h 128574"/>
                <a:gd name="connsiteX1" fmla="*/ 986762 w 993341"/>
                <a:gd name="connsiteY1" fmla="*/ 6579 h 128574"/>
                <a:gd name="connsiteX2" fmla="*/ 976895 w 993341"/>
                <a:gd name="connsiteY2" fmla="*/ 13157 h 128574"/>
                <a:gd name="connsiteX3" fmla="*/ 973606 w 993341"/>
                <a:gd name="connsiteY3" fmla="*/ 23025 h 128574"/>
                <a:gd name="connsiteX4" fmla="*/ 957159 w 993341"/>
                <a:gd name="connsiteY4" fmla="*/ 36181 h 128574"/>
                <a:gd name="connsiteX5" fmla="*/ 940713 w 993341"/>
                <a:gd name="connsiteY5" fmla="*/ 39471 h 128574"/>
                <a:gd name="connsiteX6" fmla="*/ 907821 w 993341"/>
                <a:gd name="connsiteY6" fmla="*/ 46049 h 128574"/>
                <a:gd name="connsiteX7" fmla="*/ 845326 w 993341"/>
                <a:gd name="connsiteY7" fmla="*/ 49338 h 128574"/>
                <a:gd name="connsiteX8" fmla="*/ 782831 w 993341"/>
                <a:gd name="connsiteY8" fmla="*/ 52628 h 128574"/>
                <a:gd name="connsiteX9" fmla="*/ 763096 w 993341"/>
                <a:gd name="connsiteY9" fmla="*/ 59206 h 128574"/>
                <a:gd name="connsiteX10" fmla="*/ 720336 w 993341"/>
                <a:gd name="connsiteY10" fmla="*/ 52628 h 128574"/>
                <a:gd name="connsiteX11" fmla="*/ 664420 w 993341"/>
                <a:gd name="connsiteY11" fmla="*/ 62495 h 128574"/>
                <a:gd name="connsiteX12" fmla="*/ 618371 w 993341"/>
                <a:gd name="connsiteY12" fmla="*/ 69074 h 128574"/>
                <a:gd name="connsiteX13" fmla="*/ 595347 w 993341"/>
                <a:gd name="connsiteY13" fmla="*/ 78941 h 128574"/>
                <a:gd name="connsiteX14" fmla="*/ 532852 w 993341"/>
                <a:gd name="connsiteY14" fmla="*/ 88809 h 128574"/>
                <a:gd name="connsiteX15" fmla="*/ 470357 w 993341"/>
                <a:gd name="connsiteY15" fmla="*/ 95387 h 128574"/>
                <a:gd name="connsiteX16" fmla="*/ 450621 w 993341"/>
                <a:gd name="connsiteY16" fmla="*/ 98676 h 128574"/>
                <a:gd name="connsiteX17" fmla="*/ 437465 w 993341"/>
                <a:gd name="connsiteY17" fmla="*/ 101966 h 128574"/>
                <a:gd name="connsiteX18" fmla="*/ 355235 w 993341"/>
                <a:gd name="connsiteY18" fmla="*/ 101966 h 128574"/>
                <a:gd name="connsiteX19" fmla="*/ 197352 w 993341"/>
                <a:gd name="connsiteY19" fmla="*/ 115122 h 128574"/>
                <a:gd name="connsiteX20" fmla="*/ 157882 w 993341"/>
                <a:gd name="connsiteY20" fmla="*/ 118412 h 128574"/>
                <a:gd name="connsiteX21" fmla="*/ 131568 w 993341"/>
                <a:gd name="connsiteY21" fmla="*/ 121701 h 128574"/>
                <a:gd name="connsiteX22" fmla="*/ 108544 w 993341"/>
                <a:gd name="connsiteY22" fmla="*/ 124990 h 128574"/>
                <a:gd name="connsiteX23" fmla="*/ 65784 w 993341"/>
                <a:gd name="connsiteY23" fmla="*/ 128279 h 128574"/>
                <a:gd name="connsiteX24" fmla="*/ 0 w 993341"/>
                <a:gd name="connsiteY24" fmla="*/ 128279 h 128574"/>
                <a:gd name="connsiteX0" fmla="*/ 993341 w 993341"/>
                <a:gd name="connsiteY0" fmla="*/ 0 h 128574"/>
                <a:gd name="connsiteX1" fmla="*/ 986762 w 993341"/>
                <a:gd name="connsiteY1" fmla="*/ 6579 h 128574"/>
                <a:gd name="connsiteX2" fmla="*/ 973606 w 993341"/>
                <a:gd name="connsiteY2" fmla="*/ 23025 h 128574"/>
                <a:gd name="connsiteX3" fmla="*/ 957159 w 993341"/>
                <a:gd name="connsiteY3" fmla="*/ 36181 h 128574"/>
                <a:gd name="connsiteX4" fmla="*/ 940713 w 993341"/>
                <a:gd name="connsiteY4" fmla="*/ 39471 h 128574"/>
                <a:gd name="connsiteX5" fmla="*/ 907821 w 993341"/>
                <a:gd name="connsiteY5" fmla="*/ 46049 h 128574"/>
                <a:gd name="connsiteX6" fmla="*/ 845326 w 993341"/>
                <a:gd name="connsiteY6" fmla="*/ 49338 h 128574"/>
                <a:gd name="connsiteX7" fmla="*/ 782831 w 993341"/>
                <a:gd name="connsiteY7" fmla="*/ 52628 h 128574"/>
                <a:gd name="connsiteX8" fmla="*/ 763096 w 993341"/>
                <a:gd name="connsiteY8" fmla="*/ 59206 h 128574"/>
                <a:gd name="connsiteX9" fmla="*/ 720336 w 993341"/>
                <a:gd name="connsiteY9" fmla="*/ 52628 h 128574"/>
                <a:gd name="connsiteX10" fmla="*/ 664420 w 993341"/>
                <a:gd name="connsiteY10" fmla="*/ 62495 h 128574"/>
                <a:gd name="connsiteX11" fmla="*/ 618371 w 993341"/>
                <a:gd name="connsiteY11" fmla="*/ 69074 h 128574"/>
                <a:gd name="connsiteX12" fmla="*/ 595347 w 993341"/>
                <a:gd name="connsiteY12" fmla="*/ 78941 h 128574"/>
                <a:gd name="connsiteX13" fmla="*/ 532852 w 993341"/>
                <a:gd name="connsiteY13" fmla="*/ 88809 h 128574"/>
                <a:gd name="connsiteX14" fmla="*/ 470357 w 993341"/>
                <a:gd name="connsiteY14" fmla="*/ 95387 h 128574"/>
                <a:gd name="connsiteX15" fmla="*/ 450621 w 993341"/>
                <a:gd name="connsiteY15" fmla="*/ 98676 h 128574"/>
                <a:gd name="connsiteX16" fmla="*/ 437465 w 993341"/>
                <a:gd name="connsiteY16" fmla="*/ 101966 h 128574"/>
                <a:gd name="connsiteX17" fmla="*/ 355235 w 993341"/>
                <a:gd name="connsiteY17" fmla="*/ 101966 h 128574"/>
                <a:gd name="connsiteX18" fmla="*/ 197352 w 993341"/>
                <a:gd name="connsiteY18" fmla="*/ 115122 h 128574"/>
                <a:gd name="connsiteX19" fmla="*/ 157882 w 993341"/>
                <a:gd name="connsiteY19" fmla="*/ 118412 h 128574"/>
                <a:gd name="connsiteX20" fmla="*/ 131568 w 993341"/>
                <a:gd name="connsiteY20" fmla="*/ 121701 h 128574"/>
                <a:gd name="connsiteX21" fmla="*/ 108544 w 993341"/>
                <a:gd name="connsiteY21" fmla="*/ 124990 h 128574"/>
                <a:gd name="connsiteX22" fmla="*/ 65784 w 993341"/>
                <a:gd name="connsiteY22" fmla="*/ 128279 h 128574"/>
                <a:gd name="connsiteX23" fmla="*/ 0 w 993341"/>
                <a:gd name="connsiteY23" fmla="*/ 128279 h 128574"/>
                <a:gd name="connsiteX0" fmla="*/ 993341 w 993341"/>
                <a:gd name="connsiteY0" fmla="*/ 0 h 128574"/>
                <a:gd name="connsiteX1" fmla="*/ 986762 w 993341"/>
                <a:gd name="connsiteY1" fmla="*/ 6579 h 128574"/>
                <a:gd name="connsiteX2" fmla="*/ 957159 w 993341"/>
                <a:gd name="connsiteY2" fmla="*/ 36181 h 128574"/>
                <a:gd name="connsiteX3" fmla="*/ 940713 w 993341"/>
                <a:gd name="connsiteY3" fmla="*/ 39471 h 128574"/>
                <a:gd name="connsiteX4" fmla="*/ 907821 w 993341"/>
                <a:gd name="connsiteY4" fmla="*/ 46049 h 128574"/>
                <a:gd name="connsiteX5" fmla="*/ 845326 w 993341"/>
                <a:gd name="connsiteY5" fmla="*/ 49338 h 128574"/>
                <a:gd name="connsiteX6" fmla="*/ 782831 w 993341"/>
                <a:gd name="connsiteY6" fmla="*/ 52628 h 128574"/>
                <a:gd name="connsiteX7" fmla="*/ 763096 w 993341"/>
                <a:gd name="connsiteY7" fmla="*/ 59206 h 128574"/>
                <a:gd name="connsiteX8" fmla="*/ 720336 w 993341"/>
                <a:gd name="connsiteY8" fmla="*/ 52628 h 128574"/>
                <a:gd name="connsiteX9" fmla="*/ 664420 w 993341"/>
                <a:gd name="connsiteY9" fmla="*/ 62495 h 128574"/>
                <a:gd name="connsiteX10" fmla="*/ 618371 w 993341"/>
                <a:gd name="connsiteY10" fmla="*/ 69074 h 128574"/>
                <a:gd name="connsiteX11" fmla="*/ 595347 w 993341"/>
                <a:gd name="connsiteY11" fmla="*/ 78941 h 128574"/>
                <a:gd name="connsiteX12" fmla="*/ 532852 w 993341"/>
                <a:gd name="connsiteY12" fmla="*/ 88809 h 128574"/>
                <a:gd name="connsiteX13" fmla="*/ 470357 w 993341"/>
                <a:gd name="connsiteY13" fmla="*/ 95387 h 128574"/>
                <a:gd name="connsiteX14" fmla="*/ 450621 w 993341"/>
                <a:gd name="connsiteY14" fmla="*/ 98676 h 128574"/>
                <a:gd name="connsiteX15" fmla="*/ 437465 w 993341"/>
                <a:gd name="connsiteY15" fmla="*/ 101966 h 128574"/>
                <a:gd name="connsiteX16" fmla="*/ 355235 w 993341"/>
                <a:gd name="connsiteY16" fmla="*/ 101966 h 128574"/>
                <a:gd name="connsiteX17" fmla="*/ 197352 w 993341"/>
                <a:gd name="connsiteY17" fmla="*/ 115122 h 128574"/>
                <a:gd name="connsiteX18" fmla="*/ 157882 w 993341"/>
                <a:gd name="connsiteY18" fmla="*/ 118412 h 128574"/>
                <a:gd name="connsiteX19" fmla="*/ 131568 w 993341"/>
                <a:gd name="connsiteY19" fmla="*/ 121701 h 128574"/>
                <a:gd name="connsiteX20" fmla="*/ 108544 w 993341"/>
                <a:gd name="connsiteY20" fmla="*/ 124990 h 128574"/>
                <a:gd name="connsiteX21" fmla="*/ 65784 w 993341"/>
                <a:gd name="connsiteY21" fmla="*/ 128279 h 128574"/>
                <a:gd name="connsiteX22" fmla="*/ 0 w 993341"/>
                <a:gd name="connsiteY22" fmla="*/ 128279 h 128574"/>
                <a:gd name="connsiteX0" fmla="*/ 993341 w 993341"/>
                <a:gd name="connsiteY0" fmla="*/ 0 h 128574"/>
                <a:gd name="connsiteX1" fmla="*/ 957159 w 993341"/>
                <a:gd name="connsiteY1" fmla="*/ 36181 h 128574"/>
                <a:gd name="connsiteX2" fmla="*/ 940713 w 993341"/>
                <a:gd name="connsiteY2" fmla="*/ 39471 h 128574"/>
                <a:gd name="connsiteX3" fmla="*/ 907821 w 993341"/>
                <a:gd name="connsiteY3" fmla="*/ 46049 h 128574"/>
                <a:gd name="connsiteX4" fmla="*/ 845326 w 993341"/>
                <a:gd name="connsiteY4" fmla="*/ 49338 h 128574"/>
                <a:gd name="connsiteX5" fmla="*/ 782831 w 993341"/>
                <a:gd name="connsiteY5" fmla="*/ 52628 h 128574"/>
                <a:gd name="connsiteX6" fmla="*/ 763096 w 993341"/>
                <a:gd name="connsiteY6" fmla="*/ 59206 h 128574"/>
                <a:gd name="connsiteX7" fmla="*/ 720336 w 993341"/>
                <a:gd name="connsiteY7" fmla="*/ 52628 h 128574"/>
                <a:gd name="connsiteX8" fmla="*/ 664420 w 993341"/>
                <a:gd name="connsiteY8" fmla="*/ 62495 h 128574"/>
                <a:gd name="connsiteX9" fmla="*/ 618371 w 993341"/>
                <a:gd name="connsiteY9" fmla="*/ 69074 h 128574"/>
                <a:gd name="connsiteX10" fmla="*/ 595347 w 993341"/>
                <a:gd name="connsiteY10" fmla="*/ 78941 h 128574"/>
                <a:gd name="connsiteX11" fmla="*/ 532852 w 993341"/>
                <a:gd name="connsiteY11" fmla="*/ 88809 h 128574"/>
                <a:gd name="connsiteX12" fmla="*/ 470357 w 993341"/>
                <a:gd name="connsiteY12" fmla="*/ 95387 h 128574"/>
                <a:gd name="connsiteX13" fmla="*/ 450621 w 993341"/>
                <a:gd name="connsiteY13" fmla="*/ 98676 h 128574"/>
                <a:gd name="connsiteX14" fmla="*/ 437465 w 993341"/>
                <a:gd name="connsiteY14" fmla="*/ 101966 h 128574"/>
                <a:gd name="connsiteX15" fmla="*/ 355235 w 993341"/>
                <a:gd name="connsiteY15" fmla="*/ 101966 h 128574"/>
                <a:gd name="connsiteX16" fmla="*/ 197352 w 993341"/>
                <a:gd name="connsiteY16" fmla="*/ 115122 h 128574"/>
                <a:gd name="connsiteX17" fmla="*/ 157882 w 993341"/>
                <a:gd name="connsiteY17" fmla="*/ 118412 h 128574"/>
                <a:gd name="connsiteX18" fmla="*/ 131568 w 993341"/>
                <a:gd name="connsiteY18" fmla="*/ 121701 h 128574"/>
                <a:gd name="connsiteX19" fmla="*/ 108544 w 993341"/>
                <a:gd name="connsiteY19" fmla="*/ 124990 h 128574"/>
                <a:gd name="connsiteX20" fmla="*/ 65784 w 993341"/>
                <a:gd name="connsiteY20" fmla="*/ 128279 h 128574"/>
                <a:gd name="connsiteX21" fmla="*/ 0 w 993341"/>
                <a:gd name="connsiteY21" fmla="*/ 128279 h 128574"/>
                <a:gd name="connsiteX0" fmla="*/ 957159 w 957159"/>
                <a:gd name="connsiteY0" fmla="*/ 0 h 92393"/>
                <a:gd name="connsiteX1" fmla="*/ 940713 w 957159"/>
                <a:gd name="connsiteY1" fmla="*/ 3290 h 92393"/>
                <a:gd name="connsiteX2" fmla="*/ 907821 w 957159"/>
                <a:gd name="connsiteY2" fmla="*/ 9868 h 92393"/>
                <a:gd name="connsiteX3" fmla="*/ 845326 w 957159"/>
                <a:gd name="connsiteY3" fmla="*/ 13157 h 92393"/>
                <a:gd name="connsiteX4" fmla="*/ 782831 w 957159"/>
                <a:gd name="connsiteY4" fmla="*/ 16447 h 92393"/>
                <a:gd name="connsiteX5" fmla="*/ 763096 w 957159"/>
                <a:gd name="connsiteY5" fmla="*/ 23025 h 92393"/>
                <a:gd name="connsiteX6" fmla="*/ 720336 w 957159"/>
                <a:gd name="connsiteY6" fmla="*/ 16447 h 92393"/>
                <a:gd name="connsiteX7" fmla="*/ 664420 w 957159"/>
                <a:gd name="connsiteY7" fmla="*/ 26314 h 92393"/>
                <a:gd name="connsiteX8" fmla="*/ 618371 w 957159"/>
                <a:gd name="connsiteY8" fmla="*/ 32893 h 92393"/>
                <a:gd name="connsiteX9" fmla="*/ 595347 w 957159"/>
                <a:gd name="connsiteY9" fmla="*/ 42760 h 92393"/>
                <a:gd name="connsiteX10" fmla="*/ 532852 w 957159"/>
                <a:gd name="connsiteY10" fmla="*/ 52628 h 92393"/>
                <a:gd name="connsiteX11" fmla="*/ 470357 w 957159"/>
                <a:gd name="connsiteY11" fmla="*/ 59206 h 92393"/>
                <a:gd name="connsiteX12" fmla="*/ 450621 w 957159"/>
                <a:gd name="connsiteY12" fmla="*/ 62495 h 92393"/>
                <a:gd name="connsiteX13" fmla="*/ 437465 w 957159"/>
                <a:gd name="connsiteY13" fmla="*/ 65785 h 92393"/>
                <a:gd name="connsiteX14" fmla="*/ 355235 w 957159"/>
                <a:gd name="connsiteY14" fmla="*/ 65785 h 92393"/>
                <a:gd name="connsiteX15" fmla="*/ 197352 w 957159"/>
                <a:gd name="connsiteY15" fmla="*/ 78941 h 92393"/>
                <a:gd name="connsiteX16" fmla="*/ 157882 w 957159"/>
                <a:gd name="connsiteY16" fmla="*/ 82231 h 92393"/>
                <a:gd name="connsiteX17" fmla="*/ 131568 w 957159"/>
                <a:gd name="connsiteY17" fmla="*/ 85520 h 92393"/>
                <a:gd name="connsiteX18" fmla="*/ 108544 w 957159"/>
                <a:gd name="connsiteY18" fmla="*/ 88809 h 92393"/>
                <a:gd name="connsiteX19" fmla="*/ 65784 w 957159"/>
                <a:gd name="connsiteY19" fmla="*/ 92098 h 92393"/>
                <a:gd name="connsiteX20" fmla="*/ 0 w 957159"/>
                <a:gd name="connsiteY20" fmla="*/ 92098 h 92393"/>
                <a:gd name="connsiteX0" fmla="*/ 940713 w 940713"/>
                <a:gd name="connsiteY0" fmla="*/ 0 h 89103"/>
                <a:gd name="connsiteX1" fmla="*/ 907821 w 940713"/>
                <a:gd name="connsiteY1" fmla="*/ 6578 h 89103"/>
                <a:gd name="connsiteX2" fmla="*/ 845326 w 940713"/>
                <a:gd name="connsiteY2" fmla="*/ 9867 h 89103"/>
                <a:gd name="connsiteX3" fmla="*/ 782831 w 940713"/>
                <a:gd name="connsiteY3" fmla="*/ 13157 h 89103"/>
                <a:gd name="connsiteX4" fmla="*/ 763096 w 940713"/>
                <a:gd name="connsiteY4" fmla="*/ 19735 h 89103"/>
                <a:gd name="connsiteX5" fmla="*/ 720336 w 940713"/>
                <a:gd name="connsiteY5" fmla="*/ 13157 h 89103"/>
                <a:gd name="connsiteX6" fmla="*/ 664420 w 940713"/>
                <a:gd name="connsiteY6" fmla="*/ 23024 h 89103"/>
                <a:gd name="connsiteX7" fmla="*/ 618371 w 940713"/>
                <a:gd name="connsiteY7" fmla="*/ 29603 h 89103"/>
                <a:gd name="connsiteX8" fmla="*/ 595347 w 940713"/>
                <a:gd name="connsiteY8" fmla="*/ 39470 h 89103"/>
                <a:gd name="connsiteX9" fmla="*/ 532852 w 940713"/>
                <a:gd name="connsiteY9" fmla="*/ 49338 h 89103"/>
                <a:gd name="connsiteX10" fmla="*/ 470357 w 940713"/>
                <a:gd name="connsiteY10" fmla="*/ 55916 h 89103"/>
                <a:gd name="connsiteX11" fmla="*/ 450621 w 940713"/>
                <a:gd name="connsiteY11" fmla="*/ 59205 h 89103"/>
                <a:gd name="connsiteX12" fmla="*/ 437465 w 940713"/>
                <a:gd name="connsiteY12" fmla="*/ 62495 h 89103"/>
                <a:gd name="connsiteX13" fmla="*/ 355235 w 940713"/>
                <a:gd name="connsiteY13" fmla="*/ 62495 h 89103"/>
                <a:gd name="connsiteX14" fmla="*/ 197352 w 940713"/>
                <a:gd name="connsiteY14" fmla="*/ 75651 h 89103"/>
                <a:gd name="connsiteX15" fmla="*/ 157882 w 940713"/>
                <a:gd name="connsiteY15" fmla="*/ 78941 h 89103"/>
                <a:gd name="connsiteX16" fmla="*/ 131568 w 940713"/>
                <a:gd name="connsiteY16" fmla="*/ 82230 h 89103"/>
                <a:gd name="connsiteX17" fmla="*/ 108544 w 940713"/>
                <a:gd name="connsiteY17" fmla="*/ 85519 h 89103"/>
                <a:gd name="connsiteX18" fmla="*/ 65784 w 940713"/>
                <a:gd name="connsiteY18" fmla="*/ 88808 h 89103"/>
                <a:gd name="connsiteX19" fmla="*/ 0 w 940713"/>
                <a:gd name="connsiteY19" fmla="*/ 88808 h 89103"/>
                <a:gd name="connsiteX0" fmla="*/ 907821 w 907821"/>
                <a:gd name="connsiteY0" fmla="*/ 0 h 82525"/>
                <a:gd name="connsiteX1" fmla="*/ 845326 w 907821"/>
                <a:gd name="connsiteY1" fmla="*/ 3289 h 82525"/>
                <a:gd name="connsiteX2" fmla="*/ 782831 w 907821"/>
                <a:gd name="connsiteY2" fmla="*/ 6579 h 82525"/>
                <a:gd name="connsiteX3" fmla="*/ 763096 w 907821"/>
                <a:gd name="connsiteY3" fmla="*/ 13157 h 82525"/>
                <a:gd name="connsiteX4" fmla="*/ 720336 w 907821"/>
                <a:gd name="connsiteY4" fmla="*/ 6579 h 82525"/>
                <a:gd name="connsiteX5" fmla="*/ 664420 w 907821"/>
                <a:gd name="connsiteY5" fmla="*/ 16446 h 82525"/>
                <a:gd name="connsiteX6" fmla="*/ 618371 w 907821"/>
                <a:gd name="connsiteY6" fmla="*/ 23025 h 82525"/>
                <a:gd name="connsiteX7" fmla="*/ 595347 w 907821"/>
                <a:gd name="connsiteY7" fmla="*/ 32892 h 82525"/>
                <a:gd name="connsiteX8" fmla="*/ 532852 w 907821"/>
                <a:gd name="connsiteY8" fmla="*/ 42760 h 82525"/>
                <a:gd name="connsiteX9" fmla="*/ 470357 w 907821"/>
                <a:gd name="connsiteY9" fmla="*/ 49338 h 82525"/>
                <a:gd name="connsiteX10" fmla="*/ 450621 w 907821"/>
                <a:gd name="connsiteY10" fmla="*/ 52627 h 82525"/>
                <a:gd name="connsiteX11" fmla="*/ 437465 w 907821"/>
                <a:gd name="connsiteY11" fmla="*/ 55917 h 82525"/>
                <a:gd name="connsiteX12" fmla="*/ 355235 w 907821"/>
                <a:gd name="connsiteY12" fmla="*/ 55917 h 82525"/>
                <a:gd name="connsiteX13" fmla="*/ 197352 w 907821"/>
                <a:gd name="connsiteY13" fmla="*/ 69073 h 82525"/>
                <a:gd name="connsiteX14" fmla="*/ 157882 w 907821"/>
                <a:gd name="connsiteY14" fmla="*/ 72363 h 82525"/>
                <a:gd name="connsiteX15" fmla="*/ 131568 w 907821"/>
                <a:gd name="connsiteY15" fmla="*/ 75652 h 82525"/>
                <a:gd name="connsiteX16" fmla="*/ 108544 w 907821"/>
                <a:gd name="connsiteY16" fmla="*/ 78941 h 82525"/>
                <a:gd name="connsiteX17" fmla="*/ 65784 w 907821"/>
                <a:gd name="connsiteY17" fmla="*/ 82230 h 82525"/>
                <a:gd name="connsiteX18" fmla="*/ 0 w 907821"/>
                <a:gd name="connsiteY18" fmla="*/ 82230 h 82525"/>
                <a:gd name="connsiteX0" fmla="*/ 845326 w 845326"/>
                <a:gd name="connsiteY0" fmla="*/ 0 h 79236"/>
                <a:gd name="connsiteX1" fmla="*/ 782831 w 845326"/>
                <a:gd name="connsiteY1" fmla="*/ 3290 h 79236"/>
                <a:gd name="connsiteX2" fmla="*/ 763096 w 845326"/>
                <a:gd name="connsiteY2" fmla="*/ 9868 h 79236"/>
                <a:gd name="connsiteX3" fmla="*/ 720336 w 845326"/>
                <a:gd name="connsiteY3" fmla="*/ 3290 h 79236"/>
                <a:gd name="connsiteX4" fmla="*/ 664420 w 845326"/>
                <a:gd name="connsiteY4" fmla="*/ 13157 h 79236"/>
                <a:gd name="connsiteX5" fmla="*/ 618371 w 845326"/>
                <a:gd name="connsiteY5" fmla="*/ 19736 h 79236"/>
                <a:gd name="connsiteX6" fmla="*/ 595347 w 845326"/>
                <a:gd name="connsiteY6" fmla="*/ 29603 h 79236"/>
                <a:gd name="connsiteX7" fmla="*/ 532852 w 845326"/>
                <a:gd name="connsiteY7" fmla="*/ 39471 h 79236"/>
                <a:gd name="connsiteX8" fmla="*/ 470357 w 845326"/>
                <a:gd name="connsiteY8" fmla="*/ 46049 h 79236"/>
                <a:gd name="connsiteX9" fmla="*/ 450621 w 845326"/>
                <a:gd name="connsiteY9" fmla="*/ 49338 h 79236"/>
                <a:gd name="connsiteX10" fmla="*/ 437465 w 845326"/>
                <a:gd name="connsiteY10" fmla="*/ 52628 h 79236"/>
                <a:gd name="connsiteX11" fmla="*/ 355235 w 845326"/>
                <a:gd name="connsiteY11" fmla="*/ 52628 h 79236"/>
                <a:gd name="connsiteX12" fmla="*/ 197352 w 845326"/>
                <a:gd name="connsiteY12" fmla="*/ 65784 h 79236"/>
                <a:gd name="connsiteX13" fmla="*/ 157882 w 845326"/>
                <a:gd name="connsiteY13" fmla="*/ 69074 h 79236"/>
                <a:gd name="connsiteX14" fmla="*/ 131568 w 845326"/>
                <a:gd name="connsiteY14" fmla="*/ 72363 h 79236"/>
                <a:gd name="connsiteX15" fmla="*/ 108544 w 845326"/>
                <a:gd name="connsiteY15" fmla="*/ 75652 h 79236"/>
                <a:gd name="connsiteX16" fmla="*/ 65784 w 845326"/>
                <a:gd name="connsiteY16" fmla="*/ 78941 h 79236"/>
                <a:gd name="connsiteX17" fmla="*/ 0 w 845326"/>
                <a:gd name="connsiteY17" fmla="*/ 78941 h 79236"/>
                <a:gd name="connsiteX0" fmla="*/ 782831 w 782831"/>
                <a:gd name="connsiteY0" fmla="*/ 31 h 75977"/>
                <a:gd name="connsiteX1" fmla="*/ 763096 w 782831"/>
                <a:gd name="connsiteY1" fmla="*/ 6609 h 75977"/>
                <a:gd name="connsiteX2" fmla="*/ 720336 w 782831"/>
                <a:gd name="connsiteY2" fmla="*/ 31 h 75977"/>
                <a:gd name="connsiteX3" fmla="*/ 664420 w 782831"/>
                <a:gd name="connsiteY3" fmla="*/ 9898 h 75977"/>
                <a:gd name="connsiteX4" fmla="*/ 618371 w 782831"/>
                <a:gd name="connsiteY4" fmla="*/ 16477 h 75977"/>
                <a:gd name="connsiteX5" fmla="*/ 595347 w 782831"/>
                <a:gd name="connsiteY5" fmla="*/ 26344 h 75977"/>
                <a:gd name="connsiteX6" fmla="*/ 532852 w 782831"/>
                <a:gd name="connsiteY6" fmla="*/ 36212 h 75977"/>
                <a:gd name="connsiteX7" fmla="*/ 470357 w 782831"/>
                <a:gd name="connsiteY7" fmla="*/ 42790 h 75977"/>
                <a:gd name="connsiteX8" fmla="*/ 450621 w 782831"/>
                <a:gd name="connsiteY8" fmla="*/ 46079 h 75977"/>
                <a:gd name="connsiteX9" fmla="*/ 437465 w 782831"/>
                <a:gd name="connsiteY9" fmla="*/ 49369 h 75977"/>
                <a:gd name="connsiteX10" fmla="*/ 355235 w 782831"/>
                <a:gd name="connsiteY10" fmla="*/ 49369 h 75977"/>
                <a:gd name="connsiteX11" fmla="*/ 197352 w 782831"/>
                <a:gd name="connsiteY11" fmla="*/ 62525 h 75977"/>
                <a:gd name="connsiteX12" fmla="*/ 157882 w 782831"/>
                <a:gd name="connsiteY12" fmla="*/ 65815 h 75977"/>
                <a:gd name="connsiteX13" fmla="*/ 131568 w 782831"/>
                <a:gd name="connsiteY13" fmla="*/ 69104 h 75977"/>
                <a:gd name="connsiteX14" fmla="*/ 108544 w 782831"/>
                <a:gd name="connsiteY14" fmla="*/ 72393 h 75977"/>
                <a:gd name="connsiteX15" fmla="*/ 65784 w 782831"/>
                <a:gd name="connsiteY15" fmla="*/ 75682 h 75977"/>
                <a:gd name="connsiteX16" fmla="*/ 0 w 782831"/>
                <a:gd name="connsiteY16" fmla="*/ 75682 h 75977"/>
                <a:gd name="connsiteX0" fmla="*/ 763096 w 763096"/>
                <a:gd name="connsiteY0" fmla="*/ 6609 h 75977"/>
                <a:gd name="connsiteX1" fmla="*/ 720336 w 763096"/>
                <a:gd name="connsiteY1" fmla="*/ 31 h 75977"/>
                <a:gd name="connsiteX2" fmla="*/ 664420 w 763096"/>
                <a:gd name="connsiteY2" fmla="*/ 9898 h 75977"/>
                <a:gd name="connsiteX3" fmla="*/ 618371 w 763096"/>
                <a:gd name="connsiteY3" fmla="*/ 16477 h 75977"/>
                <a:gd name="connsiteX4" fmla="*/ 595347 w 763096"/>
                <a:gd name="connsiteY4" fmla="*/ 26344 h 75977"/>
                <a:gd name="connsiteX5" fmla="*/ 532852 w 763096"/>
                <a:gd name="connsiteY5" fmla="*/ 36212 h 75977"/>
                <a:gd name="connsiteX6" fmla="*/ 470357 w 763096"/>
                <a:gd name="connsiteY6" fmla="*/ 42790 h 75977"/>
                <a:gd name="connsiteX7" fmla="*/ 450621 w 763096"/>
                <a:gd name="connsiteY7" fmla="*/ 46079 h 75977"/>
                <a:gd name="connsiteX8" fmla="*/ 437465 w 763096"/>
                <a:gd name="connsiteY8" fmla="*/ 49369 h 75977"/>
                <a:gd name="connsiteX9" fmla="*/ 355235 w 763096"/>
                <a:gd name="connsiteY9" fmla="*/ 49369 h 75977"/>
                <a:gd name="connsiteX10" fmla="*/ 197352 w 763096"/>
                <a:gd name="connsiteY10" fmla="*/ 62525 h 75977"/>
                <a:gd name="connsiteX11" fmla="*/ 157882 w 763096"/>
                <a:gd name="connsiteY11" fmla="*/ 65815 h 75977"/>
                <a:gd name="connsiteX12" fmla="*/ 131568 w 763096"/>
                <a:gd name="connsiteY12" fmla="*/ 69104 h 75977"/>
                <a:gd name="connsiteX13" fmla="*/ 108544 w 763096"/>
                <a:gd name="connsiteY13" fmla="*/ 72393 h 75977"/>
                <a:gd name="connsiteX14" fmla="*/ 65784 w 763096"/>
                <a:gd name="connsiteY14" fmla="*/ 75682 h 75977"/>
                <a:gd name="connsiteX15" fmla="*/ 0 w 763096"/>
                <a:gd name="connsiteY15" fmla="*/ 75682 h 75977"/>
                <a:gd name="connsiteX0" fmla="*/ 720336 w 720336"/>
                <a:gd name="connsiteY0" fmla="*/ 0 h 75946"/>
                <a:gd name="connsiteX1" fmla="*/ 664420 w 720336"/>
                <a:gd name="connsiteY1" fmla="*/ 9867 h 75946"/>
                <a:gd name="connsiteX2" fmla="*/ 618371 w 720336"/>
                <a:gd name="connsiteY2" fmla="*/ 16446 h 75946"/>
                <a:gd name="connsiteX3" fmla="*/ 595347 w 720336"/>
                <a:gd name="connsiteY3" fmla="*/ 26313 h 75946"/>
                <a:gd name="connsiteX4" fmla="*/ 532852 w 720336"/>
                <a:gd name="connsiteY4" fmla="*/ 36181 h 75946"/>
                <a:gd name="connsiteX5" fmla="*/ 470357 w 720336"/>
                <a:gd name="connsiteY5" fmla="*/ 42759 h 75946"/>
                <a:gd name="connsiteX6" fmla="*/ 450621 w 720336"/>
                <a:gd name="connsiteY6" fmla="*/ 46048 h 75946"/>
                <a:gd name="connsiteX7" fmla="*/ 437465 w 720336"/>
                <a:gd name="connsiteY7" fmla="*/ 49338 h 75946"/>
                <a:gd name="connsiteX8" fmla="*/ 355235 w 720336"/>
                <a:gd name="connsiteY8" fmla="*/ 49338 h 75946"/>
                <a:gd name="connsiteX9" fmla="*/ 197352 w 720336"/>
                <a:gd name="connsiteY9" fmla="*/ 62494 h 75946"/>
                <a:gd name="connsiteX10" fmla="*/ 157882 w 720336"/>
                <a:gd name="connsiteY10" fmla="*/ 65784 h 75946"/>
                <a:gd name="connsiteX11" fmla="*/ 131568 w 720336"/>
                <a:gd name="connsiteY11" fmla="*/ 69073 h 75946"/>
                <a:gd name="connsiteX12" fmla="*/ 108544 w 720336"/>
                <a:gd name="connsiteY12" fmla="*/ 72362 h 75946"/>
                <a:gd name="connsiteX13" fmla="*/ 65784 w 720336"/>
                <a:gd name="connsiteY13" fmla="*/ 75651 h 75946"/>
                <a:gd name="connsiteX14" fmla="*/ 0 w 720336"/>
                <a:gd name="connsiteY14" fmla="*/ 75651 h 75946"/>
                <a:gd name="connsiteX0" fmla="*/ 743360 w 743360"/>
                <a:gd name="connsiteY0" fmla="*/ 0 h 72657"/>
                <a:gd name="connsiteX1" fmla="*/ 664420 w 743360"/>
                <a:gd name="connsiteY1" fmla="*/ 6578 h 72657"/>
                <a:gd name="connsiteX2" fmla="*/ 618371 w 743360"/>
                <a:gd name="connsiteY2" fmla="*/ 13157 h 72657"/>
                <a:gd name="connsiteX3" fmla="*/ 595347 w 743360"/>
                <a:gd name="connsiteY3" fmla="*/ 23024 h 72657"/>
                <a:gd name="connsiteX4" fmla="*/ 532852 w 743360"/>
                <a:gd name="connsiteY4" fmla="*/ 32892 h 72657"/>
                <a:gd name="connsiteX5" fmla="*/ 470357 w 743360"/>
                <a:gd name="connsiteY5" fmla="*/ 39470 h 72657"/>
                <a:gd name="connsiteX6" fmla="*/ 450621 w 743360"/>
                <a:gd name="connsiteY6" fmla="*/ 42759 h 72657"/>
                <a:gd name="connsiteX7" fmla="*/ 437465 w 743360"/>
                <a:gd name="connsiteY7" fmla="*/ 46049 h 72657"/>
                <a:gd name="connsiteX8" fmla="*/ 355235 w 743360"/>
                <a:gd name="connsiteY8" fmla="*/ 46049 h 72657"/>
                <a:gd name="connsiteX9" fmla="*/ 197352 w 743360"/>
                <a:gd name="connsiteY9" fmla="*/ 59205 h 72657"/>
                <a:gd name="connsiteX10" fmla="*/ 157882 w 743360"/>
                <a:gd name="connsiteY10" fmla="*/ 62495 h 72657"/>
                <a:gd name="connsiteX11" fmla="*/ 131568 w 743360"/>
                <a:gd name="connsiteY11" fmla="*/ 65784 h 72657"/>
                <a:gd name="connsiteX12" fmla="*/ 108544 w 743360"/>
                <a:gd name="connsiteY12" fmla="*/ 69073 h 72657"/>
                <a:gd name="connsiteX13" fmla="*/ 65784 w 743360"/>
                <a:gd name="connsiteY13" fmla="*/ 72362 h 72657"/>
                <a:gd name="connsiteX14" fmla="*/ 0 w 743360"/>
                <a:gd name="connsiteY14" fmla="*/ 72362 h 72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43360" h="72657">
                  <a:moveTo>
                    <a:pt x="743360" y="0"/>
                  </a:moveTo>
                  <a:cubicBezTo>
                    <a:pt x="726914" y="548"/>
                    <a:pt x="685252" y="4385"/>
                    <a:pt x="664420" y="6578"/>
                  </a:cubicBezTo>
                  <a:cubicBezTo>
                    <a:pt x="643589" y="8771"/>
                    <a:pt x="622757" y="12060"/>
                    <a:pt x="618371" y="13157"/>
                  </a:cubicBezTo>
                  <a:cubicBezTo>
                    <a:pt x="602715" y="23594"/>
                    <a:pt x="614656" y="17231"/>
                    <a:pt x="595347" y="23024"/>
                  </a:cubicBezTo>
                  <a:cubicBezTo>
                    <a:pt x="554702" y="35218"/>
                    <a:pt x="597671" y="26816"/>
                    <a:pt x="532852" y="32892"/>
                  </a:cubicBezTo>
                  <a:cubicBezTo>
                    <a:pt x="511997" y="34847"/>
                    <a:pt x="491019" y="36027"/>
                    <a:pt x="470357" y="39470"/>
                  </a:cubicBezTo>
                  <a:cubicBezTo>
                    <a:pt x="463778" y="40566"/>
                    <a:pt x="457161" y="41451"/>
                    <a:pt x="450621" y="42759"/>
                  </a:cubicBezTo>
                  <a:cubicBezTo>
                    <a:pt x="446188" y="43646"/>
                    <a:pt x="453363" y="45501"/>
                    <a:pt x="437465" y="46049"/>
                  </a:cubicBezTo>
                  <a:cubicBezTo>
                    <a:pt x="421567" y="46597"/>
                    <a:pt x="370585" y="44953"/>
                    <a:pt x="355235" y="46049"/>
                  </a:cubicBezTo>
                  <a:lnTo>
                    <a:pt x="197352" y="59205"/>
                  </a:lnTo>
                  <a:lnTo>
                    <a:pt x="157882" y="62495"/>
                  </a:lnTo>
                  <a:cubicBezTo>
                    <a:pt x="149086" y="63375"/>
                    <a:pt x="140330" y="64616"/>
                    <a:pt x="131568" y="65784"/>
                  </a:cubicBezTo>
                  <a:cubicBezTo>
                    <a:pt x="123883" y="66809"/>
                    <a:pt x="116258" y="68302"/>
                    <a:pt x="108544" y="69073"/>
                  </a:cubicBezTo>
                  <a:cubicBezTo>
                    <a:pt x="94320" y="70495"/>
                    <a:pt x="80073" y="71929"/>
                    <a:pt x="65784" y="72362"/>
                  </a:cubicBezTo>
                  <a:cubicBezTo>
                    <a:pt x="43866" y="73026"/>
                    <a:pt x="21928" y="72362"/>
                    <a:pt x="0" y="7236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4" name="Freeform 1023"/>
            <p:cNvSpPr/>
            <p:nvPr/>
          </p:nvSpPr>
          <p:spPr bwMode="auto">
            <a:xfrm>
              <a:off x="6344379" y="2230082"/>
              <a:ext cx="414944" cy="904533"/>
            </a:xfrm>
            <a:custGeom>
              <a:avLst/>
              <a:gdLst>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72517 w 434330"/>
                <a:gd name="connsiteY18" fmla="*/ 608504 h 940714"/>
                <a:gd name="connsiteX19" fmla="*/ 95542 w 434330"/>
                <a:gd name="connsiteY19" fmla="*/ 621661 h 940714"/>
                <a:gd name="connsiteX20" fmla="*/ 131723 w 434330"/>
                <a:gd name="connsiteY20" fmla="*/ 651264 h 940714"/>
                <a:gd name="connsiteX21" fmla="*/ 141590 w 434330"/>
                <a:gd name="connsiteY21" fmla="*/ 654553 h 940714"/>
                <a:gd name="connsiteX22" fmla="*/ 161326 w 434330"/>
                <a:gd name="connsiteY22" fmla="*/ 670999 h 940714"/>
                <a:gd name="connsiteX23" fmla="*/ 167904 w 434330"/>
                <a:gd name="connsiteY23" fmla="*/ 680867 h 940714"/>
                <a:gd name="connsiteX24" fmla="*/ 174483 w 434330"/>
                <a:gd name="connsiteY24" fmla="*/ 687445 h 940714"/>
                <a:gd name="connsiteX25" fmla="*/ 184350 w 434330"/>
                <a:gd name="connsiteY25" fmla="*/ 694023 h 940714"/>
                <a:gd name="connsiteX26" fmla="*/ 190929 w 434330"/>
                <a:gd name="connsiteY26" fmla="*/ 700602 h 940714"/>
                <a:gd name="connsiteX27" fmla="*/ 200796 w 434330"/>
                <a:gd name="connsiteY27" fmla="*/ 707180 h 940714"/>
                <a:gd name="connsiteX28" fmla="*/ 207375 w 434330"/>
                <a:gd name="connsiteY28" fmla="*/ 713759 h 940714"/>
                <a:gd name="connsiteX29" fmla="*/ 217242 w 434330"/>
                <a:gd name="connsiteY29" fmla="*/ 720337 h 940714"/>
                <a:gd name="connsiteX30" fmla="*/ 236977 w 434330"/>
                <a:gd name="connsiteY30" fmla="*/ 736783 h 940714"/>
                <a:gd name="connsiteX31" fmla="*/ 246845 w 434330"/>
                <a:gd name="connsiteY31" fmla="*/ 740072 h 940714"/>
                <a:gd name="connsiteX32" fmla="*/ 276448 w 434330"/>
                <a:gd name="connsiteY32" fmla="*/ 759808 h 940714"/>
                <a:gd name="connsiteX33" fmla="*/ 286316 w 434330"/>
                <a:gd name="connsiteY33" fmla="*/ 763097 h 940714"/>
                <a:gd name="connsiteX34" fmla="*/ 302762 w 434330"/>
                <a:gd name="connsiteY34" fmla="*/ 776254 h 940714"/>
                <a:gd name="connsiteX35" fmla="*/ 312629 w 434330"/>
                <a:gd name="connsiteY35" fmla="*/ 782832 h 940714"/>
                <a:gd name="connsiteX36" fmla="*/ 319208 w 434330"/>
                <a:gd name="connsiteY36" fmla="*/ 789411 h 940714"/>
                <a:gd name="connsiteX37" fmla="*/ 332365 w 434330"/>
                <a:gd name="connsiteY37" fmla="*/ 799278 h 940714"/>
                <a:gd name="connsiteX38" fmla="*/ 338943 w 434330"/>
                <a:gd name="connsiteY38" fmla="*/ 805857 h 940714"/>
                <a:gd name="connsiteX39" fmla="*/ 365257 w 434330"/>
                <a:gd name="connsiteY39" fmla="*/ 825592 h 940714"/>
                <a:gd name="connsiteX40" fmla="*/ 375124 w 434330"/>
                <a:gd name="connsiteY40" fmla="*/ 845327 h 940714"/>
                <a:gd name="connsiteX41" fmla="*/ 394859 w 434330"/>
                <a:gd name="connsiteY41" fmla="*/ 878219 h 940714"/>
                <a:gd name="connsiteX42" fmla="*/ 401438 w 434330"/>
                <a:gd name="connsiteY42" fmla="*/ 884798 h 940714"/>
                <a:gd name="connsiteX43" fmla="*/ 414595 w 434330"/>
                <a:gd name="connsiteY43" fmla="*/ 904533 h 940714"/>
                <a:gd name="connsiteX44" fmla="*/ 421173 w 434330"/>
                <a:gd name="connsiteY44" fmla="*/ 914400 h 940714"/>
                <a:gd name="connsiteX45" fmla="*/ 431041 w 434330"/>
                <a:gd name="connsiteY45" fmla="*/ 930846 h 940714"/>
                <a:gd name="connsiteX46" fmla="*/ 434330 w 434330"/>
                <a:gd name="connsiteY46"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1326 w 434330"/>
                <a:gd name="connsiteY21" fmla="*/ 670999 h 940714"/>
                <a:gd name="connsiteX22" fmla="*/ 167904 w 434330"/>
                <a:gd name="connsiteY22" fmla="*/ 680867 h 940714"/>
                <a:gd name="connsiteX23" fmla="*/ 174483 w 434330"/>
                <a:gd name="connsiteY23" fmla="*/ 687445 h 940714"/>
                <a:gd name="connsiteX24" fmla="*/ 184350 w 434330"/>
                <a:gd name="connsiteY24" fmla="*/ 694023 h 940714"/>
                <a:gd name="connsiteX25" fmla="*/ 190929 w 434330"/>
                <a:gd name="connsiteY25" fmla="*/ 700602 h 940714"/>
                <a:gd name="connsiteX26" fmla="*/ 200796 w 434330"/>
                <a:gd name="connsiteY26" fmla="*/ 707180 h 940714"/>
                <a:gd name="connsiteX27" fmla="*/ 207375 w 434330"/>
                <a:gd name="connsiteY27" fmla="*/ 713759 h 940714"/>
                <a:gd name="connsiteX28" fmla="*/ 217242 w 434330"/>
                <a:gd name="connsiteY28" fmla="*/ 720337 h 940714"/>
                <a:gd name="connsiteX29" fmla="*/ 236977 w 434330"/>
                <a:gd name="connsiteY29" fmla="*/ 736783 h 940714"/>
                <a:gd name="connsiteX30" fmla="*/ 246845 w 434330"/>
                <a:gd name="connsiteY30" fmla="*/ 740072 h 940714"/>
                <a:gd name="connsiteX31" fmla="*/ 276448 w 434330"/>
                <a:gd name="connsiteY31" fmla="*/ 759808 h 940714"/>
                <a:gd name="connsiteX32" fmla="*/ 286316 w 434330"/>
                <a:gd name="connsiteY32" fmla="*/ 763097 h 940714"/>
                <a:gd name="connsiteX33" fmla="*/ 302762 w 434330"/>
                <a:gd name="connsiteY33" fmla="*/ 776254 h 940714"/>
                <a:gd name="connsiteX34" fmla="*/ 312629 w 434330"/>
                <a:gd name="connsiteY34" fmla="*/ 782832 h 940714"/>
                <a:gd name="connsiteX35" fmla="*/ 319208 w 434330"/>
                <a:gd name="connsiteY35" fmla="*/ 789411 h 940714"/>
                <a:gd name="connsiteX36" fmla="*/ 332365 w 434330"/>
                <a:gd name="connsiteY36" fmla="*/ 799278 h 940714"/>
                <a:gd name="connsiteX37" fmla="*/ 338943 w 434330"/>
                <a:gd name="connsiteY37" fmla="*/ 805857 h 940714"/>
                <a:gd name="connsiteX38" fmla="*/ 365257 w 434330"/>
                <a:gd name="connsiteY38" fmla="*/ 825592 h 940714"/>
                <a:gd name="connsiteX39" fmla="*/ 375124 w 434330"/>
                <a:gd name="connsiteY39" fmla="*/ 845327 h 940714"/>
                <a:gd name="connsiteX40" fmla="*/ 394859 w 434330"/>
                <a:gd name="connsiteY40" fmla="*/ 878219 h 940714"/>
                <a:gd name="connsiteX41" fmla="*/ 401438 w 434330"/>
                <a:gd name="connsiteY41" fmla="*/ 884798 h 940714"/>
                <a:gd name="connsiteX42" fmla="*/ 414595 w 434330"/>
                <a:gd name="connsiteY42" fmla="*/ 904533 h 940714"/>
                <a:gd name="connsiteX43" fmla="*/ 421173 w 434330"/>
                <a:gd name="connsiteY43" fmla="*/ 914400 h 940714"/>
                <a:gd name="connsiteX44" fmla="*/ 431041 w 434330"/>
                <a:gd name="connsiteY44" fmla="*/ 930846 h 940714"/>
                <a:gd name="connsiteX45" fmla="*/ 434330 w 434330"/>
                <a:gd name="connsiteY45"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84350 w 434330"/>
                <a:gd name="connsiteY23" fmla="*/ 694023 h 940714"/>
                <a:gd name="connsiteX24" fmla="*/ 190929 w 434330"/>
                <a:gd name="connsiteY24" fmla="*/ 700602 h 940714"/>
                <a:gd name="connsiteX25" fmla="*/ 200796 w 434330"/>
                <a:gd name="connsiteY25" fmla="*/ 707180 h 940714"/>
                <a:gd name="connsiteX26" fmla="*/ 207375 w 434330"/>
                <a:gd name="connsiteY26" fmla="*/ 713759 h 940714"/>
                <a:gd name="connsiteX27" fmla="*/ 217242 w 434330"/>
                <a:gd name="connsiteY27" fmla="*/ 720337 h 940714"/>
                <a:gd name="connsiteX28" fmla="*/ 236977 w 434330"/>
                <a:gd name="connsiteY28" fmla="*/ 736783 h 940714"/>
                <a:gd name="connsiteX29" fmla="*/ 246845 w 434330"/>
                <a:gd name="connsiteY29" fmla="*/ 740072 h 940714"/>
                <a:gd name="connsiteX30" fmla="*/ 276448 w 434330"/>
                <a:gd name="connsiteY30" fmla="*/ 759808 h 940714"/>
                <a:gd name="connsiteX31" fmla="*/ 286316 w 434330"/>
                <a:gd name="connsiteY31" fmla="*/ 763097 h 940714"/>
                <a:gd name="connsiteX32" fmla="*/ 302762 w 434330"/>
                <a:gd name="connsiteY32" fmla="*/ 776254 h 940714"/>
                <a:gd name="connsiteX33" fmla="*/ 312629 w 434330"/>
                <a:gd name="connsiteY33" fmla="*/ 782832 h 940714"/>
                <a:gd name="connsiteX34" fmla="*/ 319208 w 434330"/>
                <a:gd name="connsiteY34" fmla="*/ 789411 h 940714"/>
                <a:gd name="connsiteX35" fmla="*/ 332365 w 434330"/>
                <a:gd name="connsiteY35" fmla="*/ 799278 h 940714"/>
                <a:gd name="connsiteX36" fmla="*/ 338943 w 434330"/>
                <a:gd name="connsiteY36" fmla="*/ 805857 h 940714"/>
                <a:gd name="connsiteX37" fmla="*/ 365257 w 434330"/>
                <a:gd name="connsiteY37" fmla="*/ 825592 h 940714"/>
                <a:gd name="connsiteX38" fmla="*/ 375124 w 434330"/>
                <a:gd name="connsiteY38" fmla="*/ 845327 h 940714"/>
                <a:gd name="connsiteX39" fmla="*/ 394859 w 434330"/>
                <a:gd name="connsiteY39" fmla="*/ 878219 h 940714"/>
                <a:gd name="connsiteX40" fmla="*/ 401438 w 434330"/>
                <a:gd name="connsiteY40" fmla="*/ 884798 h 940714"/>
                <a:gd name="connsiteX41" fmla="*/ 414595 w 434330"/>
                <a:gd name="connsiteY41" fmla="*/ 904533 h 940714"/>
                <a:gd name="connsiteX42" fmla="*/ 421173 w 434330"/>
                <a:gd name="connsiteY42" fmla="*/ 914400 h 940714"/>
                <a:gd name="connsiteX43" fmla="*/ 431041 w 434330"/>
                <a:gd name="connsiteY43" fmla="*/ 930846 h 940714"/>
                <a:gd name="connsiteX44" fmla="*/ 434330 w 434330"/>
                <a:gd name="connsiteY44"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07375 w 434330"/>
                <a:gd name="connsiteY25" fmla="*/ 713759 h 940714"/>
                <a:gd name="connsiteX26" fmla="*/ 217242 w 434330"/>
                <a:gd name="connsiteY26" fmla="*/ 720337 h 940714"/>
                <a:gd name="connsiteX27" fmla="*/ 236977 w 434330"/>
                <a:gd name="connsiteY27" fmla="*/ 736783 h 940714"/>
                <a:gd name="connsiteX28" fmla="*/ 246845 w 434330"/>
                <a:gd name="connsiteY28" fmla="*/ 740072 h 940714"/>
                <a:gd name="connsiteX29" fmla="*/ 276448 w 434330"/>
                <a:gd name="connsiteY29" fmla="*/ 759808 h 940714"/>
                <a:gd name="connsiteX30" fmla="*/ 286316 w 434330"/>
                <a:gd name="connsiteY30" fmla="*/ 763097 h 940714"/>
                <a:gd name="connsiteX31" fmla="*/ 302762 w 434330"/>
                <a:gd name="connsiteY31" fmla="*/ 776254 h 940714"/>
                <a:gd name="connsiteX32" fmla="*/ 312629 w 434330"/>
                <a:gd name="connsiteY32" fmla="*/ 782832 h 940714"/>
                <a:gd name="connsiteX33" fmla="*/ 319208 w 434330"/>
                <a:gd name="connsiteY33" fmla="*/ 789411 h 940714"/>
                <a:gd name="connsiteX34" fmla="*/ 332365 w 434330"/>
                <a:gd name="connsiteY34" fmla="*/ 799278 h 940714"/>
                <a:gd name="connsiteX35" fmla="*/ 338943 w 434330"/>
                <a:gd name="connsiteY35" fmla="*/ 805857 h 940714"/>
                <a:gd name="connsiteX36" fmla="*/ 365257 w 434330"/>
                <a:gd name="connsiteY36" fmla="*/ 825592 h 940714"/>
                <a:gd name="connsiteX37" fmla="*/ 375124 w 434330"/>
                <a:gd name="connsiteY37" fmla="*/ 845327 h 940714"/>
                <a:gd name="connsiteX38" fmla="*/ 394859 w 434330"/>
                <a:gd name="connsiteY38" fmla="*/ 878219 h 940714"/>
                <a:gd name="connsiteX39" fmla="*/ 401438 w 434330"/>
                <a:gd name="connsiteY39" fmla="*/ 884798 h 940714"/>
                <a:gd name="connsiteX40" fmla="*/ 414595 w 434330"/>
                <a:gd name="connsiteY40" fmla="*/ 904533 h 940714"/>
                <a:gd name="connsiteX41" fmla="*/ 421173 w 434330"/>
                <a:gd name="connsiteY41" fmla="*/ 914400 h 940714"/>
                <a:gd name="connsiteX42" fmla="*/ 431041 w 434330"/>
                <a:gd name="connsiteY42" fmla="*/ 930846 h 940714"/>
                <a:gd name="connsiteX43" fmla="*/ 434330 w 434330"/>
                <a:gd name="connsiteY43"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17242 w 434330"/>
                <a:gd name="connsiteY25" fmla="*/ 720337 h 940714"/>
                <a:gd name="connsiteX26" fmla="*/ 236977 w 434330"/>
                <a:gd name="connsiteY26" fmla="*/ 736783 h 940714"/>
                <a:gd name="connsiteX27" fmla="*/ 246845 w 434330"/>
                <a:gd name="connsiteY27" fmla="*/ 740072 h 940714"/>
                <a:gd name="connsiteX28" fmla="*/ 276448 w 434330"/>
                <a:gd name="connsiteY28" fmla="*/ 759808 h 940714"/>
                <a:gd name="connsiteX29" fmla="*/ 286316 w 434330"/>
                <a:gd name="connsiteY29" fmla="*/ 763097 h 940714"/>
                <a:gd name="connsiteX30" fmla="*/ 302762 w 434330"/>
                <a:gd name="connsiteY30" fmla="*/ 776254 h 940714"/>
                <a:gd name="connsiteX31" fmla="*/ 312629 w 434330"/>
                <a:gd name="connsiteY31" fmla="*/ 782832 h 940714"/>
                <a:gd name="connsiteX32" fmla="*/ 319208 w 434330"/>
                <a:gd name="connsiteY32" fmla="*/ 789411 h 940714"/>
                <a:gd name="connsiteX33" fmla="*/ 332365 w 434330"/>
                <a:gd name="connsiteY33" fmla="*/ 799278 h 940714"/>
                <a:gd name="connsiteX34" fmla="*/ 338943 w 434330"/>
                <a:gd name="connsiteY34" fmla="*/ 805857 h 940714"/>
                <a:gd name="connsiteX35" fmla="*/ 365257 w 434330"/>
                <a:gd name="connsiteY35" fmla="*/ 825592 h 940714"/>
                <a:gd name="connsiteX36" fmla="*/ 375124 w 434330"/>
                <a:gd name="connsiteY36" fmla="*/ 845327 h 940714"/>
                <a:gd name="connsiteX37" fmla="*/ 394859 w 434330"/>
                <a:gd name="connsiteY37" fmla="*/ 878219 h 940714"/>
                <a:gd name="connsiteX38" fmla="*/ 401438 w 434330"/>
                <a:gd name="connsiteY38" fmla="*/ 884798 h 940714"/>
                <a:gd name="connsiteX39" fmla="*/ 414595 w 434330"/>
                <a:gd name="connsiteY39" fmla="*/ 904533 h 940714"/>
                <a:gd name="connsiteX40" fmla="*/ 421173 w 434330"/>
                <a:gd name="connsiteY40" fmla="*/ 914400 h 940714"/>
                <a:gd name="connsiteX41" fmla="*/ 431041 w 434330"/>
                <a:gd name="connsiteY41" fmla="*/ 930846 h 940714"/>
                <a:gd name="connsiteX42" fmla="*/ 434330 w 434330"/>
                <a:gd name="connsiteY42"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17242 w 434330"/>
                <a:gd name="connsiteY24" fmla="*/ 720337 h 940714"/>
                <a:gd name="connsiteX25" fmla="*/ 236977 w 434330"/>
                <a:gd name="connsiteY25" fmla="*/ 736783 h 940714"/>
                <a:gd name="connsiteX26" fmla="*/ 246845 w 434330"/>
                <a:gd name="connsiteY26" fmla="*/ 740072 h 940714"/>
                <a:gd name="connsiteX27" fmla="*/ 276448 w 434330"/>
                <a:gd name="connsiteY27" fmla="*/ 759808 h 940714"/>
                <a:gd name="connsiteX28" fmla="*/ 286316 w 434330"/>
                <a:gd name="connsiteY28" fmla="*/ 763097 h 940714"/>
                <a:gd name="connsiteX29" fmla="*/ 302762 w 434330"/>
                <a:gd name="connsiteY29" fmla="*/ 776254 h 940714"/>
                <a:gd name="connsiteX30" fmla="*/ 312629 w 434330"/>
                <a:gd name="connsiteY30" fmla="*/ 782832 h 940714"/>
                <a:gd name="connsiteX31" fmla="*/ 319208 w 434330"/>
                <a:gd name="connsiteY31" fmla="*/ 789411 h 940714"/>
                <a:gd name="connsiteX32" fmla="*/ 332365 w 434330"/>
                <a:gd name="connsiteY32" fmla="*/ 799278 h 940714"/>
                <a:gd name="connsiteX33" fmla="*/ 338943 w 434330"/>
                <a:gd name="connsiteY33" fmla="*/ 805857 h 940714"/>
                <a:gd name="connsiteX34" fmla="*/ 365257 w 434330"/>
                <a:gd name="connsiteY34" fmla="*/ 825592 h 940714"/>
                <a:gd name="connsiteX35" fmla="*/ 375124 w 434330"/>
                <a:gd name="connsiteY35" fmla="*/ 845327 h 940714"/>
                <a:gd name="connsiteX36" fmla="*/ 394859 w 434330"/>
                <a:gd name="connsiteY36" fmla="*/ 878219 h 940714"/>
                <a:gd name="connsiteX37" fmla="*/ 401438 w 434330"/>
                <a:gd name="connsiteY37" fmla="*/ 884798 h 940714"/>
                <a:gd name="connsiteX38" fmla="*/ 414595 w 434330"/>
                <a:gd name="connsiteY38" fmla="*/ 904533 h 940714"/>
                <a:gd name="connsiteX39" fmla="*/ 421173 w 434330"/>
                <a:gd name="connsiteY39" fmla="*/ 914400 h 940714"/>
                <a:gd name="connsiteX40" fmla="*/ 431041 w 434330"/>
                <a:gd name="connsiteY40" fmla="*/ 930846 h 940714"/>
                <a:gd name="connsiteX41" fmla="*/ 434330 w 434330"/>
                <a:gd name="connsiteY41"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02762 w 434330"/>
                <a:gd name="connsiteY28" fmla="*/ 776254 h 940714"/>
                <a:gd name="connsiteX29" fmla="*/ 312629 w 434330"/>
                <a:gd name="connsiteY29" fmla="*/ 782832 h 940714"/>
                <a:gd name="connsiteX30" fmla="*/ 319208 w 434330"/>
                <a:gd name="connsiteY30" fmla="*/ 789411 h 940714"/>
                <a:gd name="connsiteX31" fmla="*/ 332365 w 434330"/>
                <a:gd name="connsiteY31" fmla="*/ 799278 h 940714"/>
                <a:gd name="connsiteX32" fmla="*/ 338943 w 434330"/>
                <a:gd name="connsiteY32" fmla="*/ 805857 h 940714"/>
                <a:gd name="connsiteX33" fmla="*/ 365257 w 434330"/>
                <a:gd name="connsiteY33" fmla="*/ 825592 h 940714"/>
                <a:gd name="connsiteX34" fmla="*/ 375124 w 434330"/>
                <a:gd name="connsiteY34" fmla="*/ 845327 h 940714"/>
                <a:gd name="connsiteX35" fmla="*/ 394859 w 434330"/>
                <a:gd name="connsiteY35" fmla="*/ 878219 h 940714"/>
                <a:gd name="connsiteX36" fmla="*/ 401438 w 434330"/>
                <a:gd name="connsiteY36" fmla="*/ 884798 h 940714"/>
                <a:gd name="connsiteX37" fmla="*/ 414595 w 434330"/>
                <a:gd name="connsiteY37" fmla="*/ 904533 h 940714"/>
                <a:gd name="connsiteX38" fmla="*/ 421173 w 434330"/>
                <a:gd name="connsiteY38" fmla="*/ 914400 h 940714"/>
                <a:gd name="connsiteX39" fmla="*/ 431041 w 434330"/>
                <a:gd name="connsiteY39" fmla="*/ 930846 h 940714"/>
                <a:gd name="connsiteX40" fmla="*/ 434330 w 434330"/>
                <a:gd name="connsiteY40"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2365 w 434330"/>
                <a:gd name="connsiteY30" fmla="*/ 799278 h 940714"/>
                <a:gd name="connsiteX31" fmla="*/ 338943 w 434330"/>
                <a:gd name="connsiteY31" fmla="*/ 805857 h 940714"/>
                <a:gd name="connsiteX32" fmla="*/ 365257 w 434330"/>
                <a:gd name="connsiteY32" fmla="*/ 825592 h 940714"/>
                <a:gd name="connsiteX33" fmla="*/ 375124 w 434330"/>
                <a:gd name="connsiteY33" fmla="*/ 845327 h 940714"/>
                <a:gd name="connsiteX34" fmla="*/ 394859 w 434330"/>
                <a:gd name="connsiteY34" fmla="*/ 878219 h 940714"/>
                <a:gd name="connsiteX35" fmla="*/ 401438 w 434330"/>
                <a:gd name="connsiteY35" fmla="*/ 884798 h 940714"/>
                <a:gd name="connsiteX36" fmla="*/ 414595 w 434330"/>
                <a:gd name="connsiteY36" fmla="*/ 904533 h 940714"/>
                <a:gd name="connsiteX37" fmla="*/ 421173 w 434330"/>
                <a:gd name="connsiteY37" fmla="*/ 914400 h 940714"/>
                <a:gd name="connsiteX38" fmla="*/ 431041 w 434330"/>
                <a:gd name="connsiteY38" fmla="*/ 930846 h 940714"/>
                <a:gd name="connsiteX39" fmla="*/ 434330 w 434330"/>
                <a:gd name="connsiteY39"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8943 w 434330"/>
                <a:gd name="connsiteY30" fmla="*/ 805857 h 940714"/>
                <a:gd name="connsiteX31" fmla="*/ 365257 w 434330"/>
                <a:gd name="connsiteY31" fmla="*/ 825592 h 940714"/>
                <a:gd name="connsiteX32" fmla="*/ 375124 w 434330"/>
                <a:gd name="connsiteY32" fmla="*/ 845327 h 940714"/>
                <a:gd name="connsiteX33" fmla="*/ 394859 w 434330"/>
                <a:gd name="connsiteY33" fmla="*/ 878219 h 940714"/>
                <a:gd name="connsiteX34" fmla="*/ 401438 w 434330"/>
                <a:gd name="connsiteY34" fmla="*/ 884798 h 940714"/>
                <a:gd name="connsiteX35" fmla="*/ 414595 w 434330"/>
                <a:gd name="connsiteY35" fmla="*/ 904533 h 940714"/>
                <a:gd name="connsiteX36" fmla="*/ 421173 w 434330"/>
                <a:gd name="connsiteY36" fmla="*/ 914400 h 940714"/>
                <a:gd name="connsiteX37" fmla="*/ 431041 w 434330"/>
                <a:gd name="connsiteY37" fmla="*/ 930846 h 940714"/>
                <a:gd name="connsiteX38" fmla="*/ 434330 w 434330"/>
                <a:gd name="connsiteY38"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38943 w 434330"/>
                <a:gd name="connsiteY29" fmla="*/ 805857 h 940714"/>
                <a:gd name="connsiteX30" fmla="*/ 365257 w 434330"/>
                <a:gd name="connsiteY30" fmla="*/ 825592 h 940714"/>
                <a:gd name="connsiteX31" fmla="*/ 375124 w 434330"/>
                <a:gd name="connsiteY31" fmla="*/ 845327 h 940714"/>
                <a:gd name="connsiteX32" fmla="*/ 394859 w 434330"/>
                <a:gd name="connsiteY32" fmla="*/ 878219 h 940714"/>
                <a:gd name="connsiteX33" fmla="*/ 401438 w 434330"/>
                <a:gd name="connsiteY33" fmla="*/ 884798 h 940714"/>
                <a:gd name="connsiteX34" fmla="*/ 414595 w 434330"/>
                <a:gd name="connsiteY34" fmla="*/ 904533 h 940714"/>
                <a:gd name="connsiteX35" fmla="*/ 421173 w 434330"/>
                <a:gd name="connsiteY35" fmla="*/ 914400 h 940714"/>
                <a:gd name="connsiteX36" fmla="*/ 431041 w 434330"/>
                <a:gd name="connsiteY36" fmla="*/ 930846 h 940714"/>
                <a:gd name="connsiteX37" fmla="*/ 434330 w 434330"/>
                <a:gd name="connsiteY37" fmla="*/ 940714 h 940714"/>
                <a:gd name="connsiteX0" fmla="*/ 6733 w 431041"/>
                <a:gd name="connsiteY0" fmla="*/ 0 h 930846"/>
                <a:gd name="connsiteX1" fmla="*/ 154 w 431041"/>
                <a:gd name="connsiteY1" fmla="*/ 85520 h 930846"/>
                <a:gd name="connsiteX2" fmla="*/ 3444 w 431041"/>
                <a:gd name="connsiteY2" fmla="*/ 184196 h 930846"/>
                <a:gd name="connsiteX3" fmla="*/ 16600 w 431041"/>
                <a:gd name="connsiteY3" fmla="*/ 203931 h 930846"/>
                <a:gd name="connsiteX4" fmla="*/ 23179 w 431041"/>
                <a:gd name="connsiteY4" fmla="*/ 213799 h 930846"/>
                <a:gd name="connsiteX5" fmla="*/ 33047 w 431041"/>
                <a:gd name="connsiteY5" fmla="*/ 246691 h 930846"/>
                <a:gd name="connsiteX6" fmla="*/ 36336 w 431041"/>
                <a:gd name="connsiteY6" fmla="*/ 256559 h 930846"/>
                <a:gd name="connsiteX7" fmla="*/ 46203 w 431041"/>
                <a:gd name="connsiteY7" fmla="*/ 279583 h 930846"/>
                <a:gd name="connsiteX8" fmla="*/ 72517 w 431041"/>
                <a:gd name="connsiteY8" fmla="*/ 299318 h 930846"/>
                <a:gd name="connsiteX9" fmla="*/ 82385 w 431041"/>
                <a:gd name="connsiteY9" fmla="*/ 302608 h 930846"/>
                <a:gd name="connsiteX10" fmla="*/ 92252 w 431041"/>
                <a:gd name="connsiteY10" fmla="*/ 309186 h 930846"/>
                <a:gd name="connsiteX11" fmla="*/ 92252 w 431041"/>
                <a:gd name="connsiteY11" fmla="*/ 480225 h 930846"/>
                <a:gd name="connsiteX12" fmla="*/ 85674 w 431041"/>
                <a:gd name="connsiteY12" fmla="*/ 499960 h 930846"/>
                <a:gd name="connsiteX13" fmla="*/ 82385 w 431041"/>
                <a:gd name="connsiteY13" fmla="*/ 513117 h 930846"/>
                <a:gd name="connsiteX14" fmla="*/ 72517 w 431041"/>
                <a:gd name="connsiteY14" fmla="*/ 542720 h 930846"/>
                <a:gd name="connsiteX15" fmla="*/ 65939 w 431041"/>
                <a:gd name="connsiteY15" fmla="*/ 562455 h 930846"/>
                <a:gd name="connsiteX16" fmla="*/ 62649 w 431041"/>
                <a:gd name="connsiteY16" fmla="*/ 572323 h 930846"/>
                <a:gd name="connsiteX17" fmla="*/ 65939 w 431041"/>
                <a:gd name="connsiteY17" fmla="*/ 598636 h 930846"/>
                <a:gd name="connsiteX18" fmla="*/ 95542 w 431041"/>
                <a:gd name="connsiteY18" fmla="*/ 621661 h 930846"/>
                <a:gd name="connsiteX19" fmla="*/ 131723 w 431041"/>
                <a:gd name="connsiteY19" fmla="*/ 651264 h 930846"/>
                <a:gd name="connsiteX20" fmla="*/ 167904 w 431041"/>
                <a:gd name="connsiteY20" fmla="*/ 680867 h 930846"/>
                <a:gd name="connsiteX21" fmla="*/ 174483 w 431041"/>
                <a:gd name="connsiteY21" fmla="*/ 687445 h 930846"/>
                <a:gd name="connsiteX22" fmla="*/ 190929 w 431041"/>
                <a:gd name="connsiteY22" fmla="*/ 700602 h 930846"/>
                <a:gd name="connsiteX23" fmla="*/ 217242 w 431041"/>
                <a:gd name="connsiteY23" fmla="*/ 720337 h 930846"/>
                <a:gd name="connsiteX24" fmla="*/ 236977 w 431041"/>
                <a:gd name="connsiteY24" fmla="*/ 736783 h 930846"/>
                <a:gd name="connsiteX25" fmla="*/ 246845 w 431041"/>
                <a:gd name="connsiteY25" fmla="*/ 740072 h 930846"/>
                <a:gd name="connsiteX26" fmla="*/ 276448 w 431041"/>
                <a:gd name="connsiteY26" fmla="*/ 759808 h 930846"/>
                <a:gd name="connsiteX27" fmla="*/ 286316 w 431041"/>
                <a:gd name="connsiteY27" fmla="*/ 763097 h 930846"/>
                <a:gd name="connsiteX28" fmla="*/ 312629 w 431041"/>
                <a:gd name="connsiteY28" fmla="*/ 782832 h 930846"/>
                <a:gd name="connsiteX29" fmla="*/ 338943 w 431041"/>
                <a:gd name="connsiteY29" fmla="*/ 805857 h 930846"/>
                <a:gd name="connsiteX30" fmla="*/ 365257 w 431041"/>
                <a:gd name="connsiteY30" fmla="*/ 825592 h 930846"/>
                <a:gd name="connsiteX31" fmla="*/ 375124 w 431041"/>
                <a:gd name="connsiteY31" fmla="*/ 845327 h 930846"/>
                <a:gd name="connsiteX32" fmla="*/ 394859 w 431041"/>
                <a:gd name="connsiteY32" fmla="*/ 878219 h 930846"/>
                <a:gd name="connsiteX33" fmla="*/ 401438 w 431041"/>
                <a:gd name="connsiteY33" fmla="*/ 884798 h 930846"/>
                <a:gd name="connsiteX34" fmla="*/ 414595 w 431041"/>
                <a:gd name="connsiteY34" fmla="*/ 904533 h 930846"/>
                <a:gd name="connsiteX35" fmla="*/ 421173 w 431041"/>
                <a:gd name="connsiteY35" fmla="*/ 914400 h 930846"/>
                <a:gd name="connsiteX36" fmla="*/ 431041 w 431041"/>
                <a:gd name="connsiteY36" fmla="*/ 930846 h 930846"/>
                <a:gd name="connsiteX0" fmla="*/ 6733 w 421173"/>
                <a:gd name="connsiteY0" fmla="*/ 0 h 914400"/>
                <a:gd name="connsiteX1" fmla="*/ 154 w 421173"/>
                <a:gd name="connsiteY1" fmla="*/ 85520 h 914400"/>
                <a:gd name="connsiteX2" fmla="*/ 3444 w 421173"/>
                <a:gd name="connsiteY2" fmla="*/ 184196 h 914400"/>
                <a:gd name="connsiteX3" fmla="*/ 16600 w 421173"/>
                <a:gd name="connsiteY3" fmla="*/ 203931 h 914400"/>
                <a:gd name="connsiteX4" fmla="*/ 23179 w 421173"/>
                <a:gd name="connsiteY4" fmla="*/ 213799 h 914400"/>
                <a:gd name="connsiteX5" fmla="*/ 33047 w 421173"/>
                <a:gd name="connsiteY5" fmla="*/ 246691 h 914400"/>
                <a:gd name="connsiteX6" fmla="*/ 36336 w 421173"/>
                <a:gd name="connsiteY6" fmla="*/ 256559 h 914400"/>
                <a:gd name="connsiteX7" fmla="*/ 46203 w 421173"/>
                <a:gd name="connsiteY7" fmla="*/ 279583 h 914400"/>
                <a:gd name="connsiteX8" fmla="*/ 72517 w 421173"/>
                <a:gd name="connsiteY8" fmla="*/ 299318 h 914400"/>
                <a:gd name="connsiteX9" fmla="*/ 82385 w 421173"/>
                <a:gd name="connsiteY9" fmla="*/ 302608 h 914400"/>
                <a:gd name="connsiteX10" fmla="*/ 92252 w 421173"/>
                <a:gd name="connsiteY10" fmla="*/ 309186 h 914400"/>
                <a:gd name="connsiteX11" fmla="*/ 92252 w 421173"/>
                <a:gd name="connsiteY11" fmla="*/ 480225 h 914400"/>
                <a:gd name="connsiteX12" fmla="*/ 85674 w 421173"/>
                <a:gd name="connsiteY12" fmla="*/ 499960 h 914400"/>
                <a:gd name="connsiteX13" fmla="*/ 82385 w 421173"/>
                <a:gd name="connsiteY13" fmla="*/ 513117 h 914400"/>
                <a:gd name="connsiteX14" fmla="*/ 72517 w 421173"/>
                <a:gd name="connsiteY14" fmla="*/ 542720 h 914400"/>
                <a:gd name="connsiteX15" fmla="*/ 65939 w 421173"/>
                <a:gd name="connsiteY15" fmla="*/ 562455 h 914400"/>
                <a:gd name="connsiteX16" fmla="*/ 62649 w 421173"/>
                <a:gd name="connsiteY16" fmla="*/ 572323 h 914400"/>
                <a:gd name="connsiteX17" fmla="*/ 65939 w 421173"/>
                <a:gd name="connsiteY17" fmla="*/ 598636 h 914400"/>
                <a:gd name="connsiteX18" fmla="*/ 95542 w 421173"/>
                <a:gd name="connsiteY18" fmla="*/ 621661 h 914400"/>
                <a:gd name="connsiteX19" fmla="*/ 131723 w 421173"/>
                <a:gd name="connsiteY19" fmla="*/ 651264 h 914400"/>
                <a:gd name="connsiteX20" fmla="*/ 167904 w 421173"/>
                <a:gd name="connsiteY20" fmla="*/ 680867 h 914400"/>
                <a:gd name="connsiteX21" fmla="*/ 174483 w 421173"/>
                <a:gd name="connsiteY21" fmla="*/ 687445 h 914400"/>
                <a:gd name="connsiteX22" fmla="*/ 190929 w 421173"/>
                <a:gd name="connsiteY22" fmla="*/ 700602 h 914400"/>
                <a:gd name="connsiteX23" fmla="*/ 217242 w 421173"/>
                <a:gd name="connsiteY23" fmla="*/ 720337 h 914400"/>
                <a:gd name="connsiteX24" fmla="*/ 236977 w 421173"/>
                <a:gd name="connsiteY24" fmla="*/ 736783 h 914400"/>
                <a:gd name="connsiteX25" fmla="*/ 246845 w 421173"/>
                <a:gd name="connsiteY25" fmla="*/ 740072 h 914400"/>
                <a:gd name="connsiteX26" fmla="*/ 276448 w 421173"/>
                <a:gd name="connsiteY26" fmla="*/ 759808 h 914400"/>
                <a:gd name="connsiteX27" fmla="*/ 286316 w 421173"/>
                <a:gd name="connsiteY27" fmla="*/ 763097 h 914400"/>
                <a:gd name="connsiteX28" fmla="*/ 312629 w 421173"/>
                <a:gd name="connsiteY28" fmla="*/ 782832 h 914400"/>
                <a:gd name="connsiteX29" fmla="*/ 338943 w 421173"/>
                <a:gd name="connsiteY29" fmla="*/ 805857 h 914400"/>
                <a:gd name="connsiteX30" fmla="*/ 365257 w 421173"/>
                <a:gd name="connsiteY30" fmla="*/ 825592 h 914400"/>
                <a:gd name="connsiteX31" fmla="*/ 375124 w 421173"/>
                <a:gd name="connsiteY31" fmla="*/ 845327 h 914400"/>
                <a:gd name="connsiteX32" fmla="*/ 394859 w 421173"/>
                <a:gd name="connsiteY32" fmla="*/ 878219 h 914400"/>
                <a:gd name="connsiteX33" fmla="*/ 401438 w 421173"/>
                <a:gd name="connsiteY33" fmla="*/ 884798 h 914400"/>
                <a:gd name="connsiteX34" fmla="*/ 414595 w 421173"/>
                <a:gd name="connsiteY34" fmla="*/ 904533 h 914400"/>
                <a:gd name="connsiteX35" fmla="*/ 421173 w 421173"/>
                <a:gd name="connsiteY35" fmla="*/ 914400 h 914400"/>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2649 w 414595"/>
                <a:gd name="connsiteY16" fmla="*/ 572323 h 904533"/>
                <a:gd name="connsiteX17" fmla="*/ 65939 w 414595"/>
                <a:gd name="connsiteY17" fmla="*/ 598636 h 904533"/>
                <a:gd name="connsiteX18" fmla="*/ 95542 w 414595"/>
                <a:gd name="connsiteY18" fmla="*/ 621661 h 904533"/>
                <a:gd name="connsiteX19" fmla="*/ 131723 w 414595"/>
                <a:gd name="connsiteY19" fmla="*/ 651264 h 904533"/>
                <a:gd name="connsiteX20" fmla="*/ 167904 w 414595"/>
                <a:gd name="connsiteY20" fmla="*/ 680867 h 904533"/>
                <a:gd name="connsiteX21" fmla="*/ 174483 w 414595"/>
                <a:gd name="connsiteY21" fmla="*/ 687445 h 904533"/>
                <a:gd name="connsiteX22" fmla="*/ 190929 w 414595"/>
                <a:gd name="connsiteY22" fmla="*/ 700602 h 904533"/>
                <a:gd name="connsiteX23" fmla="*/ 217242 w 414595"/>
                <a:gd name="connsiteY23" fmla="*/ 720337 h 904533"/>
                <a:gd name="connsiteX24" fmla="*/ 236977 w 414595"/>
                <a:gd name="connsiteY24" fmla="*/ 736783 h 904533"/>
                <a:gd name="connsiteX25" fmla="*/ 246845 w 414595"/>
                <a:gd name="connsiteY25" fmla="*/ 740072 h 904533"/>
                <a:gd name="connsiteX26" fmla="*/ 276448 w 414595"/>
                <a:gd name="connsiteY26" fmla="*/ 759808 h 904533"/>
                <a:gd name="connsiteX27" fmla="*/ 286316 w 414595"/>
                <a:gd name="connsiteY27" fmla="*/ 763097 h 904533"/>
                <a:gd name="connsiteX28" fmla="*/ 312629 w 414595"/>
                <a:gd name="connsiteY28" fmla="*/ 782832 h 904533"/>
                <a:gd name="connsiteX29" fmla="*/ 338943 w 414595"/>
                <a:gd name="connsiteY29" fmla="*/ 805857 h 904533"/>
                <a:gd name="connsiteX30" fmla="*/ 365257 w 414595"/>
                <a:gd name="connsiteY30" fmla="*/ 825592 h 904533"/>
                <a:gd name="connsiteX31" fmla="*/ 375124 w 414595"/>
                <a:gd name="connsiteY31" fmla="*/ 845327 h 904533"/>
                <a:gd name="connsiteX32" fmla="*/ 394859 w 414595"/>
                <a:gd name="connsiteY32" fmla="*/ 878219 h 904533"/>
                <a:gd name="connsiteX33" fmla="*/ 401438 w 414595"/>
                <a:gd name="connsiteY33" fmla="*/ 884798 h 904533"/>
                <a:gd name="connsiteX34" fmla="*/ 414595 w 414595"/>
                <a:gd name="connsiteY34"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5939 w 414595"/>
                <a:gd name="connsiteY16" fmla="*/ 598636 h 904533"/>
                <a:gd name="connsiteX17" fmla="*/ 95542 w 414595"/>
                <a:gd name="connsiteY17" fmla="*/ 621661 h 904533"/>
                <a:gd name="connsiteX18" fmla="*/ 131723 w 414595"/>
                <a:gd name="connsiteY18" fmla="*/ 651264 h 904533"/>
                <a:gd name="connsiteX19" fmla="*/ 167904 w 414595"/>
                <a:gd name="connsiteY19" fmla="*/ 680867 h 904533"/>
                <a:gd name="connsiteX20" fmla="*/ 174483 w 414595"/>
                <a:gd name="connsiteY20" fmla="*/ 687445 h 904533"/>
                <a:gd name="connsiteX21" fmla="*/ 190929 w 414595"/>
                <a:gd name="connsiteY21" fmla="*/ 700602 h 904533"/>
                <a:gd name="connsiteX22" fmla="*/ 217242 w 414595"/>
                <a:gd name="connsiteY22" fmla="*/ 720337 h 904533"/>
                <a:gd name="connsiteX23" fmla="*/ 236977 w 414595"/>
                <a:gd name="connsiteY23" fmla="*/ 736783 h 904533"/>
                <a:gd name="connsiteX24" fmla="*/ 246845 w 414595"/>
                <a:gd name="connsiteY24" fmla="*/ 740072 h 904533"/>
                <a:gd name="connsiteX25" fmla="*/ 276448 w 414595"/>
                <a:gd name="connsiteY25" fmla="*/ 759808 h 904533"/>
                <a:gd name="connsiteX26" fmla="*/ 286316 w 414595"/>
                <a:gd name="connsiteY26" fmla="*/ 763097 h 904533"/>
                <a:gd name="connsiteX27" fmla="*/ 312629 w 414595"/>
                <a:gd name="connsiteY27" fmla="*/ 782832 h 904533"/>
                <a:gd name="connsiteX28" fmla="*/ 338943 w 414595"/>
                <a:gd name="connsiteY28" fmla="*/ 805857 h 904533"/>
                <a:gd name="connsiteX29" fmla="*/ 365257 w 414595"/>
                <a:gd name="connsiteY29" fmla="*/ 825592 h 904533"/>
                <a:gd name="connsiteX30" fmla="*/ 375124 w 414595"/>
                <a:gd name="connsiteY30" fmla="*/ 845327 h 904533"/>
                <a:gd name="connsiteX31" fmla="*/ 394859 w 414595"/>
                <a:gd name="connsiteY31" fmla="*/ 878219 h 904533"/>
                <a:gd name="connsiteX32" fmla="*/ 401438 w 414595"/>
                <a:gd name="connsiteY32" fmla="*/ 884798 h 904533"/>
                <a:gd name="connsiteX33" fmla="*/ 414595 w 414595"/>
                <a:gd name="connsiteY33"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95542 w 414595"/>
                <a:gd name="connsiteY16" fmla="*/ 621661 h 904533"/>
                <a:gd name="connsiteX17" fmla="*/ 131723 w 414595"/>
                <a:gd name="connsiteY17" fmla="*/ 651264 h 904533"/>
                <a:gd name="connsiteX18" fmla="*/ 167904 w 414595"/>
                <a:gd name="connsiteY18" fmla="*/ 680867 h 904533"/>
                <a:gd name="connsiteX19" fmla="*/ 174483 w 414595"/>
                <a:gd name="connsiteY19" fmla="*/ 687445 h 904533"/>
                <a:gd name="connsiteX20" fmla="*/ 190929 w 414595"/>
                <a:gd name="connsiteY20" fmla="*/ 700602 h 904533"/>
                <a:gd name="connsiteX21" fmla="*/ 217242 w 414595"/>
                <a:gd name="connsiteY21" fmla="*/ 720337 h 904533"/>
                <a:gd name="connsiteX22" fmla="*/ 236977 w 414595"/>
                <a:gd name="connsiteY22" fmla="*/ 736783 h 904533"/>
                <a:gd name="connsiteX23" fmla="*/ 246845 w 414595"/>
                <a:gd name="connsiteY23" fmla="*/ 740072 h 904533"/>
                <a:gd name="connsiteX24" fmla="*/ 276448 w 414595"/>
                <a:gd name="connsiteY24" fmla="*/ 759808 h 904533"/>
                <a:gd name="connsiteX25" fmla="*/ 286316 w 414595"/>
                <a:gd name="connsiteY25" fmla="*/ 763097 h 904533"/>
                <a:gd name="connsiteX26" fmla="*/ 312629 w 414595"/>
                <a:gd name="connsiteY26" fmla="*/ 782832 h 904533"/>
                <a:gd name="connsiteX27" fmla="*/ 338943 w 414595"/>
                <a:gd name="connsiteY27" fmla="*/ 805857 h 904533"/>
                <a:gd name="connsiteX28" fmla="*/ 365257 w 414595"/>
                <a:gd name="connsiteY28" fmla="*/ 825592 h 904533"/>
                <a:gd name="connsiteX29" fmla="*/ 375124 w 414595"/>
                <a:gd name="connsiteY29" fmla="*/ 845327 h 904533"/>
                <a:gd name="connsiteX30" fmla="*/ 394859 w 414595"/>
                <a:gd name="connsiteY30" fmla="*/ 878219 h 904533"/>
                <a:gd name="connsiteX31" fmla="*/ 401438 w 414595"/>
                <a:gd name="connsiteY31" fmla="*/ 884798 h 904533"/>
                <a:gd name="connsiteX32" fmla="*/ 414595 w 414595"/>
                <a:gd name="connsiteY32"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46552 w 414944"/>
                <a:gd name="connsiteY6" fmla="*/ 279583 h 904533"/>
                <a:gd name="connsiteX7" fmla="*/ 72866 w 414944"/>
                <a:gd name="connsiteY7" fmla="*/ 299318 h 904533"/>
                <a:gd name="connsiteX8" fmla="*/ 82734 w 414944"/>
                <a:gd name="connsiteY8" fmla="*/ 302608 h 904533"/>
                <a:gd name="connsiteX9" fmla="*/ 92601 w 414944"/>
                <a:gd name="connsiteY9" fmla="*/ 309186 h 904533"/>
                <a:gd name="connsiteX10" fmla="*/ 92601 w 414944"/>
                <a:gd name="connsiteY10" fmla="*/ 480225 h 904533"/>
                <a:gd name="connsiteX11" fmla="*/ 86023 w 414944"/>
                <a:gd name="connsiteY11" fmla="*/ 499960 h 904533"/>
                <a:gd name="connsiteX12" fmla="*/ 82734 w 414944"/>
                <a:gd name="connsiteY12" fmla="*/ 513117 h 904533"/>
                <a:gd name="connsiteX13" fmla="*/ 72866 w 414944"/>
                <a:gd name="connsiteY13" fmla="*/ 542720 h 904533"/>
                <a:gd name="connsiteX14" fmla="*/ 66288 w 414944"/>
                <a:gd name="connsiteY14" fmla="*/ 562455 h 904533"/>
                <a:gd name="connsiteX15" fmla="*/ 95891 w 414944"/>
                <a:gd name="connsiteY15" fmla="*/ 621661 h 904533"/>
                <a:gd name="connsiteX16" fmla="*/ 132072 w 414944"/>
                <a:gd name="connsiteY16" fmla="*/ 651264 h 904533"/>
                <a:gd name="connsiteX17" fmla="*/ 168253 w 414944"/>
                <a:gd name="connsiteY17" fmla="*/ 680867 h 904533"/>
                <a:gd name="connsiteX18" fmla="*/ 174832 w 414944"/>
                <a:gd name="connsiteY18" fmla="*/ 687445 h 904533"/>
                <a:gd name="connsiteX19" fmla="*/ 191278 w 414944"/>
                <a:gd name="connsiteY19" fmla="*/ 700602 h 904533"/>
                <a:gd name="connsiteX20" fmla="*/ 217591 w 414944"/>
                <a:gd name="connsiteY20" fmla="*/ 720337 h 904533"/>
                <a:gd name="connsiteX21" fmla="*/ 237326 w 414944"/>
                <a:gd name="connsiteY21" fmla="*/ 736783 h 904533"/>
                <a:gd name="connsiteX22" fmla="*/ 247194 w 414944"/>
                <a:gd name="connsiteY22" fmla="*/ 740072 h 904533"/>
                <a:gd name="connsiteX23" fmla="*/ 276797 w 414944"/>
                <a:gd name="connsiteY23" fmla="*/ 759808 h 904533"/>
                <a:gd name="connsiteX24" fmla="*/ 286665 w 414944"/>
                <a:gd name="connsiteY24" fmla="*/ 763097 h 904533"/>
                <a:gd name="connsiteX25" fmla="*/ 312978 w 414944"/>
                <a:gd name="connsiteY25" fmla="*/ 782832 h 904533"/>
                <a:gd name="connsiteX26" fmla="*/ 339292 w 414944"/>
                <a:gd name="connsiteY26" fmla="*/ 805857 h 904533"/>
                <a:gd name="connsiteX27" fmla="*/ 365606 w 414944"/>
                <a:gd name="connsiteY27" fmla="*/ 825592 h 904533"/>
                <a:gd name="connsiteX28" fmla="*/ 375473 w 414944"/>
                <a:gd name="connsiteY28" fmla="*/ 845327 h 904533"/>
                <a:gd name="connsiteX29" fmla="*/ 395208 w 414944"/>
                <a:gd name="connsiteY29" fmla="*/ 878219 h 904533"/>
                <a:gd name="connsiteX30" fmla="*/ 401787 w 414944"/>
                <a:gd name="connsiteY30" fmla="*/ 884798 h 904533"/>
                <a:gd name="connsiteX31" fmla="*/ 414944 w 414944"/>
                <a:gd name="connsiteY31"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82734 w 414944"/>
                <a:gd name="connsiteY7" fmla="*/ 302608 h 904533"/>
                <a:gd name="connsiteX8" fmla="*/ 92601 w 414944"/>
                <a:gd name="connsiteY8" fmla="*/ 309186 h 904533"/>
                <a:gd name="connsiteX9" fmla="*/ 92601 w 414944"/>
                <a:gd name="connsiteY9" fmla="*/ 480225 h 904533"/>
                <a:gd name="connsiteX10" fmla="*/ 86023 w 414944"/>
                <a:gd name="connsiteY10" fmla="*/ 499960 h 904533"/>
                <a:gd name="connsiteX11" fmla="*/ 82734 w 414944"/>
                <a:gd name="connsiteY11" fmla="*/ 513117 h 904533"/>
                <a:gd name="connsiteX12" fmla="*/ 72866 w 414944"/>
                <a:gd name="connsiteY12" fmla="*/ 542720 h 904533"/>
                <a:gd name="connsiteX13" fmla="*/ 66288 w 414944"/>
                <a:gd name="connsiteY13" fmla="*/ 562455 h 904533"/>
                <a:gd name="connsiteX14" fmla="*/ 95891 w 414944"/>
                <a:gd name="connsiteY14" fmla="*/ 621661 h 904533"/>
                <a:gd name="connsiteX15" fmla="*/ 132072 w 414944"/>
                <a:gd name="connsiteY15" fmla="*/ 651264 h 904533"/>
                <a:gd name="connsiteX16" fmla="*/ 168253 w 414944"/>
                <a:gd name="connsiteY16" fmla="*/ 680867 h 904533"/>
                <a:gd name="connsiteX17" fmla="*/ 174832 w 414944"/>
                <a:gd name="connsiteY17" fmla="*/ 687445 h 904533"/>
                <a:gd name="connsiteX18" fmla="*/ 191278 w 414944"/>
                <a:gd name="connsiteY18" fmla="*/ 700602 h 904533"/>
                <a:gd name="connsiteX19" fmla="*/ 217591 w 414944"/>
                <a:gd name="connsiteY19" fmla="*/ 720337 h 904533"/>
                <a:gd name="connsiteX20" fmla="*/ 237326 w 414944"/>
                <a:gd name="connsiteY20" fmla="*/ 736783 h 904533"/>
                <a:gd name="connsiteX21" fmla="*/ 247194 w 414944"/>
                <a:gd name="connsiteY21" fmla="*/ 740072 h 904533"/>
                <a:gd name="connsiteX22" fmla="*/ 276797 w 414944"/>
                <a:gd name="connsiteY22" fmla="*/ 759808 h 904533"/>
                <a:gd name="connsiteX23" fmla="*/ 286665 w 414944"/>
                <a:gd name="connsiteY23" fmla="*/ 763097 h 904533"/>
                <a:gd name="connsiteX24" fmla="*/ 312978 w 414944"/>
                <a:gd name="connsiteY24" fmla="*/ 782832 h 904533"/>
                <a:gd name="connsiteX25" fmla="*/ 339292 w 414944"/>
                <a:gd name="connsiteY25" fmla="*/ 805857 h 904533"/>
                <a:gd name="connsiteX26" fmla="*/ 365606 w 414944"/>
                <a:gd name="connsiteY26" fmla="*/ 825592 h 904533"/>
                <a:gd name="connsiteX27" fmla="*/ 375473 w 414944"/>
                <a:gd name="connsiteY27" fmla="*/ 845327 h 904533"/>
                <a:gd name="connsiteX28" fmla="*/ 395208 w 414944"/>
                <a:gd name="connsiteY28" fmla="*/ 878219 h 904533"/>
                <a:gd name="connsiteX29" fmla="*/ 401787 w 414944"/>
                <a:gd name="connsiteY29" fmla="*/ 884798 h 904533"/>
                <a:gd name="connsiteX30" fmla="*/ 414944 w 414944"/>
                <a:gd name="connsiteY30"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92601 w 414944"/>
                <a:gd name="connsiteY7" fmla="*/ 309186 h 904533"/>
                <a:gd name="connsiteX8" fmla="*/ 92601 w 414944"/>
                <a:gd name="connsiteY8" fmla="*/ 480225 h 904533"/>
                <a:gd name="connsiteX9" fmla="*/ 86023 w 414944"/>
                <a:gd name="connsiteY9" fmla="*/ 499960 h 904533"/>
                <a:gd name="connsiteX10" fmla="*/ 82734 w 414944"/>
                <a:gd name="connsiteY10" fmla="*/ 513117 h 904533"/>
                <a:gd name="connsiteX11" fmla="*/ 72866 w 414944"/>
                <a:gd name="connsiteY11" fmla="*/ 542720 h 904533"/>
                <a:gd name="connsiteX12" fmla="*/ 66288 w 414944"/>
                <a:gd name="connsiteY12" fmla="*/ 562455 h 904533"/>
                <a:gd name="connsiteX13" fmla="*/ 95891 w 414944"/>
                <a:gd name="connsiteY13" fmla="*/ 621661 h 904533"/>
                <a:gd name="connsiteX14" fmla="*/ 132072 w 414944"/>
                <a:gd name="connsiteY14" fmla="*/ 651264 h 904533"/>
                <a:gd name="connsiteX15" fmla="*/ 168253 w 414944"/>
                <a:gd name="connsiteY15" fmla="*/ 680867 h 904533"/>
                <a:gd name="connsiteX16" fmla="*/ 174832 w 414944"/>
                <a:gd name="connsiteY16" fmla="*/ 687445 h 904533"/>
                <a:gd name="connsiteX17" fmla="*/ 191278 w 414944"/>
                <a:gd name="connsiteY17" fmla="*/ 700602 h 904533"/>
                <a:gd name="connsiteX18" fmla="*/ 217591 w 414944"/>
                <a:gd name="connsiteY18" fmla="*/ 720337 h 904533"/>
                <a:gd name="connsiteX19" fmla="*/ 237326 w 414944"/>
                <a:gd name="connsiteY19" fmla="*/ 736783 h 904533"/>
                <a:gd name="connsiteX20" fmla="*/ 247194 w 414944"/>
                <a:gd name="connsiteY20" fmla="*/ 740072 h 904533"/>
                <a:gd name="connsiteX21" fmla="*/ 276797 w 414944"/>
                <a:gd name="connsiteY21" fmla="*/ 759808 h 904533"/>
                <a:gd name="connsiteX22" fmla="*/ 286665 w 414944"/>
                <a:gd name="connsiteY22" fmla="*/ 763097 h 904533"/>
                <a:gd name="connsiteX23" fmla="*/ 312978 w 414944"/>
                <a:gd name="connsiteY23" fmla="*/ 782832 h 904533"/>
                <a:gd name="connsiteX24" fmla="*/ 339292 w 414944"/>
                <a:gd name="connsiteY24" fmla="*/ 805857 h 904533"/>
                <a:gd name="connsiteX25" fmla="*/ 365606 w 414944"/>
                <a:gd name="connsiteY25" fmla="*/ 825592 h 904533"/>
                <a:gd name="connsiteX26" fmla="*/ 375473 w 414944"/>
                <a:gd name="connsiteY26" fmla="*/ 845327 h 904533"/>
                <a:gd name="connsiteX27" fmla="*/ 395208 w 414944"/>
                <a:gd name="connsiteY27" fmla="*/ 878219 h 904533"/>
                <a:gd name="connsiteX28" fmla="*/ 401787 w 414944"/>
                <a:gd name="connsiteY28" fmla="*/ 884798 h 904533"/>
                <a:gd name="connsiteX29" fmla="*/ 414944 w 414944"/>
                <a:gd name="connsiteY29" fmla="*/ 904533 h 904533"/>
                <a:gd name="connsiteX0" fmla="*/ 7082 w 414944"/>
                <a:gd name="connsiteY0" fmla="*/ 0 h 904533"/>
                <a:gd name="connsiteX1" fmla="*/ 503 w 414944"/>
                <a:gd name="connsiteY1" fmla="*/ 85520 h 904533"/>
                <a:gd name="connsiteX2" fmla="*/ 16949 w 414944"/>
                <a:gd name="connsiteY2" fmla="*/ 203931 h 904533"/>
                <a:gd name="connsiteX3" fmla="*/ 33396 w 414944"/>
                <a:gd name="connsiteY3" fmla="*/ 246691 h 904533"/>
                <a:gd name="connsiteX4" fmla="*/ 36685 w 414944"/>
                <a:gd name="connsiteY4" fmla="*/ 256559 h 904533"/>
                <a:gd name="connsiteX5" fmla="*/ 72866 w 414944"/>
                <a:gd name="connsiteY5" fmla="*/ 299318 h 904533"/>
                <a:gd name="connsiteX6" fmla="*/ 92601 w 414944"/>
                <a:gd name="connsiteY6" fmla="*/ 309186 h 904533"/>
                <a:gd name="connsiteX7" fmla="*/ 92601 w 414944"/>
                <a:gd name="connsiteY7" fmla="*/ 480225 h 904533"/>
                <a:gd name="connsiteX8" fmla="*/ 86023 w 414944"/>
                <a:gd name="connsiteY8" fmla="*/ 499960 h 904533"/>
                <a:gd name="connsiteX9" fmla="*/ 82734 w 414944"/>
                <a:gd name="connsiteY9" fmla="*/ 513117 h 904533"/>
                <a:gd name="connsiteX10" fmla="*/ 72866 w 414944"/>
                <a:gd name="connsiteY10" fmla="*/ 542720 h 904533"/>
                <a:gd name="connsiteX11" fmla="*/ 66288 w 414944"/>
                <a:gd name="connsiteY11" fmla="*/ 562455 h 904533"/>
                <a:gd name="connsiteX12" fmla="*/ 95891 w 414944"/>
                <a:gd name="connsiteY12" fmla="*/ 621661 h 904533"/>
                <a:gd name="connsiteX13" fmla="*/ 132072 w 414944"/>
                <a:gd name="connsiteY13" fmla="*/ 651264 h 904533"/>
                <a:gd name="connsiteX14" fmla="*/ 168253 w 414944"/>
                <a:gd name="connsiteY14" fmla="*/ 680867 h 904533"/>
                <a:gd name="connsiteX15" fmla="*/ 174832 w 414944"/>
                <a:gd name="connsiteY15" fmla="*/ 687445 h 904533"/>
                <a:gd name="connsiteX16" fmla="*/ 191278 w 414944"/>
                <a:gd name="connsiteY16" fmla="*/ 700602 h 904533"/>
                <a:gd name="connsiteX17" fmla="*/ 217591 w 414944"/>
                <a:gd name="connsiteY17" fmla="*/ 720337 h 904533"/>
                <a:gd name="connsiteX18" fmla="*/ 237326 w 414944"/>
                <a:gd name="connsiteY18" fmla="*/ 736783 h 904533"/>
                <a:gd name="connsiteX19" fmla="*/ 247194 w 414944"/>
                <a:gd name="connsiteY19" fmla="*/ 740072 h 904533"/>
                <a:gd name="connsiteX20" fmla="*/ 276797 w 414944"/>
                <a:gd name="connsiteY20" fmla="*/ 759808 h 904533"/>
                <a:gd name="connsiteX21" fmla="*/ 286665 w 414944"/>
                <a:gd name="connsiteY21" fmla="*/ 763097 h 904533"/>
                <a:gd name="connsiteX22" fmla="*/ 312978 w 414944"/>
                <a:gd name="connsiteY22" fmla="*/ 782832 h 904533"/>
                <a:gd name="connsiteX23" fmla="*/ 339292 w 414944"/>
                <a:gd name="connsiteY23" fmla="*/ 805857 h 904533"/>
                <a:gd name="connsiteX24" fmla="*/ 365606 w 414944"/>
                <a:gd name="connsiteY24" fmla="*/ 825592 h 904533"/>
                <a:gd name="connsiteX25" fmla="*/ 375473 w 414944"/>
                <a:gd name="connsiteY25" fmla="*/ 845327 h 904533"/>
                <a:gd name="connsiteX26" fmla="*/ 395208 w 414944"/>
                <a:gd name="connsiteY26" fmla="*/ 878219 h 904533"/>
                <a:gd name="connsiteX27" fmla="*/ 401787 w 414944"/>
                <a:gd name="connsiteY27" fmla="*/ 884798 h 904533"/>
                <a:gd name="connsiteX28" fmla="*/ 414944 w 414944"/>
                <a:gd name="connsiteY28" fmla="*/ 904533 h 9045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14944" h="904533">
                  <a:moveTo>
                    <a:pt x="7082" y="0"/>
                  </a:moveTo>
                  <a:cubicBezTo>
                    <a:pt x="1285" y="34788"/>
                    <a:pt x="-1141" y="51532"/>
                    <a:pt x="503" y="85520"/>
                  </a:cubicBezTo>
                  <a:cubicBezTo>
                    <a:pt x="2147" y="119508"/>
                    <a:pt x="11467" y="177069"/>
                    <a:pt x="16949" y="203931"/>
                  </a:cubicBezTo>
                  <a:cubicBezTo>
                    <a:pt x="22431" y="230793"/>
                    <a:pt x="30107" y="237920"/>
                    <a:pt x="33396" y="246691"/>
                  </a:cubicBezTo>
                  <a:cubicBezTo>
                    <a:pt x="36685" y="255462"/>
                    <a:pt x="30107" y="247788"/>
                    <a:pt x="36685" y="256559"/>
                  </a:cubicBezTo>
                  <a:cubicBezTo>
                    <a:pt x="43263" y="265330"/>
                    <a:pt x="63547" y="290547"/>
                    <a:pt x="72866" y="299318"/>
                  </a:cubicBezTo>
                  <a:cubicBezTo>
                    <a:pt x="82185" y="308089"/>
                    <a:pt x="89312" y="279035"/>
                    <a:pt x="92601" y="309186"/>
                  </a:cubicBezTo>
                  <a:cubicBezTo>
                    <a:pt x="112575" y="369096"/>
                    <a:pt x="100791" y="330073"/>
                    <a:pt x="92601" y="480225"/>
                  </a:cubicBezTo>
                  <a:cubicBezTo>
                    <a:pt x="92223" y="487149"/>
                    <a:pt x="87705" y="493233"/>
                    <a:pt x="86023" y="499960"/>
                  </a:cubicBezTo>
                  <a:cubicBezTo>
                    <a:pt x="84927" y="504346"/>
                    <a:pt x="84033" y="508787"/>
                    <a:pt x="82734" y="513117"/>
                  </a:cubicBezTo>
                  <a:cubicBezTo>
                    <a:pt x="79745" y="523080"/>
                    <a:pt x="76155" y="532852"/>
                    <a:pt x="72866" y="542720"/>
                  </a:cubicBezTo>
                  <a:lnTo>
                    <a:pt x="66288" y="562455"/>
                  </a:lnTo>
                  <a:lnTo>
                    <a:pt x="95891" y="621661"/>
                  </a:lnTo>
                  <a:cubicBezTo>
                    <a:pt x="117928" y="643698"/>
                    <a:pt x="120012" y="641396"/>
                    <a:pt x="132072" y="651264"/>
                  </a:cubicBezTo>
                  <a:lnTo>
                    <a:pt x="168253" y="680867"/>
                  </a:lnTo>
                  <a:cubicBezTo>
                    <a:pt x="175380" y="686897"/>
                    <a:pt x="170995" y="684156"/>
                    <a:pt x="174832" y="687445"/>
                  </a:cubicBezTo>
                  <a:cubicBezTo>
                    <a:pt x="178670" y="690734"/>
                    <a:pt x="184152" y="695120"/>
                    <a:pt x="191278" y="700602"/>
                  </a:cubicBezTo>
                  <a:cubicBezTo>
                    <a:pt x="198404" y="706084"/>
                    <a:pt x="209916" y="714307"/>
                    <a:pt x="217591" y="720337"/>
                  </a:cubicBezTo>
                  <a:cubicBezTo>
                    <a:pt x="225266" y="726367"/>
                    <a:pt x="217739" y="725591"/>
                    <a:pt x="237326" y="736783"/>
                  </a:cubicBezTo>
                  <a:cubicBezTo>
                    <a:pt x="240336" y="738503"/>
                    <a:pt x="243905" y="738976"/>
                    <a:pt x="247194" y="740072"/>
                  </a:cubicBezTo>
                  <a:lnTo>
                    <a:pt x="276797" y="759808"/>
                  </a:lnTo>
                  <a:cubicBezTo>
                    <a:pt x="279682" y="761731"/>
                    <a:pt x="283376" y="762001"/>
                    <a:pt x="286665" y="763097"/>
                  </a:cubicBezTo>
                  <a:cubicBezTo>
                    <a:pt x="292695" y="766934"/>
                    <a:pt x="304207" y="775705"/>
                    <a:pt x="312978" y="782832"/>
                  </a:cubicBezTo>
                  <a:cubicBezTo>
                    <a:pt x="321749" y="789959"/>
                    <a:pt x="330521" y="798730"/>
                    <a:pt x="339292" y="805857"/>
                  </a:cubicBezTo>
                  <a:cubicBezTo>
                    <a:pt x="348063" y="812984"/>
                    <a:pt x="350517" y="810503"/>
                    <a:pt x="365606" y="825592"/>
                  </a:cubicBezTo>
                  <a:cubicBezTo>
                    <a:pt x="371635" y="843680"/>
                    <a:pt x="365273" y="827476"/>
                    <a:pt x="375473" y="845327"/>
                  </a:cubicBezTo>
                  <a:cubicBezTo>
                    <a:pt x="382392" y="857436"/>
                    <a:pt x="384485" y="867496"/>
                    <a:pt x="395208" y="878219"/>
                  </a:cubicBezTo>
                  <a:cubicBezTo>
                    <a:pt x="397401" y="880412"/>
                    <a:pt x="399926" y="882317"/>
                    <a:pt x="401787" y="884798"/>
                  </a:cubicBezTo>
                  <a:cubicBezTo>
                    <a:pt x="406531" y="891123"/>
                    <a:pt x="410558" y="897955"/>
                    <a:pt x="414944" y="904533"/>
                  </a:cubicBezTo>
                </a:path>
              </a:pathLst>
            </a:custGeom>
            <a:noFill/>
            <a:ln w="76200">
              <a:solidFill>
                <a:srgbClr val="0033CC"/>
              </a:solidFill>
              <a:headEnd type="none" w="med" len="med"/>
              <a:tailEnd type="triangle" w="sm" len="sm"/>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1" name="Freeform 20"/>
            <p:cNvSpPr/>
            <p:nvPr/>
          </p:nvSpPr>
          <p:spPr bwMode="auto">
            <a:xfrm>
              <a:off x="4627917" y="1378177"/>
              <a:ext cx="1789406" cy="565745"/>
            </a:xfrm>
            <a:custGeom>
              <a:avLst/>
              <a:gdLst>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67669 w 1766352"/>
                <a:gd name="connsiteY43" fmla="*/ 115123 h 575612"/>
                <a:gd name="connsiteX44" fmla="*/ 1197272 w 1766352"/>
                <a:gd name="connsiteY44" fmla="*/ 101966 h 575612"/>
                <a:gd name="connsiteX45" fmla="*/ 1207140 w 1766352"/>
                <a:gd name="connsiteY45" fmla="*/ 98676 h 575612"/>
                <a:gd name="connsiteX46" fmla="*/ 1256478 w 1766352"/>
                <a:gd name="connsiteY46" fmla="*/ 101966 h 575612"/>
                <a:gd name="connsiteX47" fmla="*/ 1269634 w 1766352"/>
                <a:gd name="connsiteY47" fmla="*/ 105255 h 575612"/>
                <a:gd name="connsiteX48" fmla="*/ 1286081 w 1766352"/>
                <a:gd name="connsiteY48" fmla="*/ 108544 h 575612"/>
                <a:gd name="connsiteX49" fmla="*/ 1312394 w 1766352"/>
                <a:gd name="connsiteY49" fmla="*/ 115123 h 575612"/>
                <a:gd name="connsiteX50" fmla="*/ 1417649 w 1766352"/>
                <a:gd name="connsiteY50" fmla="*/ 124990 h 575612"/>
                <a:gd name="connsiteX51" fmla="*/ 1427517 w 1766352"/>
                <a:gd name="connsiteY51" fmla="*/ 131569 h 575612"/>
                <a:gd name="connsiteX52" fmla="*/ 1437384 w 1766352"/>
                <a:gd name="connsiteY52" fmla="*/ 134858 h 575612"/>
                <a:gd name="connsiteX53" fmla="*/ 1443963 w 1766352"/>
                <a:gd name="connsiteY53" fmla="*/ 144725 h 575612"/>
                <a:gd name="connsiteX54" fmla="*/ 1453830 w 1766352"/>
                <a:gd name="connsiteY54" fmla="*/ 148015 h 575612"/>
                <a:gd name="connsiteX55" fmla="*/ 1483433 w 1766352"/>
                <a:gd name="connsiteY55" fmla="*/ 157882 h 575612"/>
                <a:gd name="connsiteX56" fmla="*/ 1503168 w 1766352"/>
                <a:gd name="connsiteY56" fmla="*/ 164461 h 575612"/>
                <a:gd name="connsiteX57" fmla="*/ 1516325 w 1766352"/>
                <a:gd name="connsiteY57" fmla="*/ 167750 h 575612"/>
                <a:gd name="connsiteX58" fmla="*/ 1539350 w 1766352"/>
                <a:gd name="connsiteY58" fmla="*/ 180907 h 575612"/>
                <a:gd name="connsiteX59" fmla="*/ 1559085 w 1766352"/>
                <a:gd name="connsiteY59" fmla="*/ 187485 h 575612"/>
                <a:gd name="connsiteX60" fmla="*/ 1568952 w 1766352"/>
                <a:gd name="connsiteY60" fmla="*/ 190774 h 575612"/>
                <a:gd name="connsiteX61" fmla="*/ 1582109 w 1766352"/>
                <a:gd name="connsiteY61" fmla="*/ 207220 h 575612"/>
                <a:gd name="connsiteX62" fmla="*/ 1591977 w 1766352"/>
                <a:gd name="connsiteY62" fmla="*/ 226956 h 575612"/>
                <a:gd name="connsiteX63" fmla="*/ 1595266 w 1766352"/>
                <a:gd name="connsiteY63" fmla="*/ 253269 h 575612"/>
                <a:gd name="connsiteX64" fmla="*/ 1621580 w 1766352"/>
                <a:gd name="connsiteY64" fmla="*/ 273005 h 575612"/>
                <a:gd name="connsiteX65" fmla="*/ 1628158 w 1766352"/>
                <a:gd name="connsiteY65" fmla="*/ 282872 h 575612"/>
                <a:gd name="connsiteX66" fmla="*/ 1644604 w 1766352"/>
                <a:gd name="connsiteY66" fmla="*/ 292740 h 575612"/>
                <a:gd name="connsiteX67" fmla="*/ 1657761 w 1766352"/>
                <a:gd name="connsiteY67" fmla="*/ 312475 h 575612"/>
                <a:gd name="connsiteX68" fmla="*/ 1680786 w 1766352"/>
                <a:gd name="connsiteY68" fmla="*/ 328921 h 575612"/>
                <a:gd name="connsiteX69" fmla="*/ 1690653 w 1766352"/>
                <a:gd name="connsiteY69" fmla="*/ 335499 h 575612"/>
                <a:gd name="connsiteX70" fmla="*/ 1700521 w 1766352"/>
                <a:gd name="connsiteY70" fmla="*/ 345367 h 575612"/>
                <a:gd name="connsiteX71" fmla="*/ 1713678 w 1766352"/>
                <a:gd name="connsiteY71" fmla="*/ 355235 h 575612"/>
                <a:gd name="connsiteX72" fmla="*/ 1723545 w 1766352"/>
                <a:gd name="connsiteY72" fmla="*/ 368392 h 575612"/>
                <a:gd name="connsiteX73" fmla="*/ 1730124 w 1766352"/>
                <a:gd name="connsiteY73" fmla="*/ 374970 h 575612"/>
                <a:gd name="connsiteX74" fmla="*/ 1736702 w 1766352"/>
                <a:gd name="connsiteY74" fmla="*/ 394705 h 575612"/>
                <a:gd name="connsiteX75" fmla="*/ 1743281 w 1766352"/>
                <a:gd name="connsiteY75" fmla="*/ 401284 h 575612"/>
                <a:gd name="connsiteX76" fmla="*/ 1749859 w 1766352"/>
                <a:gd name="connsiteY76" fmla="*/ 411151 h 575612"/>
                <a:gd name="connsiteX77" fmla="*/ 1753148 w 1766352"/>
                <a:gd name="connsiteY77" fmla="*/ 421019 h 575612"/>
                <a:gd name="connsiteX78" fmla="*/ 1756437 w 1766352"/>
                <a:gd name="connsiteY78" fmla="*/ 450622 h 575612"/>
                <a:gd name="connsiteX79" fmla="*/ 1763016 w 1766352"/>
                <a:gd name="connsiteY79" fmla="*/ 460489 h 575612"/>
                <a:gd name="connsiteX80" fmla="*/ 1766305 w 1766352"/>
                <a:gd name="connsiteY80" fmla="*/ 470357 h 575612"/>
                <a:gd name="connsiteX81" fmla="*/ 1753148 w 1766352"/>
                <a:gd name="connsiteY81" fmla="*/ 493382 h 575612"/>
                <a:gd name="connsiteX82" fmla="*/ 1746570 w 1766352"/>
                <a:gd name="connsiteY82" fmla="*/ 522984 h 575612"/>
                <a:gd name="connsiteX83" fmla="*/ 1739991 w 1766352"/>
                <a:gd name="connsiteY83" fmla="*/ 532852 h 575612"/>
                <a:gd name="connsiteX84" fmla="*/ 1736702 w 1766352"/>
                <a:gd name="connsiteY84" fmla="*/ 542720 h 575612"/>
                <a:gd name="connsiteX85" fmla="*/ 1739991 w 1766352"/>
                <a:gd name="connsiteY85"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97272 w 1766352"/>
                <a:gd name="connsiteY43" fmla="*/ 101966 h 575612"/>
                <a:gd name="connsiteX44" fmla="*/ 1207140 w 1766352"/>
                <a:gd name="connsiteY44" fmla="*/ 98676 h 575612"/>
                <a:gd name="connsiteX45" fmla="*/ 1256478 w 1766352"/>
                <a:gd name="connsiteY45" fmla="*/ 101966 h 575612"/>
                <a:gd name="connsiteX46" fmla="*/ 1269634 w 1766352"/>
                <a:gd name="connsiteY46" fmla="*/ 105255 h 575612"/>
                <a:gd name="connsiteX47" fmla="*/ 1286081 w 1766352"/>
                <a:gd name="connsiteY47" fmla="*/ 108544 h 575612"/>
                <a:gd name="connsiteX48" fmla="*/ 1312394 w 1766352"/>
                <a:gd name="connsiteY48" fmla="*/ 115123 h 575612"/>
                <a:gd name="connsiteX49" fmla="*/ 1417649 w 1766352"/>
                <a:gd name="connsiteY49" fmla="*/ 124990 h 575612"/>
                <a:gd name="connsiteX50" fmla="*/ 1427517 w 1766352"/>
                <a:gd name="connsiteY50" fmla="*/ 131569 h 575612"/>
                <a:gd name="connsiteX51" fmla="*/ 1437384 w 1766352"/>
                <a:gd name="connsiteY51" fmla="*/ 134858 h 575612"/>
                <a:gd name="connsiteX52" fmla="*/ 1443963 w 1766352"/>
                <a:gd name="connsiteY52" fmla="*/ 144725 h 575612"/>
                <a:gd name="connsiteX53" fmla="*/ 1453830 w 1766352"/>
                <a:gd name="connsiteY53" fmla="*/ 148015 h 575612"/>
                <a:gd name="connsiteX54" fmla="*/ 1483433 w 1766352"/>
                <a:gd name="connsiteY54" fmla="*/ 157882 h 575612"/>
                <a:gd name="connsiteX55" fmla="*/ 1503168 w 1766352"/>
                <a:gd name="connsiteY55" fmla="*/ 164461 h 575612"/>
                <a:gd name="connsiteX56" fmla="*/ 1516325 w 1766352"/>
                <a:gd name="connsiteY56" fmla="*/ 167750 h 575612"/>
                <a:gd name="connsiteX57" fmla="*/ 1539350 w 1766352"/>
                <a:gd name="connsiteY57" fmla="*/ 180907 h 575612"/>
                <a:gd name="connsiteX58" fmla="*/ 1559085 w 1766352"/>
                <a:gd name="connsiteY58" fmla="*/ 187485 h 575612"/>
                <a:gd name="connsiteX59" fmla="*/ 1568952 w 1766352"/>
                <a:gd name="connsiteY59" fmla="*/ 190774 h 575612"/>
                <a:gd name="connsiteX60" fmla="*/ 1582109 w 1766352"/>
                <a:gd name="connsiteY60" fmla="*/ 207220 h 575612"/>
                <a:gd name="connsiteX61" fmla="*/ 1591977 w 1766352"/>
                <a:gd name="connsiteY61" fmla="*/ 226956 h 575612"/>
                <a:gd name="connsiteX62" fmla="*/ 1595266 w 1766352"/>
                <a:gd name="connsiteY62" fmla="*/ 253269 h 575612"/>
                <a:gd name="connsiteX63" fmla="*/ 1621580 w 1766352"/>
                <a:gd name="connsiteY63" fmla="*/ 273005 h 575612"/>
                <a:gd name="connsiteX64" fmla="*/ 1628158 w 1766352"/>
                <a:gd name="connsiteY64" fmla="*/ 282872 h 575612"/>
                <a:gd name="connsiteX65" fmla="*/ 1644604 w 1766352"/>
                <a:gd name="connsiteY65" fmla="*/ 292740 h 575612"/>
                <a:gd name="connsiteX66" fmla="*/ 1657761 w 1766352"/>
                <a:gd name="connsiteY66" fmla="*/ 312475 h 575612"/>
                <a:gd name="connsiteX67" fmla="*/ 1680786 w 1766352"/>
                <a:gd name="connsiteY67" fmla="*/ 328921 h 575612"/>
                <a:gd name="connsiteX68" fmla="*/ 1690653 w 1766352"/>
                <a:gd name="connsiteY68" fmla="*/ 335499 h 575612"/>
                <a:gd name="connsiteX69" fmla="*/ 1700521 w 1766352"/>
                <a:gd name="connsiteY69" fmla="*/ 345367 h 575612"/>
                <a:gd name="connsiteX70" fmla="*/ 1713678 w 1766352"/>
                <a:gd name="connsiteY70" fmla="*/ 355235 h 575612"/>
                <a:gd name="connsiteX71" fmla="*/ 1723545 w 1766352"/>
                <a:gd name="connsiteY71" fmla="*/ 368392 h 575612"/>
                <a:gd name="connsiteX72" fmla="*/ 1730124 w 1766352"/>
                <a:gd name="connsiteY72" fmla="*/ 374970 h 575612"/>
                <a:gd name="connsiteX73" fmla="*/ 1736702 w 1766352"/>
                <a:gd name="connsiteY73" fmla="*/ 394705 h 575612"/>
                <a:gd name="connsiteX74" fmla="*/ 1743281 w 1766352"/>
                <a:gd name="connsiteY74" fmla="*/ 401284 h 575612"/>
                <a:gd name="connsiteX75" fmla="*/ 1749859 w 1766352"/>
                <a:gd name="connsiteY75" fmla="*/ 411151 h 575612"/>
                <a:gd name="connsiteX76" fmla="*/ 1753148 w 1766352"/>
                <a:gd name="connsiteY76" fmla="*/ 421019 h 575612"/>
                <a:gd name="connsiteX77" fmla="*/ 1756437 w 1766352"/>
                <a:gd name="connsiteY77" fmla="*/ 450622 h 575612"/>
                <a:gd name="connsiteX78" fmla="*/ 1763016 w 1766352"/>
                <a:gd name="connsiteY78" fmla="*/ 460489 h 575612"/>
                <a:gd name="connsiteX79" fmla="*/ 1766305 w 1766352"/>
                <a:gd name="connsiteY79" fmla="*/ 470357 h 575612"/>
                <a:gd name="connsiteX80" fmla="*/ 1753148 w 1766352"/>
                <a:gd name="connsiteY80" fmla="*/ 493382 h 575612"/>
                <a:gd name="connsiteX81" fmla="*/ 1746570 w 1766352"/>
                <a:gd name="connsiteY81" fmla="*/ 522984 h 575612"/>
                <a:gd name="connsiteX82" fmla="*/ 1739991 w 1766352"/>
                <a:gd name="connsiteY82" fmla="*/ 532852 h 575612"/>
                <a:gd name="connsiteX83" fmla="*/ 1736702 w 1766352"/>
                <a:gd name="connsiteY83" fmla="*/ 542720 h 575612"/>
                <a:gd name="connsiteX84" fmla="*/ 1739991 w 1766352"/>
                <a:gd name="connsiteY84"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97272 w 1766352"/>
                <a:gd name="connsiteY42" fmla="*/ 101966 h 575612"/>
                <a:gd name="connsiteX43" fmla="*/ 1207140 w 1766352"/>
                <a:gd name="connsiteY43" fmla="*/ 98676 h 575612"/>
                <a:gd name="connsiteX44" fmla="*/ 1256478 w 1766352"/>
                <a:gd name="connsiteY44" fmla="*/ 101966 h 575612"/>
                <a:gd name="connsiteX45" fmla="*/ 1269634 w 1766352"/>
                <a:gd name="connsiteY45" fmla="*/ 105255 h 575612"/>
                <a:gd name="connsiteX46" fmla="*/ 1286081 w 1766352"/>
                <a:gd name="connsiteY46" fmla="*/ 108544 h 575612"/>
                <a:gd name="connsiteX47" fmla="*/ 1312394 w 1766352"/>
                <a:gd name="connsiteY47" fmla="*/ 115123 h 575612"/>
                <a:gd name="connsiteX48" fmla="*/ 1417649 w 1766352"/>
                <a:gd name="connsiteY48" fmla="*/ 124990 h 575612"/>
                <a:gd name="connsiteX49" fmla="*/ 1427517 w 1766352"/>
                <a:gd name="connsiteY49" fmla="*/ 131569 h 575612"/>
                <a:gd name="connsiteX50" fmla="*/ 1437384 w 1766352"/>
                <a:gd name="connsiteY50" fmla="*/ 134858 h 575612"/>
                <a:gd name="connsiteX51" fmla="*/ 1443963 w 1766352"/>
                <a:gd name="connsiteY51" fmla="*/ 144725 h 575612"/>
                <a:gd name="connsiteX52" fmla="*/ 1453830 w 1766352"/>
                <a:gd name="connsiteY52" fmla="*/ 148015 h 575612"/>
                <a:gd name="connsiteX53" fmla="*/ 1483433 w 1766352"/>
                <a:gd name="connsiteY53" fmla="*/ 157882 h 575612"/>
                <a:gd name="connsiteX54" fmla="*/ 1503168 w 1766352"/>
                <a:gd name="connsiteY54" fmla="*/ 164461 h 575612"/>
                <a:gd name="connsiteX55" fmla="*/ 1516325 w 1766352"/>
                <a:gd name="connsiteY55" fmla="*/ 167750 h 575612"/>
                <a:gd name="connsiteX56" fmla="*/ 1539350 w 1766352"/>
                <a:gd name="connsiteY56" fmla="*/ 180907 h 575612"/>
                <a:gd name="connsiteX57" fmla="*/ 1559085 w 1766352"/>
                <a:gd name="connsiteY57" fmla="*/ 187485 h 575612"/>
                <a:gd name="connsiteX58" fmla="*/ 1568952 w 1766352"/>
                <a:gd name="connsiteY58" fmla="*/ 190774 h 575612"/>
                <a:gd name="connsiteX59" fmla="*/ 1582109 w 1766352"/>
                <a:gd name="connsiteY59" fmla="*/ 207220 h 575612"/>
                <a:gd name="connsiteX60" fmla="*/ 1591977 w 1766352"/>
                <a:gd name="connsiteY60" fmla="*/ 226956 h 575612"/>
                <a:gd name="connsiteX61" fmla="*/ 1595266 w 1766352"/>
                <a:gd name="connsiteY61" fmla="*/ 253269 h 575612"/>
                <a:gd name="connsiteX62" fmla="*/ 1621580 w 1766352"/>
                <a:gd name="connsiteY62" fmla="*/ 273005 h 575612"/>
                <a:gd name="connsiteX63" fmla="*/ 1628158 w 1766352"/>
                <a:gd name="connsiteY63" fmla="*/ 282872 h 575612"/>
                <a:gd name="connsiteX64" fmla="*/ 1644604 w 1766352"/>
                <a:gd name="connsiteY64" fmla="*/ 292740 h 575612"/>
                <a:gd name="connsiteX65" fmla="*/ 1657761 w 1766352"/>
                <a:gd name="connsiteY65" fmla="*/ 312475 h 575612"/>
                <a:gd name="connsiteX66" fmla="*/ 1680786 w 1766352"/>
                <a:gd name="connsiteY66" fmla="*/ 328921 h 575612"/>
                <a:gd name="connsiteX67" fmla="*/ 1690653 w 1766352"/>
                <a:gd name="connsiteY67" fmla="*/ 335499 h 575612"/>
                <a:gd name="connsiteX68" fmla="*/ 1700521 w 1766352"/>
                <a:gd name="connsiteY68" fmla="*/ 345367 h 575612"/>
                <a:gd name="connsiteX69" fmla="*/ 1713678 w 1766352"/>
                <a:gd name="connsiteY69" fmla="*/ 355235 h 575612"/>
                <a:gd name="connsiteX70" fmla="*/ 1723545 w 1766352"/>
                <a:gd name="connsiteY70" fmla="*/ 368392 h 575612"/>
                <a:gd name="connsiteX71" fmla="*/ 1730124 w 1766352"/>
                <a:gd name="connsiteY71" fmla="*/ 374970 h 575612"/>
                <a:gd name="connsiteX72" fmla="*/ 1736702 w 1766352"/>
                <a:gd name="connsiteY72" fmla="*/ 394705 h 575612"/>
                <a:gd name="connsiteX73" fmla="*/ 1743281 w 1766352"/>
                <a:gd name="connsiteY73" fmla="*/ 401284 h 575612"/>
                <a:gd name="connsiteX74" fmla="*/ 1749859 w 1766352"/>
                <a:gd name="connsiteY74" fmla="*/ 411151 h 575612"/>
                <a:gd name="connsiteX75" fmla="*/ 1753148 w 1766352"/>
                <a:gd name="connsiteY75" fmla="*/ 421019 h 575612"/>
                <a:gd name="connsiteX76" fmla="*/ 1756437 w 1766352"/>
                <a:gd name="connsiteY76" fmla="*/ 450622 h 575612"/>
                <a:gd name="connsiteX77" fmla="*/ 1763016 w 1766352"/>
                <a:gd name="connsiteY77" fmla="*/ 460489 h 575612"/>
                <a:gd name="connsiteX78" fmla="*/ 1766305 w 1766352"/>
                <a:gd name="connsiteY78" fmla="*/ 470357 h 575612"/>
                <a:gd name="connsiteX79" fmla="*/ 1753148 w 1766352"/>
                <a:gd name="connsiteY79" fmla="*/ 493382 h 575612"/>
                <a:gd name="connsiteX80" fmla="*/ 1746570 w 1766352"/>
                <a:gd name="connsiteY80" fmla="*/ 522984 h 575612"/>
                <a:gd name="connsiteX81" fmla="*/ 1739991 w 1766352"/>
                <a:gd name="connsiteY81" fmla="*/ 532852 h 575612"/>
                <a:gd name="connsiteX82" fmla="*/ 1736702 w 1766352"/>
                <a:gd name="connsiteY82" fmla="*/ 542720 h 575612"/>
                <a:gd name="connsiteX83" fmla="*/ 1739991 w 1766352"/>
                <a:gd name="connsiteY83"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6702 w 1766352"/>
                <a:gd name="connsiteY81" fmla="*/ 542720 h 575612"/>
                <a:gd name="connsiteX82" fmla="*/ 1739991 w 1766352"/>
                <a:gd name="connsiteY82"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9991 w 1766352"/>
                <a:gd name="connsiteY81" fmla="*/ 575612 h 575612"/>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39991 w 1766352"/>
                <a:gd name="connsiteY80" fmla="*/ 532852 h 565745"/>
                <a:gd name="connsiteX81" fmla="*/ 1759726 w 1766352"/>
                <a:gd name="connsiteY81"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59726 w 1766352"/>
                <a:gd name="connsiteY80"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59726 w 1766352"/>
                <a:gd name="connsiteY79" fmla="*/ 565745 h 565745"/>
                <a:gd name="connsiteX0" fmla="*/ 0 w 1782827"/>
                <a:gd name="connsiteY0" fmla="*/ 0 h 565745"/>
                <a:gd name="connsiteX1" fmla="*/ 13157 w 1782827"/>
                <a:gd name="connsiteY1" fmla="*/ 42760 h 565745"/>
                <a:gd name="connsiteX2" fmla="*/ 23024 w 1782827"/>
                <a:gd name="connsiteY2" fmla="*/ 52628 h 565745"/>
                <a:gd name="connsiteX3" fmla="*/ 42760 w 1782827"/>
                <a:gd name="connsiteY3" fmla="*/ 59206 h 565745"/>
                <a:gd name="connsiteX4" fmla="*/ 52627 w 1782827"/>
                <a:gd name="connsiteY4" fmla="*/ 65784 h 565745"/>
                <a:gd name="connsiteX5" fmla="*/ 69073 w 1782827"/>
                <a:gd name="connsiteY5" fmla="*/ 72363 h 565745"/>
                <a:gd name="connsiteX6" fmla="*/ 88809 w 1782827"/>
                <a:gd name="connsiteY6" fmla="*/ 78941 h 565745"/>
                <a:gd name="connsiteX7" fmla="*/ 108544 w 1782827"/>
                <a:gd name="connsiteY7" fmla="*/ 85520 h 565745"/>
                <a:gd name="connsiteX8" fmla="*/ 118411 w 1782827"/>
                <a:gd name="connsiteY8" fmla="*/ 92098 h 565745"/>
                <a:gd name="connsiteX9" fmla="*/ 128279 w 1782827"/>
                <a:gd name="connsiteY9" fmla="*/ 95387 h 565745"/>
                <a:gd name="connsiteX10" fmla="*/ 148014 w 1782827"/>
                <a:gd name="connsiteY10" fmla="*/ 108544 h 565745"/>
                <a:gd name="connsiteX11" fmla="*/ 167750 w 1782827"/>
                <a:gd name="connsiteY11" fmla="*/ 115123 h 565745"/>
                <a:gd name="connsiteX12" fmla="*/ 220377 w 1782827"/>
                <a:gd name="connsiteY12" fmla="*/ 121701 h 565745"/>
                <a:gd name="connsiteX13" fmla="*/ 292740 w 1782827"/>
                <a:gd name="connsiteY13" fmla="*/ 115123 h 565745"/>
                <a:gd name="connsiteX14" fmla="*/ 312475 w 1782827"/>
                <a:gd name="connsiteY14" fmla="*/ 108544 h 565745"/>
                <a:gd name="connsiteX15" fmla="*/ 322342 w 1782827"/>
                <a:gd name="connsiteY15" fmla="*/ 105255 h 565745"/>
                <a:gd name="connsiteX16" fmla="*/ 335499 w 1782827"/>
                <a:gd name="connsiteY16" fmla="*/ 101966 h 565745"/>
                <a:gd name="connsiteX17" fmla="*/ 368391 w 1782827"/>
                <a:gd name="connsiteY17" fmla="*/ 92098 h 565745"/>
                <a:gd name="connsiteX18" fmla="*/ 401283 w 1782827"/>
                <a:gd name="connsiteY18" fmla="*/ 82230 h 565745"/>
                <a:gd name="connsiteX19" fmla="*/ 427597 w 1782827"/>
                <a:gd name="connsiteY19" fmla="*/ 75652 h 565745"/>
                <a:gd name="connsiteX20" fmla="*/ 467068 w 1782827"/>
                <a:gd name="connsiteY20" fmla="*/ 78941 h 565745"/>
                <a:gd name="connsiteX21" fmla="*/ 486803 w 1782827"/>
                <a:gd name="connsiteY21" fmla="*/ 85520 h 565745"/>
                <a:gd name="connsiteX22" fmla="*/ 496670 w 1782827"/>
                <a:gd name="connsiteY22" fmla="*/ 88809 h 565745"/>
                <a:gd name="connsiteX23" fmla="*/ 565744 w 1782827"/>
                <a:gd name="connsiteY23" fmla="*/ 82230 h 565745"/>
                <a:gd name="connsiteX24" fmla="*/ 585479 w 1782827"/>
                <a:gd name="connsiteY24" fmla="*/ 75652 h 565745"/>
                <a:gd name="connsiteX25" fmla="*/ 611793 w 1782827"/>
                <a:gd name="connsiteY25" fmla="*/ 72363 h 565745"/>
                <a:gd name="connsiteX26" fmla="*/ 657842 w 1782827"/>
                <a:gd name="connsiteY26" fmla="*/ 69074 h 565745"/>
                <a:gd name="connsiteX27" fmla="*/ 703891 w 1782827"/>
                <a:gd name="connsiteY27" fmla="*/ 72363 h 565745"/>
                <a:gd name="connsiteX28" fmla="*/ 723626 w 1782827"/>
                <a:gd name="connsiteY28" fmla="*/ 78941 h 565745"/>
                <a:gd name="connsiteX29" fmla="*/ 743361 w 1782827"/>
                <a:gd name="connsiteY29" fmla="*/ 82230 h 565745"/>
                <a:gd name="connsiteX30" fmla="*/ 786121 w 1782827"/>
                <a:gd name="connsiteY30" fmla="*/ 78941 h 565745"/>
                <a:gd name="connsiteX31" fmla="*/ 795988 w 1782827"/>
                <a:gd name="connsiteY31" fmla="*/ 75652 h 565745"/>
                <a:gd name="connsiteX32" fmla="*/ 815724 w 1782827"/>
                <a:gd name="connsiteY32" fmla="*/ 72363 h 565745"/>
                <a:gd name="connsiteX33" fmla="*/ 832170 w 1782827"/>
                <a:gd name="connsiteY33" fmla="*/ 65784 h 565745"/>
                <a:gd name="connsiteX34" fmla="*/ 871640 w 1782827"/>
                <a:gd name="connsiteY34" fmla="*/ 62495 h 565745"/>
                <a:gd name="connsiteX35" fmla="*/ 884797 w 1782827"/>
                <a:gd name="connsiteY35" fmla="*/ 59206 h 565745"/>
                <a:gd name="connsiteX36" fmla="*/ 970317 w 1782827"/>
                <a:gd name="connsiteY36" fmla="*/ 65784 h 565745"/>
                <a:gd name="connsiteX37" fmla="*/ 993341 w 1782827"/>
                <a:gd name="connsiteY37" fmla="*/ 72363 h 565745"/>
                <a:gd name="connsiteX38" fmla="*/ 1026233 w 1782827"/>
                <a:gd name="connsiteY38" fmla="*/ 78941 h 565745"/>
                <a:gd name="connsiteX39" fmla="*/ 1036101 w 1782827"/>
                <a:gd name="connsiteY39" fmla="*/ 82230 h 565745"/>
                <a:gd name="connsiteX40" fmla="*/ 1059125 w 1782827"/>
                <a:gd name="connsiteY40" fmla="*/ 88809 h 565745"/>
                <a:gd name="connsiteX41" fmla="*/ 1197272 w 1782827"/>
                <a:gd name="connsiteY41" fmla="*/ 101966 h 565745"/>
                <a:gd name="connsiteX42" fmla="*/ 1207140 w 1782827"/>
                <a:gd name="connsiteY42" fmla="*/ 98676 h 565745"/>
                <a:gd name="connsiteX43" fmla="*/ 1256478 w 1782827"/>
                <a:gd name="connsiteY43" fmla="*/ 101966 h 565745"/>
                <a:gd name="connsiteX44" fmla="*/ 1269634 w 1782827"/>
                <a:gd name="connsiteY44" fmla="*/ 105255 h 565745"/>
                <a:gd name="connsiteX45" fmla="*/ 1286081 w 1782827"/>
                <a:gd name="connsiteY45" fmla="*/ 108544 h 565745"/>
                <a:gd name="connsiteX46" fmla="*/ 1312394 w 1782827"/>
                <a:gd name="connsiteY46" fmla="*/ 115123 h 565745"/>
                <a:gd name="connsiteX47" fmla="*/ 1417649 w 1782827"/>
                <a:gd name="connsiteY47" fmla="*/ 124990 h 565745"/>
                <a:gd name="connsiteX48" fmla="*/ 1427517 w 1782827"/>
                <a:gd name="connsiteY48" fmla="*/ 131569 h 565745"/>
                <a:gd name="connsiteX49" fmla="*/ 1437384 w 1782827"/>
                <a:gd name="connsiteY49" fmla="*/ 134858 h 565745"/>
                <a:gd name="connsiteX50" fmla="*/ 1443963 w 1782827"/>
                <a:gd name="connsiteY50" fmla="*/ 144725 h 565745"/>
                <a:gd name="connsiteX51" fmla="*/ 1453830 w 1782827"/>
                <a:gd name="connsiteY51" fmla="*/ 148015 h 565745"/>
                <a:gd name="connsiteX52" fmla="*/ 1483433 w 1782827"/>
                <a:gd name="connsiteY52" fmla="*/ 157882 h 565745"/>
                <a:gd name="connsiteX53" fmla="*/ 1503168 w 1782827"/>
                <a:gd name="connsiteY53" fmla="*/ 164461 h 565745"/>
                <a:gd name="connsiteX54" fmla="*/ 1516325 w 1782827"/>
                <a:gd name="connsiteY54" fmla="*/ 167750 h 565745"/>
                <a:gd name="connsiteX55" fmla="*/ 1539350 w 1782827"/>
                <a:gd name="connsiteY55" fmla="*/ 180907 h 565745"/>
                <a:gd name="connsiteX56" fmla="*/ 1559085 w 1782827"/>
                <a:gd name="connsiteY56" fmla="*/ 187485 h 565745"/>
                <a:gd name="connsiteX57" fmla="*/ 1568952 w 1782827"/>
                <a:gd name="connsiteY57" fmla="*/ 190774 h 565745"/>
                <a:gd name="connsiteX58" fmla="*/ 1582109 w 1782827"/>
                <a:gd name="connsiteY58" fmla="*/ 207220 h 565745"/>
                <a:gd name="connsiteX59" fmla="*/ 1591977 w 1782827"/>
                <a:gd name="connsiteY59" fmla="*/ 226956 h 565745"/>
                <a:gd name="connsiteX60" fmla="*/ 1595266 w 1782827"/>
                <a:gd name="connsiteY60" fmla="*/ 253269 h 565745"/>
                <a:gd name="connsiteX61" fmla="*/ 1621580 w 1782827"/>
                <a:gd name="connsiteY61" fmla="*/ 273005 h 565745"/>
                <a:gd name="connsiteX62" fmla="*/ 1628158 w 1782827"/>
                <a:gd name="connsiteY62" fmla="*/ 282872 h 565745"/>
                <a:gd name="connsiteX63" fmla="*/ 1644604 w 1782827"/>
                <a:gd name="connsiteY63" fmla="*/ 292740 h 565745"/>
                <a:gd name="connsiteX64" fmla="*/ 1657761 w 1782827"/>
                <a:gd name="connsiteY64" fmla="*/ 312475 h 565745"/>
                <a:gd name="connsiteX65" fmla="*/ 1680786 w 1782827"/>
                <a:gd name="connsiteY65" fmla="*/ 328921 h 565745"/>
                <a:gd name="connsiteX66" fmla="*/ 1690653 w 1782827"/>
                <a:gd name="connsiteY66" fmla="*/ 335499 h 565745"/>
                <a:gd name="connsiteX67" fmla="*/ 1700521 w 1782827"/>
                <a:gd name="connsiteY67" fmla="*/ 345367 h 565745"/>
                <a:gd name="connsiteX68" fmla="*/ 1713678 w 1782827"/>
                <a:gd name="connsiteY68" fmla="*/ 355235 h 565745"/>
                <a:gd name="connsiteX69" fmla="*/ 1723545 w 1782827"/>
                <a:gd name="connsiteY69" fmla="*/ 368392 h 565745"/>
                <a:gd name="connsiteX70" fmla="*/ 1730124 w 1782827"/>
                <a:gd name="connsiteY70" fmla="*/ 374970 h 565745"/>
                <a:gd name="connsiteX71" fmla="*/ 1736702 w 1782827"/>
                <a:gd name="connsiteY71" fmla="*/ 394705 h 565745"/>
                <a:gd name="connsiteX72" fmla="*/ 1743281 w 1782827"/>
                <a:gd name="connsiteY72" fmla="*/ 401284 h 565745"/>
                <a:gd name="connsiteX73" fmla="*/ 1749859 w 1782827"/>
                <a:gd name="connsiteY73" fmla="*/ 411151 h 565745"/>
                <a:gd name="connsiteX74" fmla="*/ 1782750 w 1782827"/>
                <a:gd name="connsiteY74" fmla="*/ 427598 h 565745"/>
                <a:gd name="connsiteX75" fmla="*/ 1756437 w 1782827"/>
                <a:gd name="connsiteY75" fmla="*/ 450622 h 565745"/>
                <a:gd name="connsiteX76" fmla="*/ 1763016 w 1782827"/>
                <a:gd name="connsiteY76" fmla="*/ 460489 h 565745"/>
                <a:gd name="connsiteX77" fmla="*/ 1766305 w 1782827"/>
                <a:gd name="connsiteY77" fmla="*/ 470357 h 565745"/>
                <a:gd name="connsiteX78" fmla="*/ 1753148 w 1782827"/>
                <a:gd name="connsiteY78" fmla="*/ 493382 h 565745"/>
                <a:gd name="connsiteX79" fmla="*/ 1759726 w 1782827"/>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66305 w 1802969"/>
                <a:gd name="connsiteY77" fmla="*/ 470357 h 565745"/>
                <a:gd name="connsiteX78" fmla="*/ 1753148 w 1802969"/>
                <a:gd name="connsiteY78" fmla="*/ 493382 h 565745"/>
                <a:gd name="connsiteX79" fmla="*/ 1759726 w 1802969"/>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53148 w 1802969"/>
                <a:gd name="connsiteY77" fmla="*/ 493382 h 565745"/>
                <a:gd name="connsiteX78" fmla="*/ 1759726 w 1802969"/>
                <a:gd name="connsiteY78" fmla="*/ 565745 h 565745"/>
                <a:gd name="connsiteX0" fmla="*/ 0 w 1803415"/>
                <a:gd name="connsiteY0" fmla="*/ 0 h 565745"/>
                <a:gd name="connsiteX1" fmla="*/ 13157 w 1803415"/>
                <a:gd name="connsiteY1" fmla="*/ 42760 h 565745"/>
                <a:gd name="connsiteX2" fmla="*/ 23024 w 1803415"/>
                <a:gd name="connsiteY2" fmla="*/ 52628 h 565745"/>
                <a:gd name="connsiteX3" fmla="*/ 42760 w 1803415"/>
                <a:gd name="connsiteY3" fmla="*/ 59206 h 565745"/>
                <a:gd name="connsiteX4" fmla="*/ 52627 w 1803415"/>
                <a:gd name="connsiteY4" fmla="*/ 65784 h 565745"/>
                <a:gd name="connsiteX5" fmla="*/ 69073 w 1803415"/>
                <a:gd name="connsiteY5" fmla="*/ 72363 h 565745"/>
                <a:gd name="connsiteX6" fmla="*/ 88809 w 1803415"/>
                <a:gd name="connsiteY6" fmla="*/ 78941 h 565745"/>
                <a:gd name="connsiteX7" fmla="*/ 108544 w 1803415"/>
                <a:gd name="connsiteY7" fmla="*/ 85520 h 565745"/>
                <a:gd name="connsiteX8" fmla="*/ 118411 w 1803415"/>
                <a:gd name="connsiteY8" fmla="*/ 92098 h 565745"/>
                <a:gd name="connsiteX9" fmla="*/ 128279 w 1803415"/>
                <a:gd name="connsiteY9" fmla="*/ 95387 h 565745"/>
                <a:gd name="connsiteX10" fmla="*/ 148014 w 1803415"/>
                <a:gd name="connsiteY10" fmla="*/ 108544 h 565745"/>
                <a:gd name="connsiteX11" fmla="*/ 167750 w 1803415"/>
                <a:gd name="connsiteY11" fmla="*/ 115123 h 565745"/>
                <a:gd name="connsiteX12" fmla="*/ 220377 w 1803415"/>
                <a:gd name="connsiteY12" fmla="*/ 121701 h 565745"/>
                <a:gd name="connsiteX13" fmla="*/ 292740 w 1803415"/>
                <a:gd name="connsiteY13" fmla="*/ 115123 h 565745"/>
                <a:gd name="connsiteX14" fmla="*/ 312475 w 1803415"/>
                <a:gd name="connsiteY14" fmla="*/ 108544 h 565745"/>
                <a:gd name="connsiteX15" fmla="*/ 322342 w 1803415"/>
                <a:gd name="connsiteY15" fmla="*/ 105255 h 565745"/>
                <a:gd name="connsiteX16" fmla="*/ 335499 w 1803415"/>
                <a:gd name="connsiteY16" fmla="*/ 101966 h 565745"/>
                <a:gd name="connsiteX17" fmla="*/ 368391 w 1803415"/>
                <a:gd name="connsiteY17" fmla="*/ 92098 h 565745"/>
                <a:gd name="connsiteX18" fmla="*/ 401283 w 1803415"/>
                <a:gd name="connsiteY18" fmla="*/ 82230 h 565745"/>
                <a:gd name="connsiteX19" fmla="*/ 427597 w 1803415"/>
                <a:gd name="connsiteY19" fmla="*/ 75652 h 565745"/>
                <a:gd name="connsiteX20" fmla="*/ 467068 w 1803415"/>
                <a:gd name="connsiteY20" fmla="*/ 78941 h 565745"/>
                <a:gd name="connsiteX21" fmla="*/ 486803 w 1803415"/>
                <a:gd name="connsiteY21" fmla="*/ 85520 h 565745"/>
                <a:gd name="connsiteX22" fmla="*/ 496670 w 1803415"/>
                <a:gd name="connsiteY22" fmla="*/ 88809 h 565745"/>
                <a:gd name="connsiteX23" fmla="*/ 565744 w 1803415"/>
                <a:gd name="connsiteY23" fmla="*/ 82230 h 565745"/>
                <a:gd name="connsiteX24" fmla="*/ 585479 w 1803415"/>
                <a:gd name="connsiteY24" fmla="*/ 75652 h 565745"/>
                <a:gd name="connsiteX25" fmla="*/ 611793 w 1803415"/>
                <a:gd name="connsiteY25" fmla="*/ 72363 h 565745"/>
                <a:gd name="connsiteX26" fmla="*/ 657842 w 1803415"/>
                <a:gd name="connsiteY26" fmla="*/ 69074 h 565745"/>
                <a:gd name="connsiteX27" fmla="*/ 703891 w 1803415"/>
                <a:gd name="connsiteY27" fmla="*/ 72363 h 565745"/>
                <a:gd name="connsiteX28" fmla="*/ 723626 w 1803415"/>
                <a:gd name="connsiteY28" fmla="*/ 78941 h 565745"/>
                <a:gd name="connsiteX29" fmla="*/ 743361 w 1803415"/>
                <a:gd name="connsiteY29" fmla="*/ 82230 h 565745"/>
                <a:gd name="connsiteX30" fmla="*/ 786121 w 1803415"/>
                <a:gd name="connsiteY30" fmla="*/ 78941 h 565745"/>
                <a:gd name="connsiteX31" fmla="*/ 795988 w 1803415"/>
                <a:gd name="connsiteY31" fmla="*/ 75652 h 565745"/>
                <a:gd name="connsiteX32" fmla="*/ 815724 w 1803415"/>
                <a:gd name="connsiteY32" fmla="*/ 72363 h 565745"/>
                <a:gd name="connsiteX33" fmla="*/ 832170 w 1803415"/>
                <a:gd name="connsiteY33" fmla="*/ 65784 h 565745"/>
                <a:gd name="connsiteX34" fmla="*/ 871640 w 1803415"/>
                <a:gd name="connsiteY34" fmla="*/ 62495 h 565745"/>
                <a:gd name="connsiteX35" fmla="*/ 884797 w 1803415"/>
                <a:gd name="connsiteY35" fmla="*/ 59206 h 565745"/>
                <a:gd name="connsiteX36" fmla="*/ 970317 w 1803415"/>
                <a:gd name="connsiteY36" fmla="*/ 65784 h 565745"/>
                <a:gd name="connsiteX37" fmla="*/ 993341 w 1803415"/>
                <a:gd name="connsiteY37" fmla="*/ 72363 h 565745"/>
                <a:gd name="connsiteX38" fmla="*/ 1026233 w 1803415"/>
                <a:gd name="connsiteY38" fmla="*/ 78941 h 565745"/>
                <a:gd name="connsiteX39" fmla="*/ 1036101 w 1803415"/>
                <a:gd name="connsiteY39" fmla="*/ 82230 h 565745"/>
                <a:gd name="connsiteX40" fmla="*/ 1059125 w 1803415"/>
                <a:gd name="connsiteY40" fmla="*/ 88809 h 565745"/>
                <a:gd name="connsiteX41" fmla="*/ 1197272 w 1803415"/>
                <a:gd name="connsiteY41" fmla="*/ 101966 h 565745"/>
                <a:gd name="connsiteX42" fmla="*/ 1207140 w 1803415"/>
                <a:gd name="connsiteY42" fmla="*/ 98676 h 565745"/>
                <a:gd name="connsiteX43" fmla="*/ 1256478 w 1803415"/>
                <a:gd name="connsiteY43" fmla="*/ 101966 h 565745"/>
                <a:gd name="connsiteX44" fmla="*/ 1269634 w 1803415"/>
                <a:gd name="connsiteY44" fmla="*/ 105255 h 565745"/>
                <a:gd name="connsiteX45" fmla="*/ 1286081 w 1803415"/>
                <a:gd name="connsiteY45" fmla="*/ 108544 h 565745"/>
                <a:gd name="connsiteX46" fmla="*/ 1312394 w 1803415"/>
                <a:gd name="connsiteY46" fmla="*/ 115123 h 565745"/>
                <a:gd name="connsiteX47" fmla="*/ 1417649 w 1803415"/>
                <a:gd name="connsiteY47" fmla="*/ 124990 h 565745"/>
                <a:gd name="connsiteX48" fmla="*/ 1427517 w 1803415"/>
                <a:gd name="connsiteY48" fmla="*/ 131569 h 565745"/>
                <a:gd name="connsiteX49" fmla="*/ 1437384 w 1803415"/>
                <a:gd name="connsiteY49" fmla="*/ 134858 h 565745"/>
                <a:gd name="connsiteX50" fmla="*/ 1443963 w 1803415"/>
                <a:gd name="connsiteY50" fmla="*/ 144725 h 565745"/>
                <a:gd name="connsiteX51" fmla="*/ 1453830 w 1803415"/>
                <a:gd name="connsiteY51" fmla="*/ 148015 h 565745"/>
                <a:gd name="connsiteX52" fmla="*/ 1483433 w 1803415"/>
                <a:gd name="connsiteY52" fmla="*/ 157882 h 565745"/>
                <a:gd name="connsiteX53" fmla="*/ 1503168 w 1803415"/>
                <a:gd name="connsiteY53" fmla="*/ 164461 h 565745"/>
                <a:gd name="connsiteX54" fmla="*/ 1516325 w 1803415"/>
                <a:gd name="connsiteY54" fmla="*/ 167750 h 565745"/>
                <a:gd name="connsiteX55" fmla="*/ 1539350 w 1803415"/>
                <a:gd name="connsiteY55" fmla="*/ 180907 h 565745"/>
                <a:gd name="connsiteX56" fmla="*/ 1559085 w 1803415"/>
                <a:gd name="connsiteY56" fmla="*/ 187485 h 565745"/>
                <a:gd name="connsiteX57" fmla="*/ 1568952 w 1803415"/>
                <a:gd name="connsiteY57" fmla="*/ 190774 h 565745"/>
                <a:gd name="connsiteX58" fmla="*/ 1582109 w 1803415"/>
                <a:gd name="connsiteY58" fmla="*/ 207220 h 565745"/>
                <a:gd name="connsiteX59" fmla="*/ 1591977 w 1803415"/>
                <a:gd name="connsiteY59" fmla="*/ 226956 h 565745"/>
                <a:gd name="connsiteX60" fmla="*/ 1595266 w 1803415"/>
                <a:gd name="connsiteY60" fmla="*/ 253269 h 565745"/>
                <a:gd name="connsiteX61" fmla="*/ 1621580 w 1803415"/>
                <a:gd name="connsiteY61" fmla="*/ 273005 h 565745"/>
                <a:gd name="connsiteX62" fmla="*/ 1628158 w 1803415"/>
                <a:gd name="connsiteY62" fmla="*/ 282872 h 565745"/>
                <a:gd name="connsiteX63" fmla="*/ 1644604 w 1803415"/>
                <a:gd name="connsiteY63" fmla="*/ 292740 h 565745"/>
                <a:gd name="connsiteX64" fmla="*/ 1657761 w 1803415"/>
                <a:gd name="connsiteY64" fmla="*/ 312475 h 565745"/>
                <a:gd name="connsiteX65" fmla="*/ 1680786 w 1803415"/>
                <a:gd name="connsiteY65" fmla="*/ 328921 h 565745"/>
                <a:gd name="connsiteX66" fmla="*/ 1690653 w 1803415"/>
                <a:gd name="connsiteY66" fmla="*/ 335499 h 565745"/>
                <a:gd name="connsiteX67" fmla="*/ 1700521 w 1803415"/>
                <a:gd name="connsiteY67" fmla="*/ 345367 h 565745"/>
                <a:gd name="connsiteX68" fmla="*/ 1713678 w 1803415"/>
                <a:gd name="connsiteY68" fmla="*/ 355235 h 565745"/>
                <a:gd name="connsiteX69" fmla="*/ 1723545 w 1803415"/>
                <a:gd name="connsiteY69" fmla="*/ 368392 h 565745"/>
                <a:gd name="connsiteX70" fmla="*/ 1730124 w 1803415"/>
                <a:gd name="connsiteY70" fmla="*/ 374970 h 565745"/>
                <a:gd name="connsiteX71" fmla="*/ 1736702 w 1803415"/>
                <a:gd name="connsiteY71" fmla="*/ 394705 h 565745"/>
                <a:gd name="connsiteX72" fmla="*/ 1743281 w 1803415"/>
                <a:gd name="connsiteY72" fmla="*/ 401284 h 565745"/>
                <a:gd name="connsiteX73" fmla="*/ 1749859 w 1803415"/>
                <a:gd name="connsiteY73" fmla="*/ 411151 h 565745"/>
                <a:gd name="connsiteX74" fmla="*/ 1782750 w 1803415"/>
                <a:gd name="connsiteY74" fmla="*/ 427598 h 565745"/>
                <a:gd name="connsiteX75" fmla="*/ 1802486 w 1803415"/>
                <a:gd name="connsiteY75" fmla="*/ 463778 h 565745"/>
                <a:gd name="connsiteX76" fmla="*/ 1753148 w 1803415"/>
                <a:gd name="connsiteY76" fmla="*/ 493382 h 565745"/>
                <a:gd name="connsiteX77" fmla="*/ 1759726 w 1803415"/>
                <a:gd name="connsiteY77" fmla="*/ 565745 h 565745"/>
                <a:gd name="connsiteX0" fmla="*/ 0 w 1803108"/>
                <a:gd name="connsiteY0" fmla="*/ 0 h 565745"/>
                <a:gd name="connsiteX1" fmla="*/ 13157 w 1803108"/>
                <a:gd name="connsiteY1" fmla="*/ 42760 h 565745"/>
                <a:gd name="connsiteX2" fmla="*/ 23024 w 1803108"/>
                <a:gd name="connsiteY2" fmla="*/ 52628 h 565745"/>
                <a:gd name="connsiteX3" fmla="*/ 42760 w 1803108"/>
                <a:gd name="connsiteY3" fmla="*/ 59206 h 565745"/>
                <a:gd name="connsiteX4" fmla="*/ 52627 w 1803108"/>
                <a:gd name="connsiteY4" fmla="*/ 65784 h 565745"/>
                <a:gd name="connsiteX5" fmla="*/ 69073 w 1803108"/>
                <a:gd name="connsiteY5" fmla="*/ 72363 h 565745"/>
                <a:gd name="connsiteX6" fmla="*/ 88809 w 1803108"/>
                <a:gd name="connsiteY6" fmla="*/ 78941 h 565745"/>
                <a:gd name="connsiteX7" fmla="*/ 108544 w 1803108"/>
                <a:gd name="connsiteY7" fmla="*/ 85520 h 565745"/>
                <a:gd name="connsiteX8" fmla="*/ 118411 w 1803108"/>
                <a:gd name="connsiteY8" fmla="*/ 92098 h 565745"/>
                <a:gd name="connsiteX9" fmla="*/ 128279 w 1803108"/>
                <a:gd name="connsiteY9" fmla="*/ 95387 h 565745"/>
                <a:gd name="connsiteX10" fmla="*/ 148014 w 1803108"/>
                <a:gd name="connsiteY10" fmla="*/ 108544 h 565745"/>
                <a:gd name="connsiteX11" fmla="*/ 167750 w 1803108"/>
                <a:gd name="connsiteY11" fmla="*/ 115123 h 565745"/>
                <a:gd name="connsiteX12" fmla="*/ 220377 w 1803108"/>
                <a:gd name="connsiteY12" fmla="*/ 121701 h 565745"/>
                <a:gd name="connsiteX13" fmla="*/ 292740 w 1803108"/>
                <a:gd name="connsiteY13" fmla="*/ 115123 h 565745"/>
                <a:gd name="connsiteX14" fmla="*/ 312475 w 1803108"/>
                <a:gd name="connsiteY14" fmla="*/ 108544 h 565745"/>
                <a:gd name="connsiteX15" fmla="*/ 322342 w 1803108"/>
                <a:gd name="connsiteY15" fmla="*/ 105255 h 565745"/>
                <a:gd name="connsiteX16" fmla="*/ 335499 w 1803108"/>
                <a:gd name="connsiteY16" fmla="*/ 101966 h 565745"/>
                <a:gd name="connsiteX17" fmla="*/ 368391 w 1803108"/>
                <a:gd name="connsiteY17" fmla="*/ 92098 h 565745"/>
                <a:gd name="connsiteX18" fmla="*/ 401283 w 1803108"/>
                <a:gd name="connsiteY18" fmla="*/ 82230 h 565745"/>
                <a:gd name="connsiteX19" fmla="*/ 427597 w 1803108"/>
                <a:gd name="connsiteY19" fmla="*/ 75652 h 565745"/>
                <a:gd name="connsiteX20" fmla="*/ 467068 w 1803108"/>
                <a:gd name="connsiteY20" fmla="*/ 78941 h 565745"/>
                <a:gd name="connsiteX21" fmla="*/ 486803 w 1803108"/>
                <a:gd name="connsiteY21" fmla="*/ 85520 h 565745"/>
                <a:gd name="connsiteX22" fmla="*/ 496670 w 1803108"/>
                <a:gd name="connsiteY22" fmla="*/ 88809 h 565745"/>
                <a:gd name="connsiteX23" fmla="*/ 565744 w 1803108"/>
                <a:gd name="connsiteY23" fmla="*/ 82230 h 565745"/>
                <a:gd name="connsiteX24" fmla="*/ 585479 w 1803108"/>
                <a:gd name="connsiteY24" fmla="*/ 75652 h 565745"/>
                <a:gd name="connsiteX25" fmla="*/ 611793 w 1803108"/>
                <a:gd name="connsiteY25" fmla="*/ 72363 h 565745"/>
                <a:gd name="connsiteX26" fmla="*/ 657842 w 1803108"/>
                <a:gd name="connsiteY26" fmla="*/ 69074 h 565745"/>
                <a:gd name="connsiteX27" fmla="*/ 703891 w 1803108"/>
                <a:gd name="connsiteY27" fmla="*/ 72363 h 565745"/>
                <a:gd name="connsiteX28" fmla="*/ 723626 w 1803108"/>
                <a:gd name="connsiteY28" fmla="*/ 78941 h 565745"/>
                <a:gd name="connsiteX29" fmla="*/ 743361 w 1803108"/>
                <a:gd name="connsiteY29" fmla="*/ 82230 h 565745"/>
                <a:gd name="connsiteX30" fmla="*/ 786121 w 1803108"/>
                <a:gd name="connsiteY30" fmla="*/ 78941 h 565745"/>
                <a:gd name="connsiteX31" fmla="*/ 795988 w 1803108"/>
                <a:gd name="connsiteY31" fmla="*/ 75652 h 565745"/>
                <a:gd name="connsiteX32" fmla="*/ 815724 w 1803108"/>
                <a:gd name="connsiteY32" fmla="*/ 72363 h 565745"/>
                <a:gd name="connsiteX33" fmla="*/ 832170 w 1803108"/>
                <a:gd name="connsiteY33" fmla="*/ 65784 h 565745"/>
                <a:gd name="connsiteX34" fmla="*/ 871640 w 1803108"/>
                <a:gd name="connsiteY34" fmla="*/ 62495 h 565745"/>
                <a:gd name="connsiteX35" fmla="*/ 884797 w 1803108"/>
                <a:gd name="connsiteY35" fmla="*/ 59206 h 565745"/>
                <a:gd name="connsiteX36" fmla="*/ 970317 w 1803108"/>
                <a:gd name="connsiteY36" fmla="*/ 65784 h 565745"/>
                <a:gd name="connsiteX37" fmla="*/ 993341 w 1803108"/>
                <a:gd name="connsiteY37" fmla="*/ 72363 h 565745"/>
                <a:gd name="connsiteX38" fmla="*/ 1026233 w 1803108"/>
                <a:gd name="connsiteY38" fmla="*/ 78941 h 565745"/>
                <a:gd name="connsiteX39" fmla="*/ 1036101 w 1803108"/>
                <a:gd name="connsiteY39" fmla="*/ 82230 h 565745"/>
                <a:gd name="connsiteX40" fmla="*/ 1059125 w 1803108"/>
                <a:gd name="connsiteY40" fmla="*/ 88809 h 565745"/>
                <a:gd name="connsiteX41" fmla="*/ 1197272 w 1803108"/>
                <a:gd name="connsiteY41" fmla="*/ 101966 h 565745"/>
                <a:gd name="connsiteX42" fmla="*/ 1207140 w 1803108"/>
                <a:gd name="connsiteY42" fmla="*/ 98676 h 565745"/>
                <a:gd name="connsiteX43" fmla="*/ 1256478 w 1803108"/>
                <a:gd name="connsiteY43" fmla="*/ 101966 h 565745"/>
                <a:gd name="connsiteX44" fmla="*/ 1269634 w 1803108"/>
                <a:gd name="connsiteY44" fmla="*/ 105255 h 565745"/>
                <a:gd name="connsiteX45" fmla="*/ 1286081 w 1803108"/>
                <a:gd name="connsiteY45" fmla="*/ 108544 h 565745"/>
                <a:gd name="connsiteX46" fmla="*/ 1312394 w 1803108"/>
                <a:gd name="connsiteY46" fmla="*/ 115123 h 565745"/>
                <a:gd name="connsiteX47" fmla="*/ 1417649 w 1803108"/>
                <a:gd name="connsiteY47" fmla="*/ 124990 h 565745"/>
                <a:gd name="connsiteX48" fmla="*/ 1427517 w 1803108"/>
                <a:gd name="connsiteY48" fmla="*/ 131569 h 565745"/>
                <a:gd name="connsiteX49" fmla="*/ 1437384 w 1803108"/>
                <a:gd name="connsiteY49" fmla="*/ 134858 h 565745"/>
                <a:gd name="connsiteX50" fmla="*/ 1443963 w 1803108"/>
                <a:gd name="connsiteY50" fmla="*/ 144725 h 565745"/>
                <a:gd name="connsiteX51" fmla="*/ 1453830 w 1803108"/>
                <a:gd name="connsiteY51" fmla="*/ 148015 h 565745"/>
                <a:gd name="connsiteX52" fmla="*/ 1483433 w 1803108"/>
                <a:gd name="connsiteY52" fmla="*/ 157882 h 565745"/>
                <a:gd name="connsiteX53" fmla="*/ 1503168 w 1803108"/>
                <a:gd name="connsiteY53" fmla="*/ 164461 h 565745"/>
                <a:gd name="connsiteX54" fmla="*/ 1516325 w 1803108"/>
                <a:gd name="connsiteY54" fmla="*/ 167750 h 565745"/>
                <a:gd name="connsiteX55" fmla="*/ 1539350 w 1803108"/>
                <a:gd name="connsiteY55" fmla="*/ 180907 h 565745"/>
                <a:gd name="connsiteX56" fmla="*/ 1559085 w 1803108"/>
                <a:gd name="connsiteY56" fmla="*/ 187485 h 565745"/>
                <a:gd name="connsiteX57" fmla="*/ 1568952 w 1803108"/>
                <a:gd name="connsiteY57" fmla="*/ 190774 h 565745"/>
                <a:gd name="connsiteX58" fmla="*/ 1582109 w 1803108"/>
                <a:gd name="connsiteY58" fmla="*/ 207220 h 565745"/>
                <a:gd name="connsiteX59" fmla="*/ 1591977 w 1803108"/>
                <a:gd name="connsiteY59" fmla="*/ 226956 h 565745"/>
                <a:gd name="connsiteX60" fmla="*/ 1595266 w 1803108"/>
                <a:gd name="connsiteY60" fmla="*/ 253269 h 565745"/>
                <a:gd name="connsiteX61" fmla="*/ 1621580 w 1803108"/>
                <a:gd name="connsiteY61" fmla="*/ 273005 h 565745"/>
                <a:gd name="connsiteX62" fmla="*/ 1628158 w 1803108"/>
                <a:gd name="connsiteY62" fmla="*/ 282872 h 565745"/>
                <a:gd name="connsiteX63" fmla="*/ 1644604 w 1803108"/>
                <a:gd name="connsiteY63" fmla="*/ 292740 h 565745"/>
                <a:gd name="connsiteX64" fmla="*/ 1657761 w 1803108"/>
                <a:gd name="connsiteY64" fmla="*/ 312475 h 565745"/>
                <a:gd name="connsiteX65" fmla="*/ 1680786 w 1803108"/>
                <a:gd name="connsiteY65" fmla="*/ 328921 h 565745"/>
                <a:gd name="connsiteX66" fmla="*/ 1690653 w 1803108"/>
                <a:gd name="connsiteY66" fmla="*/ 335499 h 565745"/>
                <a:gd name="connsiteX67" fmla="*/ 1700521 w 1803108"/>
                <a:gd name="connsiteY67" fmla="*/ 345367 h 565745"/>
                <a:gd name="connsiteX68" fmla="*/ 1713678 w 1803108"/>
                <a:gd name="connsiteY68" fmla="*/ 355235 h 565745"/>
                <a:gd name="connsiteX69" fmla="*/ 1723545 w 1803108"/>
                <a:gd name="connsiteY69" fmla="*/ 368392 h 565745"/>
                <a:gd name="connsiteX70" fmla="*/ 1730124 w 1803108"/>
                <a:gd name="connsiteY70" fmla="*/ 374970 h 565745"/>
                <a:gd name="connsiteX71" fmla="*/ 1736702 w 1803108"/>
                <a:gd name="connsiteY71" fmla="*/ 394705 h 565745"/>
                <a:gd name="connsiteX72" fmla="*/ 1743281 w 1803108"/>
                <a:gd name="connsiteY72" fmla="*/ 401284 h 565745"/>
                <a:gd name="connsiteX73" fmla="*/ 1749859 w 1803108"/>
                <a:gd name="connsiteY73" fmla="*/ 411151 h 565745"/>
                <a:gd name="connsiteX74" fmla="*/ 1782750 w 1803108"/>
                <a:gd name="connsiteY74" fmla="*/ 427598 h 565745"/>
                <a:gd name="connsiteX75" fmla="*/ 1802486 w 1803108"/>
                <a:gd name="connsiteY75" fmla="*/ 463778 h 565745"/>
                <a:gd name="connsiteX76" fmla="*/ 1759726 w 1803108"/>
                <a:gd name="connsiteY76" fmla="*/ 526274 h 565745"/>
                <a:gd name="connsiteX77" fmla="*/ 1759726 w 1803108"/>
                <a:gd name="connsiteY77" fmla="*/ 565745 h 565745"/>
                <a:gd name="connsiteX0" fmla="*/ 0 w 1803580"/>
                <a:gd name="connsiteY0" fmla="*/ 0 h 565745"/>
                <a:gd name="connsiteX1" fmla="*/ 13157 w 1803580"/>
                <a:gd name="connsiteY1" fmla="*/ 42760 h 565745"/>
                <a:gd name="connsiteX2" fmla="*/ 23024 w 1803580"/>
                <a:gd name="connsiteY2" fmla="*/ 52628 h 565745"/>
                <a:gd name="connsiteX3" fmla="*/ 42760 w 1803580"/>
                <a:gd name="connsiteY3" fmla="*/ 59206 h 565745"/>
                <a:gd name="connsiteX4" fmla="*/ 52627 w 1803580"/>
                <a:gd name="connsiteY4" fmla="*/ 65784 h 565745"/>
                <a:gd name="connsiteX5" fmla="*/ 69073 w 1803580"/>
                <a:gd name="connsiteY5" fmla="*/ 72363 h 565745"/>
                <a:gd name="connsiteX6" fmla="*/ 88809 w 1803580"/>
                <a:gd name="connsiteY6" fmla="*/ 78941 h 565745"/>
                <a:gd name="connsiteX7" fmla="*/ 108544 w 1803580"/>
                <a:gd name="connsiteY7" fmla="*/ 85520 h 565745"/>
                <a:gd name="connsiteX8" fmla="*/ 118411 w 1803580"/>
                <a:gd name="connsiteY8" fmla="*/ 92098 h 565745"/>
                <a:gd name="connsiteX9" fmla="*/ 128279 w 1803580"/>
                <a:gd name="connsiteY9" fmla="*/ 95387 h 565745"/>
                <a:gd name="connsiteX10" fmla="*/ 148014 w 1803580"/>
                <a:gd name="connsiteY10" fmla="*/ 108544 h 565745"/>
                <a:gd name="connsiteX11" fmla="*/ 167750 w 1803580"/>
                <a:gd name="connsiteY11" fmla="*/ 115123 h 565745"/>
                <a:gd name="connsiteX12" fmla="*/ 220377 w 1803580"/>
                <a:gd name="connsiteY12" fmla="*/ 121701 h 565745"/>
                <a:gd name="connsiteX13" fmla="*/ 292740 w 1803580"/>
                <a:gd name="connsiteY13" fmla="*/ 115123 h 565745"/>
                <a:gd name="connsiteX14" fmla="*/ 312475 w 1803580"/>
                <a:gd name="connsiteY14" fmla="*/ 108544 h 565745"/>
                <a:gd name="connsiteX15" fmla="*/ 322342 w 1803580"/>
                <a:gd name="connsiteY15" fmla="*/ 105255 h 565745"/>
                <a:gd name="connsiteX16" fmla="*/ 335499 w 1803580"/>
                <a:gd name="connsiteY16" fmla="*/ 101966 h 565745"/>
                <a:gd name="connsiteX17" fmla="*/ 368391 w 1803580"/>
                <a:gd name="connsiteY17" fmla="*/ 92098 h 565745"/>
                <a:gd name="connsiteX18" fmla="*/ 401283 w 1803580"/>
                <a:gd name="connsiteY18" fmla="*/ 82230 h 565745"/>
                <a:gd name="connsiteX19" fmla="*/ 427597 w 1803580"/>
                <a:gd name="connsiteY19" fmla="*/ 75652 h 565745"/>
                <a:gd name="connsiteX20" fmla="*/ 467068 w 1803580"/>
                <a:gd name="connsiteY20" fmla="*/ 78941 h 565745"/>
                <a:gd name="connsiteX21" fmla="*/ 486803 w 1803580"/>
                <a:gd name="connsiteY21" fmla="*/ 85520 h 565745"/>
                <a:gd name="connsiteX22" fmla="*/ 496670 w 1803580"/>
                <a:gd name="connsiteY22" fmla="*/ 88809 h 565745"/>
                <a:gd name="connsiteX23" fmla="*/ 565744 w 1803580"/>
                <a:gd name="connsiteY23" fmla="*/ 82230 h 565745"/>
                <a:gd name="connsiteX24" fmla="*/ 585479 w 1803580"/>
                <a:gd name="connsiteY24" fmla="*/ 75652 h 565745"/>
                <a:gd name="connsiteX25" fmla="*/ 611793 w 1803580"/>
                <a:gd name="connsiteY25" fmla="*/ 72363 h 565745"/>
                <a:gd name="connsiteX26" fmla="*/ 657842 w 1803580"/>
                <a:gd name="connsiteY26" fmla="*/ 69074 h 565745"/>
                <a:gd name="connsiteX27" fmla="*/ 703891 w 1803580"/>
                <a:gd name="connsiteY27" fmla="*/ 72363 h 565745"/>
                <a:gd name="connsiteX28" fmla="*/ 723626 w 1803580"/>
                <a:gd name="connsiteY28" fmla="*/ 78941 h 565745"/>
                <a:gd name="connsiteX29" fmla="*/ 743361 w 1803580"/>
                <a:gd name="connsiteY29" fmla="*/ 82230 h 565745"/>
                <a:gd name="connsiteX30" fmla="*/ 786121 w 1803580"/>
                <a:gd name="connsiteY30" fmla="*/ 78941 h 565745"/>
                <a:gd name="connsiteX31" fmla="*/ 795988 w 1803580"/>
                <a:gd name="connsiteY31" fmla="*/ 75652 h 565745"/>
                <a:gd name="connsiteX32" fmla="*/ 815724 w 1803580"/>
                <a:gd name="connsiteY32" fmla="*/ 72363 h 565745"/>
                <a:gd name="connsiteX33" fmla="*/ 832170 w 1803580"/>
                <a:gd name="connsiteY33" fmla="*/ 65784 h 565745"/>
                <a:gd name="connsiteX34" fmla="*/ 871640 w 1803580"/>
                <a:gd name="connsiteY34" fmla="*/ 62495 h 565745"/>
                <a:gd name="connsiteX35" fmla="*/ 884797 w 1803580"/>
                <a:gd name="connsiteY35" fmla="*/ 59206 h 565745"/>
                <a:gd name="connsiteX36" fmla="*/ 970317 w 1803580"/>
                <a:gd name="connsiteY36" fmla="*/ 65784 h 565745"/>
                <a:gd name="connsiteX37" fmla="*/ 993341 w 1803580"/>
                <a:gd name="connsiteY37" fmla="*/ 72363 h 565745"/>
                <a:gd name="connsiteX38" fmla="*/ 1026233 w 1803580"/>
                <a:gd name="connsiteY38" fmla="*/ 78941 h 565745"/>
                <a:gd name="connsiteX39" fmla="*/ 1036101 w 1803580"/>
                <a:gd name="connsiteY39" fmla="*/ 82230 h 565745"/>
                <a:gd name="connsiteX40" fmla="*/ 1059125 w 1803580"/>
                <a:gd name="connsiteY40" fmla="*/ 88809 h 565745"/>
                <a:gd name="connsiteX41" fmla="*/ 1197272 w 1803580"/>
                <a:gd name="connsiteY41" fmla="*/ 101966 h 565745"/>
                <a:gd name="connsiteX42" fmla="*/ 1207140 w 1803580"/>
                <a:gd name="connsiteY42" fmla="*/ 98676 h 565745"/>
                <a:gd name="connsiteX43" fmla="*/ 1256478 w 1803580"/>
                <a:gd name="connsiteY43" fmla="*/ 101966 h 565745"/>
                <a:gd name="connsiteX44" fmla="*/ 1269634 w 1803580"/>
                <a:gd name="connsiteY44" fmla="*/ 105255 h 565745"/>
                <a:gd name="connsiteX45" fmla="*/ 1286081 w 1803580"/>
                <a:gd name="connsiteY45" fmla="*/ 108544 h 565745"/>
                <a:gd name="connsiteX46" fmla="*/ 1312394 w 1803580"/>
                <a:gd name="connsiteY46" fmla="*/ 115123 h 565745"/>
                <a:gd name="connsiteX47" fmla="*/ 1417649 w 1803580"/>
                <a:gd name="connsiteY47" fmla="*/ 124990 h 565745"/>
                <a:gd name="connsiteX48" fmla="*/ 1427517 w 1803580"/>
                <a:gd name="connsiteY48" fmla="*/ 131569 h 565745"/>
                <a:gd name="connsiteX49" fmla="*/ 1437384 w 1803580"/>
                <a:gd name="connsiteY49" fmla="*/ 134858 h 565745"/>
                <a:gd name="connsiteX50" fmla="*/ 1443963 w 1803580"/>
                <a:gd name="connsiteY50" fmla="*/ 144725 h 565745"/>
                <a:gd name="connsiteX51" fmla="*/ 1453830 w 1803580"/>
                <a:gd name="connsiteY51" fmla="*/ 148015 h 565745"/>
                <a:gd name="connsiteX52" fmla="*/ 1483433 w 1803580"/>
                <a:gd name="connsiteY52" fmla="*/ 157882 h 565745"/>
                <a:gd name="connsiteX53" fmla="*/ 1503168 w 1803580"/>
                <a:gd name="connsiteY53" fmla="*/ 164461 h 565745"/>
                <a:gd name="connsiteX54" fmla="*/ 1516325 w 1803580"/>
                <a:gd name="connsiteY54" fmla="*/ 167750 h 565745"/>
                <a:gd name="connsiteX55" fmla="*/ 1539350 w 1803580"/>
                <a:gd name="connsiteY55" fmla="*/ 180907 h 565745"/>
                <a:gd name="connsiteX56" fmla="*/ 1559085 w 1803580"/>
                <a:gd name="connsiteY56" fmla="*/ 187485 h 565745"/>
                <a:gd name="connsiteX57" fmla="*/ 1568952 w 1803580"/>
                <a:gd name="connsiteY57" fmla="*/ 190774 h 565745"/>
                <a:gd name="connsiteX58" fmla="*/ 1582109 w 1803580"/>
                <a:gd name="connsiteY58" fmla="*/ 207220 h 565745"/>
                <a:gd name="connsiteX59" fmla="*/ 1591977 w 1803580"/>
                <a:gd name="connsiteY59" fmla="*/ 226956 h 565745"/>
                <a:gd name="connsiteX60" fmla="*/ 1595266 w 1803580"/>
                <a:gd name="connsiteY60" fmla="*/ 253269 h 565745"/>
                <a:gd name="connsiteX61" fmla="*/ 1621580 w 1803580"/>
                <a:gd name="connsiteY61" fmla="*/ 273005 h 565745"/>
                <a:gd name="connsiteX62" fmla="*/ 1628158 w 1803580"/>
                <a:gd name="connsiteY62" fmla="*/ 282872 h 565745"/>
                <a:gd name="connsiteX63" fmla="*/ 1644604 w 1803580"/>
                <a:gd name="connsiteY63" fmla="*/ 292740 h 565745"/>
                <a:gd name="connsiteX64" fmla="*/ 1657761 w 1803580"/>
                <a:gd name="connsiteY64" fmla="*/ 312475 h 565745"/>
                <a:gd name="connsiteX65" fmla="*/ 1680786 w 1803580"/>
                <a:gd name="connsiteY65" fmla="*/ 328921 h 565745"/>
                <a:gd name="connsiteX66" fmla="*/ 1690653 w 1803580"/>
                <a:gd name="connsiteY66" fmla="*/ 335499 h 565745"/>
                <a:gd name="connsiteX67" fmla="*/ 1700521 w 1803580"/>
                <a:gd name="connsiteY67" fmla="*/ 345367 h 565745"/>
                <a:gd name="connsiteX68" fmla="*/ 1713678 w 1803580"/>
                <a:gd name="connsiteY68" fmla="*/ 355235 h 565745"/>
                <a:gd name="connsiteX69" fmla="*/ 1723545 w 1803580"/>
                <a:gd name="connsiteY69" fmla="*/ 368392 h 565745"/>
                <a:gd name="connsiteX70" fmla="*/ 1730124 w 1803580"/>
                <a:gd name="connsiteY70" fmla="*/ 374970 h 565745"/>
                <a:gd name="connsiteX71" fmla="*/ 1736702 w 1803580"/>
                <a:gd name="connsiteY71" fmla="*/ 394705 h 565745"/>
                <a:gd name="connsiteX72" fmla="*/ 1743281 w 1803580"/>
                <a:gd name="connsiteY72" fmla="*/ 401284 h 565745"/>
                <a:gd name="connsiteX73" fmla="*/ 1749859 w 1803580"/>
                <a:gd name="connsiteY73" fmla="*/ 411151 h 565745"/>
                <a:gd name="connsiteX74" fmla="*/ 1782750 w 1803580"/>
                <a:gd name="connsiteY74" fmla="*/ 427598 h 565745"/>
                <a:gd name="connsiteX75" fmla="*/ 1802486 w 1803580"/>
                <a:gd name="connsiteY75" fmla="*/ 463778 h 565745"/>
                <a:gd name="connsiteX76" fmla="*/ 1749858 w 1803580"/>
                <a:gd name="connsiteY76" fmla="*/ 519695 h 565745"/>
                <a:gd name="connsiteX77" fmla="*/ 1759726 w 1803580"/>
                <a:gd name="connsiteY77" fmla="*/ 565745 h 565745"/>
                <a:gd name="connsiteX0" fmla="*/ 0 w 1791572"/>
                <a:gd name="connsiteY0" fmla="*/ 0 h 565745"/>
                <a:gd name="connsiteX1" fmla="*/ 13157 w 1791572"/>
                <a:gd name="connsiteY1" fmla="*/ 42760 h 565745"/>
                <a:gd name="connsiteX2" fmla="*/ 23024 w 1791572"/>
                <a:gd name="connsiteY2" fmla="*/ 52628 h 565745"/>
                <a:gd name="connsiteX3" fmla="*/ 42760 w 1791572"/>
                <a:gd name="connsiteY3" fmla="*/ 59206 h 565745"/>
                <a:gd name="connsiteX4" fmla="*/ 52627 w 1791572"/>
                <a:gd name="connsiteY4" fmla="*/ 65784 h 565745"/>
                <a:gd name="connsiteX5" fmla="*/ 69073 w 1791572"/>
                <a:gd name="connsiteY5" fmla="*/ 72363 h 565745"/>
                <a:gd name="connsiteX6" fmla="*/ 88809 w 1791572"/>
                <a:gd name="connsiteY6" fmla="*/ 78941 h 565745"/>
                <a:gd name="connsiteX7" fmla="*/ 108544 w 1791572"/>
                <a:gd name="connsiteY7" fmla="*/ 85520 h 565745"/>
                <a:gd name="connsiteX8" fmla="*/ 118411 w 1791572"/>
                <a:gd name="connsiteY8" fmla="*/ 92098 h 565745"/>
                <a:gd name="connsiteX9" fmla="*/ 128279 w 1791572"/>
                <a:gd name="connsiteY9" fmla="*/ 95387 h 565745"/>
                <a:gd name="connsiteX10" fmla="*/ 148014 w 1791572"/>
                <a:gd name="connsiteY10" fmla="*/ 108544 h 565745"/>
                <a:gd name="connsiteX11" fmla="*/ 167750 w 1791572"/>
                <a:gd name="connsiteY11" fmla="*/ 115123 h 565745"/>
                <a:gd name="connsiteX12" fmla="*/ 220377 w 1791572"/>
                <a:gd name="connsiteY12" fmla="*/ 121701 h 565745"/>
                <a:gd name="connsiteX13" fmla="*/ 292740 w 1791572"/>
                <a:gd name="connsiteY13" fmla="*/ 115123 h 565745"/>
                <a:gd name="connsiteX14" fmla="*/ 312475 w 1791572"/>
                <a:gd name="connsiteY14" fmla="*/ 108544 h 565745"/>
                <a:gd name="connsiteX15" fmla="*/ 322342 w 1791572"/>
                <a:gd name="connsiteY15" fmla="*/ 105255 h 565745"/>
                <a:gd name="connsiteX16" fmla="*/ 335499 w 1791572"/>
                <a:gd name="connsiteY16" fmla="*/ 101966 h 565745"/>
                <a:gd name="connsiteX17" fmla="*/ 368391 w 1791572"/>
                <a:gd name="connsiteY17" fmla="*/ 92098 h 565745"/>
                <a:gd name="connsiteX18" fmla="*/ 401283 w 1791572"/>
                <a:gd name="connsiteY18" fmla="*/ 82230 h 565745"/>
                <a:gd name="connsiteX19" fmla="*/ 427597 w 1791572"/>
                <a:gd name="connsiteY19" fmla="*/ 75652 h 565745"/>
                <a:gd name="connsiteX20" fmla="*/ 467068 w 1791572"/>
                <a:gd name="connsiteY20" fmla="*/ 78941 h 565745"/>
                <a:gd name="connsiteX21" fmla="*/ 486803 w 1791572"/>
                <a:gd name="connsiteY21" fmla="*/ 85520 h 565745"/>
                <a:gd name="connsiteX22" fmla="*/ 496670 w 1791572"/>
                <a:gd name="connsiteY22" fmla="*/ 88809 h 565745"/>
                <a:gd name="connsiteX23" fmla="*/ 565744 w 1791572"/>
                <a:gd name="connsiteY23" fmla="*/ 82230 h 565745"/>
                <a:gd name="connsiteX24" fmla="*/ 585479 w 1791572"/>
                <a:gd name="connsiteY24" fmla="*/ 75652 h 565745"/>
                <a:gd name="connsiteX25" fmla="*/ 611793 w 1791572"/>
                <a:gd name="connsiteY25" fmla="*/ 72363 h 565745"/>
                <a:gd name="connsiteX26" fmla="*/ 657842 w 1791572"/>
                <a:gd name="connsiteY26" fmla="*/ 69074 h 565745"/>
                <a:gd name="connsiteX27" fmla="*/ 703891 w 1791572"/>
                <a:gd name="connsiteY27" fmla="*/ 72363 h 565745"/>
                <a:gd name="connsiteX28" fmla="*/ 723626 w 1791572"/>
                <a:gd name="connsiteY28" fmla="*/ 78941 h 565745"/>
                <a:gd name="connsiteX29" fmla="*/ 743361 w 1791572"/>
                <a:gd name="connsiteY29" fmla="*/ 82230 h 565745"/>
                <a:gd name="connsiteX30" fmla="*/ 786121 w 1791572"/>
                <a:gd name="connsiteY30" fmla="*/ 78941 h 565745"/>
                <a:gd name="connsiteX31" fmla="*/ 795988 w 1791572"/>
                <a:gd name="connsiteY31" fmla="*/ 75652 h 565745"/>
                <a:gd name="connsiteX32" fmla="*/ 815724 w 1791572"/>
                <a:gd name="connsiteY32" fmla="*/ 72363 h 565745"/>
                <a:gd name="connsiteX33" fmla="*/ 832170 w 1791572"/>
                <a:gd name="connsiteY33" fmla="*/ 65784 h 565745"/>
                <a:gd name="connsiteX34" fmla="*/ 871640 w 1791572"/>
                <a:gd name="connsiteY34" fmla="*/ 62495 h 565745"/>
                <a:gd name="connsiteX35" fmla="*/ 884797 w 1791572"/>
                <a:gd name="connsiteY35" fmla="*/ 59206 h 565745"/>
                <a:gd name="connsiteX36" fmla="*/ 970317 w 1791572"/>
                <a:gd name="connsiteY36" fmla="*/ 65784 h 565745"/>
                <a:gd name="connsiteX37" fmla="*/ 993341 w 1791572"/>
                <a:gd name="connsiteY37" fmla="*/ 72363 h 565745"/>
                <a:gd name="connsiteX38" fmla="*/ 1026233 w 1791572"/>
                <a:gd name="connsiteY38" fmla="*/ 78941 h 565745"/>
                <a:gd name="connsiteX39" fmla="*/ 1036101 w 1791572"/>
                <a:gd name="connsiteY39" fmla="*/ 82230 h 565745"/>
                <a:gd name="connsiteX40" fmla="*/ 1059125 w 1791572"/>
                <a:gd name="connsiteY40" fmla="*/ 88809 h 565745"/>
                <a:gd name="connsiteX41" fmla="*/ 1197272 w 1791572"/>
                <a:gd name="connsiteY41" fmla="*/ 101966 h 565745"/>
                <a:gd name="connsiteX42" fmla="*/ 1207140 w 1791572"/>
                <a:gd name="connsiteY42" fmla="*/ 98676 h 565745"/>
                <a:gd name="connsiteX43" fmla="*/ 1256478 w 1791572"/>
                <a:gd name="connsiteY43" fmla="*/ 101966 h 565745"/>
                <a:gd name="connsiteX44" fmla="*/ 1269634 w 1791572"/>
                <a:gd name="connsiteY44" fmla="*/ 105255 h 565745"/>
                <a:gd name="connsiteX45" fmla="*/ 1286081 w 1791572"/>
                <a:gd name="connsiteY45" fmla="*/ 108544 h 565745"/>
                <a:gd name="connsiteX46" fmla="*/ 1312394 w 1791572"/>
                <a:gd name="connsiteY46" fmla="*/ 115123 h 565745"/>
                <a:gd name="connsiteX47" fmla="*/ 1417649 w 1791572"/>
                <a:gd name="connsiteY47" fmla="*/ 124990 h 565745"/>
                <a:gd name="connsiteX48" fmla="*/ 1427517 w 1791572"/>
                <a:gd name="connsiteY48" fmla="*/ 131569 h 565745"/>
                <a:gd name="connsiteX49" fmla="*/ 1437384 w 1791572"/>
                <a:gd name="connsiteY49" fmla="*/ 134858 h 565745"/>
                <a:gd name="connsiteX50" fmla="*/ 1443963 w 1791572"/>
                <a:gd name="connsiteY50" fmla="*/ 144725 h 565745"/>
                <a:gd name="connsiteX51" fmla="*/ 1453830 w 1791572"/>
                <a:gd name="connsiteY51" fmla="*/ 148015 h 565745"/>
                <a:gd name="connsiteX52" fmla="*/ 1483433 w 1791572"/>
                <a:gd name="connsiteY52" fmla="*/ 157882 h 565745"/>
                <a:gd name="connsiteX53" fmla="*/ 1503168 w 1791572"/>
                <a:gd name="connsiteY53" fmla="*/ 164461 h 565745"/>
                <a:gd name="connsiteX54" fmla="*/ 1516325 w 1791572"/>
                <a:gd name="connsiteY54" fmla="*/ 167750 h 565745"/>
                <a:gd name="connsiteX55" fmla="*/ 1539350 w 1791572"/>
                <a:gd name="connsiteY55" fmla="*/ 180907 h 565745"/>
                <a:gd name="connsiteX56" fmla="*/ 1559085 w 1791572"/>
                <a:gd name="connsiteY56" fmla="*/ 187485 h 565745"/>
                <a:gd name="connsiteX57" fmla="*/ 1568952 w 1791572"/>
                <a:gd name="connsiteY57" fmla="*/ 190774 h 565745"/>
                <a:gd name="connsiteX58" fmla="*/ 1582109 w 1791572"/>
                <a:gd name="connsiteY58" fmla="*/ 207220 h 565745"/>
                <a:gd name="connsiteX59" fmla="*/ 1591977 w 1791572"/>
                <a:gd name="connsiteY59" fmla="*/ 226956 h 565745"/>
                <a:gd name="connsiteX60" fmla="*/ 1595266 w 1791572"/>
                <a:gd name="connsiteY60" fmla="*/ 253269 h 565745"/>
                <a:gd name="connsiteX61" fmla="*/ 1621580 w 1791572"/>
                <a:gd name="connsiteY61" fmla="*/ 273005 h 565745"/>
                <a:gd name="connsiteX62" fmla="*/ 1628158 w 1791572"/>
                <a:gd name="connsiteY62" fmla="*/ 282872 h 565745"/>
                <a:gd name="connsiteX63" fmla="*/ 1644604 w 1791572"/>
                <a:gd name="connsiteY63" fmla="*/ 292740 h 565745"/>
                <a:gd name="connsiteX64" fmla="*/ 1657761 w 1791572"/>
                <a:gd name="connsiteY64" fmla="*/ 312475 h 565745"/>
                <a:gd name="connsiteX65" fmla="*/ 1680786 w 1791572"/>
                <a:gd name="connsiteY65" fmla="*/ 328921 h 565745"/>
                <a:gd name="connsiteX66" fmla="*/ 1690653 w 1791572"/>
                <a:gd name="connsiteY66" fmla="*/ 335499 h 565745"/>
                <a:gd name="connsiteX67" fmla="*/ 1700521 w 1791572"/>
                <a:gd name="connsiteY67" fmla="*/ 345367 h 565745"/>
                <a:gd name="connsiteX68" fmla="*/ 1713678 w 1791572"/>
                <a:gd name="connsiteY68" fmla="*/ 355235 h 565745"/>
                <a:gd name="connsiteX69" fmla="*/ 1723545 w 1791572"/>
                <a:gd name="connsiteY69" fmla="*/ 368392 h 565745"/>
                <a:gd name="connsiteX70" fmla="*/ 1730124 w 1791572"/>
                <a:gd name="connsiteY70" fmla="*/ 374970 h 565745"/>
                <a:gd name="connsiteX71" fmla="*/ 1736702 w 1791572"/>
                <a:gd name="connsiteY71" fmla="*/ 394705 h 565745"/>
                <a:gd name="connsiteX72" fmla="*/ 1743281 w 1791572"/>
                <a:gd name="connsiteY72" fmla="*/ 401284 h 565745"/>
                <a:gd name="connsiteX73" fmla="*/ 1749859 w 1791572"/>
                <a:gd name="connsiteY73" fmla="*/ 411151 h 565745"/>
                <a:gd name="connsiteX74" fmla="*/ 1782750 w 1791572"/>
                <a:gd name="connsiteY74" fmla="*/ 427598 h 565745"/>
                <a:gd name="connsiteX75" fmla="*/ 1789329 w 1791572"/>
                <a:gd name="connsiteY75" fmla="*/ 473646 h 565745"/>
                <a:gd name="connsiteX76" fmla="*/ 1749858 w 1791572"/>
                <a:gd name="connsiteY76" fmla="*/ 519695 h 565745"/>
                <a:gd name="connsiteX77" fmla="*/ 1759726 w 1791572"/>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68952 w 1792294"/>
                <a:gd name="connsiteY57" fmla="*/ 190774 h 565745"/>
                <a:gd name="connsiteX58" fmla="*/ 1582109 w 1792294"/>
                <a:gd name="connsiteY58" fmla="*/ 207220 h 565745"/>
                <a:gd name="connsiteX59" fmla="*/ 1591977 w 1792294"/>
                <a:gd name="connsiteY59" fmla="*/ 226956 h 565745"/>
                <a:gd name="connsiteX60" fmla="*/ 1595266 w 1792294"/>
                <a:gd name="connsiteY60" fmla="*/ 253269 h 565745"/>
                <a:gd name="connsiteX61" fmla="*/ 1621580 w 1792294"/>
                <a:gd name="connsiteY61" fmla="*/ 273005 h 565745"/>
                <a:gd name="connsiteX62" fmla="*/ 1628158 w 1792294"/>
                <a:gd name="connsiteY62" fmla="*/ 282872 h 565745"/>
                <a:gd name="connsiteX63" fmla="*/ 1644604 w 1792294"/>
                <a:gd name="connsiteY63" fmla="*/ 292740 h 565745"/>
                <a:gd name="connsiteX64" fmla="*/ 1657761 w 1792294"/>
                <a:gd name="connsiteY64" fmla="*/ 312475 h 565745"/>
                <a:gd name="connsiteX65" fmla="*/ 1680786 w 1792294"/>
                <a:gd name="connsiteY65" fmla="*/ 328921 h 565745"/>
                <a:gd name="connsiteX66" fmla="*/ 1690653 w 1792294"/>
                <a:gd name="connsiteY66" fmla="*/ 335499 h 565745"/>
                <a:gd name="connsiteX67" fmla="*/ 1700521 w 1792294"/>
                <a:gd name="connsiteY67" fmla="*/ 345367 h 565745"/>
                <a:gd name="connsiteX68" fmla="*/ 1713678 w 1792294"/>
                <a:gd name="connsiteY68" fmla="*/ 355235 h 565745"/>
                <a:gd name="connsiteX69" fmla="*/ 1723545 w 1792294"/>
                <a:gd name="connsiteY69" fmla="*/ 368392 h 565745"/>
                <a:gd name="connsiteX70" fmla="*/ 1730124 w 1792294"/>
                <a:gd name="connsiteY70" fmla="*/ 374970 h 565745"/>
                <a:gd name="connsiteX71" fmla="*/ 1736702 w 1792294"/>
                <a:gd name="connsiteY71" fmla="*/ 394705 h 565745"/>
                <a:gd name="connsiteX72" fmla="*/ 1743281 w 1792294"/>
                <a:gd name="connsiteY72" fmla="*/ 401284 h 565745"/>
                <a:gd name="connsiteX73" fmla="*/ 1749859 w 1792294"/>
                <a:gd name="connsiteY73" fmla="*/ 411151 h 565745"/>
                <a:gd name="connsiteX74" fmla="*/ 1782750 w 1792294"/>
                <a:gd name="connsiteY74" fmla="*/ 427598 h 565745"/>
                <a:gd name="connsiteX75" fmla="*/ 1789329 w 1792294"/>
                <a:gd name="connsiteY75" fmla="*/ 473646 h 565745"/>
                <a:gd name="connsiteX76" fmla="*/ 1739990 w 1792294"/>
                <a:gd name="connsiteY76" fmla="*/ 519695 h 565745"/>
                <a:gd name="connsiteX77" fmla="*/ 1759726 w 1792294"/>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82109 w 1792294"/>
                <a:gd name="connsiteY57" fmla="*/ 207220 h 565745"/>
                <a:gd name="connsiteX58" fmla="*/ 1591977 w 1792294"/>
                <a:gd name="connsiteY58" fmla="*/ 226956 h 565745"/>
                <a:gd name="connsiteX59" fmla="*/ 1595266 w 1792294"/>
                <a:gd name="connsiteY59" fmla="*/ 253269 h 565745"/>
                <a:gd name="connsiteX60" fmla="*/ 1621580 w 1792294"/>
                <a:gd name="connsiteY60" fmla="*/ 273005 h 565745"/>
                <a:gd name="connsiteX61" fmla="*/ 1628158 w 1792294"/>
                <a:gd name="connsiteY61" fmla="*/ 282872 h 565745"/>
                <a:gd name="connsiteX62" fmla="*/ 1644604 w 1792294"/>
                <a:gd name="connsiteY62" fmla="*/ 292740 h 565745"/>
                <a:gd name="connsiteX63" fmla="*/ 1657761 w 1792294"/>
                <a:gd name="connsiteY63" fmla="*/ 312475 h 565745"/>
                <a:gd name="connsiteX64" fmla="*/ 1680786 w 1792294"/>
                <a:gd name="connsiteY64" fmla="*/ 328921 h 565745"/>
                <a:gd name="connsiteX65" fmla="*/ 1690653 w 1792294"/>
                <a:gd name="connsiteY65" fmla="*/ 335499 h 565745"/>
                <a:gd name="connsiteX66" fmla="*/ 1700521 w 1792294"/>
                <a:gd name="connsiteY66" fmla="*/ 345367 h 565745"/>
                <a:gd name="connsiteX67" fmla="*/ 1713678 w 1792294"/>
                <a:gd name="connsiteY67" fmla="*/ 355235 h 565745"/>
                <a:gd name="connsiteX68" fmla="*/ 1723545 w 1792294"/>
                <a:gd name="connsiteY68" fmla="*/ 368392 h 565745"/>
                <a:gd name="connsiteX69" fmla="*/ 1730124 w 1792294"/>
                <a:gd name="connsiteY69" fmla="*/ 374970 h 565745"/>
                <a:gd name="connsiteX70" fmla="*/ 1736702 w 1792294"/>
                <a:gd name="connsiteY70" fmla="*/ 394705 h 565745"/>
                <a:gd name="connsiteX71" fmla="*/ 1743281 w 1792294"/>
                <a:gd name="connsiteY71" fmla="*/ 401284 h 565745"/>
                <a:gd name="connsiteX72" fmla="*/ 1749859 w 1792294"/>
                <a:gd name="connsiteY72" fmla="*/ 411151 h 565745"/>
                <a:gd name="connsiteX73" fmla="*/ 1782750 w 1792294"/>
                <a:gd name="connsiteY73" fmla="*/ 427598 h 565745"/>
                <a:gd name="connsiteX74" fmla="*/ 1789329 w 1792294"/>
                <a:gd name="connsiteY74" fmla="*/ 473646 h 565745"/>
                <a:gd name="connsiteX75" fmla="*/ 1739990 w 1792294"/>
                <a:gd name="connsiteY75" fmla="*/ 519695 h 565745"/>
                <a:gd name="connsiteX76" fmla="*/ 1759726 w 1792294"/>
                <a:gd name="connsiteY76"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82109 w 1792294"/>
                <a:gd name="connsiteY56" fmla="*/ 207220 h 565745"/>
                <a:gd name="connsiteX57" fmla="*/ 1591977 w 1792294"/>
                <a:gd name="connsiteY57" fmla="*/ 226956 h 565745"/>
                <a:gd name="connsiteX58" fmla="*/ 1595266 w 1792294"/>
                <a:gd name="connsiteY58" fmla="*/ 253269 h 565745"/>
                <a:gd name="connsiteX59" fmla="*/ 1621580 w 1792294"/>
                <a:gd name="connsiteY59" fmla="*/ 273005 h 565745"/>
                <a:gd name="connsiteX60" fmla="*/ 1628158 w 1792294"/>
                <a:gd name="connsiteY60" fmla="*/ 282872 h 565745"/>
                <a:gd name="connsiteX61" fmla="*/ 1644604 w 1792294"/>
                <a:gd name="connsiteY61" fmla="*/ 292740 h 565745"/>
                <a:gd name="connsiteX62" fmla="*/ 1657761 w 1792294"/>
                <a:gd name="connsiteY62" fmla="*/ 312475 h 565745"/>
                <a:gd name="connsiteX63" fmla="*/ 1680786 w 1792294"/>
                <a:gd name="connsiteY63" fmla="*/ 328921 h 565745"/>
                <a:gd name="connsiteX64" fmla="*/ 1690653 w 1792294"/>
                <a:gd name="connsiteY64" fmla="*/ 335499 h 565745"/>
                <a:gd name="connsiteX65" fmla="*/ 1700521 w 1792294"/>
                <a:gd name="connsiteY65" fmla="*/ 345367 h 565745"/>
                <a:gd name="connsiteX66" fmla="*/ 1713678 w 1792294"/>
                <a:gd name="connsiteY66" fmla="*/ 355235 h 565745"/>
                <a:gd name="connsiteX67" fmla="*/ 1723545 w 1792294"/>
                <a:gd name="connsiteY67" fmla="*/ 368392 h 565745"/>
                <a:gd name="connsiteX68" fmla="*/ 1730124 w 1792294"/>
                <a:gd name="connsiteY68" fmla="*/ 374970 h 565745"/>
                <a:gd name="connsiteX69" fmla="*/ 1736702 w 1792294"/>
                <a:gd name="connsiteY69" fmla="*/ 394705 h 565745"/>
                <a:gd name="connsiteX70" fmla="*/ 1743281 w 1792294"/>
                <a:gd name="connsiteY70" fmla="*/ 401284 h 565745"/>
                <a:gd name="connsiteX71" fmla="*/ 1749859 w 1792294"/>
                <a:gd name="connsiteY71" fmla="*/ 411151 h 565745"/>
                <a:gd name="connsiteX72" fmla="*/ 1782750 w 1792294"/>
                <a:gd name="connsiteY72" fmla="*/ 427598 h 565745"/>
                <a:gd name="connsiteX73" fmla="*/ 1789329 w 1792294"/>
                <a:gd name="connsiteY73" fmla="*/ 473646 h 565745"/>
                <a:gd name="connsiteX74" fmla="*/ 1739990 w 1792294"/>
                <a:gd name="connsiteY74" fmla="*/ 519695 h 565745"/>
                <a:gd name="connsiteX75" fmla="*/ 1759726 w 1792294"/>
                <a:gd name="connsiteY75"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503168 w 1792294"/>
                <a:gd name="connsiteY52" fmla="*/ 164461 h 565745"/>
                <a:gd name="connsiteX53" fmla="*/ 1516325 w 1792294"/>
                <a:gd name="connsiteY53" fmla="*/ 167750 h 565745"/>
                <a:gd name="connsiteX54" fmla="*/ 1539350 w 1792294"/>
                <a:gd name="connsiteY54" fmla="*/ 180907 h 565745"/>
                <a:gd name="connsiteX55" fmla="*/ 1582109 w 1792294"/>
                <a:gd name="connsiteY55" fmla="*/ 207220 h 565745"/>
                <a:gd name="connsiteX56" fmla="*/ 1591977 w 1792294"/>
                <a:gd name="connsiteY56" fmla="*/ 226956 h 565745"/>
                <a:gd name="connsiteX57" fmla="*/ 1595266 w 1792294"/>
                <a:gd name="connsiteY57" fmla="*/ 253269 h 565745"/>
                <a:gd name="connsiteX58" fmla="*/ 1621580 w 1792294"/>
                <a:gd name="connsiteY58" fmla="*/ 273005 h 565745"/>
                <a:gd name="connsiteX59" fmla="*/ 1628158 w 1792294"/>
                <a:gd name="connsiteY59" fmla="*/ 282872 h 565745"/>
                <a:gd name="connsiteX60" fmla="*/ 1644604 w 1792294"/>
                <a:gd name="connsiteY60" fmla="*/ 292740 h 565745"/>
                <a:gd name="connsiteX61" fmla="*/ 1657761 w 1792294"/>
                <a:gd name="connsiteY61" fmla="*/ 312475 h 565745"/>
                <a:gd name="connsiteX62" fmla="*/ 1680786 w 1792294"/>
                <a:gd name="connsiteY62" fmla="*/ 328921 h 565745"/>
                <a:gd name="connsiteX63" fmla="*/ 1690653 w 1792294"/>
                <a:gd name="connsiteY63" fmla="*/ 335499 h 565745"/>
                <a:gd name="connsiteX64" fmla="*/ 1700521 w 1792294"/>
                <a:gd name="connsiteY64" fmla="*/ 345367 h 565745"/>
                <a:gd name="connsiteX65" fmla="*/ 1713678 w 1792294"/>
                <a:gd name="connsiteY65" fmla="*/ 355235 h 565745"/>
                <a:gd name="connsiteX66" fmla="*/ 1723545 w 1792294"/>
                <a:gd name="connsiteY66" fmla="*/ 368392 h 565745"/>
                <a:gd name="connsiteX67" fmla="*/ 1730124 w 1792294"/>
                <a:gd name="connsiteY67" fmla="*/ 374970 h 565745"/>
                <a:gd name="connsiteX68" fmla="*/ 1736702 w 1792294"/>
                <a:gd name="connsiteY68" fmla="*/ 394705 h 565745"/>
                <a:gd name="connsiteX69" fmla="*/ 1743281 w 1792294"/>
                <a:gd name="connsiteY69" fmla="*/ 401284 h 565745"/>
                <a:gd name="connsiteX70" fmla="*/ 1749859 w 1792294"/>
                <a:gd name="connsiteY70" fmla="*/ 411151 h 565745"/>
                <a:gd name="connsiteX71" fmla="*/ 1782750 w 1792294"/>
                <a:gd name="connsiteY71" fmla="*/ 427598 h 565745"/>
                <a:gd name="connsiteX72" fmla="*/ 1789329 w 1792294"/>
                <a:gd name="connsiteY72" fmla="*/ 473646 h 565745"/>
                <a:gd name="connsiteX73" fmla="*/ 1739990 w 1792294"/>
                <a:gd name="connsiteY73" fmla="*/ 519695 h 565745"/>
                <a:gd name="connsiteX74" fmla="*/ 1759726 w 1792294"/>
                <a:gd name="connsiteY74" fmla="*/ 565745 h 565745"/>
                <a:gd name="connsiteX0" fmla="*/ 0 w 1789387"/>
                <a:gd name="connsiteY0" fmla="*/ 0 h 565745"/>
                <a:gd name="connsiteX1" fmla="*/ 13157 w 1789387"/>
                <a:gd name="connsiteY1" fmla="*/ 42760 h 565745"/>
                <a:gd name="connsiteX2" fmla="*/ 23024 w 1789387"/>
                <a:gd name="connsiteY2" fmla="*/ 52628 h 565745"/>
                <a:gd name="connsiteX3" fmla="*/ 42760 w 1789387"/>
                <a:gd name="connsiteY3" fmla="*/ 59206 h 565745"/>
                <a:gd name="connsiteX4" fmla="*/ 52627 w 1789387"/>
                <a:gd name="connsiteY4" fmla="*/ 65784 h 565745"/>
                <a:gd name="connsiteX5" fmla="*/ 69073 w 1789387"/>
                <a:gd name="connsiteY5" fmla="*/ 72363 h 565745"/>
                <a:gd name="connsiteX6" fmla="*/ 88809 w 1789387"/>
                <a:gd name="connsiteY6" fmla="*/ 78941 h 565745"/>
                <a:gd name="connsiteX7" fmla="*/ 108544 w 1789387"/>
                <a:gd name="connsiteY7" fmla="*/ 85520 h 565745"/>
                <a:gd name="connsiteX8" fmla="*/ 118411 w 1789387"/>
                <a:gd name="connsiteY8" fmla="*/ 92098 h 565745"/>
                <a:gd name="connsiteX9" fmla="*/ 128279 w 1789387"/>
                <a:gd name="connsiteY9" fmla="*/ 95387 h 565745"/>
                <a:gd name="connsiteX10" fmla="*/ 148014 w 1789387"/>
                <a:gd name="connsiteY10" fmla="*/ 108544 h 565745"/>
                <a:gd name="connsiteX11" fmla="*/ 167750 w 1789387"/>
                <a:gd name="connsiteY11" fmla="*/ 115123 h 565745"/>
                <a:gd name="connsiteX12" fmla="*/ 220377 w 1789387"/>
                <a:gd name="connsiteY12" fmla="*/ 121701 h 565745"/>
                <a:gd name="connsiteX13" fmla="*/ 292740 w 1789387"/>
                <a:gd name="connsiteY13" fmla="*/ 115123 h 565745"/>
                <a:gd name="connsiteX14" fmla="*/ 312475 w 1789387"/>
                <a:gd name="connsiteY14" fmla="*/ 108544 h 565745"/>
                <a:gd name="connsiteX15" fmla="*/ 322342 w 1789387"/>
                <a:gd name="connsiteY15" fmla="*/ 105255 h 565745"/>
                <a:gd name="connsiteX16" fmla="*/ 335499 w 1789387"/>
                <a:gd name="connsiteY16" fmla="*/ 101966 h 565745"/>
                <a:gd name="connsiteX17" fmla="*/ 368391 w 1789387"/>
                <a:gd name="connsiteY17" fmla="*/ 92098 h 565745"/>
                <a:gd name="connsiteX18" fmla="*/ 401283 w 1789387"/>
                <a:gd name="connsiteY18" fmla="*/ 82230 h 565745"/>
                <a:gd name="connsiteX19" fmla="*/ 427597 w 1789387"/>
                <a:gd name="connsiteY19" fmla="*/ 75652 h 565745"/>
                <a:gd name="connsiteX20" fmla="*/ 467068 w 1789387"/>
                <a:gd name="connsiteY20" fmla="*/ 78941 h 565745"/>
                <a:gd name="connsiteX21" fmla="*/ 486803 w 1789387"/>
                <a:gd name="connsiteY21" fmla="*/ 85520 h 565745"/>
                <a:gd name="connsiteX22" fmla="*/ 496670 w 1789387"/>
                <a:gd name="connsiteY22" fmla="*/ 88809 h 565745"/>
                <a:gd name="connsiteX23" fmla="*/ 565744 w 1789387"/>
                <a:gd name="connsiteY23" fmla="*/ 82230 h 565745"/>
                <a:gd name="connsiteX24" fmla="*/ 585479 w 1789387"/>
                <a:gd name="connsiteY24" fmla="*/ 75652 h 565745"/>
                <a:gd name="connsiteX25" fmla="*/ 611793 w 1789387"/>
                <a:gd name="connsiteY25" fmla="*/ 72363 h 565745"/>
                <a:gd name="connsiteX26" fmla="*/ 657842 w 1789387"/>
                <a:gd name="connsiteY26" fmla="*/ 69074 h 565745"/>
                <a:gd name="connsiteX27" fmla="*/ 703891 w 1789387"/>
                <a:gd name="connsiteY27" fmla="*/ 72363 h 565745"/>
                <a:gd name="connsiteX28" fmla="*/ 723626 w 1789387"/>
                <a:gd name="connsiteY28" fmla="*/ 78941 h 565745"/>
                <a:gd name="connsiteX29" fmla="*/ 743361 w 1789387"/>
                <a:gd name="connsiteY29" fmla="*/ 82230 h 565745"/>
                <a:gd name="connsiteX30" fmla="*/ 786121 w 1789387"/>
                <a:gd name="connsiteY30" fmla="*/ 78941 h 565745"/>
                <a:gd name="connsiteX31" fmla="*/ 795988 w 1789387"/>
                <a:gd name="connsiteY31" fmla="*/ 75652 h 565745"/>
                <a:gd name="connsiteX32" fmla="*/ 815724 w 1789387"/>
                <a:gd name="connsiteY32" fmla="*/ 72363 h 565745"/>
                <a:gd name="connsiteX33" fmla="*/ 832170 w 1789387"/>
                <a:gd name="connsiteY33" fmla="*/ 65784 h 565745"/>
                <a:gd name="connsiteX34" fmla="*/ 871640 w 1789387"/>
                <a:gd name="connsiteY34" fmla="*/ 62495 h 565745"/>
                <a:gd name="connsiteX35" fmla="*/ 884797 w 1789387"/>
                <a:gd name="connsiteY35" fmla="*/ 59206 h 565745"/>
                <a:gd name="connsiteX36" fmla="*/ 970317 w 1789387"/>
                <a:gd name="connsiteY36" fmla="*/ 65784 h 565745"/>
                <a:gd name="connsiteX37" fmla="*/ 993341 w 1789387"/>
                <a:gd name="connsiteY37" fmla="*/ 72363 h 565745"/>
                <a:gd name="connsiteX38" fmla="*/ 1026233 w 1789387"/>
                <a:gd name="connsiteY38" fmla="*/ 78941 h 565745"/>
                <a:gd name="connsiteX39" fmla="*/ 1036101 w 1789387"/>
                <a:gd name="connsiteY39" fmla="*/ 82230 h 565745"/>
                <a:gd name="connsiteX40" fmla="*/ 1059125 w 1789387"/>
                <a:gd name="connsiteY40" fmla="*/ 88809 h 565745"/>
                <a:gd name="connsiteX41" fmla="*/ 1197272 w 1789387"/>
                <a:gd name="connsiteY41" fmla="*/ 101966 h 565745"/>
                <a:gd name="connsiteX42" fmla="*/ 1207140 w 1789387"/>
                <a:gd name="connsiteY42" fmla="*/ 98676 h 565745"/>
                <a:gd name="connsiteX43" fmla="*/ 1256478 w 1789387"/>
                <a:gd name="connsiteY43" fmla="*/ 101966 h 565745"/>
                <a:gd name="connsiteX44" fmla="*/ 1269634 w 1789387"/>
                <a:gd name="connsiteY44" fmla="*/ 105255 h 565745"/>
                <a:gd name="connsiteX45" fmla="*/ 1286081 w 1789387"/>
                <a:gd name="connsiteY45" fmla="*/ 108544 h 565745"/>
                <a:gd name="connsiteX46" fmla="*/ 1312394 w 1789387"/>
                <a:gd name="connsiteY46" fmla="*/ 115123 h 565745"/>
                <a:gd name="connsiteX47" fmla="*/ 1417649 w 1789387"/>
                <a:gd name="connsiteY47" fmla="*/ 124990 h 565745"/>
                <a:gd name="connsiteX48" fmla="*/ 1427517 w 1789387"/>
                <a:gd name="connsiteY48" fmla="*/ 131569 h 565745"/>
                <a:gd name="connsiteX49" fmla="*/ 1437384 w 1789387"/>
                <a:gd name="connsiteY49" fmla="*/ 134858 h 565745"/>
                <a:gd name="connsiteX50" fmla="*/ 1443963 w 1789387"/>
                <a:gd name="connsiteY50" fmla="*/ 144725 h 565745"/>
                <a:gd name="connsiteX51" fmla="*/ 1453830 w 1789387"/>
                <a:gd name="connsiteY51" fmla="*/ 148015 h 565745"/>
                <a:gd name="connsiteX52" fmla="*/ 1503168 w 1789387"/>
                <a:gd name="connsiteY52" fmla="*/ 164461 h 565745"/>
                <a:gd name="connsiteX53" fmla="*/ 1516325 w 1789387"/>
                <a:gd name="connsiteY53" fmla="*/ 167750 h 565745"/>
                <a:gd name="connsiteX54" fmla="*/ 1539350 w 1789387"/>
                <a:gd name="connsiteY54" fmla="*/ 180907 h 565745"/>
                <a:gd name="connsiteX55" fmla="*/ 1582109 w 1789387"/>
                <a:gd name="connsiteY55" fmla="*/ 207220 h 565745"/>
                <a:gd name="connsiteX56" fmla="*/ 1591977 w 1789387"/>
                <a:gd name="connsiteY56" fmla="*/ 226956 h 565745"/>
                <a:gd name="connsiteX57" fmla="*/ 1595266 w 1789387"/>
                <a:gd name="connsiteY57" fmla="*/ 253269 h 565745"/>
                <a:gd name="connsiteX58" fmla="*/ 1621580 w 1789387"/>
                <a:gd name="connsiteY58" fmla="*/ 273005 h 565745"/>
                <a:gd name="connsiteX59" fmla="*/ 1628158 w 1789387"/>
                <a:gd name="connsiteY59" fmla="*/ 282872 h 565745"/>
                <a:gd name="connsiteX60" fmla="*/ 1644604 w 1789387"/>
                <a:gd name="connsiteY60" fmla="*/ 292740 h 565745"/>
                <a:gd name="connsiteX61" fmla="*/ 1657761 w 1789387"/>
                <a:gd name="connsiteY61" fmla="*/ 312475 h 565745"/>
                <a:gd name="connsiteX62" fmla="*/ 1680786 w 1789387"/>
                <a:gd name="connsiteY62" fmla="*/ 328921 h 565745"/>
                <a:gd name="connsiteX63" fmla="*/ 1690653 w 1789387"/>
                <a:gd name="connsiteY63" fmla="*/ 335499 h 565745"/>
                <a:gd name="connsiteX64" fmla="*/ 1700521 w 1789387"/>
                <a:gd name="connsiteY64" fmla="*/ 345367 h 565745"/>
                <a:gd name="connsiteX65" fmla="*/ 1713678 w 1789387"/>
                <a:gd name="connsiteY65" fmla="*/ 355235 h 565745"/>
                <a:gd name="connsiteX66" fmla="*/ 1723545 w 1789387"/>
                <a:gd name="connsiteY66" fmla="*/ 368392 h 565745"/>
                <a:gd name="connsiteX67" fmla="*/ 1730124 w 1789387"/>
                <a:gd name="connsiteY67" fmla="*/ 374970 h 565745"/>
                <a:gd name="connsiteX68" fmla="*/ 1736702 w 1789387"/>
                <a:gd name="connsiteY68" fmla="*/ 394705 h 565745"/>
                <a:gd name="connsiteX69" fmla="*/ 1743281 w 1789387"/>
                <a:gd name="connsiteY69" fmla="*/ 401284 h 565745"/>
                <a:gd name="connsiteX70" fmla="*/ 1749859 w 1789387"/>
                <a:gd name="connsiteY70" fmla="*/ 411151 h 565745"/>
                <a:gd name="connsiteX71" fmla="*/ 1789329 w 1789387"/>
                <a:gd name="connsiteY71" fmla="*/ 473646 h 565745"/>
                <a:gd name="connsiteX72" fmla="*/ 1739990 w 1789387"/>
                <a:gd name="connsiteY72" fmla="*/ 519695 h 565745"/>
                <a:gd name="connsiteX73" fmla="*/ 1759726 w 1789387"/>
                <a:gd name="connsiteY7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36702 w 1789406"/>
                <a:gd name="connsiteY68" fmla="*/ 394705 h 565745"/>
                <a:gd name="connsiteX69" fmla="*/ 1743281 w 1789406"/>
                <a:gd name="connsiteY69" fmla="*/ 401284 h 565745"/>
                <a:gd name="connsiteX70" fmla="*/ 1749859 w 1789406"/>
                <a:gd name="connsiteY70" fmla="*/ 411151 h 565745"/>
                <a:gd name="connsiteX71" fmla="*/ 1789329 w 1789406"/>
                <a:gd name="connsiteY71" fmla="*/ 473646 h 565745"/>
                <a:gd name="connsiteX72" fmla="*/ 1759726 w 1789406"/>
                <a:gd name="connsiteY7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43281 w 1789406"/>
                <a:gd name="connsiteY68" fmla="*/ 401284 h 565745"/>
                <a:gd name="connsiteX69" fmla="*/ 1749859 w 1789406"/>
                <a:gd name="connsiteY69" fmla="*/ 411151 h 565745"/>
                <a:gd name="connsiteX70" fmla="*/ 1789329 w 1789406"/>
                <a:gd name="connsiteY70" fmla="*/ 473646 h 565745"/>
                <a:gd name="connsiteX71" fmla="*/ 1759726 w 1789406"/>
                <a:gd name="connsiteY7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13678 w 1789406"/>
                <a:gd name="connsiteY64" fmla="*/ 355235 h 565745"/>
                <a:gd name="connsiteX65" fmla="*/ 1723545 w 1789406"/>
                <a:gd name="connsiteY65" fmla="*/ 368392 h 565745"/>
                <a:gd name="connsiteX66" fmla="*/ 1730124 w 1789406"/>
                <a:gd name="connsiteY66" fmla="*/ 374970 h 565745"/>
                <a:gd name="connsiteX67" fmla="*/ 1743281 w 1789406"/>
                <a:gd name="connsiteY67" fmla="*/ 401284 h 565745"/>
                <a:gd name="connsiteX68" fmla="*/ 1749859 w 1789406"/>
                <a:gd name="connsiteY68" fmla="*/ 411151 h 565745"/>
                <a:gd name="connsiteX69" fmla="*/ 1789329 w 1789406"/>
                <a:gd name="connsiteY69" fmla="*/ 473646 h 565745"/>
                <a:gd name="connsiteX70" fmla="*/ 1759726 w 1789406"/>
                <a:gd name="connsiteY7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80786 w 1789406"/>
                <a:gd name="connsiteY61" fmla="*/ 328921 h 565745"/>
                <a:gd name="connsiteX62" fmla="*/ 1690653 w 1789406"/>
                <a:gd name="connsiteY62" fmla="*/ 335499 h 565745"/>
                <a:gd name="connsiteX63" fmla="*/ 1713678 w 1789406"/>
                <a:gd name="connsiteY63" fmla="*/ 355235 h 565745"/>
                <a:gd name="connsiteX64" fmla="*/ 1723545 w 1789406"/>
                <a:gd name="connsiteY64" fmla="*/ 368392 h 565745"/>
                <a:gd name="connsiteX65" fmla="*/ 1730124 w 1789406"/>
                <a:gd name="connsiteY65" fmla="*/ 374970 h 565745"/>
                <a:gd name="connsiteX66" fmla="*/ 1743281 w 1789406"/>
                <a:gd name="connsiteY66" fmla="*/ 401284 h 565745"/>
                <a:gd name="connsiteX67" fmla="*/ 1749859 w 1789406"/>
                <a:gd name="connsiteY67" fmla="*/ 411151 h 565745"/>
                <a:gd name="connsiteX68" fmla="*/ 1789329 w 1789406"/>
                <a:gd name="connsiteY68" fmla="*/ 473646 h 565745"/>
                <a:gd name="connsiteX69" fmla="*/ 1759726 w 1789406"/>
                <a:gd name="connsiteY6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8158 w 1789406"/>
                <a:gd name="connsiteY58" fmla="*/ 282872 h 565745"/>
                <a:gd name="connsiteX59" fmla="*/ 1644604 w 1789406"/>
                <a:gd name="connsiteY59" fmla="*/ 292740 h 565745"/>
                <a:gd name="connsiteX60" fmla="*/ 1680786 w 1789406"/>
                <a:gd name="connsiteY60" fmla="*/ 328921 h 565745"/>
                <a:gd name="connsiteX61" fmla="*/ 1690653 w 1789406"/>
                <a:gd name="connsiteY61" fmla="*/ 335499 h 565745"/>
                <a:gd name="connsiteX62" fmla="*/ 1713678 w 1789406"/>
                <a:gd name="connsiteY62" fmla="*/ 355235 h 565745"/>
                <a:gd name="connsiteX63" fmla="*/ 1723545 w 1789406"/>
                <a:gd name="connsiteY63" fmla="*/ 368392 h 565745"/>
                <a:gd name="connsiteX64" fmla="*/ 1730124 w 1789406"/>
                <a:gd name="connsiteY64" fmla="*/ 374970 h 565745"/>
                <a:gd name="connsiteX65" fmla="*/ 1743281 w 1789406"/>
                <a:gd name="connsiteY65" fmla="*/ 401284 h 565745"/>
                <a:gd name="connsiteX66" fmla="*/ 1749859 w 1789406"/>
                <a:gd name="connsiteY66" fmla="*/ 411151 h 565745"/>
                <a:gd name="connsiteX67" fmla="*/ 1789329 w 1789406"/>
                <a:gd name="connsiteY67" fmla="*/ 473646 h 565745"/>
                <a:gd name="connsiteX68" fmla="*/ 1759726 w 1789406"/>
                <a:gd name="connsiteY6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690653 w 1789406"/>
                <a:gd name="connsiteY60" fmla="*/ 335499 h 565745"/>
                <a:gd name="connsiteX61" fmla="*/ 1713678 w 1789406"/>
                <a:gd name="connsiteY61" fmla="*/ 355235 h 565745"/>
                <a:gd name="connsiteX62" fmla="*/ 1723545 w 1789406"/>
                <a:gd name="connsiteY62" fmla="*/ 368392 h 565745"/>
                <a:gd name="connsiteX63" fmla="*/ 1730124 w 1789406"/>
                <a:gd name="connsiteY63" fmla="*/ 374970 h 565745"/>
                <a:gd name="connsiteX64" fmla="*/ 1743281 w 1789406"/>
                <a:gd name="connsiteY64" fmla="*/ 401284 h 565745"/>
                <a:gd name="connsiteX65" fmla="*/ 1749859 w 1789406"/>
                <a:gd name="connsiteY65" fmla="*/ 411151 h 565745"/>
                <a:gd name="connsiteX66" fmla="*/ 1789329 w 1789406"/>
                <a:gd name="connsiteY66" fmla="*/ 473646 h 565745"/>
                <a:gd name="connsiteX67" fmla="*/ 1759726 w 1789406"/>
                <a:gd name="connsiteY6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30124 w 1789406"/>
                <a:gd name="connsiteY62" fmla="*/ 374970 h 565745"/>
                <a:gd name="connsiteX63" fmla="*/ 1743281 w 1789406"/>
                <a:gd name="connsiteY63" fmla="*/ 401284 h 565745"/>
                <a:gd name="connsiteX64" fmla="*/ 1749859 w 1789406"/>
                <a:gd name="connsiteY64" fmla="*/ 411151 h 565745"/>
                <a:gd name="connsiteX65" fmla="*/ 1789329 w 1789406"/>
                <a:gd name="connsiteY65" fmla="*/ 473646 h 565745"/>
                <a:gd name="connsiteX66" fmla="*/ 1759726 w 1789406"/>
                <a:gd name="connsiteY6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49859 w 1789406"/>
                <a:gd name="connsiteY63" fmla="*/ 411151 h 565745"/>
                <a:gd name="connsiteX64" fmla="*/ 1789329 w 1789406"/>
                <a:gd name="connsiteY64" fmla="*/ 473646 h 565745"/>
                <a:gd name="connsiteX65" fmla="*/ 1759726 w 1789406"/>
                <a:gd name="connsiteY6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89329 w 1789406"/>
                <a:gd name="connsiteY63" fmla="*/ 473646 h 565745"/>
                <a:gd name="connsiteX64" fmla="*/ 1759726 w 1789406"/>
                <a:gd name="connsiteY6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43281 w 1789406"/>
                <a:gd name="connsiteY61" fmla="*/ 401284 h 565745"/>
                <a:gd name="connsiteX62" fmla="*/ 1789329 w 1789406"/>
                <a:gd name="connsiteY62" fmla="*/ 473646 h 565745"/>
                <a:gd name="connsiteX63" fmla="*/ 1759726 w 1789406"/>
                <a:gd name="connsiteY6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01283 w 1789406"/>
                <a:gd name="connsiteY17" fmla="*/ 82230 h 565745"/>
                <a:gd name="connsiteX18" fmla="*/ 427597 w 1789406"/>
                <a:gd name="connsiteY18" fmla="*/ 75652 h 565745"/>
                <a:gd name="connsiteX19" fmla="*/ 467068 w 1789406"/>
                <a:gd name="connsiteY19" fmla="*/ 78941 h 565745"/>
                <a:gd name="connsiteX20" fmla="*/ 486803 w 1789406"/>
                <a:gd name="connsiteY20" fmla="*/ 85520 h 565745"/>
                <a:gd name="connsiteX21" fmla="*/ 496670 w 1789406"/>
                <a:gd name="connsiteY21" fmla="*/ 88809 h 565745"/>
                <a:gd name="connsiteX22" fmla="*/ 565744 w 1789406"/>
                <a:gd name="connsiteY22" fmla="*/ 82230 h 565745"/>
                <a:gd name="connsiteX23" fmla="*/ 585479 w 1789406"/>
                <a:gd name="connsiteY23" fmla="*/ 75652 h 565745"/>
                <a:gd name="connsiteX24" fmla="*/ 611793 w 1789406"/>
                <a:gd name="connsiteY24" fmla="*/ 72363 h 565745"/>
                <a:gd name="connsiteX25" fmla="*/ 657842 w 1789406"/>
                <a:gd name="connsiteY25" fmla="*/ 69074 h 565745"/>
                <a:gd name="connsiteX26" fmla="*/ 703891 w 1789406"/>
                <a:gd name="connsiteY26" fmla="*/ 72363 h 565745"/>
                <a:gd name="connsiteX27" fmla="*/ 723626 w 1789406"/>
                <a:gd name="connsiteY27" fmla="*/ 78941 h 565745"/>
                <a:gd name="connsiteX28" fmla="*/ 743361 w 1789406"/>
                <a:gd name="connsiteY28" fmla="*/ 82230 h 565745"/>
                <a:gd name="connsiteX29" fmla="*/ 786121 w 1789406"/>
                <a:gd name="connsiteY29" fmla="*/ 78941 h 565745"/>
                <a:gd name="connsiteX30" fmla="*/ 795988 w 1789406"/>
                <a:gd name="connsiteY30" fmla="*/ 75652 h 565745"/>
                <a:gd name="connsiteX31" fmla="*/ 815724 w 1789406"/>
                <a:gd name="connsiteY31" fmla="*/ 72363 h 565745"/>
                <a:gd name="connsiteX32" fmla="*/ 832170 w 1789406"/>
                <a:gd name="connsiteY32" fmla="*/ 65784 h 565745"/>
                <a:gd name="connsiteX33" fmla="*/ 871640 w 1789406"/>
                <a:gd name="connsiteY33" fmla="*/ 62495 h 565745"/>
                <a:gd name="connsiteX34" fmla="*/ 884797 w 1789406"/>
                <a:gd name="connsiteY34" fmla="*/ 59206 h 565745"/>
                <a:gd name="connsiteX35" fmla="*/ 970317 w 1789406"/>
                <a:gd name="connsiteY35" fmla="*/ 65784 h 565745"/>
                <a:gd name="connsiteX36" fmla="*/ 993341 w 1789406"/>
                <a:gd name="connsiteY36" fmla="*/ 72363 h 565745"/>
                <a:gd name="connsiteX37" fmla="*/ 1026233 w 1789406"/>
                <a:gd name="connsiteY37" fmla="*/ 78941 h 565745"/>
                <a:gd name="connsiteX38" fmla="*/ 1036101 w 1789406"/>
                <a:gd name="connsiteY38" fmla="*/ 82230 h 565745"/>
                <a:gd name="connsiteX39" fmla="*/ 1059125 w 1789406"/>
                <a:gd name="connsiteY39" fmla="*/ 88809 h 565745"/>
                <a:gd name="connsiteX40" fmla="*/ 1197272 w 1789406"/>
                <a:gd name="connsiteY40" fmla="*/ 101966 h 565745"/>
                <a:gd name="connsiteX41" fmla="*/ 1207140 w 1789406"/>
                <a:gd name="connsiteY41" fmla="*/ 98676 h 565745"/>
                <a:gd name="connsiteX42" fmla="*/ 1256478 w 1789406"/>
                <a:gd name="connsiteY42" fmla="*/ 101966 h 565745"/>
                <a:gd name="connsiteX43" fmla="*/ 1269634 w 1789406"/>
                <a:gd name="connsiteY43" fmla="*/ 105255 h 565745"/>
                <a:gd name="connsiteX44" fmla="*/ 1286081 w 1789406"/>
                <a:gd name="connsiteY44" fmla="*/ 108544 h 565745"/>
                <a:gd name="connsiteX45" fmla="*/ 1312394 w 1789406"/>
                <a:gd name="connsiteY45" fmla="*/ 115123 h 565745"/>
                <a:gd name="connsiteX46" fmla="*/ 1417649 w 1789406"/>
                <a:gd name="connsiteY46" fmla="*/ 124990 h 565745"/>
                <a:gd name="connsiteX47" fmla="*/ 1427517 w 1789406"/>
                <a:gd name="connsiteY47" fmla="*/ 131569 h 565745"/>
                <a:gd name="connsiteX48" fmla="*/ 1437384 w 1789406"/>
                <a:gd name="connsiteY48" fmla="*/ 134858 h 565745"/>
                <a:gd name="connsiteX49" fmla="*/ 1443963 w 1789406"/>
                <a:gd name="connsiteY49" fmla="*/ 144725 h 565745"/>
                <a:gd name="connsiteX50" fmla="*/ 1453830 w 1789406"/>
                <a:gd name="connsiteY50" fmla="*/ 148015 h 565745"/>
                <a:gd name="connsiteX51" fmla="*/ 1503168 w 1789406"/>
                <a:gd name="connsiteY51" fmla="*/ 164461 h 565745"/>
                <a:gd name="connsiteX52" fmla="*/ 1516325 w 1789406"/>
                <a:gd name="connsiteY52" fmla="*/ 167750 h 565745"/>
                <a:gd name="connsiteX53" fmla="*/ 1539350 w 1789406"/>
                <a:gd name="connsiteY53" fmla="*/ 180907 h 565745"/>
                <a:gd name="connsiteX54" fmla="*/ 1582109 w 1789406"/>
                <a:gd name="connsiteY54" fmla="*/ 207220 h 565745"/>
                <a:gd name="connsiteX55" fmla="*/ 1591977 w 1789406"/>
                <a:gd name="connsiteY55" fmla="*/ 226956 h 565745"/>
                <a:gd name="connsiteX56" fmla="*/ 1628158 w 1789406"/>
                <a:gd name="connsiteY56" fmla="*/ 282872 h 565745"/>
                <a:gd name="connsiteX57" fmla="*/ 1644604 w 1789406"/>
                <a:gd name="connsiteY57" fmla="*/ 292740 h 565745"/>
                <a:gd name="connsiteX58" fmla="*/ 1680786 w 1789406"/>
                <a:gd name="connsiteY58" fmla="*/ 328921 h 565745"/>
                <a:gd name="connsiteX59" fmla="*/ 1713678 w 1789406"/>
                <a:gd name="connsiteY59" fmla="*/ 355235 h 565745"/>
                <a:gd name="connsiteX60" fmla="*/ 1743281 w 1789406"/>
                <a:gd name="connsiteY60" fmla="*/ 401284 h 565745"/>
                <a:gd name="connsiteX61" fmla="*/ 1789329 w 1789406"/>
                <a:gd name="connsiteY61" fmla="*/ 473646 h 565745"/>
                <a:gd name="connsiteX62" fmla="*/ 1759726 w 1789406"/>
                <a:gd name="connsiteY6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496670 w 1789406"/>
                <a:gd name="connsiteY20" fmla="*/ 88809 h 565745"/>
                <a:gd name="connsiteX21" fmla="*/ 565744 w 1789406"/>
                <a:gd name="connsiteY21" fmla="*/ 82230 h 565745"/>
                <a:gd name="connsiteX22" fmla="*/ 585479 w 1789406"/>
                <a:gd name="connsiteY22" fmla="*/ 75652 h 565745"/>
                <a:gd name="connsiteX23" fmla="*/ 611793 w 1789406"/>
                <a:gd name="connsiteY23" fmla="*/ 72363 h 565745"/>
                <a:gd name="connsiteX24" fmla="*/ 657842 w 1789406"/>
                <a:gd name="connsiteY24" fmla="*/ 69074 h 565745"/>
                <a:gd name="connsiteX25" fmla="*/ 703891 w 1789406"/>
                <a:gd name="connsiteY25" fmla="*/ 72363 h 565745"/>
                <a:gd name="connsiteX26" fmla="*/ 723626 w 1789406"/>
                <a:gd name="connsiteY26" fmla="*/ 78941 h 565745"/>
                <a:gd name="connsiteX27" fmla="*/ 743361 w 1789406"/>
                <a:gd name="connsiteY27" fmla="*/ 82230 h 565745"/>
                <a:gd name="connsiteX28" fmla="*/ 786121 w 1789406"/>
                <a:gd name="connsiteY28" fmla="*/ 78941 h 565745"/>
                <a:gd name="connsiteX29" fmla="*/ 795988 w 1789406"/>
                <a:gd name="connsiteY29" fmla="*/ 75652 h 565745"/>
                <a:gd name="connsiteX30" fmla="*/ 815724 w 1789406"/>
                <a:gd name="connsiteY30" fmla="*/ 72363 h 565745"/>
                <a:gd name="connsiteX31" fmla="*/ 832170 w 1789406"/>
                <a:gd name="connsiteY31" fmla="*/ 65784 h 565745"/>
                <a:gd name="connsiteX32" fmla="*/ 871640 w 1789406"/>
                <a:gd name="connsiteY32" fmla="*/ 62495 h 565745"/>
                <a:gd name="connsiteX33" fmla="*/ 884797 w 1789406"/>
                <a:gd name="connsiteY33" fmla="*/ 59206 h 565745"/>
                <a:gd name="connsiteX34" fmla="*/ 970317 w 1789406"/>
                <a:gd name="connsiteY34" fmla="*/ 65784 h 565745"/>
                <a:gd name="connsiteX35" fmla="*/ 993341 w 1789406"/>
                <a:gd name="connsiteY35" fmla="*/ 72363 h 565745"/>
                <a:gd name="connsiteX36" fmla="*/ 1026233 w 1789406"/>
                <a:gd name="connsiteY36" fmla="*/ 78941 h 565745"/>
                <a:gd name="connsiteX37" fmla="*/ 1036101 w 1789406"/>
                <a:gd name="connsiteY37" fmla="*/ 82230 h 565745"/>
                <a:gd name="connsiteX38" fmla="*/ 1059125 w 1789406"/>
                <a:gd name="connsiteY38" fmla="*/ 88809 h 565745"/>
                <a:gd name="connsiteX39" fmla="*/ 1197272 w 1789406"/>
                <a:gd name="connsiteY39" fmla="*/ 101966 h 565745"/>
                <a:gd name="connsiteX40" fmla="*/ 1207140 w 1789406"/>
                <a:gd name="connsiteY40" fmla="*/ 98676 h 565745"/>
                <a:gd name="connsiteX41" fmla="*/ 1256478 w 1789406"/>
                <a:gd name="connsiteY41" fmla="*/ 101966 h 565745"/>
                <a:gd name="connsiteX42" fmla="*/ 1269634 w 1789406"/>
                <a:gd name="connsiteY42" fmla="*/ 105255 h 565745"/>
                <a:gd name="connsiteX43" fmla="*/ 1286081 w 1789406"/>
                <a:gd name="connsiteY43" fmla="*/ 108544 h 565745"/>
                <a:gd name="connsiteX44" fmla="*/ 1312394 w 1789406"/>
                <a:gd name="connsiteY44" fmla="*/ 115123 h 565745"/>
                <a:gd name="connsiteX45" fmla="*/ 1417649 w 1789406"/>
                <a:gd name="connsiteY45" fmla="*/ 124990 h 565745"/>
                <a:gd name="connsiteX46" fmla="*/ 1427517 w 1789406"/>
                <a:gd name="connsiteY46" fmla="*/ 131569 h 565745"/>
                <a:gd name="connsiteX47" fmla="*/ 1437384 w 1789406"/>
                <a:gd name="connsiteY47" fmla="*/ 134858 h 565745"/>
                <a:gd name="connsiteX48" fmla="*/ 1443963 w 1789406"/>
                <a:gd name="connsiteY48" fmla="*/ 144725 h 565745"/>
                <a:gd name="connsiteX49" fmla="*/ 1453830 w 1789406"/>
                <a:gd name="connsiteY49" fmla="*/ 148015 h 565745"/>
                <a:gd name="connsiteX50" fmla="*/ 1503168 w 1789406"/>
                <a:gd name="connsiteY50" fmla="*/ 164461 h 565745"/>
                <a:gd name="connsiteX51" fmla="*/ 1516325 w 1789406"/>
                <a:gd name="connsiteY51" fmla="*/ 167750 h 565745"/>
                <a:gd name="connsiteX52" fmla="*/ 1539350 w 1789406"/>
                <a:gd name="connsiteY52" fmla="*/ 180907 h 565745"/>
                <a:gd name="connsiteX53" fmla="*/ 1582109 w 1789406"/>
                <a:gd name="connsiteY53" fmla="*/ 207220 h 565745"/>
                <a:gd name="connsiteX54" fmla="*/ 1591977 w 1789406"/>
                <a:gd name="connsiteY54" fmla="*/ 226956 h 565745"/>
                <a:gd name="connsiteX55" fmla="*/ 1628158 w 1789406"/>
                <a:gd name="connsiteY55" fmla="*/ 282872 h 565745"/>
                <a:gd name="connsiteX56" fmla="*/ 1644604 w 1789406"/>
                <a:gd name="connsiteY56" fmla="*/ 292740 h 565745"/>
                <a:gd name="connsiteX57" fmla="*/ 1680786 w 1789406"/>
                <a:gd name="connsiteY57" fmla="*/ 328921 h 565745"/>
                <a:gd name="connsiteX58" fmla="*/ 1713678 w 1789406"/>
                <a:gd name="connsiteY58" fmla="*/ 355235 h 565745"/>
                <a:gd name="connsiteX59" fmla="*/ 1743281 w 1789406"/>
                <a:gd name="connsiteY59" fmla="*/ 401284 h 565745"/>
                <a:gd name="connsiteX60" fmla="*/ 1789329 w 1789406"/>
                <a:gd name="connsiteY60" fmla="*/ 473646 h 565745"/>
                <a:gd name="connsiteX61" fmla="*/ 1759726 w 1789406"/>
                <a:gd name="connsiteY6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1793 w 1789406"/>
                <a:gd name="connsiteY22" fmla="*/ 72363 h 565745"/>
                <a:gd name="connsiteX23" fmla="*/ 657842 w 1789406"/>
                <a:gd name="connsiteY23" fmla="*/ 69074 h 565745"/>
                <a:gd name="connsiteX24" fmla="*/ 703891 w 1789406"/>
                <a:gd name="connsiteY24" fmla="*/ 72363 h 565745"/>
                <a:gd name="connsiteX25" fmla="*/ 723626 w 1789406"/>
                <a:gd name="connsiteY25" fmla="*/ 78941 h 565745"/>
                <a:gd name="connsiteX26" fmla="*/ 743361 w 1789406"/>
                <a:gd name="connsiteY26" fmla="*/ 82230 h 565745"/>
                <a:gd name="connsiteX27" fmla="*/ 786121 w 1789406"/>
                <a:gd name="connsiteY27" fmla="*/ 78941 h 565745"/>
                <a:gd name="connsiteX28" fmla="*/ 795988 w 1789406"/>
                <a:gd name="connsiteY28" fmla="*/ 75652 h 565745"/>
                <a:gd name="connsiteX29" fmla="*/ 815724 w 1789406"/>
                <a:gd name="connsiteY29" fmla="*/ 72363 h 565745"/>
                <a:gd name="connsiteX30" fmla="*/ 832170 w 1789406"/>
                <a:gd name="connsiteY30" fmla="*/ 65784 h 565745"/>
                <a:gd name="connsiteX31" fmla="*/ 871640 w 1789406"/>
                <a:gd name="connsiteY31" fmla="*/ 62495 h 565745"/>
                <a:gd name="connsiteX32" fmla="*/ 884797 w 1789406"/>
                <a:gd name="connsiteY32" fmla="*/ 59206 h 565745"/>
                <a:gd name="connsiteX33" fmla="*/ 970317 w 1789406"/>
                <a:gd name="connsiteY33" fmla="*/ 65784 h 565745"/>
                <a:gd name="connsiteX34" fmla="*/ 993341 w 1789406"/>
                <a:gd name="connsiteY34" fmla="*/ 72363 h 565745"/>
                <a:gd name="connsiteX35" fmla="*/ 1026233 w 1789406"/>
                <a:gd name="connsiteY35" fmla="*/ 78941 h 565745"/>
                <a:gd name="connsiteX36" fmla="*/ 1036101 w 1789406"/>
                <a:gd name="connsiteY36" fmla="*/ 82230 h 565745"/>
                <a:gd name="connsiteX37" fmla="*/ 1059125 w 1789406"/>
                <a:gd name="connsiteY37" fmla="*/ 88809 h 565745"/>
                <a:gd name="connsiteX38" fmla="*/ 1197272 w 1789406"/>
                <a:gd name="connsiteY38" fmla="*/ 101966 h 565745"/>
                <a:gd name="connsiteX39" fmla="*/ 1207140 w 1789406"/>
                <a:gd name="connsiteY39" fmla="*/ 98676 h 565745"/>
                <a:gd name="connsiteX40" fmla="*/ 1256478 w 1789406"/>
                <a:gd name="connsiteY40" fmla="*/ 101966 h 565745"/>
                <a:gd name="connsiteX41" fmla="*/ 1269634 w 1789406"/>
                <a:gd name="connsiteY41" fmla="*/ 105255 h 565745"/>
                <a:gd name="connsiteX42" fmla="*/ 1286081 w 1789406"/>
                <a:gd name="connsiteY42" fmla="*/ 108544 h 565745"/>
                <a:gd name="connsiteX43" fmla="*/ 1312394 w 1789406"/>
                <a:gd name="connsiteY43" fmla="*/ 115123 h 565745"/>
                <a:gd name="connsiteX44" fmla="*/ 1417649 w 1789406"/>
                <a:gd name="connsiteY44" fmla="*/ 124990 h 565745"/>
                <a:gd name="connsiteX45" fmla="*/ 1427517 w 1789406"/>
                <a:gd name="connsiteY45" fmla="*/ 131569 h 565745"/>
                <a:gd name="connsiteX46" fmla="*/ 1437384 w 1789406"/>
                <a:gd name="connsiteY46" fmla="*/ 134858 h 565745"/>
                <a:gd name="connsiteX47" fmla="*/ 1443963 w 1789406"/>
                <a:gd name="connsiteY47" fmla="*/ 144725 h 565745"/>
                <a:gd name="connsiteX48" fmla="*/ 1453830 w 1789406"/>
                <a:gd name="connsiteY48" fmla="*/ 148015 h 565745"/>
                <a:gd name="connsiteX49" fmla="*/ 1503168 w 1789406"/>
                <a:gd name="connsiteY49" fmla="*/ 164461 h 565745"/>
                <a:gd name="connsiteX50" fmla="*/ 1516325 w 1789406"/>
                <a:gd name="connsiteY50" fmla="*/ 167750 h 565745"/>
                <a:gd name="connsiteX51" fmla="*/ 1539350 w 1789406"/>
                <a:gd name="connsiteY51" fmla="*/ 180907 h 565745"/>
                <a:gd name="connsiteX52" fmla="*/ 1582109 w 1789406"/>
                <a:gd name="connsiteY52" fmla="*/ 207220 h 565745"/>
                <a:gd name="connsiteX53" fmla="*/ 1591977 w 1789406"/>
                <a:gd name="connsiteY53" fmla="*/ 226956 h 565745"/>
                <a:gd name="connsiteX54" fmla="*/ 1628158 w 1789406"/>
                <a:gd name="connsiteY54" fmla="*/ 282872 h 565745"/>
                <a:gd name="connsiteX55" fmla="*/ 1644604 w 1789406"/>
                <a:gd name="connsiteY55" fmla="*/ 292740 h 565745"/>
                <a:gd name="connsiteX56" fmla="*/ 1680786 w 1789406"/>
                <a:gd name="connsiteY56" fmla="*/ 328921 h 565745"/>
                <a:gd name="connsiteX57" fmla="*/ 1713678 w 1789406"/>
                <a:gd name="connsiteY57" fmla="*/ 355235 h 565745"/>
                <a:gd name="connsiteX58" fmla="*/ 1743281 w 1789406"/>
                <a:gd name="connsiteY58" fmla="*/ 401284 h 565745"/>
                <a:gd name="connsiteX59" fmla="*/ 1789329 w 1789406"/>
                <a:gd name="connsiteY59" fmla="*/ 473646 h 565745"/>
                <a:gd name="connsiteX60" fmla="*/ 1759726 w 1789406"/>
                <a:gd name="connsiteY6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23626 w 1789406"/>
                <a:gd name="connsiteY24" fmla="*/ 78941 h 565745"/>
                <a:gd name="connsiteX25" fmla="*/ 743361 w 1789406"/>
                <a:gd name="connsiteY25" fmla="*/ 82230 h 565745"/>
                <a:gd name="connsiteX26" fmla="*/ 786121 w 1789406"/>
                <a:gd name="connsiteY26" fmla="*/ 78941 h 565745"/>
                <a:gd name="connsiteX27" fmla="*/ 795988 w 1789406"/>
                <a:gd name="connsiteY27" fmla="*/ 75652 h 565745"/>
                <a:gd name="connsiteX28" fmla="*/ 815724 w 1789406"/>
                <a:gd name="connsiteY28" fmla="*/ 72363 h 565745"/>
                <a:gd name="connsiteX29" fmla="*/ 832170 w 1789406"/>
                <a:gd name="connsiteY29" fmla="*/ 65784 h 565745"/>
                <a:gd name="connsiteX30" fmla="*/ 871640 w 1789406"/>
                <a:gd name="connsiteY30" fmla="*/ 62495 h 565745"/>
                <a:gd name="connsiteX31" fmla="*/ 884797 w 1789406"/>
                <a:gd name="connsiteY31" fmla="*/ 59206 h 565745"/>
                <a:gd name="connsiteX32" fmla="*/ 970317 w 1789406"/>
                <a:gd name="connsiteY32" fmla="*/ 65784 h 565745"/>
                <a:gd name="connsiteX33" fmla="*/ 993341 w 1789406"/>
                <a:gd name="connsiteY33" fmla="*/ 72363 h 565745"/>
                <a:gd name="connsiteX34" fmla="*/ 1026233 w 1789406"/>
                <a:gd name="connsiteY34" fmla="*/ 78941 h 565745"/>
                <a:gd name="connsiteX35" fmla="*/ 1036101 w 1789406"/>
                <a:gd name="connsiteY35" fmla="*/ 82230 h 565745"/>
                <a:gd name="connsiteX36" fmla="*/ 1059125 w 1789406"/>
                <a:gd name="connsiteY36" fmla="*/ 88809 h 565745"/>
                <a:gd name="connsiteX37" fmla="*/ 1197272 w 1789406"/>
                <a:gd name="connsiteY37" fmla="*/ 101966 h 565745"/>
                <a:gd name="connsiteX38" fmla="*/ 1207140 w 1789406"/>
                <a:gd name="connsiteY38" fmla="*/ 98676 h 565745"/>
                <a:gd name="connsiteX39" fmla="*/ 1256478 w 1789406"/>
                <a:gd name="connsiteY39" fmla="*/ 101966 h 565745"/>
                <a:gd name="connsiteX40" fmla="*/ 1269634 w 1789406"/>
                <a:gd name="connsiteY40" fmla="*/ 105255 h 565745"/>
                <a:gd name="connsiteX41" fmla="*/ 1286081 w 1789406"/>
                <a:gd name="connsiteY41" fmla="*/ 108544 h 565745"/>
                <a:gd name="connsiteX42" fmla="*/ 1312394 w 1789406"/>
                <a:gd name="connsiteY42" fmla="*/ 115123 h 565745"/>
                <a:gd name="connsiteX43" fmla="*/ 1417649 w 1789406"/>
                <a:gd name="connsiteY43" fmla="*/ 124990 h 565745"/>
                <a:gd name="connsiteX44" fmla="*/ 1427517 w 1789406"/>
                <a:gd name="connsiteY44" fmla="*/ 131569 h 565745"/>
                <a:gd name="connsiteX45" fmla="*/ 1437384 w 1789406"/>
                <a:gd name="connsiteY45" fmla="*/ 134858 h 565745"/>
                <a:gd name="connsiteX46" fmla="*/ 1443963 w 1789406"/>
                <a:gd name="connsiteY46" fmla="*/ 144725 h 565745"/>
                <a:gd name="connsiteX47" fmla="*/ 1453830 w 1789406"/>
                <a:gd name="connsiteY47" fmla="*/ 148015 h 565745"/>
                <a:gd name="connsiteX48" fmla="*/ 1503168 w 1789406"/>
                <a:gd name="connsiteY48" fmla="*/ 164461 h 565745"/>
                <a:gd name="connsiteX49" fmla="*/ 1516325 w 1789406"/>
                <a:gd name="connsiteY49" fmla="*/ 167750 h 565745"/>
                <a:gd name="connsiteX50" fmla="*/ 1539350 w 1789406"/>
                <a:gd name="connsiteY50" fmla="*/ 180907 h 565745"/>
                <a:gd name="connsiteX51" fmla="*/ 1582109 w 1789406"/>
                <a:gd name="connsiteY51" fmla="*/ 207220 h 565745"/>
                <a:gd name="connsiteX52" fmla="*/ 1591977 w 1789406"/>
                <a:gd name="connsiteY52" fmla="*/ 226956 h 565745"/>
                <a:gd name="connsiteX53" fmla="*/ 1628158 w 1789406"/>
                <a:gd name="connsiteY53" fmla="*/ 282872 h 565745"/>
                <a:gd name="connsiteX54" fmla="*/ 1644604 w 1789406"/>
                <a:gd name="connsiteY54" fmla="*/ 292740 h 565745"/>
                <a:gd name="connsiteX55" fmla="*/ 1680786 w 1789406"/>
                <a:gd name="connsiteY55" fmla="*/ 328921 h 565745"/>
                <a:gd name="connsiteX56" fmla="*/ 1713678 w 1789406"/>
                <a:gd name="connsiteY56" fmla="*/ 355235 h 565745"/>
                <a:gd name="connsiteX57" fmla="*/ 1743281 w 1789406"/>
                <a:gd name="connsiteY57" fmla="*/ 401284 h 565745"/>
                <a:gd name="connsiteX58" fmla="*/ 1789329 w 1789406"/>
                <a:gd name="connsiteY58" fmla="*/ 473646 h 565745"/>
                <a:gd name="connsiteX59" fmla="*/ 1759726 w 1789406"/>
                <a:gd name="connsiteY5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32170 w 1789406"/>
                <a:gd name="connsiteY28" fmla="*/ 65784 h 565745"/>
                <a:gd name="connsiteX29" fmla="*/ 871640 w 1789406"/>
                <a:gd name="connsiteY29" fmla="*/ 62495 h 565745"/>
                <a:gd name="connsiteX30" fmla="*/ 884797 w 1789406"/>
                <a:gd name="connsiteY30" fmla="*/ 59206 h 565745"/>
                <a:gd name="connsiteX31" fmla="*/ 970317 w 1789406"/>
                <a:gd name="connsiteY31" fmla="*/ 65784 h 565745"/>
                <a:gd name="connsiteX32" fmla="*/ 993341 w 1789406"/>
                <a:gd name="connsiteY32" fmla="*/ 72363 h 565745"/>
                <a:gd name="connsiteX33" fmla="*/ 1026233 w 1789406"/>
                <a:gd name="connsiteY33" fmla="*/ 78941 h 565745"/>
                <a:gd name="connsiteX34" fmla="*/ 1036101 w 1789406"/>
                <a:gd name="connsiteY34" fmla="*/ 82230 h 565745"/>
                <a:gd name="connsiteX35" fmla="*/ 1059125 w 1789406"/>
                <a:gd name="connsiteY35" fmla="*/ 88809 h 565745"/>
                <a:gd name="connsiteX36" fmla="*/ 1197272 w 1789406"/>
                <a:gd name="connsiteY36" fmla="*/ 101966 h 565745"/>
                <a:gd name="connsiteX37" fmla="*/ 1207140 w 1789406"/>
                <a:gd name="connsiteY37" fmla="*/ 98676 h 565745"/>
                <a:gd name="connsiteX38" fmla="*/ 1256478 w 1789406"/>
                <a:gd name="connsiteY38" fmla="*/ 101966 h 565745"/>
                <a:gd name="connsiteX39" fmla="*/ 1269634 w 1789406"/>
                <a:gd name="connsiteY39" fmla="*/ 105255 h 565745"/>
                <a:gd name="connsiteX40" fmla="*/ 1286081 w 1789406"/>
                <a:gd name="connsiteY40" fmla="*/ 108544 h 565745"/>
                <a:gd name="connsiteX41" fmla="*/ 1312394 w 1789406"/>
                <a:gd name="connsiteY41" fmla="*/ 115123 h 565745"/>
                <a:gd name="connsiteX42" fmla="*/ 1417649 w 1789406"/>
                <a:gd name="connsiteY42" fmla="*/ 124990 h 565745"/>
                <a:gd name="connsiteX43" fmla="*/ 1427517 w 1789406"/>
                <a:gd name="connsiteY43" fmla="*/ 131569 h 565745"/>
                <a:gd name="connsiteX44" fmla="*/ 1437384 w 1789406"/>
                <a:gd name="connsiteY44" fmla="*/ 134858 h 565745"/>
                <a:gd name="connsiteX45" fmla="*/ 1443963 w 1789406"/>
                <a:gd name="connsiteY45" fmla="*/ 144725 h 565745"/>
                <a:gd name="connsiteX46" fmla="*/ 1453830 w 1789406"/>
                <a:gd name="connsiteY46" fmla="*/ 148015 h 565745"/>
                <a:gd name="connsiteX47" fmla="*/ 1503168 w 1789406"/>
                <a:gd name="connsiteY47" fmla="*/ 164461 h 565745"/>
                <a:gd name="connsiteX48" fmla="*/ 1516325 w 1789406"/>
                <a:gd name="connsiteY48" fmla="*/ 167750 h 565745"/>
                <a:gd name="connsiteX49" fmla="*/ 1539350 w 1789406"/>
                <a:gd name="connsiteY49" fmla="*/ 180907 h 565745"/>
                <a:gd name="connsiteX50" fmla="*/ 1582109 w 1789406"/>
                <a:gd name="connsiteY50" fmla="*/ 207220 h 565745"/>
                <a:gd name="connsiteX51" fmla="*/ 1591977 w 1789406"/>
                <a:gd name="connsiteY51" fmla="*/ 226956 h 565745"/>
                <a:gd name="connsiteX52" fmla="*/ 1628158 w 1789406"/>
                <a:gd name="connsiteY52" fmla="*/ 282872 h 565745"/>
                <a:gd name="connsiteX53" fmla="*/ 1644604 w 1789406"/>
                <a:gd name="connsiteY53" fmla="*/ 292740 h 565745"/>
                <a:gd name="connsiteX54" fmla="*/ 1680786 w 1789406"/>
                <a:gd name="connsiteY54" fmla="*/ 328921 h 565745"/>
                <a:gd name="connsiteX55" fmla="*/ 1713678 w 1789406"/>
                <a:gd name="connsiteY55" fmla="*/ 355235 h 565745"/>
                <a:gd name="connsiteX56" fmla="*/ 1743281 w 1789406"/>
                <a:gd name="connsiteY56" fmla="*/ 401284 h 565745"/>
                <a:gd name="connsiteX57" fmla="*/ 1789329 w 1789406"/>
                <a:gd name="connsiteY57" fmla="*/ 473646 h 565745"/>
                <a:gd name="connsiteX58" fmla="*/ 1759726 w 1789406"/>
                <a:gd name="connsiteY5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7323 w 1789406"/>
                <a:gd name="connsiteY22" fmla="*/ 58737 h 565745"/>
                <a:gd name="connsiteX23" fmla="*/ 657842 w 1789406"/>
                <a:gd name="connsiteY23" fmla="*/ 69074 h 565745"/>
                <a:gd name="connsiteX24" fmla="*/ 703891 w 1789406"/>
                <a:gd name="connsiteY24" fmla="*/ 72363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68391 w 1789406"/>
                <a:gd name="connsiteY15" fmla="*/ 92098 h 565745"/>
                <a:gd name="connsiteX16" fmla="*/ 427597 w 1789406"/>
                <a:gd name="connsiteY16" fmla="*/ 75652 h 565745"/>
                <a:gd name="connsiteX17" fmla="*/ 467068 w 1789406"/>
                <a:gd name="connsiteY17" fmla="*/ 78941 h 565745"/>
                <a:gd name="connsiteX18" fmla="*/ 486803 w 1789406"/>
                <a:gd name="connsiteY18" fmla="*/ 85520 h 565745"/>
                <a:gd name="connsiteX19" fmla="*/ 565744 w 1789406"/>
                <a:gd name="connsiteY19" fmla="*/ 82230 h 565745"/>
                <a:gd name="connsiteX20" fmla="*/ 585479 w 1789406"/>
                <a:gd name="connsiteY20" fmla="*/ 75652 h 565745"/>
                <a:gd name="connsiteX21" fmla="*/ 617323 w 1789406"/>
                <a:gd name="connsiteY21" fmla="*/ 58737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220377 w 1789406"/>
                <a:gd name="connsiteY11" fmla="*/ 121701 h 565745"/>
                <a:gd name="connsiteX12" fmla="*/ 312475 w 1789406"/>
                <a:gd name="connsiteY12" fmla="*/ 108544 h 565745"/>
                <a:gd name="connsiteX13" fmla="*/ 322342 w 1789406"/>
                <a:gd name="connsiteY13" fmla="*/ 105255 h 565745"/>
                <a:gd name="connsiteX14" fmla="*/ 368391 w 1789406"/>
                <a:gd name="connsiteY14" fmla="*/ 92098 h 565745"/>
                <a:gd name="connsiteX15" fmla="*/ 427597 w 1789406"/>
                <a:gd name="connsiteY15" fmla="*/ 75652 h 565745"/>
                <a:gd name="connsiteX16" fmla="*/ 467068 w 1789406"/>
                <a:gd name="connsiteY16" fmla="*/ 78941 h 565745"/>
                <a:gd name="connsiteX17" fmla="*/ 486803 w 1789406"/>
                <a:gd name="connsiteY17" fmla="*/ 85520 h 565745"/>
                <a:gd name="connsiteX18" fmla="*/ 565744 w 1789406"/>
                <a:gd name="connsiteY18" fmla="*/ 82230 h 565745"/>
                <a:gd name="connsiteX19" fmla="*/ 585479 w 1789406"/>
                <a:gd name="connsiteY19" fmla="*/ 75652 h 565745"/>
                <a:gd name="connsiteX20" fmla="*/ 617323 w 1789406"/>
                <a:gd name="connsiteY20" fmla="*/ 58737 h 565745"/>
                <a:gd name="connsiteX21" fmla="*/ 657842 w 1789406"/>
                <a:gd name="connsiteY21" fmla="*/ 69074 h 565745"/>
                <a:gd name="connsiteX22" fmla="*/ 703891 w 1789406"/>
                <a:gd name="connsiteY22" fmla="*/ 72363 h 565745"/>
                <a:gd name="connsiteX23" fmla="*/ 786121 w 1789406"/>
                <a:gd name="connsiteY23" fmla="*/ 78941 h 565745"/>
                <a:gd name="connsiteX24" fmla="*/ 795988 w 1789406"/>
                <a:gd name="connsiteY24" fmla="*/ 75652 h 565745"/>
                <a:gd name="connsiteX25" fmla="*/ 815724 w 1789406"/>
                <a:gd name="connsiteY25" fmla="*/ 72363 h 565745"/>
                <a:gd name="connsiteX26" fmla="*/ 871640 w 1789406"/>
                <a:gd name="connsiteY26" fmla="*/ 62495 h 565745"/>
                <a:gd name="connsiteX27" fmla="*/ 884797 w 1789406"/>
                <a:gd name="connsiteY27" fmla="*/ 59206 h 565745"/>
                <a:gd name="connsiteX28" fmla="*/ 970317 w 1789406"/>
                <a:gd name="connsiteY28" fmla="*/ 65784 h 565745"/>
                <a:gd name="connsiteX29" fmla="*/ 993341 w 1789406"/>
                <a:gd name="connsiteY29" fmla="*/ 72363 h 565745"/>
                <a:gd name="connsiteX30" fmla="*/ 1026233 w 1789406"/>
                <a:gd name="connsiteY30" fmla="*/ 78941 h 565745"/>
                <a:gd name="connsiteX31" fmla="*/ 1036101 w 1789406"/>
                <a:gd name="connsiteY31" fmla="*/ 82230 h 565745"/>
                <a:gd name="connsiteX32" fmla="*/ 1059125 w 1789406"/>
                <a:gd name="connsiteY32" fmla="*/ 88809 h 565745"/>
                <a:gd name="connsiteX33" fmla="*/ 1197272 w 1789406"/>
                <a:gd name="connsiteY33" fmla="*/ 101966 h 565745"/>
                <a:gd name="connsiteX34" fmla="*/ 1207140 w 1789406"/>
                <a:gd name="connsiteY34" fmla="*/ 98676 h 565745"/>
                <a:gd name="connsiteX35" fmla="*/ 1256478 w 1789406"/>
                <a:gd name="connsiteY35" fmla="*/ 101966 h 565745"/>
                <a:gd name="connsiteX36" fmla="*/ 1269634 w 1789406"/>
                <a:gd name="connsiteY36" fmla="*/ 105255 h 565745"/>
                <a:gd name="connsiteX37" fmla="*/ 1286081 w 1789406"/>
                <a:gd name="connsiteY37" fmla="*/ 108544 h 565745"/>
                <a:gd name="connsiteX38" fmla="*/ 1312394 w 1789406"/>
                <a:gd name="connsiteY38" fmla="*/ 115123 h 565745"/>
                <a:gd name="connsiteX39" fmla="*/ 1417649 w 1789406"/>
                <a:gd name="connsiteY39" fmla="*/ 124990 h 565745"/>
                <a:gd name="connsiteX40" fmla="*/ 1427517 w 1789406"/>
                <a:gd name="connsiteY40" fmla="*/ 131569 h 565745"/>
                <a:gd name="connsiteX41" fmla="*/ 1437384 w 1789406"/>
                <a:gd name="connsiteY41" fmla="*/ 134858 h 565745"/>
                <a:gd name="connsiteX42" fmla="*/ 1443963 w 1789406"/>
                <a:gd name="connsiteY42" fmla="*/ 144725 h 565745"/>
                <a:gd name="connsiteX43" fmla="*/ 1453830 w 1789406"/>
                <a:gd name="connsiteY43" fmla="*/ 148015 h 565745"/>
                <a:gd name="connsiteX44" fmla="*/ 1503168 w 1789406"/>
                <a:gd name="connsiteY44" fmla="*/ 164461 h 565745"/>
                <a:gd name="connsiteX45" fmla="*/ 1516325 w 1789406"/>
                <a:gd name="connsiteY45" fmla="*/ 167750 h 565745"/>
                <a:gd name="connsiteX46" fmla="*/ 1539350 w 1789406"/>
                <a:gd name="connsiteY46" fmla="*/ 180907 h 565745"/>
                <a:gd name="connsiteX47" fmla="*/ 1582109 w 1789406"/>
                <a:gd name="connsiteY47" fmla="*/ 207220 h 565745"/>
                <a:gd name="connsiteX48" fmla="*/ 1591977 w 1789406"/>
                <a:gd name="connsiteY48" fmla="*/ 226956 h 565745"/>
                <a:gd name="connsiteX49" fmla="*/ 1628158 w 1789406"/>
                <a:gd name="connsiteY49" fmla="*/ 282872 h 565745"/>
                <a:gd name="connsiteX50" fmla="*/ 1644604 w 1789406"/>
                <a:gd name="connsiteY50" fmla="*/ 292740 h 565745"/>
                <a:gd name="connsiteX51" fmla="*/ 1680786 w 1789406"/>
                <a:gd name="connsiteY51" fmla="*/ 328921 h 565745"/>
                <a:gd name="connsiteX52" fmla="*/ 1713678 w 1789406"/>
                <a:gd name="connsiteY52" fmla="*/ 355235 h 565745"/>
                <a:gd name="connsiteX53" fmla="*/ 1743281 w 1789406"/>
                <a:gd name="connsiteY53" fmla="*/ 401284 h 565745"/>
                <a:gd name="connsiteX54" fmla="*/ 1789329 w 1789406"/>
                <a:gd name="connsiteY54" fmla="*/ 473646 h 565745"/>
                <a:gd name="connsiteX55" fmla="*/ 1759726 w 1789406"/>
                <a:gd name="connsiteY5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48014 w 1789406"/>
                <a:gd name="connsiteY9" fmla="*/ 108544 h 565745"/>
                <a:gd name="connsiteX10" fmla="*/ 220377 w 1789406"/>
                <a:gd name="connsiteY10" fmla="*/ 121701 h 565745"/>
                <a:gd name="connsiteX11" fmla="*/ 312475 w 1789406"/>
                <a:gd name="connsiteY11" fmla="*/ 108544 h 565745"/>
                <a:gd name="connsiteX12" fmla="*/ 322342 w 1789406"/>
                <a:gd name="connsiteY12" fmla="*/ 105255 h 565745"/>
                <a:gd name="connsiteX13" fmla="*/ 368391 w 1789406"/>
                <a:gd name="connsiteY13" fmla="*/ 92098 h 565745"/>
                <a:gd name="connsiteX14" fmla="*/ 427597 w 1789406"/>
                <a:gd name="connsiteY14" fmla="*/ 75652 h 565745"/>
                <a:gd name="connsiteX15" fmla="*/ 467068 w 1789406"/>
                <a:gd name="connsiteY15" fmla="*/ 78941 h 565745"/>
                <a:gd name="connsiteX16" fmla="*/ 486803 w 1789406"/>
                <a:gd name="connsiteY16" fmla="*/ 85520 h 565745"/>
                <a:gd name="connsiteX17" fmla="*/ 565744 w 1789406"/>
                <a:gd name="connsiteY17" fmla="*/ 82230 h 565745"/>
                <a:gd name="connsiteX18" fmla="*/ 585479 w 1789406"/>
                <a:gd name="connsiteY18" fmla="*/ 75652 h 565745"/>
                <a:gd name="connsiteX19" fmla="*/ 617323 w 1789406"/>
                <a:gd name="connsiteY19" fmla="*/ 58737 h 565745"/>
                <a:gd name="connsiteX20" fmla="*/ 657842 w 1789406"/>
                <a:gd name="connsiteY20" fmla="*/ 69074 h 565745"/>
                <a:gd name="connsiteX21" fmla="*/ 703891 w 1789406"/>
                <a:gd name="connsiteY21" fmla="*/ 72363 h 565745"/>
                <a:gd name="connsiteX22" fmla="*/ 786121 w 1789406"/>
                <a:gd name="connsiteY22" fmla="*/ 78941 h 565745"/>
                <a:gd name="connsiteX23" fmla="*/ 795988 w 1789406"/>
                <a:gd name="connsiteY23" fmla="*/ 75652 h 565745"/>
                <a:gd name="connsiteX24" fmla="*/ 815724 w 1789406"/>
                <a:gd name="connsiteY24" fmla="*/ 72363 h 565745"/>
                <a:gd name="connsiteX25" fmla="*/ 871640 w 1789406"/>
                <a:gd name="connsiteY25" fmla="*/ 62495 h 565745"/>
                <a:gd name="connsiteX26" fmla="*/ 884797 w 1789406"/>
                <a:gd name="connsiteY26" fmla="*/ 59206 h 565745"/>
                <a:gd name="connsiteX27" fmla="*/ 970317 w 1789406"/>
                <a:gd name="connsiteY27" fmla="*/ 65784 h 565745"/>
                <a:gd name="connsiteX28" fmla="*/ 993341 w 1789406"/>
                <a:gd name="connsiteY28" fmla="*/ 72363 h 565745"/>
                <a:gd name="connsiteX29" fmla="*/ 1026233 w 1789406"/>
                <a:gd name="connsiteY29" fmla="*/ 78941 h 565745"/>
                <a:gd name="connsiteX30" fmla="*/ 1036101 w 1789406"/>
                <a:gd name="connsiteY30" fmla="*/ 82230 h 565745"/>
                <a:gd name="connsiteX31" fmla="*/ 1059125 w 1789406"/>
                <a:gd name="connsiteY31" fmla="*/ 88809 h 565745"/>
                <a:gd name="connsiteX32" fmla="*/ 1197272 w 1789406"/>
                <a:gd name="connsiteY32" fmla="*/ 101966 h 565745"/>
                <a:gd name="connsiteX33" fmla="*/ 1207140 w 1789406"/>
                <a:gd name="connsiteY33" fmla="*/ 98676 h 565745"/>
                <a:gd name="connsiteX34" fmla="*/ 1256478 w 1789406"/>
                <a:gd name="connsiteY34" fmla="*/ 101966 h 565745"/>
                <a:gd name="connsiteX35" fmla="*/ 1269634 w 1789406"/>
                <a:gd name="connsiteY35" fmla="*/ 105255 h 565745"/>
                <a:gd name="connsiteX36" fmla="*/ 1286081 w 1789406"/>
                <a:gd name="connsiteY36" fmla="*/ 108544 h 565745"/>
                <a:gd name="connsiteX37" fmla="*/ 1312394 w 1789406"/>
                <a:gd name="connsiteY37" fmla="*/ 115123 h 565745"/>
                <a:gd name="connsiteX38" fmla="*/ 1417649 w 1789406"/>
                <a:gd name="connsiteY38" fmla="*/ 124990 h 565745"/>
                <a:gd name="connsiteX39" fmla="*/ 1427517 w 1789406"/>
                <a:gd name="connsiteY39" fmla="*/ 131569 h 565745"/>
                <a:gd name="connsiteX40" fmla="*/ 1437384 w 1789406"/>
                <a:gd name="connsiteY40" fmla="*/ 134858 h 565745"/>
                <a:gd name="connsiteX41" fmla="*/ 1443963 w 1789406"/>
                <a:gd name="connsiteY41" fmla="*/ 144725 h 565745"/>
                <a:gd name="connsiteX42" fmla="*/ 1453830 w 1789406"/>
                <a:gd name="connsiteY42" fmla="*/ 148015 h 565745"/>
                <a:gd name="connsiteX43" fmla="*/ 1503168 w 1789406"/>
                <a:gd name="connsiteY43" fmla="*/ 164461 h 565745"/>
                <a:gd name="connsiteX44" fmla="*/ 1516325 w 1789406"/>
                <a:gd name="connsiteY44" fmla="*/ 167750 h 565745"/>
                <a:gd name="connsiteX45" fmla="*/ 1539350 w 1789406"/>
                <a:gd name="connsiteY45" fmla="*/ 180907 h 565745"/>
                <a:gd name="connsiteX46" fmla="*/ 1582109 w 1789406"/>
                <a:gd name="connsiteY46" fmla="*/ 207220 h 565745"/>
                <a:gd name="connsiteX47" fmla="*/ 1591977 w 1789406"/>
                <a:gd name="connsiteY47" fmla="*/ 226956 h 565745"/>
                <a:gd name="connsiteX48" fmla="*/ 1628158 w 1789406"/>
                <a:gd name="connsiteY48" fmla="*/ 282872 h 565745"/>
                <a:gd name="connsiteX49" fmla="*/ 1644604 w 1789406"/>
                <a:gd name="connsiteY49" fmla="*/ 292740 h 565745"/>
                <a:gd name="connsiteX50" fmla="*/ 1680786 w 1789406"/>
                <a:gd name="connsiteY50" fmla="*/ 328921 h 565745"/>
                <a:gd name="connsiteX51" fmla="*/ 1713678 w 1789406"/>
                <a:gd name="connsiteY51" fmla="*/ 355235 h 565745"/>
                <a:gd name="connsiteX52" fmla="*/ 1743281 w 1789406"/>
                <a:gd name="connsiteY52" fmla="*/ 401284 h 565745"/>
                <a:gd name="connsiteX53" fmla="*/ 1789329 w 1789406"/>
                <a:gd name="connsiteY53" fmla="*/ 473646 h 565745"/>
                <a:gd name="connsiteX54" fmla="*/ 1759726 w 1789406"/>
                <a:gd name="connsiteY5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69073 w 1789406"/>
                <a:gd name="connsiteY4" fmla="*/ 72363 h 565745"/>
                <a:gd name="connsiteX5" fmla="*/ 88809 w 1789406"/>
                <a:gd name="connsiteY5" fmla="*/ 78941 h 565745"/>
                <a:gd name="connsiteX6" fmla="*/ 108544 w 1789406"/>
                <a:gd name="connsiteY6" fmla="*/ 85520 h 565745"/>
                <a:gd name="connsiteX7" fmla="*/ 118411 w 1789406"/>
                <a:gd name="connsiteY7" fmla="*/ 92098 h 565745"/>
                <a:gd name="connsiteX8" fmla="*/ 148014 w 1789406"/>
                <a:gd name="connsiteY8" fmla="*/ 108544 h 565745"/>
                <a:gd name="connsiteX9" fmla="*/ 220377 w 1789406"/>
                <a:gd name="connsiteY9" fmla="*/ 121701 h 565745"/>
                <a:gd name="connsiteX10" fmla="*/ 312475 w 1789406"/>
                <a:gd name="connsiteY10" fmla="*/ 108544 h 565745"/>
                <a:gd name="connsiteX11" fmla="*/ 322342 w 1789406"/>
                <a:gd name="connsiteY11" fmla="*/ 105255 h 565745"/>
                <a:gd name="connsiteX12" fmla="*/ 368391 w 1789406"/>
                <a:gd name="connsiteY12" fmla="*/ 92098 h 565745"/>
                <a:gd name="connsiteX13" fmla="*/ 427597 w 1789406"/>
                <a:gd name="connsiteY13" fmla="*/ 75652 h 565745"/>
                <a:gd name="connsiteX14" fmla="*/ 467068 w 1789406"/>
                <a:gd name="connsiteY14" fmla="*/ 78941 h 565745"/>
                <a:gd name="connsiteX15" fmla="*/ 486803 w 1789406"/>
                <a:gd name="connsiteY15" fmla="*/ 85520 h 565745"/>
                <a:gd name="connsiteX16" fmla="*/ 565744 w 1789406"/>
                <a:gd name="connsiteY16" fmla="*/ 82230 h 565745"/>
                <a:gd name="connsiteX17" fmla="*/ 585479 w 1789406"/>
                <a:gd name="connsiteY17" fmla="*/ 75652 h 565745"/>
                <a:gd name="connsiteX18" fmla="*/ 617323 w 1789406"/>
                <a:gd name="connsiteY18" fmla="*/ 58737 h 565745"/>
                <a:gd name="connsiteX19" fmla="*/ 657842 w 1789406"/>
                <a:gd name="connsiteY19" fmla="*/ 69074 h 565745"/>
                <a:gd name="connsiteX20" fmla="*/ 703891 w 1789406"/>
                <a:gd name="connsiteY20" fmla="*/ 72363 h 565745"/>
                <a:gd name="connsiteX21" fmla="*/ 786121 w 1789406"/>
                <a:gd name="connsiteY21" fmla="*/ 78941 h 565745"/>
                <a:gd name="connsiteX22" fmla="*/ 795988 w 1789406"/>
                <a:gd name="connsiteY22" fmla="*/ 75652 h 565745"/>
                <a:gd name="connsiteX23" fmla="*/ 815724 w 1789406"/>
                <a:gd name="connsiteY23" fmla="*/ 72363 h 565745"/>
                <a:gd name="connsiteX24" fmla="*/ 871640 w 1789406"/>
                <a:gd name="connsiteY24" fmla="*/ 62495 h 565745"/>
                <a:gd name="connsiteX25" fmla="*/ 884797 w 1789406"/>
                <a:gd name="connsiteY25" fmla="*/ 59206 h 565745"/>
                <a:gd name="connsiteX26" fmla="*/ 970317 w 1789406"/>
                <a:gd name="connsiteY26" fmla="*/ 65784 h 565745"/>
                <a:gd name="connsiteX27" fmla="*/ 993341 w 1789406"/>
                <a:gd name="connsiteY27" fmla="*/ 72363 h 565745"/>
                <a:gd name="connsiteX28" fmla="*/ 1026233 w 1789406"/>
                <a:gd name="connsiteY28" fmla="*/ 78941 h 565745"/>
                <a:gd name="connsiteX29" fmla="*/ 1036101 w 1789406"/>
                <a:gd name="connsiteY29" fmla="*/ 82230 h 565745"/>
                <a:gd name="connsiteX30" fmla="*/ 1059125 w 1789406"/>
                <a:gd name="connsiteY30" fmla="*/ 88809 h 565745"/>
                <a:gd name="connsiteX31" fmla="*/ 1197272 w 1789406"/>
                <a:gd name="connsiteY31" fmla="*/ 101966 h 565745"/>
                <a:gd name="connsiteX32" fmla="*/ 1207140 w 1789406"/>
                <a:gd name="connsiteY32" fmla="*/ 98676 h 565745"/>
                <a:gd name="connsiteX33" fmla="*/ 1256478 w 1789406"/>
                <a:gd name="connsiteY33" fmla="*/ 101966 h 565745"/>
                <a:gd name="connsiteX34" fmla="*/ 1269634 w 1789406"/>
                <a:gd name="connsiteY34" fmla="*/ 105255 h 565745"/>
                <a:gd name="connsiteX35" fmla="*/ 1286081 w 1789406"/>
                <a:gd name="connsiteY35" fmla="*/ 108544 h 565745"/>
                <a:gd name="connsiteX36" fmla="*/ 1312394 w 1789406"/>
                <a:gd name="connsiteY36" fmla="*/ 115123 h 565745"/>
                <a:gd name="connsiteX37" fmla="*/ 1417649 w 1789406"/>
                <a:gd name="connsiteY37" fmla="*/ 124990 h 565745"/>
                <a:gd name="connsiteX38" fmla="*/ 1427517 w 1789406"/>
                <a:gd name="connsiteY38" fmla="*/ 131569 h 565745"/>
                <a:gd name="connsiteX39" fmla="*/ 1437384 w 1789406"/>
                <a:gd name="connsiteY39" fmla="*/ 134858 h 565745"/>
                <a:gd name="connsiteX40" fmla="*/ 1443963 w 1789406"/>
                <a:gd name="connsiteY40" fmla="*/ 144725 h 565745"/>
                <a:gd name="connsiteX41" fmla="*/ 1453830 w 1789406"/>
                <a:gd name="connsiteY41" fmla="*/ 148015 h 565745"/>
                <a:gd name="connsiteX42" fmla="*/ 1503168 w 1789406"/>
                <a:gd name="connsiteY42" fmla="*/ 164461 h 565745"/>
                <a:gd name="connsiteX43" fmla="*/ 1516325 w 1789406"/>
                <a:gd name="connsiteY43" fmla="*/ 167750 h 565745"/>
                <a:gd name="connsiteX44" fmla="*/ 1539350 w 1789406"/>
                <a:gd name="connsiteY44" fmla="*/ 180907 h 565745"/>
                <a:gd name="connsiteX45" fmla="*/ 1582109 w 1789406"/>
                <a:gd name="connsiteY45" fmla="*/ 207220 h 565745"/>
                <a:gd name="connsiteX46" fmla="*/ 1591977 w 1789406"/>
                <a:gd name="connsiteY46" fmla="*/ 226956 h 565745"/>
                <a:gd name="connsiteX47" fmla="*/ 1628158 w 1789406"/>
                <a:gd name="connsiteY47" fmla="*/ 282872 h 565745"/>
                <a:gd name="connsiteX48" fmla="*/ 1644604 w 1789406"/>
                <a:gd name="connsiteY48" fmla="*/ 292740 h 565745"/>
                <a:gd name="connsiteX49" fmla="*/ 1680786 w 1789406"/>
                <a:gd name="connsiteY49" fmla="*/ 328921 h 565745"/>
                <a:gd name="connsiteX50" fmla="*/ 1713678 w 1789406"/>
                <a:gd name="connsiteY50" fmla="*/ 355235 h 565745"/>
                <a:gd name="connsiteX51" fmla="*/ 1743281 w 1789406"/>
                <a:gd name="connsiteY51" fmla="*/ 401284 h 565745"/>
                <a:gd name="connsiteX52" fmla="*/ 1789329 w 1789406"/>
                <a:gd name="connsiteY52" fmla="*/ 473646 h 565745"/>
                <a:gd name="connsiteX53" fmla="*/ 1759726 w 1789406"/>
                <a:gd name="connsiteY53" fmla="*/ 565745 h 565745"/>
                <a:gd name="connsiteX0" fmla="*/ 0 w 1789406"/>
                <a:gd name="connsiteY0" fmla="*/ 0 h 565745"/>
                <a:gd name="connsiteX1" fmla="*/ 13157 w 1789406"/>
                <a:gd name="connsiteY1" fmla="*/ 42760 h 565745"/>
                <a:gd name="connsiteX2" fmla="*/ 23024 w 1789406"/>
                <a:gd name="connsiteY2" fmla="*/ 52628 h 565745"/>
                <a:gd name="connsiteX3" fmla="*/ 69073 w 1789406"/>
                <a:gd name="connsiteY3" fmla="*/ 72363 h 565745"/>
                <a:gd name="connsiteX4" fmla="*/ 88809 w 1789406"/>
                <a:gd name="connsiteY4" fmla="*/ 78941 h 565745"/>
                <a:gd name="connsiteX5" fmla="*/ 108544 w 1789406"/>
                <a:gd name="connsiteY5" fmla="*/ 85520 h 565745"/>
                <a:gd name="connsiteX6" fmla="*/ 118411 w 1789406"/>
                <a:gd name="connsiteY6" fmla="*/ 92098 h 565745"/>
                <a:gd name="connsiteX7" fmla="*/ 148014 w 1789406"/>
                <a:gd name="connsiteY7" fmla="*/ 108544 h 565745"/>
                <a:gd name="connsiteX8" fmla="*/ 220377 w 1789406"/>
                <a:gd name="connsiteY8" fmla="*/ 121701 h 565745"/>
                <a:gd name="connsiteX9" fmla="*/ 312475 w 1789406"/>
                <a:gd name="connsiteY9" fmla="*/ 108544 h 565745"/>
                <a:gd name="connsiteX10" fmla="*/ 322342 w 1789406"/>
                <a:gd name="connsiteY10" fmla="*/ 105255 h 565745"/>
                <a:gd name="connsiteX11" fmla="*/ 368391 w 1789406"/>
                <a:gd name="connsiteY11" fmla="*/ 92098 h 565745"/>
                <a:gd name="connsiteX12" fmla="*/ 427597 w 1789406"/>
                <a:gd name="connsiteY12" fmla="*/ 75652 h 565745"/>
                <a:gd name="connsiteX13" fmla="*/ 467068 w 1789406"/>
                <a:gd name="connsiteY13" fmla="*/ 78941 h 565745"/>
                <a:gd name="connsiteX14" fmla="*/ 486803 w 1789406"/>
                <a:gd name="connsiteY14" fmla="*/ 85520 h 565745"/>
                <a:gd name="connsiteX15" fmla="*/ 565744 w 1789406"/>
                <a:gd name="connsiteY15" fmla="*/ 82230 h 565745"/>
                <a:gd name="connsiteX16" fmla="*/ 585479 w 1789406"/>
                <a:gd name="connsiteY16" fmla="*/ 75652 h 565745"/>
                <a:gd name="connsiteX17" fmla="*/ 617323 w 1789406"/>
                <a:gd name="connsiteY17" fmla="*/ 58737 h 565745"/>
                <a:gd name="connsiteX18" fmla="*/ 657842 w 1789406"/>
                <a:gd name="connsiteY18" fmla="*/ 69074 h 565745"/>
                <a:gd name="connsiteX19" fmla="*/ 703891 w 1789406"/>
                <a:gd name="connsiteY19" fmla="*/ 72363 h 565745"/>
                <a:gd name="connsiteX20" fmla="*/ 786121 w 1789406"/>
                <a:gd name="connsiteY20" fmla="*/ 78941 h 565745"/>
                <a:gd name="connsiteX21" fmla="*/ 795988 w 1789406"/>
                <a:gd name="connsiteY21" fmla="*/ 75652 h 565745"/>
                <a:gd name="connsiteX22" fmla="*/ 815724 w 1789406"/>
                <a:gd name="connsiteY22" fmla="*/ 72363 h 565745"/>
                <a:gd name="connsiteX23" fmla="*/ 871640 w 1789406"/>
                <a:gd name="connsiteY23" fmla="*/ 62495 h 565745"/>
                <a:gd name="connsiteX24" fmla="*/ 884797 w 1789406"/>
                <a:gd name="connsiteY24" fmla="*/ 59206 h 565745"/>
                <a:gd name="connsiteX25" fmla="*/ 970317 w 1789406"/>
                <a:gd name="connsiteY25" fmla="*/ 65784 h 565745"/>
                <a:gd name="connsiteX26" fmla="*/ 993341 w 1789406"/>
                <a:gd name="connsiteY26" fmla="*/ 72363 h 565745"/>
                <a:gd name="connsiteX27" fmla="*/ 1026233 w 1789406"/>
                <a:gd name="connsiteY27" fmla="*/ 78941 h 565745"/>
                <a:gd name="connsiteX28" fmla="*/ 1036101 w 1789406"/>
                <a:gd name="connsiteY28" fmla="*/ 82230 h 565745"/>
                <a:gd name="connsiteX29" fmla="*/ 1059125 w 1789406"/>
                <a:gd name="connsiteY29" fmla="*/ 88809 h 565745"/>
                <a:gd name="connsiteX30" fmla="*/ 1197272 w 1789406"/>
                <a:gd name="connsiteY30" fmla="*/ 101966 h 565745"/>
                <a:gd name="connsiteX31" fmla="*/ 1207140 w 1789406"/>
                <a:gd name="connsiteY31" fmla="*/ 98676 h 565745"/>
                <a:gd name="connsiteX32" fmla="*/ 1256478 w 1789406"/>
                <a:gd name="connsiteY32" fmla="*/ 101966 h 565745"/>
                <a:gd name="connsiteX33" fmla="*/ 1269634 w 1789406"/>
                <a:gd name="connsiteY33" fmla="*/ 105255 h 565745"/>
                <a:gd name="connsiteX34" fmla="*/ 1286081 w 1789406"/>
                <a:gd name="connsiteY34" fmla="*/ 108544 h 565745"/>
                <a:gd name="connsiteX35" fmla="*/ 1312394 w 1789406"/>
                <a:gd name="connsiteY35" fmla="*/ 115123 h 565745"/>
                <a:gd name="connsiteX36" fmla="*/ 1417649 w 1789406"/>
                <a:gd name="connsiteY36" fmla="*/ 124990 h 565745"/>
                <a:gd name="connsiteX37" fmla="*/ 1427517 w 1789406"/>
                <a:gd name="connsiteY37" fmla="*/ 131569 h 565745"/>
                <a:gd name="connsiteX38" fmla="*/ 1437384 w 1789406"/>
                <a:gd name="connsiteY38" fmla="*/ 134858 h 565745"/>
                <a:gd name="connsiteX39" fmla="*/ 1443963 w 1789406"/>
                <a:gd name="connsiteY39" fmla="*/ 144725 h 565745"/>
                <a:gd name="connsiteX40" fmla="*/ 1453830 w 1789406"/>
                <a:gd name="connsiteY40" fmla="*/ 148015 h 565745"/>
                <a:gd name="connsiteX41" fmla="*/ 1503168 w 1789406"/>
                <a:gd name="connsiteY41" fmla="*/ 164461 h 565745"/>
                <a:gd name="connsiteX42" fmla="*/ 1516325 w 1789406"/>
                <a:gd name="connsiteY42" fmla="*/ 167750 h 565745"/>
                <a:gd name="connsiteX43" fmla="*/ 1539350 w 1789406"/>
                <a:gd name="connsiteY43" fmla="*/ 180907 h 565745"/>
                <a:gd name="connsiteX44" fmla="*/ 1582109 w 1789406"/>
                <a:gd name="connsiteY44" fmla="*/ 207220 h 565745"/>
                <a:gd name="connsiteX45" fmla="*/ 1591977 w 1789406"/>
                <a:gd name="connsiteY45" fmla="*/ 226956 h 565745"/>
                <a:gd name="connsiteX46" fmla="*/ 1628158 w 1789406"/>
                <a:gd name="connsiteY46" fmla="*/ 282872 h 565745"/>
                <a:gd name="connsiteX47" fmla="*/ 1644604 w 1789406"/>
                <a:gd name="connsiteY47" fmla="*/ 292740 h 565745"/>
                <a:gd name="connsiteX48" fmla="*/ 1680786 w 1789406"/>
                <a:gd name="connsiteY48" fmla="*/ 328921 h 565745"/>
                <a:gd name="connsiteX49" fmla="*/ 1713678 w 1789406"/>
                <a:gd name="connsiteY49" fmla="*/ 355235 h 565745"/>
                <a:gd name="connsiteX50" fmla="*/ 1743281 w 1789406"/>
                <a:gd name="connsiteY50" fmla="*/ 401284 h 565745"/>
                <a:gd name="connsiteX51" fmla="*/ 1789329 w 1789406"/>
                <a:gd name="connsiteY51" fmla="*/ 473646 h 565745"/>
                <a:gd name="connsiteX52" fmla="*/ 1759726 w 1789406"/>
                <a:gd name="connsiteY52" fmla="*/ 565745 h 565745"/>
                <a:gd name="connsiteX0" fmla="*/ 0 w 1789406"/>
                <a:gd name="connsiteY0" fmla="*/ 0 h 565745"/>
                <a:gd name="connsiteX1" fmla="*/ 13157 w 1789406"/>
                <a:gd name="connsiteY1" fmla="*/ 42760 h 565745"/>
                <a:gd name="connsiteX2" fmla="*/ 69073 w 1789406"/>
                <a:gd name="connsiteY2" fmla="*/ 72363 h 565745"/>
                <a:gd name="connsiteX3" fmla="*/ 88809 w 1789406"/>
                <a:gd name="connsiteY3" fmla="*/ 78941 h 565745"/>
                <a:gd name="connsiteX4" fmla="*/ 108544 w 1789406"/>
                <a:gd name="connsiteY4" fmla="*/ 85520 h 565745"/>
                <a:gd name="connsiteX5" fmla="*/ 118411 w 1789406"/>
                <a:gd name="connsiteY5" fmla="*/ 92098 h 565745"/>
                <a:gd name="connsiteX6" fmla="*/ 148014 w 1789406"/>
                <a:gd name="connsiteY6" fmla="*/ 108544 h 565745"/>
                <a:gd name="connsiteX7" fmla="*/ 220377 w 1789406"/>
                <a:gd name="connsiteY7" fmla="*/ 121701 h 565745"/>
                <a:gd name="connsiteX8" fmla="*/ 312475 w 1789406"/>
                <a:gd name="connsiteY8" fmla="*/ 108544 h 565745"/>
                <a:gd name="connsiteX9" fmla="*/ 322342 w 1789406"/>
                <a:gd name="connsiteY9" fmla="*/ 105255 h 565745"/>
                <a:gd name="connsiteX10" fmla="*/ 368391 w 1789406"/>
                <a:gd name="connsiteY10" fmla="*/ 92098 h 565745"/>
                <a:gd name="connsiteX11" fmla="*/ 427597 w 1789406"/>
                <a:gd name="connsiteY11" fmla="*/ 75652 h 565745"/>
                <a:gd name="connsiteX12" fmla="*/ 467068 w 1789406"/>
                <a:gd name="connsiteY12" fmla="*/ 78941 h 565745"/>
                <a:gd name="connsiteX13" fmla="*/ 486803 w 1789406"/>
                <a:gd name="connsiteY13" fmla="*/ 85520 h 565745"/>
                <a:gd name="connsiteX14" fmla="*/ 565744 w 1789406"/>
                <a:gd name="connsiteY14" fmla="*/ 82230 h 565745"/>
                <a:gd name="connsiteX15" fmla="*/ 585479 w 1789406"/>
                <a:gd name="connsiteY15" fmla="*/ 75652 h 565745"/>
                <a:gd name="connsiteX16" fmla="*/ 617323 w 1789406"/>
                <a:gd name="connsiteY16" fmla="*/ 58737 h 565745"/>
                <a:gd name="connsiteX17" fmla="*/ 657842 w 1789406"/>
                <a:gd name="connsiteY17" fmla="*/ 69074 h 565745"/>
                <a:gd name="connsiteX18" fmla="*/ 703891 w 1789406"/>
                <a:gd name="connsiteY18" fmla="*/ 72363 h 565745"/>
                <a:gd name="connsiteX19" fmla="*/ 786121 w 1789406"/>
                <a:gd name="connsiteY19" fmla="*/ 78941 h 565745"/>
                <a:gd name="connsiteX20" fmla="*/ 795988 w 1789406"/>
                <a:gd name="connsiteY20" fmla="*/ 75652 h 565745"/>
                <a:gd name="connsiteX21" fmla="*/ 815724 w 1789406"/>
                <a:gd name="connsiteY21" fmla="*/ 72363 h 565745"/>
                <a:gd name="connsiteX22" fmla="*/ 871640 w 1789406"/>
                <a:gd name="connsiteY22" fmla="*/ 62495 h 565745"/>
                <a:gd name="connsiteX23" fmla="*/ 884797 w 1789406"/>
                <a:gd name="connsiteY23" fmla="*/ 59206 h 565745"/>
                <a:gd name="connsiteX24" fmla="*/ 970317 w 1789406"/>
                <a:gd name="connsiteY24" fmla="*/ 65784 h 565745"/>
                <a:gd name="connsiteX25" fmla="*/ 993341 w 1789406"/>
                <a:gd name="connsiteY25" fmla="*/ 72363 h 565745"/>
                <a:gd name="connsiteX26" fmla="*/ 1026233 w 1789406"/>
                <a:gd name="connsiteY26" fmla="*/ 78941 h 565745"/>
                <a:gd name="connsiteX27" fmla="*/ 1036101 w 1789406"/>
                <a:gd name="connsiteY27" fmla="*/ 82230 h 565745"/>
                <a:gd name="connsiteX28" fmla="*/ 1059125 w 1789406"/>
                <a:gd name="connsiteY28" fmla="*/ 88809 h 565745"/>
                <a:gd name="connsiteX29" fmla="*/ 1197272 w 1789406"/>
                <a:gd name="connsiteY29" fmla="*/ 101966 h 565745"/>
                <a:gd name="connsiteX30" fmla="*/ 1207140 w 1789406"/>
                <a:gd name="connsiteY30" fmla="*/ 98676 h 565745"/>
                <a:gd name="connsiteX31" fmla="*/ 1256478 w 1789406"/>
                <a:gd name="connsiteY31" fmla="*/ 101966 h 565745"/>
                <a:gd name="connsiteX32" fmla="*/ 1269634 w 1789406"/>
                <a:gd name="connsiteY32" fmla="*/ 105255 h 565745"/>
                <a:gd name="connsiteX33" fmla="*/ 1286081 w 1789406"/>
                <a:gd name="connsiteY33" fmla="*/ 108544 h 565745"/>
                <a:gd name="connsiteX34" fmla="*/ 1312394 w 1789406"/>
                <a:gd name="connsiteY34" fmla="*/ 115123 h 565745"/>
                <a:gd name="connsiteX35" fmla="*/ 1417649 w 1789406"/>
                <a:gd name="connsiteY35" fmla="*/ 124990 h 565745"/>
                <a:gd name="connsiteX36" fmla="*/ 1427517 w 1789406"/>
                <a:gd name="connsiteY36" fmla="*/ 131569 h 565745"/>
                <a:gd name="connsiteX37" fmla="*/ 1437384 w 1789406"/>
                <a:gd name="connsiteY37" fmla="*/ 134858 h 565745"/>
                <a:gd name="connsiteX38" fmla="*/ 1443963 w 1789406"/>
                <a:gd name="connsiteY38" fmla="*/ 144725 h 565745"/>
                <a:gd name="connsiteX39" fmla="*/ 1453830 w 1789406"/>
                <a:gd name="connsiteY39" fmla="*/ 148015 h 565745"/>
                <a:gd name="connsiteX40" fmla="*/ 1503168 w 1789406"/>
                <a:gd name="connsiteY40" fmla="*/ 164461 h 565745"/>
                <a:gd name="connsiteX41" fmla="*/ 1516325 w 1789406"/>
                <a:gd name="connsiteY41" fmla="*/ 167750 h 565745"/>
                <a:gd name="connsiteX42" fmla="*/ 1539350 w 1789406"/>
                <a:gd name="connsiteY42" fmla="*/ 180907 h 565745"/>
                <a:gd name="connsiteX43" fmla="*/ 1582109 w 1789406"/>
                <a:gd name="connsiteY43" fmla="*/ 207220 h 565745"/>
                <a:gd name="connsiteX44" fmla="*/ 1591977 w 1789406"/>
                <a:gd name="connsiteY44" fmla="*/ 226956 h 565745"/>
                <a:gd name="connsiteX45" fmla="*/ 1628158 w 1789406"/>
                <a:gd name="connsiteY45" fmla="*/ 282872 h 565745"/>
                <a:gd name="connsiteX46" fmla="*/ 1644604 w 1789406"/>
                <a:gd name="connsiteY46" fmla="*/ 292740 h 565745"/>
                <a:gd name="connsiteX47" fmla="*/ 1680786 w 1789406"/>
                <a:gd name="connsiteY47" fmla="*/ 328921 h 565745"/>
                <a:gd name="connsiteX48" fmla="*/ 1713678 w 1789406"/>
                <a:gd name="connsiteY48" fmla="*/ 355235 h 565745"/>
                <a:gd name="connsiteX49" fmla="*/ 1743281 w 1789406"/>
                <a:gd name="connsiteY49" fmla="*/ 401284 h 565745"/>
                <a:gd name="connsiteX50" fmla="*/ 1789329 w 1789406"/>
                <a:gd name="connsiteY50" fmla="*/ 473646 h 565745"/>
                <a:gd name="connsiteX51" fmla="*/ 1759726 w 1789406"/>
                <a:gd name="connsiteY51"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18411 w 1789406"/>
                <a:gd name="connsiteY4" fmla="*/ 92098 h 565745"/>
                <a:gd name="connsiteX5" fmla="*/ 148014 w 1789406"/>
                <a:gd name="connsiteY5" fmla="*/ 108544 h 565745"/>
                <a:gd name="connsiteX6" fmla="*/ 220377 w 1789406"/>
                <a:gd name="connsiteY6" fmla="*/ 121701 h 565745"/>
                <a:gd name="connsiteX7" fmla="*/ 312475 w 1789406"/>
                <a:gd name="connsiteY7" fmla="*/ 108544 h 565745"/>
                <a:gd name="connsiteX8" fmla="*/ 322342 w 1789406"/>
                <a:gd name="connsiteY8" fmla="*/ 105255 h 565745"/>
                <a:gd name="connsiteX9" fmla="*/ 368391 w 1789406"/>
                <a:gd name="connsiteY9" fmla="*/ 92098 h 565745"/>
                <a:gd name="connsiteX10" fmla="*/ 427597 w 1789406"/>
                <a:gd name="connsiteY10" fmla="*/ 75652 h 565745"/>
                <a:gd name="connsiteX11" fmla="*/ 467068 w 1789406"/>
                <a:gd name="connsiteY11" fmla="*/ 78941 h 565745"/>
                <a:gd name="connsiteX12" fmla="*/ 486803 w 1789406"/>
                <a:gd name="connsiteY12" fmla="*/ 85520 h 565745"/>
                <a:gd name="connsiteX13" fmla="*/ 565744 w 1789406"/>
                <a:gd name="connsiteY13" fmla="*/ 82230 h 565745"/>
                <a:gd name="connsiteX14" fmla="*/ 585479 w 1789406"/>
                <a:gd name="connsiteY14" fmla="*/ 75652 h 565745"/>
                <a:gd name="connsiteX15" fmla="*/ 617323 w 1789406"/>
                <a:gd name="connsiteY15" fmla="*/ 58737 h 565745"/>
                <a:gd name="connsiteX16" fmla="*/ 657842 w 1789406"/>
                <a:gd name="connsiteY16" fmla="*/ 69074 h 565745"/>
                <a:gd name="connsiteX17" fmla="*/ 703891 w 1789406"/>
                <a:gd name="connsiteY17" fmla="*/ 72363 h 565745"/>
                <a:gd name="connsiteX18" fmla="*/ 786121 w 1789406"/>
                <a:gd name="connsiteY18" fmla="*/ 78941 h 565745"/>
                <a:gd name="connsiteX19" fmla="*/ 795988 w 1789406"/>
                <a:gd name="connsiteY19" fmla="*/ 75652 h 565745"/>
                <a:gd name="connsiteX20" fmla="*/ 815724 w 1789406"/>
                <a:gd name="connsiteY20" fmla="*/ 72363 h 565745"/>
                <a:gd name="connsiteX21" fmla="*/ 871640 w 1789406"/>
                <a:gd name="connsiteY21" fmla="*/ 62495 h 565745"/>
                <a:gd name="connsiteX22" fmla="*/ 884797 w 1789406"/>
                <a:gd name="connsiteY22" fmla="*/ 59206 h 565745"/>
                <a:gd name="connsiteX23" fmla="*/ 970317 w 1789406"/>
                <a:gd name="connsiteY23" fmla="*/ 65784 h 565745"/>
                <a:gd name="connsiteX24" fmla="*/ 993341 w 1789406"/>
                <a:gd name="connsiteY24" fmla="*/ 72363 h 565745"/>
                <a:gd name="connsiteX25" fmla="*/ 1026233 w 1789406"/>
                <a:gd name="connsiteY25" fmla="*/ 78941 h 565745"/>
                <a:gd name="connsiteX26" fmla="*/ 1036101 w 1789406"/>
                <a:gd name="connsiteY26" fmla="*/ 82230 h 565745"/>
                <a:gd name="connsiteX27" fmla="*/ 1059125 w 1789406"/>
                <a:gd name="connsiteY27" fmla="*/ 88809 h 565745"/>
                <a:gd name="connsiteX28" fmla="*/ 1197272 w 1789406"/>
                <a:gd name="connsiteY28" fmla="*/ 101966 h 565745"/>
                <a:gd name="connsiteX29" fmla="*/ 1207140 w 1789406"/>
                <a:gd name="connsiteY29" fmla="*/ 98676 h 565745"/>
                <a:gd name="connsiteX30" fmla="*/ 1256478 w 1789406"/>
                <a:gd name="connsiteY30" fmla="*/ 101966 h 565745"/>
                <a:gd name="connsiteX31" fmla="*/ 1269634 w 1789406"/>
                <a:gd name="connsiteY31" fmla="*/ 105255 h 565745"/>
                <a:gd name="connsiteX32" fmla="*/ 1286081 w 1789406"/>
                <a:gd name="connsiteY32" fmla="*/ 108544 h 565745"/>
                <a:gd name="connsiteX33" fmla="*/ 1312394 w 1789406"/>
                <a:gd name="connsiteY33" fmla="*/ 115123 h 565745"/>
                <a:gd name="connsiteX34" fmla="*/ 1417649 w 1789406"/>
                <a:gd name="connsiteY34" fmla="*/ 124990 h 565745"/>
                <a:gd name="connsiteX35" fmla="*/ 1427517 w 1789406"/>
                <a:gd name="connsiteY35" fmla="*/ 131569 h 565745"/>
                <a:gd name="connsiteX36" fmla="*/ 1437384 w 1789406"/>
                <a:gd name="connsiteY36" fmla="*/ 134858 h 565745"/>
                <a:gd name="connsiteX37" fmla="*/ 1443963 w 1789406"/>
                <a:gd name="connsiteY37" fmla="*/ 144725 h 565745"/>
                <a:gd name="connsiteX38" fmla="*/ 1453830 w 1789406"/>
                <a:gd name="connsiteY38" fmla="*/ 148015 h 565745"/>
                <a:gd name="connsiteX39" fmla="*/ 1503168 w 1789406"/>
                <a:gd name="connsiteY39" fmla="*/ 164461 h 565745"/>
                <a:gd name="connsiteX40" fmla="*/ 1516325 w 1789406"/>
                <a:gd name="connsiteY40" fmla="*/ 167750 h 565745"/>
                <a:gd name="connsiteX41" fmla="*/ 1539350 w 1789406"/>
                <a:gd name="connsiteY41" fmla="*/ 180907 h 565745"/>
                <a:gd name="connsiteX42" fmla="*/ 1582109 w 1789406"/>
                <a:gd name="connsiteY42" fmla="*/ 207220 h 565745"/>
                <a:gd name="connsiteX43" fmla="*/ 1591977 w 1789406"/>
                <a:gd name="connsiteY43" fmla="*/ 226956 h 565745"/>
                <a:gd name="connsiteX44" fmla="*/ 1628158 w 1789406"/>
                <a:gd name="connsiteY44" fmla="*/ 282872 h 565745"/>
                <a:gd name="connsiteX45" fmla="*/ 1644604 w 1789406"/>
                <a:gd name="connsiteY45" fmla="*/ 292740 h 565745"/>
                <a:gd name="connsiteX46" fmla="*/ 1680786 w 1789406"/>
                <a:gd name="connsiteY46" fmla="*/ 328921 h 565745"/>
                <a:gd name="connsiteX47" fmla="*/ 1713678 w 1789406"/>
                <a:gd name="connsiteY47" fmla="*/ 355235 h 565745"/>
                <a:gd name="connsiteX48" fmla="*/ 1743281 w 1789406"/>
                <a:gd name="connsiteY48" fmla="*/ 401284 h 565745"/>
                <a:gd name="connsiteX49" fmla="*/ 1789329 w 1789406"/>
                <a:gd name="connsiteY49" fmla="*/ 473646 h 565745"/>
                <a:gd name="connsiteX50" fmla="*/ 1759726 w 1789406"/>
                <a:gd name="connsiteY50"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48014 w 1789406"/>
                <a:gd name="connsiteY4" fmla="*/ 108544 h 565745"/>
                <a:gd name="connsiteX5" fmla="*/ 220377 w 1789406"/>
                <a:gd name="connsiteY5" fmla="*/ 121701 h 565745"/>
                <a:gd name="connsiteX6" fmla="*/ 312475 w 1789406"/>
                <a:gd name="connsiteY6" fmla="*/ 108544 h 565745"/>
                <a:gd name="connsiteX7" fmla="*/ 322342 w 1789406"/>
                <a:gd name="connsiteY7" fmla="*/ 105255 h 565745"/>
                <a:gd name="connsiteX8" fmla="*/ 368391 w 1789406"/>
                <a:gd name="connsiteY8" fmla="*/ 92098 h 565745"/>
                <a:gd name="connsiteX9" fmla="*/ 427597 w 1789406"/>
                <a:gd name="connsiteY9" fmla="*/ 75652 h 565745"/>
                <a:gd name="connsiteX10" fmla="*/ 467068 w 1789406"/>
                <a:gd name="connsiteY10" fmla="*/ 78941 h 565745"/>
                <a:gd name="connsiteX11" fmla="*/ 486803 w 1789406"/>
                <a:gd name="connsiteY11" fmla="*/ 85520 h 565745"/>
                <a:gd name="connsiteX12" fmla="*/ 565744 w 1789406"/>
                <a:gd name="connsiteY12" fmla="*/ 82230 h 565745"/>
                <a:gd name="connsiteX13" fmla="*/ 585479 w 1789406"/>
                <a:gd name="connsiteY13" fmla="*/ 75652 h 565745"/>
                <a:gd name="connsiteX14" fmla="*/ 617323 w 1789406"/>
                <a:gd name="connsiteY14" fmla="*/ 58737 h 565745"/>
                <a:gd name="connsiteX15" fmla="*/ 657842 w 1789406"/>
                <a:gd name="connsiteY15" fmla="*/ 69074 h 565745"/>
                <a:gd name="connsiteX16" fmla="*/ 703891 w 1789406"/>
                <a:gd name="connsiteY16" fmla="*/ 72363 h 565745"/>
                <a:gd name="connsiteX17" fmla="*/ 786121 w 1789406"/>
                <a:gd name="connsiteY17" fmla="*/ 78941 h 565745"/>
                <a:gd name="connsiteX18" fmla="*/ 795988 w 1789406"/>
                <a:gd name="connsiteY18" fmla="*/ 75652 h 565745"/>
                <a:gd name="connsiteX19" fmla="*/ 815724 w 1789406"/>
                <a:gd name="connsiteY19" fmla="*/ 72363 h 565745"/>
                <a:gd name="connsiteX20" fmla="*/ 871640 w 1789406"/>
                <a:gd name="connsiteY20" fmla="*/ 62495 h 565745"/>
                <a:gd name="connsiteX21" fmla="*/ 884797 w 1789406"/>
                <a:gd name="connsiteY21" fmla="*/ 59206 h 565745"/>
                <a:gd name="connsiteX22" fmla="*/ 970317 w 1789406"/>
                <a:gd name="connsiteY22" fmla="*/ 65784 h 565745"/>
                <a:gd name="connsiteX23" fmla="*/ 993341 w 1789406"/>
                <a:gd name="connsiteY23" fmla="*/ 72363 h 565745"/>
                <a:gd name="connsiteX24" fmla="*/ 1026233 w 1789406"/>
                <a:gd name="connsiteY24" fmla="*/ 78941 h 565745"/>
                <a:gd name="connsiteX25" fmla="*/ 1036101 w 1789406"/>
                <a:gd name="connsiteY25" fmla="*/ 82230 h 565745"/>
                <a:gd name="connsiteX26" fmla="*/ 1059125 w 1789406"/>
                <a:gd name="connsiteY26" fmla="*/ 88809 h 565745"/>
                <a:gd name="connsiteX27" fmla="*/ 1197272 w 1789406"/>
                <a:gd name="connsiteY27" fmla="*/ 101966 h 565745"/>
                <a:gd name="connsiteX28" fmla="*/ 1207140 w 1789406"/>
                <a:gd name="connsiteY28" fmla="*/ 98676 h 565745"/>
                <a:gd name="connsiteX29" fmla="*/ 1256478 w 1789406"/>
                <a:gd name="connsiteY29" fmla="*/ 101966 h 565745"/>
                <a:gd name="connsiteX30" fmla="*/ 1269634 w 1789406"/>
                <a:gd name="connsiteY30" fmla="*/ 105255 h 565745"/>
                <a:gd name="connsiteX31" fmla="*/ 1286081 w 1789406"/>
                <a:gd name="connsiteY31" fmla="*/ 108544 h 565745"/>
                <a:gd name="connsiteX32" fmla="*/ 1312394 w 1789406"/>
                <a:gd name="connsiteY32" fmla="*/ 115123 h 565745"/>
                <a:gd name="connsiteX33" fmla="*/ 1417649 w 1789406"/>
                <a:gd name="connsiteY33" fmla="*/ 124990 h 565745"/>
                <a:gd name="connsiteX34" fmla="*/ 1427517 w 1789406"/>
                <a:gd name="connsiteY34" fmla="*/ 131569 h 565745"/>
                <a:gd name="connsiteX35" fmla="*/ 1437384 w 1789406"/>
                <a:gd name="connsiteY35" fmla="*/ 134858 h 565745"/>
                <a:gd name="connsiteX36" fmla="*/ 1443963 w 1789406"/>
                <a:gd name="connsiteY36" fmla="*/ 144725 h 565745"/>
                <a:gd name="connsiteX37" fmla="*/ 1453830 w 1789406"/>
                <a:gd name="connsiteY37" fmla="*/ 148015 h 565745"/>
                <a:gd name="connsiteX38" fmla="*/ 1503168 w 1789406"/>
                <a:gd name="connsiteY38" fmla="*/ 164461 h 565745"/>
                <a:gd name="connsiteX39" fmla="*/ 1516325 w 1789406"/>
                <a:gd name="connsiteY39" fmla="*/ 167750 h 565745"/>
                <a:gd name="connsiteX40" fmla="*/ 1539350 w 1789406"/>
                <a:gd name="connsiteY40" fmla="*/ 180907 h 565745"/>
                <a:gd name="connsiteX41" fmla="*/ 1582109 w 1789406"/>
                <a:gd name="connsiteY41" fmla="*/ 207220 h 565745"/>
                <a:gd name="connsiteX42" fmla="*/ 1591977 w 1789406"/>
                <a:gd name="connsiteY42" fmla="*/ 226956 h 565745"/>
                <a:gd name="connsiteX43" fmla="*/ 1628158 w 1789406"/>
                <a:gd name="connsiteY43" fmla="*/ 282872 h 565745"/>
                <a:gd name="connsiteX44" fmla="*/ 1644604 w 1789406"/>
                <a:gd name="connsiteY44" fmla="*/ 292740 h 565745"/>
                <a:gd name="connsiteX45" fmla="*/ 1680786 w 1789406"/>
                <a:gd name="connsiteY45" fmla="*/ 328921 h 565745"/>
                <a:gd name="connsiteX46" fmla="*/ 1713678 w 1789406"/>
                <a:gd name="connsiteY46" fmla="*/ 355235 h 565745"/>
                <a:gd name="connsiteX47" fmla="*/ 1743281 w 1789406"/>
                <a:gd name="connsiteY47" fmla="*/ 401284 h 565745"/>
                <a:gd name="connsiteX48" fmla="*/ 1789329 w 1789406"/>
                <a:gd name="connsiteY48" fmla="*/ 473646 h 565745"/>
                <a:gd name="connsiteX49" fmla="*/ 1759726 w 1789406"/>
                <a:gd name="connsiteY49" fmla="*/ 565745 h 565745"/>
                <a:gd name="connsiteX0" fmla="*/ 0 w 1789406"/>
                <a:gd name="connsiteY0" fmla="*/ 0 h 565745"/>
                <a:gd name="connsiteX1" fmla="*/ 69073 w 1789406"/>
                <a:gd name="connsiteY1" fmla="*/ 72363 h 565745"/>
                <a:gd name="connsiteX2" fmla="*/ 88809 w 1789406"/>
                <a:gd name="connsiteY2" fmla="*/ 78941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48014 w 1789406"/>
                <a:gd name="connsiteY2" fmla="*/ 10854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04857 w 1789406"/>
                <a:gd name="connsiteY2" fmla="*/ 7883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22342 w 1789406"/>
                <a:gd name="connsiteY4" fmla="*/ 105255 h 565745"/>
                <a:gd name="connsiteX5" fmla="*/ 368391 w 1789406"/>
                <a:gd name="connsiteY5" fmla="*/ 92098 h 565745"/>
                <a:gd name="connsiteX6" fmla="*/ 427597 w 1789406"/>
                <a:gd name="connsiteY6" fmla="*/ 75652 h 565745"/>
                <a:gd name="connsiteX7" fmla="*/ 467068 w 1789406"/>
                <a:gd name="connsiteY7" fmla="*/ 78941 h 565745"/>
                <a:gd name="connsiteX8" fmla="*/ 486803 w 1789406"/>
                <a:gd name="connsiteY8" fmla="*/ 85520 h 565745"/>
                <a:gd name="connsiteX9" fmla="*/ 565744 w 1789406"/>
                <a:gd name="connsiteY9" fmla="*/ 82230 h 565745"/>
                <a:gd name="connsiteX10" fmla="*/ 585479 w 1789406"/>
                <a:gd name="connsiteY10" fmla="*/ 75652 h 565745"/>
                <a:gd name="connsiteX11" fmla="*/ 617323 w 1789406"/>
                <a:gd name="connsiteY11" fmla="*/ 58737 h 565745"/>
                <a:gd name="connsiteX12" fmla="*/ 657842 w 1789406"/>
                <a:gd name="connsiteY12" fmla="*/ 69074 h 565745"/>
                <a:gd name="connsiteX13" fmla="*/ 703891 w 1789406"/>
                <a:gd name="connsiteY13" fmla="*/ 72363 h 565745"/>
                <a:gd name="connsiteX14" fmla="*/ 786121 w 1789406"/>
                <a:gd name="connsiteY14" fmla="*/ 78941 h 565745"/>
                <a:gd name="connsiteX15" fmla="*/ 795988 w 1789406"/>
                <a:gd name="connsiteY15" fmla="*/ 75652 h 565745"/>
                <a:gd name="connsiteX16" fmla="*/ 815724 w 1789406"/>
                <a:gd name="connsiteY16" fmla="*/ 72363 h 565745"/>
                <a:gd name="connsiteX17" fmla="*/ 871640 w 1789406"/>
                <a:gd name="connsiteY17" fmla="*/ 62495 h 565745"/>
                <a:gd name="connsiteX18" fmla="*/ 884797 w 1789406"/>
                <a:gd name="connsiteY18" fmla="*/ 59206 h 565745"/>
                <a:gd name="connsiteX19" fmla="*/ 970317 w 1789406"/>
                <a:gd name="connsiteY19" fmla="*/ 65784 h 565745"/>
                <a:gd name="connsiteX20" fmla="*/ 993341 w 1789406"/>
                <a:gd name="connsiteY20" fmla="*/ 72363 h 565745"/>
                <a:gd name="connsiteX21" fmla="*/ 1026233 w 1789406"/>
                <a:gd name="connsiteY21" fmla="*/ 78941 h 565745"/>
                <a:gd name="connsiteX22" fmla="*/ 1036101 w 1789406"/>
                <a:gd name="connsiteY22" fmla="*/ 82230 h 565745"/>
                <a:gd name="connsiteX23" fmla="*/ 1059125 w 1789406"/>
                <a:gd name="connsiteY23" fmla="*/ 88809 h 565745"/>
                <a:gd name="connsiteX24" fmla="*/ 1197272 w 1789406"/>
                <a:gd name="connsiteY24" fmla="*/ 101966 h 565745"/>
                <a:gd name="connsiteX25" fmla="*/ 1207140 w 1789406"/>
                <a:gd name="connsiteY25" fmla="*/ 98676 h 565745"/>
                <a:gd name="connsiteX26" fmla="*/ 1256478 w 1789406"/>
                <a:gd name="connsiteY26" fmla="*/ 101966 h 565745"/>
                <a:gd name="connsiteX27" fmla="*/ 1269634 w 1789406"/>
                <a:gd name="connsiteY27" fmla="*/ 105255 h 565745"/>
                <a:gd name="connsiteX28" fmla="*/ 1286081 w 1789406"/>
                <a:gd name="connsiteY28" fmla="*/ 108544 h 565745"/>
                <a:gd name="connsiteX29" fmla="*/ 1312394 w 1789406"/>
                <a:gd name="connsiteY29" fmla="*/ 115123 h 565745"/>
                <a:gd name="connsiteX30" fmla="*/ 1417649 w 1789406"/>
                <a:gd name="connsiteY30" fmla="*/ 124990 h 565745"/>
                <a:gd name="connsiteX31" fmla="*/ 1427517 w 1789406"/>
                <a:gd name="connsiteY31" fmla="*/ 131569 h 565745"/>
                <a:gd name="connsiteX32" fmla="*/ 1437384 w 1789406"/>
                <a:gd name="connsiteY32" fmla="*/ 134858 h 565745"/>
                <a:gd name="connsiteX33" fmla="*/ 1443963 w 1789406"/>
                <a:gd name="connsiteY33" fmla="*/ 144725 h 565745"/>
                <a:gd name="connsiteX34" fmla="*/ 1453830 w 1789406"/>
                <a:gd name="connsiteY34" fmla="*/ 148015 h 565745"/>
                <a:gd name="connsiteX35" fmla="*/ 1503168 w 1789406"/>
                <a:gd name="connsiteY35" fmla="*/ 164461 h 565745"/>
                <a:gd name="connsiteX36" fmla="*/ 1516325 w 1789406"/>
                <a:gd name="connsiteY36" fmla="*/ 167750 h 565745"/>
                <a:gd name="connsiteX37" fmla="*/ 1539350 w 1789406"/>
                <a:gd name="connsiteY37" fmla="*/ 180907 h 565745"/>
                <a:gd name="connsiteX38" fmla="*/ 1582109 w 1789406"/>
                <a:gd name="connsiteY38" fmla="*/ 207220 h 565745"/>
                <a:gd name="connsiteX39" fmla="*/ 1591977 w 1789406"/>
                <a:gd name="connsiteY39" fmla="*/ 226956 h 565745"/>
                <a:gd name="connsiteX40" fmla="*/ 1628158 w 1789406"/>
                <a:gd name="connsiteY40" fmla="*/ 282872 h 565745"/>
                <a:gd name="connsiteX41" fmla="*/ 1644604 w 1789406"/>
                <a:gd name="connsiteY41" fmla="*/ 292740 h 565745"/>
                <a:gd name="connsiteX42" fmla="*/ 1680786 w 1789406"/>
                <a:gd name="connsiteY42" fmla="*/ 328921 h 565745"/>
                <a:gd name="connsiteX43" fmla="*/ 1713678 w 1789406"/>
                <a:gd name="connsiteY43" fmla="*/ 355235 h 565745"/>
                <a:gd name="connsiteX44" fmla="*/ 1743281 w 1789406"/>
                <a:gd name="connsiteY44" fmla="*/ 401284 h 565745"/>
                <a:gd name="connsiteX45" fmla="*/ 1789329 w 1789406"/>
                <a:gd name="connsiteY45" fmla="*/ 473646 h 565745"/>
                <a:gd name="connsiteX46" fmla="*/ 1759726 w 1789406"/>
                <a:gd name="connsiteY46"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486803 w 1789406"/>
                <a:gd name="connsiteY7" fmla="*/ 85520 h 565745"/>
                <a:gd name="connsiteX8" fmla="*/ 565744 w 1789406"/>
                <a:gd name="connsiteY8" fmla="*/ 82230 h 565745"/>
                <a:gd name="connsiteX9" fmla="*/ 585479 w 1789406"/>
                <a:gd name="connsiteY9" fmla="*/ 75652 h 565745"/>
                <a:gd name="connsiteX10" fmla="*/ 617323 w 1789406"/>
                <a:gd name="connsiteY10" fmla="*/ 58737 h 565745"/>
                <a:gd name="connsiteX11" fmla="*/ 657842 w 1789406"/>
                <a:gd name="connsiteY11" fmla="*/ 69074 h 565745"/>
                <a:gd name="connsiteX12" fmla="*/ 703891 w 1789406"/>
                <a:gd name="connsiteY12" fmla="*/ 72363 h 565745"/>
                <a:gd name="connsiteX13" fmla="*/ 786121 w 1789406"/>
                <a:gd name="connsiteY13" fmla="*/ 78941 h 565745"/>
                <a:gd name="connsiteX14" fmla="*/ 795988 w 1789406"/>
                <a:gd name="connsiteY14" fmla="*/ 75652 h 565745"/>
                <a:gd name="connsiteX15" fmla="*/ 815724 w 1789406"/>
                <a:gd name="connsiteY15" fmla="*/ 72363 h 565745"/>
                <a:gd name="connsiteX16" fmla="*/ 871640 w 1789406"/>
                <a:gd name="connsiteY16" fmla="*/ 62495 h 565745"/>
                <a:gd name="connsiteX17" fmla="*/ 884797 w 1789406"/>
                <a:gd name="connsiteY17" fmla="*/ 59206 h 565745"/>
                <a:gd name="connsiteX18" fmla="*/ 970317 w 1789406"/>
                <a:gd name="connsiteY18" fmla="*/ 65784 h 565745"/>
                <a:gd name="connsiteX19" fmla="*/ 993341 w 1789406"/>
                <a:gd name="connsiteY19" fmla="*/ 72363 h 565745"/>
                <a:gd name="connsiteX20" fmla="*/ 1026233 w 1789406"/>
                <a:gd name="connsiteY20" fmla="*/ 78941 h 565745"/>
                <a:gd name="connsiteX21" fmla="*/ 1036101 w 1789406"/>
                <a:gd name="connsiteY21" fmla="*/ 82230 h 565745"/>
                <a:gd name="connsiteX22" fmla="*/ 1059125 w 1789406"/>
                <a:gd name="connsiteY22" fmla="*/ 88809 h 565745"/>
                <a:gd name="connsiteX23" fmla="*/ 1197272 w 1789406"/>
                <a:gd name="connsiteY23" fmla="*/ 101966 h 565745"/>
                <a:gd name="connsiteX24" fmla="*/ 1207140 w 1789406"/>
                <a:gd name="connsiteY24" fmla="*/ 98676 h 565745"/>
                <a:gd name="connsiteX25" fmla="*/ 1256478 w 1789406"/>
                <a:gd name="connsiteY25" fmla="*/ 101966 h 565745"/>
                <a:gd name="connsiteX26" fmla="*/ 1269634 w 1789406"/>
                <a:gd name="connsiteY26" fmla="*/ 105255 h 565745"/>
                <a:gd name="connsiteX27" fmla="*/ 1286081 w 1789406"/>
                <a:gd name="connsiteY27" fmla="*/ 108544 h 565745"/>
                <a:gd name="connsiteX28" fmla="*/ 1312394 w 1789406"/>
                <a:gd name="connsiteY28" fmla="*/ 115123 h 565745"/>
                <a:gd name="connsiteX29" fmla="*/ 1417649 w 1789406"/>
                <a:gd name="connsiteY29" fmla="*/ 124990 h 565745"/>
                <a:gd name="connsiteX30" fmla="*/ 1427517 w 1789406"/>
                <a:gd name="connsiteY30" fmla="*/ 131569 h 565745"/>
                <a:gd name="connsiteX31" fmla="*/ 1437384 w 1789406"/>
                <a:gd name="connsiteY31" fmla="*/ 134858 h 565745"/>
                <a:gd name="connsiteX32" fmla="*/ 1443963 w 1789406"/>
                <a:gd name="connsiteY32" fmla="*/ 144725 h 565745"/>
                <a:gd name="connsiteX33" fmla="*/ 1453830 w 1789406"/>
                <a:gd name="connsiteY33" fmla="*/ 148015 h 565745"/>
                <a:gd name="connsiteX34" fmla="*/ 1503168 w 1789406"/>
                <a:gd name="connsiteY34" fmla="*/ 164461 h 565745"/>
                <a:gd name="connsiteX35" fmla="*/ 1516325 w 1789406"/>
                <a:gd name="connsiteY35" fmla="*/ 167750 h 565745"/>
                <a:gd name="connsiteX36" fmla="*/ 1539350 w 1789406"/>
                <a:gd name="connsiteY36" fmla="*/ 180907 h 565745"/>
                <a:gd name="connsiteX37" fmla="*/ 1582109 w 1789406"/>
                <a:gd name="connsiteY37" fmla="*/ 207220 h 565745"/>
                <a:gd name="connsiteX38" fmla="*/ 1591977 w 1789406"/>
                <a:gd name="connsiteY38" fmla="*/ 226956 h 565745"/>
                <a:gd name="connsiteX39" fmla="*/ 1628158 w 1789406"/>
                <a:gd name="connsiteY39" fmla="*/ 282872 h 565745"/>
                <a:gd name="connsiteX40" fmla="*/ 1644604 w 1789406"/>
                <a:gd name="connsiteY40" fmla="*/ 292740 h 565745"/>
                <a:gd name="connsiteX41" fmla="*/ 1680786 w 1789406"/>
                <a:gd name="connsiteY41" fmla="*/ 328921 h 565745"/>
                <a:gd name="connsiteX42" fmla="*/ 1713678 w 1789406"/>
                <a:gd name="connsiteY42" fmla="*/ 355235 h 565745"/>
                <a:gd name="connsiteX43" fmla="*/ 1743281 w 1789406"/>
                <a:gd name="connsiteY43" fmla="*/ 401284 h 565745"/>
                <a:gd name="connsiteX44" fmla="*/ 1789329 w 1789406"/>
                <a:gd name="connsiteY44" fmla="*/ 473646 h 565745"/>
                <a:gd name="connsiteX45" fmla="*/ 1759726 w 1789406"/>
                <a:gd name="connsiteY45"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565744 w 1789406"/>
                <a:gd name="connsiteY7" fmla="*/ 82230 h 565745"/>
                <a:gd name="connsiteX8" fmla="*/ 585479 w 1789406"/>
                <a:gd name="connsiteY8" fmla="*/ 75652 h 565745"/>
                <a:gd name="connsiteX9" fmla="*/ 617323 w 1789406"/>
                <a:gd name="connsiteY9" fmla="*/ 58737 h 565745"/>
                <a:gd name="connsiteX10" fmla="*/ 657842 w 1789406"/>
                <a:gd name="connsiteY10" fmla="*/ 69074 h 565745"/>
                <a:gd name="connsiteX11" fmla="*/ 703891 w 1789406"/>
                <a:gd name="connsiteY11" fmla="*/ 72363 h 565745"/>
                <a:gd name="connsiteX12" fmla="*/ 786121 w 1789406"/>
                <a:gd name="connsiteY12" fmla="*/ 78941 h 565745"/>
                <a:gd name="connsiteX13" fmla="*/ 795988 w 1789406"/>
                <a:gd name="connsiteY13" fmla="*/ 75652 h 565745"/>
                <a:gd name="connsiteX14" fmla="*/ 815724 w 1789406"/>
                <a:gd name="connsiteY14" fmla="*/ 72363 h 565745"/>
                <a:gd name="connsiteX15" fmla="*/ 871640 w 1789406"/>
                <a:gd name="connsiteY15" fmla="*/ 62495 h 565745"/>
                <a:gd name="connsiteX16" fmla="*/ 884797 w 1789406"/>
                <a:gd name="connsiteY16" fmla="*/ 59206 h 565745"/>
                <a:gd name="connsiteX17" fmla="*/ 970317 w 1789406"/>
                <a:gd name="connsiteY17" fmla="*/ 65784 h 565745"/>
                <a:gd name="connsiteX18" fmla="*/ 993341 w 1789406"/>
                <a:gd name="connsiteY18" fmla="*/ 72363 h 565745"/>
                <a:gd name="connsiteX19" fmla="*/ 1026233 w 1789406"/>
                <a:gd name="connsiteY19" fmla="*/ 78941 h 565745"/>
                <a:gd name="connsiteX20" fmla="*/ 1036101 w 1789406"/>
                <a:gd name="connsiteY20" fmla="*/ 82230 h 565745"/>
                <a:gd name="connsiteX21" fmla="*/ 1059125 w 1789406"/>
                <a:gd name="connsiteY21" fmla="*/ 88809 h 565745"/>
                <a:gd name="connsiteX22" fmla="*/ 1197272 w 1789406"/>
                <a:gd name="connsiteY22" fmla="*/ 101966 h 565745"/>
                <a:gd name="connsiteX23" fmla="*/ 1207140 w 1789406"/>
                <a:gd name="connsiteY23" fmla="*/ 98676 h 565745"/>
                <a:gd name="connsiteX24" fmla="*/ 1256478 w 1789406"/>
                <a:gd name="connsiteY24" fmla="*/ 101966 h 565745"/>
                <a:gd name="connsiteX25" fmla="*/ 1269634 w 1789406"/>
                <a:gd name="connsiteY25" fmla="*/ 105255 h 565745"/>
                <a:gd name="connsiteX26" fmla="*/ 1286081 w 1789406"/>
                <a:gd name="connsiteY26" fmla="*/ 108544 h 565745"/>
                <a:gd name="connsiteX27" fmla="*/ 1312394 w 1789406"/>
                <a:gd name="connsiteY27" fmla="*/ 115123 h 565745"/>
                <a:gd name="connsiteX28" fmla="*/ 1417649 w 1789406"/>
                <a:gd name="connsiteY28" fmla="*/ 124990 h 565745"/>
                <a:gd name="connsiteX29" fmla="*/ 1427517 w 1789406"/>
                <a:gd name="connsiteY29" fmla="*/ 131569 h 565745"/>
                <a:gd name="connsiteX30" fmla="*/ 1437384 w 1789406"/>
                <a:gd name="connsiteY30" fmla="*/ 134858 h 565745"/>
                <a:gd name="connsiteX31" fmla="*/ 1443963 w 1789406"/>
                <a:gd name="connsiteY31" fmla="*/ 144725 h 565745"/>
                <a:gd name="connsiteX32" fmla="*/ 1453830 w 1789406"/>
                <a:gd name="connsiteY32" fmla="*/ 148015 h 565745"/>
                <a:gd name="connsiteX33" fmla="*/ 1503168 w 1789406"/>
                <a:gd name="connsiteY33" fmla="*/ 164461 h 565745"/>
                <a:gd name="connsiteX34" fmla="*/ 1516325 w 1789406"/>
                <a:gd name="connsiteY34" fmla="*/ 167750 h 565745"/>
                <a:gd name="connsiteX35" fmla="*/ 1539350 w 1789406"/>
                <a:gd name="connsiteY35" fmla="*/ 180907 h 565745"/>
                <a:gd name="connsiteX36" fmla="*/ 1582109 w 1789406"/>
                <a:gd name="connsiteY36" fmla="*/ 207220 h 565745"/>
                <a:gd name="connsiteX37" fmla="*/ 1591977 w 1789406"/>
                <a:gd name="connsiteY37" fmla="*/ 226956 h 565745"/>
                <a:gd name="connsiteX38" fmla="*/ 1628158 w 1789406"/>
                <a:gd name="connsiteY38" fmla="*/ 282872 h 565745"/>
                <a:gd name="connsiteX39" fmla="*/ 1644604 w 1789406"/>
                <a:gd name="connsiteY39" fmla="*/ 292740 h 565745"/>
                <a:gd name="connsiteX40" fmla="*/ 1680786 w 1789406"/>
                <a:gd name="connsiteY40" fmla="*/ 328921 h 565745"/>
                <a:gd name="connsiteX41" fmla="*/ 1713678 w 1789406"/>
                <a:gd name="connsiteY41" fmla="*/ 355235 h 565745"/>
                <a:gd name="connsiteX42" fmla="*/ 1743281 w 1789406"/>
                <a:gd name="connsiteY42" fmla="*/ 401284 h 565745"/>
                <a:gd name="connsiteX43" fmla="*/ 1789329 w 1789406"/>
                <a:gd name="connsiteY43" fmla="*/ 473646 h 565745"/>
                <a:gd name="connsiteX44" fmla="*/ 1759726 w 1789406"/>
                <a:gd name="connsiteY44"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57842 w 1789406"/>
                <a:gd name="connsiteY9" fmla="*/ 69074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47468 w 1789406"/>
                <a:gd name="connsiteY9" fmla="*/ 58737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47468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703891 w 1789406"/>
                <a:gd name="connsiteY7" fmla="*/ 72363 h 565745"/>
                <a:gd name="connsiteX8" fmla="*/ 786121 w 1789406"/>
                <a:gd name="connsiteY8" fmla="*/ 78941 h 565745"/>
                <a:gd name="connsiteX9" fmla="*/ 795988 w 1789406"/>
                <a:gd name="connsiteY9" fmla="*/ 75652 h 565745"/>
                <a:gd name="connsiteX10" fmla="*/ 815724 w 1789406"/>
                <a:gd name="connsiteY10" fmla="*/ 72363 h 565745"/>
                <a:gd name="connsiteX11" fmla="*/ 871640 w 1789406"/>
                <a:gd name="connsiteY11" fmla="*/ 62495 h 565745"/>
                <a:gd name="connsiteX12" fmla="*/ 884797 w 1789406"/>
                <a:gd name="connsiteY12" fmla="*/ 59206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970317 w 1789406"/>
                <a:gd name="connsiteY12" fmla="*/ 65784 h 565745"/>
                <a:gd name="connsiteX13" fmla="*/ 993341 w 1789406"/>
                <a:gd name="connsiteY13" fmla="*/ 72363 h 565745"/>
                <a:gd name="connsiteX14" fmla="*/ 1026233 w 1789406"/>
                <a:gd name="connsiteY14" fmla="*/ 78941 h 565745"/>
                <a:gd name="connsiteX15" fmla="*/ 1036101 w 1789406"/>
                <a:gd name="connsiteY15" fmla="*/ 82230 h 565745"/>
                <a:gd name="connsiteX16" fmla="*/ 1059125 w 1789406"/>
                <a:gd name="connsiteY16" fmla="*/ 88809 h 565745"/>
                <a:gd name="connsiteX17" fmla="*/ 1197272 w 1789406"/>
                <a:gd name="connsiteY17" fmla="*/ 101966 h 565745"/>
                <a:gd name="connsiteX18" fmla="*/ 1207140 w 1789406"/>
                <a:gd name="connsiteY18" fmla="*/ 98676 h 565745"/>
                <a:gd name="connsiteX19" fmla="*/ 1256478 w 1789406"/>
                <a:gd name="connsiteY19" fmla="*/ 101966 h 565745"/>
                <a:gd name="connsiteX20" fmla="*/ 1269634 w 1789406"/>
                <a:gd name="connsiteY20" fmla="*/ 105255 h 565745"/>
                <a:gd name="connsiteX21" fmla="*/ 1286081 w 1789406"/>
                <a:gd name="connsiteY21" fmla="*/ 108544 h 565745"/>
                <a:gd name="connsiteX22" fmla="*/ 1312394 w 1789406"/>
                <a:gd name="connsiteY22" fmla="*/ 115123 h 565745"/>
                <a:gd name="connsiteX23" fmla="*/ 1417649 w 1789406"/>
                <a:gd name="connsiteY23" fmla="*/ 124990 h 565745"/>
                <a:gd name="connsiteX24" fmla="*/ 1427517 w 1789406"/>
                <a:gd name="connsiteY24" fmla="*/ 131569 h 565745"/>
                <a:gd name="connsiteX25" fmla="*/ 1437384 w 1789406"/>
                <a:gd name="connsiteY25" fmla="*/ 134858 h 565745"/>
                <a:gd name="connsiteX26" fmla="*/ 1443963 w 1789406"/>
                <a:gd name="connsiteY26" fmla="*/ 144725 h 565745"/>
                <a:gd name="connsiteX27" fmla="*/ 1453830 w 1789406"/>
                <a:gd name="connsiteY27" fmla="*/ 148015 h 565745"/>
                <a:gd name="connsiteX28" fmla="*/ 1503168 w 1789406"/>
                <a:gd name="connsiteY28" fmla="*/ 164461 h 565745"/>
                <a:gd name="connsiteX29" fmla="*/ 1516325 w 1789406"/>
                <a:gd name="connsiteY29" fmla="*/ 167750 h 565745"/>
                <a:gd name="connsiteX30" fmla="*/ 1539350 w 1789406"/>
                <a:gd name="connsiteY30" fmla="*/ 180907 h 565745"/>
                <a:gd name="connsiteX31" fmla="*/ 1582109 w 1789406"/>
                <a:gd name="connsiteY31" fmla="*/ 207220 h 565745"/>
                <a:gd name="connsiteX32" fmla="*/ 1591977 w 1789406"/>
                <a:gd name="connsiteY32" fmla="*/ 226956 h 565745"/>
                <a:gd name="connsiteX33" fmla="*/ 1628158 w 1789406"/>
                <a:gd name="connsiteY33" fmla="*/ 282872 h 565745"/>
                <a:gd name="connsiteX34" fmla="*/ 1644604 w 1789406"/>
                <a:gd name="connsiteY34" fmla="*/ 292740 h 565745"/>
                <a:gd name="connsiteX35" fmla="*/ 1680786 w 1789406"/>
                <a:gd name="connsiteY35" fmla="*/ 328921 h 565745"/>
                <a:gd name="connsiteX36" fmla="*/ 1713678 w 1789406"/>
                <a:gd name="connsiteY36" fmla="*/ 355235 h 565745"/>
                <a:gd name="connsiteX37" fmla="*/ 1743281 w 1789406"/>
                <a:gd name="connsiteY37" fmla="*/ 401284 h 565745"/>
                <a:gd name="connsiteX38" fmla="*/ 1789329 w 1789406"/>
                <a:gd name="connsiteY38" fmla="*/ 473646 h 565745"/>
                <a:gd name="connsiteX39" fmla="*/ 1759726 w 1789406"/>
                <a:gd name="connsiteY39" fmla="*/ 565745 h 5657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1789406" h="565745">
                  <a:moveTo>
                    <a:pt x="0" y="0"/>
                  </a:moveTo>
                  <a:cubicBezTo>
                    <a:pt x="14390" y="15076"/>
                    <a:pt x="44404" y="54272"/>
                    <a:pt x="69073" y="72363"/>
                  </a:cubicBezTo>
                  <a:cubicBezTo>
                    <a:pt x="86549" y="85502"/>
                    <a:pt x="64290" y="72804"/>
                    <a:pt x="104857" y="78834"/>
                  </a:cubicBezTo>
                  <a:lnTo>
                    <a:pt x="312475" y="108544"/>
                  </a:lnTo>
                  <a:lnTo>
                    <a:pt x="368391" y="92098"/>
                  </a:lnTo>
                  <a:cubicBezTo>
                    <a:pt x="383741" y="87712"/>
                    <a:pt x="411151" y="77845"/>
                    <a:pt x="427597" y="75652"/>
                  </a:cubicBezTo>
                  <a:cubicBezTo>
                    <a:pt x="460489" y="74007"/>
                    <a:pt x="519695" y="82778"/>
                    <a:pt x="565744" y="82230"/>
                  </a:cubicBezTo>
                  <a:cubicBezTo>
                    <a:pt x="595690" y="79411"/>
                    <a:pt x="584250" y="60381"/>
                    <a:pt x="607274" y="58737"/>
                  </a:cubicBezTo>
                  <a:cubicBezTo>
                    <a:pt x="630298" y="57093"/>
                    <a:pt x="674083" y="68996"/>
                    <a:pt x="703891" y="72363"/>
                  </a:cubicBezTo>
                  <a:cubicBezTo>
                    <a:pt x="733699" y="75730"/>
                    <a:pt x="770772" y="78393"/>
                    <a:pt x="786121" y="78941"/>
                  </a:cubicBezTo>
                  <a:cubicBezTo>
                    <a:pt x="801470" y="79489"/>
                    <a:pt x="792604" y="76404"/>
                    <a:pt x="795988" y="75652"/>
                  </a:cubicBezTo>
                  <a:cubicBezTo>
                    <a:pt x="802499" y="74205"/>
                    <a:pt x="809145" y="73459"/>
                    <a:pt x="815724" y="72363"/>
                  </a:cubicBezTo>
                  <a:cubicBezTo>
                    <a:pt x="844779" y="70718"/>
                    <a:pt x="940714" y="65784"/>
                    <a:pt x="970317" y="65784"/>
                  </a:cubicBezTo>
                  <a:cubicBezTo>
                    <a:pt x="999920" y="65784"/>
                    <a:pt x="967184" y="66327"/>
                    <a:pt x="993341" y="72363"/>
                  </a:cubicBezTo>
                  <a:cubicBezTo>
                    <a:pt x="1004236" y="74877"/>
                    <a:pt x="1015269" y="76748"/>
                    <a:pt x="1026233" y="78941"/>
                  </a:cubicBezTo>
                  <a:cubicBezTo>
                    <a:pt x="1029633" y="79621"/>
                    <a:pt x="1032780" y="81234"/>
                    <a:pt x="1036101" y="82230"/>
                  </a:cubicBezTo>
                  <a:cubicBezTo>
                    <a:pt x="1043746" y="84524"/>
                    <a:pt x="1051450" y="86616"/>
                    <a:pt x="1059125" y="88809"/>
                  </a:cubicBezTo>
                  <a:cubicBezTo>
                    <a:pt x="1085987" y="92098"/>
                    <a:pt x="1172603" y="100322"/>
                    <a:pt x="1197272" y="101966"/>
                  </a:cubicBezTo>
                  <a:cubicBezTo>
                    <a:pt x="1221941" y="103611"/>
                    <a:pt x="1203851" y="99773"/>
                    <a:pt x="1207140" y="98676"/>
                  </a:cubicBezTo>
                  <a:cubicBezTo>
                    <a:pt x="1223586" y="99773"/>
                    <a:pt x="1240086" y="100240"/>
                    <a:pt x="1256478" y="101966"/>
                  </a:cubicBezTo>
                  <a:cubicBezTo>
                    <a:pt x="1260973" y="102439"/>
                    <a:pt x="1265221" y="104274"/>
                    <a:pt x="1269634" y="105255"/>
                  </a:cubicBezTo>
                  <a:cubicBezTo>
                    <a:pt x="1275092" y="106468"/>
                    <a:pt x="1280657" y="107188"/>
                    <a:pt x="1286081" y="108544"/>
                  </a:cubicBezTo>
                  <a:cubicBezTo>
                    <a:pt x="1326576" y="118667"/>
                    <a:pt x="1251711" y="102983"/>
                    <a:pt x="1312394" y="115123"/>
                  </a:cubicBezTo>
                  <a:cubicBezTo>
                    <a:pt x="1342853" y="145578"/>
                    <a:pt x="1309426" y="115151"/>
                    <a:pt x="1417649" y="124990"/>
                  </a:cubicBezTo>
                  <a:cubicBezTo>
                    <a:pt x="1421586" y="125348"/>
                    <a:pt x="1423981" y="129801"/>
                    <a:pt x="1427517" y="131569"/>
                  </a:cubicBezTo>
                  <a:cubicBezTo>
                    <a:pt x="1430618" y="133120"/>
                    <a:pt x="1434095" y="133762"/>
                    <a:pt x="1437384" y="134858"/>
                  </a:cubicBezTo>
                  <a:cubicBezTo>
                    <a:pt x="1439577" y="138147"/>
                    <a:pt x="1440876" y="142256"/>
                    <a:pt x="1443963" y="144725"/>
                  </a:cubicBezTo>
                  <a:cubicBezTo>
                    <a:pt x="1446670" y="146891"/>
                    <a:pt x="1443963" y="144726"/>
                    <a:pt x="1453830" y="148015"/>
                  </a:cubicBezTo>
                  <a:lnTo>
                    <a:pt x="1503168" y="164461"/>
                  </a:lnTo>
                  <a:cubicBezTo>
                    <a:pt x="1513584" y="167750"/>
                    <a:pt x="1511939" y="166654"/>
                    <a:pt x="1516325" y="167750"/>
                  </a:cubicBezTo>
                  <a:cubicBezTo>
                    <a:pt x="1525223" y="173682"/>
                    <a:pt x="1528386" y="174329"/>
                    <a:pt x="1539350" y="180907"/>
                  </a:cubicBezTo>
                  <a:cubicBezTo>
                    <a:pt x="1550314" y="187485"/>
                    <a:pt x="1573338" y="199545"/>
                    <a:pt x="1582109" y="207220"/>
                  </a:cubicBezTo>
                  <a:cubicBezTo>
                    <a:pt x="1590880" y="214895"/>
                    <a:pt x="1573123" y="198672"/>
                    <a:pt x="1591977" y="226956"/>
                  </a:cubicBezTo>
                  <a:cubicBezTo>
                    <a:pt x="1599652" y="239565"/>
                    <a:pt x="1619387" y="271908"/>
                    <a:pt x="1628158" y="282872"/>
                  </a:cubicBezTo>
                  <a:cubicBezTo>
                    <a:pt x="1636929" y="293836"/>
                    <a:pt x="1635833" y="285065"/>
                    <a:pt x="1644604" y="292740"/>
                  </a:cubicBezTo>
                  <a:cubicBezTo>
                    <a:pt x="1653375" y="300415"/>
                    <a:pt x="1669274" y="318505"/>
                    <a:pt x="1680786" y="328921"/>
                  </a:cubicBezTo>
                  <a:cubicBezTo>
                    <a:pt x="1692298" y="339337"/>
                    <a:pt x="1706552" y="348657"/>
                    <a:pt x="1713678" y="355235"/>
                  </a:cubicBezTo>
                  <a:cubicBezTo>
                    <a:pt x="1724094" y="367296"/>
                    <a:pt x="1730673" y="381549"/>
                    <a:pt x="1743281" y="401284"/>
                  </a:cubicBezTo>
                  <a:cubicBezTo>
                    <a:pt x="1755890" y="421019"/>
                    <a:pt x="1786588" y="446236"/>
                    <a:pt x="1789329" y="473646"/>
                  </a:cubicBezTo>
                  <a:cubicBezTo>
                    <a:pt x="1790974" y="499412"/>
                    <a:pt x="1765893" y="546558"/>
                    <a:pt x="1759726" y="565745"/>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5" name="Group 4"/>
            <p:cNvGrpSpPr/>
            <p:nvPr/>
          </p:nvGrpSpPr>
          <p:grpSpPr>
            <a:xfrm>
              <a:off x="6367909" y="2190499"/>
              <a:ext cx="868350" cy="1361847"/>
              <a:chOff x="6367909" y="2190499"/>
              <a:chExt cx="868350" cy="1361847"/>
            </a:xfrm>
          </p:grpSpPr>
          <p:sp>
            <p:nvSpPr>
              <p:cNvPr id="25" name="Freeform 24"/>
              <p:cNvSpPr/>
              <p:nvPr/>
            </p:nvSpPr>
            <p:spPr bwMode="auto">
              <a:xfrm>
                <a:off x="6367909" y="2190499"/>
                <a:ext cx="583485" cy="274553"/>
              </a:xfrm>
              <a:custGeom>
                <a:avLst/>
                <a:gdLst>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4573 w 542719"/>
                  <a:gd name="connsiteY21" fmla="*/ 180906 h 269715"/>
                  <a:gd name="connsiteX22" fmla="*/ 407862 w 542719"/>
                  <a:gd name="connsiteY22" fmla="*/ 226955 h 269715"/>
                  <a:gd name="connsiteX23" fmla="*/ 434175 w 542719"/>
                  <a:gd name="connsiteY23" fmla="*/ 243401 h 269715"/>
                  <a:gd name="connsiteX24" fmla="*/ 453911 w 542719"/>
                  <a:gd name="connsiteY24" fmla="*/ 249980 h 269715"/>
                  <a:gd name="connsiteX25" fmla="*/ 463778 w 542719"/>
                  <a:gd name="connsiteY25" fmla="*/ 253269 h 269715"/>
                  <a:gd name="connsiteX26" fmla="*/ 496670 w 542719"/>
                  <a:gd name="connsiteY26" fmla="*/ 263137 h 269715"/>
                  <a:gd name="connsiteX27" fmla="*/ 536141 w 542719"/>
                  <a:gd name="connsiteY27" fmla="*/ 266426 h 269715"/>
                  <a:gd name="connsiteX28" fmla="*/ 542719 w 542719"/>
                  <a:gd name="connsiteY28"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7862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63778 w 542719"/>
                  <a:gd name="connsiteY23" fmla="*/ 253269 h 269715"/>
                  <a:gd name="connsiteX24" fmla="*/ 496670 w 542719"/>
                  <a:gd name="connsiteY24" fmla="*/ 263137 h 269715"/>
                  <a:gd name="connsiteX25" fmla="*/ 536141 w 542719"/>
                  <a:gd name="connsiteY25" fmla="*/ 266426 h 269715"/>
                  <a:gd name="connsiteX26" fmla="*/ 542719 w 542719"/>
                  <a:gd name="connsiteY26"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96670 w 542719"/>
                  <a:gd name="connsiteY23" fmla="*/ 263137 h 269715"/>
                  <a:gd name="connsiteX24" fmla="*/ 536141 w 542719"/>
                  <a:gd name="connsiteY24" fmla="*/ 266426 h 269715"/>
                  <a:gd name="connsiteX25" fmla="*/ 542719 w 542719"/>
                  <a:gd name="connsiteY25"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86802 w 542719"/>
                  <a:gd name="connsiteY23" fmla="*/ 263137 h 269715"/>
                  <a:gd name="connsiteX24" fmla="*/ 536141 w 542719"/>
                  <a:gd name="connsiteY24" fmla="*/ 266426 h 269715"/>
                  <a:gd name="connsiteX25" fmla="*/ 542719 w 542719"/>
                  <a:gd name="connsiteY25" fmla="*/ 269715 h 269715"/>
                  <a:gd name="connsiteX0" fmla="*/ 0 w 536141"/>
                  <a:gd name="connsiteY0" fmla="*/ 0 h 266426"/>
                  <a:gd name="connsiteX1" fmla="*/ 16446 w 536141"/>
                  <a:gd name="connsiteY1" fmla="*/ 3289 h 266426"/>
                  <a:gd name="connsiteX2" fmla="*/ 26314 w 536141"/>
                  <a:gd name="connsiteY2" fmla="*/ 6578 h 266426"/>
                  <a:gd name="connsiteX3" fmla="*/ 72363 w 536141"/>
                  <a:gd name="connsiteY3" fmla="*/ 9868 h 266426"/>
                  <a:gd name="connsiteX4" fmla="*/ 105255 w 536141"/>
                  <a:gd name="connsiteY4" fmla="*/ 19735 h 266426"/>
                  <a:gd name="connsiteX5" fmla="*/ 134857 w 536141"/>
                  <a:gd name="connsiteY5" fmla="*/ 32892 h 266426"/>
                  <a:gd name="connsiteX6" fmla="*/ 148014 w 536141"/>
                  <a:gd name="connsiteY6" fmla="*/ 39470 h 266426"/>
                  <a:gd name="connsiteX7" fmla="*/ 157882 w 536141"/>
                  <a:gd name="connsiteY7" fmla="*/ 42760 h 266426"/>
                  <a:gd name="connsiteX8" fmla="*/ 174328 w 536141"/>
                  <a:gd name="connsiteY8" fmla="*/ 59206 h 266426"/>
                  <a:gd name="connsiteX9" fmla="*/ 273004 w 536141"/>
                  <a:gd name="connsiteY9" fmla="*/ 72363 h 266426"/>
                  <a:gd name="connsiteX10" fmla="*/ 289450 w 536141"/>
                  <a:gd name="connsiteY10" fmla="*/ 75652 h 266426"/>
                  <a:gd name="connsiteX11" fmla="*/ 309186 w 536141"/>
                  <a:gd name="connsiteY11" fmla="*/ 82230 h 266426"/>
                  <a:gd name="connsiteX12" fmla="*/ 328921 w 536141"/>
                  <a:gd name="connsiteY12" fmla="*/ 88809 h 266426"/>
                  <a:gd name="connsiteX13" fmla="*/ 342078 w 536141"/>
                  <a:gd name="connsiteY13" fmla="*/ 95387 h 266426"/>
                  <a:gd name="connsiteX14" fmla="*/ 351945 w 536141"/>
                  <a:gd name="connsiteY14" fmla="*/ 98676 h 266426"/>
                  <a:gd name="connsiteX15" fmla="*/ 361813 w 536141"/>
                  <a:gd name="connsiteY15" fmla="*/ 105255 h 266426"/>
                  <a:gd name="connsiteX16" fmla="*/ 374970 w 536141"/>
                  <a:gd name="connsiteY16" fmla="*/ 111833 h 266426"/>
                  <a:gd name="connsiteX17" fmla="*/ 384837 w 536141"/>
                  <a:gd name="connsiteY17" fmla="*/ 131568 h 266426"/>
                  <a:gd name="connsiteX18" fmla="*/ 391416 w 536141"/>
                  <a:gd name="connsiteY18" fmla="*/ 138147 h 266426"/>
                  <a:gd name="connsiteX19" fmla="*/ 397994 w 536141"/>
                  <a:gd name="connsiteY19" fmla="*/ 148014 h 266426"/>
                  <a:gd name="connsiteX20" fmla="*/ 401283 w 536141"/>
                  <a:gd name="connsiteY20" fmla="*/ 171039 h 266426"/>
                  <a:gd name="connsiteX21" fmla="*/ 394705 w 536141"/>
                  <a:gd name="connsiteY21" fmla="*/ 226955 h 266426"/>
                  <a:gd name="connsiteX22" fmla="*/ 424307 w 536141"/>
                  <a:gd name="connsiteY22" fmla="*/ 256558 h 266426"/>
                  <a:gd name="connsiteX23" fmla="*/ 486802 w 536141"/>
                  <a:gd name="connsiteY23" fmla="*/ 263137 h 266426"/>
                  <a:gd name="connsiteX24" fmla="*/ 536141 w 536141"/>
                  <a:gd name="connsiteY24" fmla="*/ 266426 h 266426"/>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74328 w 549298"/>
                  <a:gd name="connsiteY8" fmla="*/ 59206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0907 w 549298"/>
                  <a:gd name="connsiteY8" fmla="*/ 69074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4196 w 549298"/>
                  <a:gd name="connsiteY8" fmla="*/ 82231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273004 w 549298"/>
                  <a:gd name="connsiteY8" fmla="*/ 72363 h 263179"/>
                  <a:gd name="connsiteX9" fmla="*/ 289450 w 549298"/>
                  <a:gd name="connsiteY9" fmla="*/ 75652 h 263179"/>
                  <a:gd name="connsiteX10" fmla="*/ 309186 w 549298"/>
                  <a:gd name="connsiteY10" fmla="*/ 82230 h 263179"/>
                  <a:gd name="connsiteX11" fmla="*/ 328921 w 549298"/>
                  <a:gd name="connsiteY11" fmla="*/ 88809 h 263179"/>
                  <a:gd name="connsiteX12" fmla="*/ 342078 w 549298"/>
                  <a:gd name="connsiteY12" fmla="*/ 95387 h 263179"/>
                  <a:gd name="connsiteX13" fmla="*/ 351945 w 549298"/>
                  <a:gd name="connsiteY13" fmla="*/ 98676 h 263179"/>
                  <a:gd name="connsiteX14" fmla="*/ 361813 w 549298"/>
                  <a:gd name="connsiteY14" fmla="*/ 105255 h 263179"/>
                  <a:gd name="connsiteX15" fmla="*/ 374970 w 549298"/>
                  <a:gd name="connsiteY15" fmla="*/ 111833 h 263179"/>
                  <a:gd name="connsiteX16" fmla="*/ 384837 w 549298"/>
                  <a:gd name="connsiteY16" fmla="*/ 131568 h 263179"/>
                  <a:gd name="connsiteX17" fmla="*/ 391416 w 549298"/>
                  <a:gd name="connsiteY17" fmla="*/ 138147 h 263179"/>
                  <a:gd name="connsiteX18" fmla="*/ 397994 w 549298"/>
                  <a:gd name="connsiteY18" fmla="*/ 148014 h 263179"/>
                  <a:gd name="connsiteX19" fmla="*/ 401283 w 549298"/>
                  <a:gd name="connsiteY19" fmla="*/ 171039 h 263179"/>
                  <a:gd name="connsiteX20" fmla="*/ 394705 w 549298"/>
                  <a:gd name="connsiteY20" fmla="*/ 226955 h 263179"/>
                  <a:gd name="connsiteX21" fmla="*/ 424307 w 549298"/>
                  <a:gd name="connsiteY21" fmla="*/ 256558 h 263179"/>
                  <a:gd name="connsiteX22" fmla="*/ 486802 w 549298"/>
                  <a:gd name="connsiteY22" fmla="*/ 263137 h 263179"/>
                  <a:gd name="connsiteX23" fmla="*/ 549298 w 549298"/>
                  <a:gd name="connsiteY23" fmla="*/ 259848 h 263179"/>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05255 w 549298"/>
                  <a:gd name="connsiteY4" fmla="*/ 19848 h 263292"/>
                  <a:gd name="connsiteX5" fmla="*/ 134857 w 549298"/>
                  <a:gd name="connsiteY5" fmla="*/ 33005 h 263292"/>
                  <a:gd name="connsiteX6" fmla="*/ 148014 w 549298"/>
                  <a:gd name="connsiteY6" fmla="*/ 39583 h 263292"/>
                  <a:gd name="connsiteX7" fmla="*/ 157882 w 549298"/>
                  <a:gd name="connsiteY7" fmla="*/ 42873 h 263292"/>
                  <a:gd name="connsiteX8" fmla="*/ 273004 w 549298"/>
                  <a:gd name="connsiteY8" fmla="*/ 72476 h 263292"/>
                  <a:gd name="connsiteX9" fmla="*/ 289450 w 549298"/>
                  <a:gd name="connsiteY9" fmla="*/ 75765 h 263292"/>
                  <a:gd name="connsiteX10" fmla="*/ 309186 w 549298"/>
                  <a:gd name="connsiteY10" fmla="*/ 82343 h 263292"/>
                  <a:gd name="connsiteX11" fmla="*/ 328921 w 549298"/>
                  <a:gd name="connsiteY11" fmla="*/ 88922 h 263292"/>
                  <a:gd name="connsiteX12" fmla="*/ 342078 w 549298"/>
                  <a:gd name="connsiteY12" fmla="*/ 95500 h 263292"/>
                  <a:gd name="connsiteX13" fmla="*/ 351945 w 549298"/>
                  <a:gd name="connsiteY13" fmla="*/ 98789 h 263292"/>
                  <a:gd name="connsiteX14" fmla="*/ 361813 w 549298"/>
                  <a:gd name="connsiteY14" fmla="*/ 105368 h 263292"/>
                  <a:gd name="connsiteX15" fmla="*/ 374970 w 549298"/>
                  <a:gd name="connsiteY15" fmla="*/ 111946 h 263292"/>
                  <a:gd name="connsiteX16" fmla="*/ 384837 w 549298"/>
                  <a:gd name="connsiteY16" fmla="*/ 131681 h 263292"/>
                  <a:gd name="connsiteX17" fmla="*/ 391416 w 549298"/>
                  <a:gd name="connsiteY17" fmla="*/ 138260 h 263292"/>
                  <a:gd name="connsiteX18" fmla="*/ 397994 w 549298"/>
                  <a:gd name="connsiteY18" fmla="*/ 148127 h 263292"/>
                  <a:gd name="connsiteX19" fmla="*/ 401283 w 549298"/>
                  <a:gd name="connsiteY19" fmla="*/ 171152 h 263292"/>
                  <a:gd name="connsiteX20" fmla="*/ 394705 w 549298"/>
                  <a:gd name="connsiteY20" fmla="*/ 227068 h 263292"/>
                  <a:gd name="connsiteX21" fmla="*/ 424307 w 549298"/>
                  <a:gd name="connsiteY21" fmla="*/ 256671 h 263292"/>
                  <a:gd name="connsiteX22" fmla="*/ 486802 w 549298"/>
                  <a:gd name="connsiteY22" fmla="*/ 263250 h 263292"/>
                  <a:gd name="connsiteX23" fmla="*/ 549298 w 549298"/>
                  <a:gd name="connsiteY23"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157882 w 549298"/>
                  <a:gd name="connsiteY6" fmla="*/ 42873 h 263292"/>
                  <a:gd name="connsiteX7" fmla="*/ 273004 w 549298"/>
                  <a:gd name="connsiteY7" fmla="*/ 72476 h 263292"/>
                  <a:gd name="connsiteX8" fmla="*/ 289450 w 549298"/>
                  <a:gd name="connsiteY8" fmla="*/ 75765 h 263292"/>
                  <a:gd name="connsiteX9" fmla="*/ 309186 w 549298"/>
                  <a:gd name="connsiteY9" fmla="*/ 82343 h 263292"/>
                  <a:gd name="connsiteX10" fmla="*/ 328921 w 549298"/>
                  <a:gd name="connsiteY10" fmla="*/ 88922 h 263292"/>
                  <a:gd name="connsiteX11" fmla="*/ 342078 w 549298"/>
                  <a:gd name="connsiteY11" fmla="*/ 95500 h 263292"/>
                  <a:gd name="connsiteX12" fmla="*/ 351945 w 549298"/>
                  <a:gd name="connsiteY12" fmla="*/ 98789 h 263292"/>
                  <a:gd name="connsiteX13" fmla="*/ 361813 w 549298"/>
                  <a:gd name="connsiteY13" fmla="*/ 105368 h 263292"/>
                  <a:gd name="connsiteX14" fmla="*/ 374970 w 549298"/>
                  <a:gd name="connsiteY14" fmla="*/ 111946 h 263292"/>
                  <a:gd name="connsiteX15" fmla="*/ 384837 w 549298"/>
                  <a:gd name="connsiteY15" fmla="*/ 131681 h 263292"/>
                  <a:gd name="connsiteX16" fmla="*/ 391416 w 549298"/>
                  <a:gd name="connsiteY16" fmla="*/ 138260 h 263292"/>
                  <a:gd name="connsiteX17" fmla="*/ 397994 w 549298"/>
                  <a:gd name="connsiteY17" fmla="*/ 148127 h 263292"/>
                  <a:gd name="connsiteX18" fmla="*/ 401283 w 549298"/>
                  <a:gd name="connsiteY18" fmla="*/ 171152 h 263292"/>
                  <a:gd name="connsiteX19" fmla="*/ 394705 w 549298"/>
                  <a:gd name="connsiteY19" fmla="*/ 227068 h 263292"/>
                  <a:gd name="connsiteX20" fmla="*/ 424307 w 549298"/>
                  <a:gd name="connsiteY20" fmla="*/ 256671 h 263292"/>
                  <a:gd name="connsiteX21" fmla="*/ 486802 w 549298"/>
                  <a:gd name="connsiteY21" fmla="*/ 263250 h 263292"/>
                  <a:gd name="connsiteX22" fmla="*/ 549298 w 549298"/>
                  <a:gd name="connsiteY22"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77617 w 549298"/>
                  <a:gd name="connsiteY5" fmla="*/ 52740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59166"/>
                  <a:gd name="connsiteY0" fmla="*/ 113 h 263292"/>
                  <a:gd name="connsiteX1" fmla="*/ 16446 w 559166"/>
                  <a:gd name="connsiteY1" fmla="*/ 3402 h 263292"/>
                  <a:gd name="connsiteX2" fmla="*/ 26314 w 559166"/>
                  <a:gd name="connsiteY2" fmla="*/ 6691 h 263292"/>
                  <a:gd name="connsiteX3" fmla="*/ 82231 w 559166"/>
                  <a:gd name="connsiteY3" fmla="*/ 114 h 263292"/>
                  <a:gd name="connsiteX4" fmla="*/ 134857 w 559166"/>
                  <a:gd name="connsiteY4" fmla="*/ 33005 h 263292"/>
                  <a:gd name="connsiteX5" fmla="*/ 177617 w 559166"/>
                  <a:gd name="connsiteY5" fmla="*/ 52740 h 263292"/>
                  <a:gd name="connsiteX6" fmla="*/ 273004 w 559166"/>
                  <a:gd name="connsiteY6" fmla="*/ 72476 h 263292"/>
                  <a:gd name="connsiteX7" fmla="*/ 289450 w 559166"/>
                  <a:gd name="connsiteY7" fmla="*/ 75765 h 263292"/>
                  <a:gd name="connsiteX8" fmla="*/ 309186 w 559166"/>
                  <a:gd name="connsiteY8" fmla="*/ 82343 h 263292"/>
                  <a:gd name="connsiteX9" fmla="*/ 328921 w 559166"/>
                  <a:gd name="connsiteY9" fmla="*/ 88922 h 263292"/>
                  <a:gd name="connsiteX10" fmla="*/ 342078 w 559166"/>
                  <a:gd name="connsiteY10" fmla="*/ 95500 h 263292"/>
                  <a:gd name="connsiteX11" fmla="*/ 351945 w 559166"/>
                  <a:gd name="connsiteY11" fmla="*/ 98789 h 263292"/>
                  <a:gd name="connsiteX12" fmla="*/ 361813 w 559166"/>
                  <a:gd name="connsiteY12" fmla="*/ 105368 h 263292"/>
                  <a:gd name="connsiteX13" fmla="*/ 374970 w 559166"/>
                  <a:gd name="connsiteY13" fmla="*/ 111946 h 263292"/>
                  <a:gd name="connsiteX14" fmla="*/ 384837 w 559166"/>
                  <a:gd name="connsiteY14" fmla="*/ 131681 h 263292"/>
                  <a:gd name="connsiteX15" fmla="*/ 391416 w 559166"/>
                  <a:gd name="connsiteY15" fmla="*/ 138260 h 263292"/>
                  <a:gd name="connsiteX16" fmla="*/ 397994 w 559166"/>
                  <a:gd name="connsiteY16" fmla="*/ 148127 h 263292"/>
                  <a:gd name="connsiteX17" fmla="*/ 401283 w 559166"/>
                  <a:gd name="connsiteY17" fmla="*/ 171152 h 263292"/>
                  <a:gd name="connsiteX18" fmla="*/ 394705 w 559166"/>
                  <a:gd name="connsiteY18" fmla="*/ 227068 h 263292"/>
                  <a:gd name="connsiteX19" fmla="*/ 424307 w 559166"/>
                  <a:gd name="connsiteY19" fmla="*/ 256671 h 263292"/>
                  <a:gd name="connsiteX20" fmla="*/ 486802 w 559166"/>
                  <a:gd name="connsiteY20" fmla="*/ 263250 h 263292"/>
                  <a:gd name="connsiteX21" fmla="*/ 559166 w 559166"/>
                  <a:gd name="connsiteY21" fmla="*/ 259961 h 263292"/>
                  <a:gd name="connsiteX0" fmla="*/ 0 w 564029"/>
                  <a:gd name="connsiteY0" fmla="*/ 113 h 284281"/>
                  <a:gd name="connsiteX1" fmla="*/ 16446 w 564029"/>
                  <a:gd name="connsiteY1" fmla="*/ 3402 h 284281"/>
                  <a:gd name="connsiteX2" fmla="*/ 26314 w 564029"/>
                  <a:gd name="connsiteY2" fmla="*/ 6691 h 284281"/>
                  <a:gd name="connsiteX3" fmla="*/ 82231 w 564029"/>
                  <a:gd name="connsiteY3" fmla="*/ 114 h 284281"/>
                  <a:gd name="connsiteX4" fmla="*/ 134857 w 564029"/>
                  <a:gd name="connsiteY4" fmla="*/ 33005 h 284281"/>
                  <a:gd name="connsiteX5" fmla="*/ 177617 w 564029"/>
                  <a:gd name="connsiteY5" fmla="*/ 52740 h 284281"/>
                  <a:gd name="connsiteX6" fmla="*/ 273004 w 564029"/>
                  <a:gd name="connsiteY6" fmla="*/ 72476 h 284281"/>
                  <a:gd name="connsiteX7" fmla="*/ 289450 w 564029"/>
                  <a:gd name="connsiteY7" fmla="*/ 75765 h 284281"/>
                  <a:gd name="connsiteX8" fmla="*/ 309186 w 564029"/>
                  <a:gd name="connsiteY8" fmla="*/ 82343 h 284281"/>
                  <a:gd name="connsiteX9" fmla="*/ 328921 w 564029"/>
                  <a:gd name="connsiteY9" fmla="*/ 88922 h 284281"/>
                  <a:gd name="connsiteX10" fmla="*/ 342078 w 564029"/>
                  <a:gd name="connsiteY10" fmla="*/ 95500 h 284281"/>
                  <a:gd name="connsiteX11" fmla="*/ 351945 w 564029"/>
                  <a:gd name="connsiteY11" fmla="*/ 98789 h 284281"/>
                  <a:gd name="connsiteX12" fmla="*/ 361813 w 564029"/>
                  <a:gd name="connsiteY12" fmla="*/ 105368 h 284281"/>
                  <a:gd name="connsiteX13" fmla="*/ 374970 w 564029"/>
                  <a:gd name="connsiteY13" fmla="*/ 111946 h 284281"/>
                  <a:gd name="connsiteX14" fmla="*/ 384837 w 564029"/>
                  <a:gd name="connsiteY14" fmla="*/ 131681 h 284281"/>
                  <a:gd name="connsiteX15" fmla="*/ 391416 w 564029"/>
                  <a:gd name="connsiteY15" fmla="*/ 138260 h 284281"/>
                  <a:gd name="connsiteX16" fmla="*/ 397994 w 564029"/>
                  <a:gd name="connsiteY16" fmla="*/ 148127 h 284281"/>
                  <a:gd name="connsiteX17" fmla="*/ 401283 w 564029"/>
                  <a:gd name="connsiteY17" fmla="*/ 171152 h 284281"/>
                  <a:gd name="connsiteX18" fmla="*/ 394705 w 564029"/>
                  <a:gd name="connsiteY18" fmla="*/ 227068 h 284281"/>
                  <a:gd name="connsiteX19" fmla="*/ 424307 w 564029"/>
                  <a:gd name="connsiteY19" fmla="*/ 256671 h 284281"/>
                  <a:gd name="connsiteX20" fmla="*/ 486802 w 564029"/>
                  <a:gd name="connsiteY20" fmla="*/ 263250 h 284281"/>
                  <a:gd name="connsiteX21" fmla="*/ 564029 w 564029"/>
                  <a:gd name="connsiteY21" fmla="*/ 284281 h 284281"/>
                  <a:gd name="connsiteX0" fmla="*/ 0 w 583485"/>
                  <a:gd name="connsiteY0" fmla="*/ 113 h 274553"/>
                  <a:gd name="connsiteX1" fmla="*/ 16446 w 583485"/>
                  <a:gd name="connsiteY1" fmla="*/ 3402 h 274553"/>
                  <a:gd name="connsiteX2" fmla="*/ 26314 w 583485"/>
                  <a:gd name="connsiteY2" fmla="*/ 6691 h 274553"/>
                  <a:gd name="connsiteX3" fmla="*/ 82231 w 583485"/>
                  <a:gd name="connsiteY3" fmla="*/ 114 h 274553"/>
                  <a:gd name="connsiteX4" fmla="*/ 134857 w 583485"/>
                  <a:gd name="connsiteY4" fmla="*/ 33005 h 274553"/>
                  <a:gd name="connsiteX5" fmla="*/ 177617 w 583485"/>
                  <a:gd name="connsiteY5" fmla="*/ 52740 h 274553"/>
                  <a:gd name="connsiteX6" fmla="*/ 273004 w 583485"/>
                  <a:gd name="connsiteY6" fmla="*/ 72476 h 274553"/>
                  <a:gd name="connsiteX7" fmla="*/ 289450 w 583485"/>
                  <a:gd name="connsiteY7" fmla="*/ 75765 h 274553"/>
                  <a:gd name="connsiteX8" fmla="*/ 309186 w 583485"/>
                  <a:gd name="connsiteY8" fmla="*/ 82343 h 274553"/>
                  <a:gd name="connsiteX9" fmla="*/ 328921 w 583485"/>
                  <a:gd name="connsiteY9" fmla="*/ 88922 h 274553"/>
                  <a:gd name="connsiteX10" fmla="*/ 342078 w 583485"/>
                  <a:gd name="connsiteY10" fmla="*/ 95500 h 274553"/>
                  <a:gd name="connsiteX11" fmla="*/ 351945 w 583485"/>
                  <a:gd name="connsiteY11" fmla="*/ 98789 h 274553"/>
                  <a:gd name="connsiteX12" fmla="*/ 361813 w 583485"/>
                  <a:gd name="connsiteY12" fmla="*/ 105368 h 274553"/>
                  <a:gd name="connsiteX13" fmla="*/ 374970 w 583485"/>
                  <a:gd name="connsiteY13" fmla="*/ 111946 h 274553"/>
                  <a:gd name="connsiteX14" fmla="*/ 384837 w 583485"/>
                  <a:gd name="connsiteY14" fmla="*/ 131681 h 274553"/>
                  <a:gd name="connsiteX15" fmla="*/ 391416 w 583485"/>
                  <a:gd name="connsiteY15" fmla="*/ 138260 h 274553"/>
                  <a:gd name="connsiteX16" fmla="*/ 397994 w 583485"/>
                  <a:gd name="connsiteY16" fmla="*/ 148127 h 274553"/>
                  <a:gd name="connsiteX17" fmla="*/ 401283 w 583485"/>
                  <a:gd name="connsiteY17" fmla="*/ 171152 h 274553"/>
                  <a:gd name="connsiteX18" fmla="*/ 394705 w 583485"/>
                  <a:gd name="connsiteY18" fmla="*/ 227068 h 274553"/>
                  <a:gd name="connsiteX19" fmla="*/ 424307 w 583485"/>
                  <a:gd name="connsiteY19" fmla="*/ 256671 h 274553"/>
                  <a:gd name="connsiteX20" fmla="*/ 486802 w 583485"/>
                  <a:gd name="connsiteY20" fmla="*/ 263250 h 274553"/>
                  <a:gd name="connsiteX21" fmla="*/ 583485 w 583485"/>
                  <a:gd name="connsiteY21" fmla="*/ 274553 h 274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583485" h="274553">
                    <a:moveTo>
                      <a:pt x="0" y="113"/>
                    </a:moveTo>
                    <a:cubicBezTo>
                      <a:pt x="5482" y="1209"/>
                      <a:pt x="11022" y="2046"/>
                      <a:pt x="16446" y="3402"/>
                    </a:cubicBezTo>
                    <a:cubicBezTo>
                      <a:pt x="19810" y="4243"/>
                      <a:pt x="15350" y="7239"/>
                      <a:pt x="26314" y="6691"/>
                    </a:cubicBezTo>
                    <a:cubicBezTo>
                      <a:pt x="37278" y="6143"/>
                      <a:pt x="66881" y="-983"/>
                      <a:pt x="82231" y="114"/>
                    </a:cubicBezTo>
                    <a:cubicBezTo>
                      <a:pt x="100321" y="4500"/>
                      <a:pt x="118959" y="24234"/>
                      <a:pt x="134857" y="33005"/>
                    </a:cubicBezTo>
                    <a:cubicBezTo>
                      <a:pt x="150755" y="41776"/>
                      <a:pt x="154593" y="46162"/>
                      <a:pt x="177617" y="52740"/>
                    </a:cubicBezTo>
                    <a:cubicBezTo>
                      <a:pt x="200641" y="59318"/>
                      <a:pt x="249431" y="66446"/>
                      <a:pt x="273004" y="72476"/>
                    </a:cubicBezTo>
                    <a:cubicBezTo>
                      <a:pt x="278486" y="73572"/>
                      <a:pt x="284056" y="74294"/>
                      <a:pt x="289450" y="75765"/>
                    </a:cubicBezTo>
                    <a:cubicBezTo>
                      <a:pt x="296140" y="77589"/>
                      <a:pt x="302607" y="80150"/>
                      <a:pt x="309186" y="82343"/>
                    </a:cubicBezTo>
                    <a:lnTo>
                      <a:pt x="328921" y="88922"/>
                    </a:lnTo>
                    <a:cubicBezTo>
                      <a:pt x="333573" y="90473"/>
                      <a:pt x="337571" y="93569"/>
                      <a:pt x="342078" y="95500"/>
                    </a:cubicBezTo>
                    <a:cubicBezTo>
                      <a:pt x="345265" y="96866"/>
                      <a:pt x="348656" y="97693"/>
                      <a:pt x="351945" y="98789"/>
                    </a:cubicBezTo>
                    <a:cubicBezTo>
                      <a:pt x="355234" y="100982"/>
                      <a:pt x="358381" y="103407"/>
                      <a:pt x="361813" y="105368"/>
                    </a:cubicBezTo>
                    <a:cubicBezTo>
                      <a:pt x="366070" y="107801"/>
                      <a:pt x="371203" y="108807"/>
                      <a:pt x="374970" y="111946"/>
                    </a:cubicBezTo>
                    <a:cubicBezTo>
                      <a:pt x="384950" y="120263"/>
                      <a:pt x="379000" y="121954"/>
                      <a:pt x="384837" y="131681"/>
                    </a:cubicBezTo>
                    <a:cubicBezTo>
                      <a:pt x="386433" y="134340"/>
                      <a:pt x="389479" y="135838"/>
                      <a:pt x="391416" y="138260"/>
                    </a:cubicBezTo>
                    <a:cubicBezTo>
                      <a:pt x="393885" y="141347"/>
                      <a:pt x="395801" y="144838"/>
                      <a:pt x="397994" y="148127"/>
                    </a:cubicBezTo>
                    <a:cubicBezTo>
                      <a:pt x="399090" y="155802"/>
                      <a:pt x="401831" y="157995"/>
                      <a:pt x="401283" y="171152"/>
                    </a:cubicBezTo>
                    <a:cubicBezTo>
                      <a:pt x="400735" y="184309"/>
                      <a:pt x="390868" y="212815"/>
                      <a:pt x="394705" y="227068"/>
                    </a:cubicBezTo>
                    <a:cubicBezTo>
                      <a:pt x="398542" y="241321"/>
                      <a:pt x="408958" y="250641"/>
                      <a:pt x="424307" y="256671"/>
                    </a:cubicBezTo>
                    <a:cubicBezTo>
                      <a:pt x="439657" y="262701"/>
                      <a:pt x="460272" y="260270"/>
                      <a:pt x="486802" y="263250"/>
                    </a:cubicBezTo>
                    <a:lnTo>
                      <a:pt x="583485" y="274553"/>
                    </a:ln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7" name="Freeform 26"/>
              <p:cNvSpPr/>
              <p:nvPr/>
            </p:nvSpPr>
            <p:spPr bwMode="auto">
              <a:xfrm>
                <a:off x="6910442" y="2440592"/>
                <a:ext cx="102151" cy="753237"/>
              </a:xfrm>
              <a:custGeom>
                <a:avLst/>
                <a:gdLst>
                  <a:gd name="connsiteX0" fmla="*/ 6764 w 102151"/>
                  <a:gd name="connsiteY0" fmla="*/ 0 h 749948"/>
                  <a:gd name="connsiteX1" fmla="*/ 10053 w 102151"/>
                  <a:gd name="connsiteY1" fmla="*/ 85520 h 749948"/>
                  <a:gd name="connsiteX2" fmla="*/ 16631 w 102151"/>
                  <a:gd name="connsiteY2" fmla="*/ 124990 h 749948"/>
                  <a:gd name="connsiteX3" fmla="*/ 19921 w 102151"/>
                  <a:gd name="connsiteY3" fmla="*/ 171039 h 749948"/>
                  <a:gd name="connsiteX4" fmla="*/ 26499 w 102151"/>
                  <a:gd name="connsiteY4" fmla="*/ 190775 h 749948"/>
                  <a:gd name="connsiteX5" fmla="*/ 36367 w 102151"/>
                  <a:gd name="connsiteY5" fmla="*/ 200642 h 749948"/>
                  <a:gd name="connsiteX6" fmla="*/ 42945 w 102151"/>
                  <a:gd name="connsiteY6" fmla="*/ 220377 h 749948"/>
                  <a:gd name="connsiteX7" fmla="*/ 49523 w 102151"/>
                  <a:gd name="connsiteY7" fmla="*/ 296029 h 749948"/>
                  <a:gd name="connsiteX8" fmla="*/ 52813 w 102151"/>
                  <a:gd name="connsiteY8" fmla="*/ 358524 h 749948"/>
                  <a:gd name="connsiteX9" fmla="*/ 56102 w 102151"/>
                  <a:gd name="connsiteY9" fmla="*/ 368392 h 749948"/>
                  <a:gd name="connsiteX10" fmla="*/ 59391 w 102151"/>
                  <a:gd name="connsiteY10" fmla="*/ 394705 h 749948"/>
                  <a:gd name="connsiteX11" fmla="*/ 56102 w 102151"/>
                  <a:gd name="connsiteY11" fmla="*/ 450622 h 749948"/>
                  <a:gd name="connsiteX12" fmla="*/ 39656 w 102151"/>
                  <a:gd name="connsiteY12" fmla="*/ 453911 h 749948"/>
                  <a:gd name="connsiteX13" fmla="*/ 13342 w 102151"/>
                  <a:gd name="connsiteY13" fmla="*/ 457200 h 749948"/>
                  <a:gd name="connsiteX14" fmla="*/ 3475 w 102151"/>
                  <a:gd name="connsiteY14" fmla="*/ 463779 h 749948"/>
                  <a:gd name="connsiteX15" fmla="*/ 185 w 102151"/>
                  <a:gd name="connsiteY15" fmla="*/ 473646 h 749948"/>
                  <a:gd name="connsiteX16" fmla="*/ 3475 w 102151"/>
                  <a:gd name="connsiteY16" fmla="*/ 522985 h 749948"/>
                  <a:gd name="connsiteX17" fmla="*/ 16631 w 102151"/>
                  <a:gd name="connsiteY17" fmla="*/ 529563 h 749948"/>
                  <a:gd name="connsiteX18" fmla="*/ 29788 w 102151"/>
                  <a:gd name="connsiteY18" fmla="*/ 546009 h 749948"/>
                  <a:gd name="connsiteX19" fmla="*/ 36367 w 102151"/>
                  <a:gd name="connsiteY19" fmla="*/ 565744 h 749948"/>
                  <a:gd name="connsiteX20" fmla="*/ 42945 w 102151"/>
                  <a:gd name="connsiteY20" fmla="*/ 588769 h 749948"/>
                  <a:gd name="connsiteX21" fmla="*/ 46234 w 102151"/>
                  <a:gd name="connsiteY21" fmla="*/ 598636 h 749948"/>
                  <a:gd name="connsiteX22" fmla="*/ 59391 w 102151"/>
                  <a:gd name="connsiteY22" fmla="*/ 651264 h 749948"/>
                  <a:gd name="connsiteX23" fmla="*/ 65970 w 102151"/>
                  <a:gd name="connsiteY23" fmla="*/ 661131 h 749948"/>
                  <a:gd name="connsiteX24" fmla="*/ 69259 w 102151"/>
                  <a:gd name="connsiteY24" fmla="*/ 670999 h 749948"/>
                  <a:gd name="connsiteX25" fmla="*/ 75837 w 102151"/>
                  <a:gd name="connsiteY25" fmla="*/ 707180 h 749948"/>
                  <a:gd name="connsiteX26" fmla="*/ 79126 w 102151"/>
                  <a:gd name="connsiteY26" fmla="*/ 717048 h 749948"/>
                  <a:gd name="connsiteX27" fmla="*/ 92283 w 102151"/>
                  <a:gd name="connsiteY27" fmla="*/ 730205 h 749948"/>
                  <a:gd name="connsiteX28" fmla="*/ 102151 w 102151"/>
                  <a:gd name="connsiteY28" fmla="*/ 749940 h 749948"/>
                  <a:gd name="connsiteX0" fmla="*/ 6764 w 102151"/>
                  <a:gd name="connsiteY0" fmla="*/ 0 h 753237"/>
                  <a:gd name="connsiteX1" fmla="*/ 10053 w 102151"/>
                  <a:gd name="connsiteY1" fmla="*/ 88809 h 753237"/>
                  <a:gd name="connsiteX2" fmla="*/ 16631 w 102151"/>
                  <a:gd name="connsiteY2" fmla="*/ 128279 h 753237"/>
                  <a:gd name="connsiteX3" fmla="*/ 19921 w 102151"/>
                  <a:gd name="connsiteY3" fmla="*/ 174328 h 753237"/>
                  <a:gd name="connsiteX4" fmla="*/ 26499 w 102151"/>
                  <a:gd name="connsiteY4" fmla="*/ 194064 h 753237"/>
                  <a:gd name="connsiteX5" fmla="*/ 36367 w 102151"/>
                  <a:gd name="connsiteY5" fmla="*/ 203931 h 753237"/>
                  <a:gd name="connsiteX6" fmla="*/ 42945 w 102151"/>
                  <a:gd name="connsiteY6" fmla="*/ 223666 h 753237"/>
                  <a:gd name="connsiteX7" fmla="*/ 49523 w 102151"/>
                  <a:gd name="connsiteY7" fmla="*/ 299318 h 753237"/>
                  <a:gd name="connsiteX8" fmla="*/ 52813 w 102151"/>
                  <a:gd name="connsiteY8" fmla="*/ 361813 h 753237"/>
                  <a:gd name="connsiteX9" fmla="*/ 56102 w 102151"/>
                  <a:gd name="connsiteY9" fmla="*/ 371681 h 753237"/>
                  <a:gd name="connsiteX10" fmla="*/ 59391 w 102151"/>
                  <a:gd name="connsiteY10" fmla="*/ 397994 h 753237"/>
                  <a:gd name="connsiteX11" fmla="*/ 56102 w 102151"/>
                  <a:gd name="connsiteY11" fmla="*/ 453911 h 753237"/>
                  <a:gd name="connsiteX12" fmla="*/ 39656 w 102151"/>
                  <a:gd name="connsiteY12" fmla="*/ 457200 h 753237"/>
                  <a:gd name="connsiteX13" fmla="*/ 13342 w 102151"/>
                  <a:gd name="connsiteY13" fmla="*/ 460489 h 753237"/>
                  <a:gd name="connsiteX14" fmla="*/ 3475 w 102151"/>
                  <a:gd name="connsiteY14" fmla="*/ 467068 h 753237"/>
                  <a:gd name="connsiteX15" fmla="*/ 185 w 102151"/>
                  <a:gd name="connsiteY15" fmla="*/ 476935 h 753237"/>
                  <a:gd name="connsiteX16" fmla="*/ 3475 w 102151"/>
                  <a:gd name="connsiteY16" fmla="*/ 526274 h 753237"/>
                  <a:gd name="connsiteX17" fmla="*/ 16631 w 102151"/>
                  <a:gd name="connsiteY17" fmla="*/ 532852 h 753237"/>
                  <a:gd name="connsiteX18" fmla="*/ 29788 w 102151"/>
                  <a:gd name="connsiteY18" fmla="*/ 549298 h 753237"/>
                  <a:gd name="connsiteX19" fmla="*/ 36367 w 102151"/>
                  <a:gd name="connsiteY19" fmla="*/ 569033 h 753237"/>
                  <a:gd name="connsiteX20" fmla="*/ 42945 w 102151"/>
                  <a:gd name="connsiteY20" fmla="*/ 592058 h 753237"/>
                  <a:gd name="connsiteX21" fmla="*/ 46234 w 102151"/>
                  <a:gd name="connsiteY21" fmla="*/ 601925 h 753237"/>
                  <a:gd name="connsiteX22" fmla="*/ 59391 w 102151"/>
                  <a:gd name="connsiteY22" fmla="*/ 654553 h 753237"/>
                  <a:gd name="connsiteX23" fmla="*/ 65970 w 102151"/>
                  <a:gd name="connsiteY23" fmla="*/ 664420 h 753237"/>
                  <a:gd name="connsiteX24" fmla="*/ 69259 w 102151"/>
                  <a:gd name="connsiteY24" fmla="*/ 674288 h 753237"/>
                  <a:gd name="connsiteX25" fmla="*/ 75837 w 102151"/>
                  <a:gd name="connsiteY25" fmla="*/ 710469 h 753237"/>
                  <a:gd name="connsiteX26" fmla="*/ 79126 w 102151"/>
                  <a:gd name="connsiteY26" fmla="*/ 720337 h 753237"/>
                  <a:gd name="connsiteX27" fmla="*/ 92283 w 102151"/>
                  <a:gd name="connsiteY27" fmla="*/ 733494 h 753237"/>
                  <a:gd name="connsiteX28" fmla="*/ 102151 w 102151"/>
                  <a:gd name="connsiteY28" fmla="*/ 753229 h 7532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02151" h="753237">
                    <a:moveTo>
                      <a:pt x="6764" y="0"/>
                    </a:moveTo>
                    <a:cubicBezTo>
                      <a:pt x="7860" y="28507"/>
                      <a:pt x="8409" y="67429"/>
                      <a:pt x="10053" y="88809"/>
                    </a:cubicBezTo>
                    <a:cubicBezTo>
                      <a:pt x="11698" y="110189"/>
                      <a:pt x="10954" y="111248"/>
                      <a:pt x="16631" y="128279"/>
                    </a:cubicBezTo>
                    <a:cubicBezTo>
                      <a:pt x="17728" y="143629"/>
                      <a:pt x="17638" y="159109"/>
                      <a:pt x="19921" y="174328"/>
                    </a:cubicBezTo>
                    <a:cubicBezTo>
                      <a:pt x="20950" y="181186"/>
                      <a:pt x="21595" y="189161"/>
                      <a:pt x="26499" y="194064"/>
                    </a:cubicBezTo>
                    <a:lnTo>
                      <a:pt x="36367" y="203931"/>
                    </a:lnTo>
                    <a:cubicBezTo>
                      <a:pt x="38560" y="210509"/>
                      <a:pt x="42599" y="216741"/>
                      <a:pt x="42945" y="223666"/>
                    </a:cubicBezTo>
                    <a:cubicBezTo>
                      <a:pt x="46407" y="292914"/>
                      <a:pt x="39291" y="268622"/>
                      <a:pt x="49523" y="299318"/>
                    </a:cubicBezTo>
                    <a:cubicBezTo>
                      <a:pt x="50620" y="320150"/>
                      <a:pt x="50924" y="341038"/>
                      <a:pt x="52813" y="361813"/>
                    </a:cubicBezTo>
                    <a:cubicBezTo>
                      <a:pt x="53127" y="365266"/>
                      <a:pt x="55482" y="368270"/>
                      <a:pt x="56102" y="371681"/>
                    </a:cubicBezTo>
                    <a:cubicBezTo>
                      <a:pt x="57683" y="380378"/>
                      <a:pt x="58295" y="389223"/>
                      <a:pt x="59391" y="397994"/>
                    </a:cubicBezTo>
                    <a:cubicBezTo>
                      <a:pt x="58295" y="416633"/>
                      <a:pt x="62006" y="436198"/>
                      <a:pt x="56102" y="453911"/>
                    </a:cubicBezTo>
                    <a:cubicBezTo>
                      <a:pt x="54334" y="459215"/>
                      <a:pt x="45182" y="456350"/>
                      <a:pt x="39656" y="457200"/>
                    </a:cubicBezTo>
                    <a:cubicBezTo>
                      <a:pt x="30919" y="458544"/>
                      <a:pt x="22113" y="459393"/>
                      <a:pt x="13342" y="460489"/>
                    </a:cubicBezTo>
                    <a:cubicBezTo>
                      <a:pt x="10053" y="462682"/>
                      <a:pt x="5944" y="463981"/>
                      <a:pt x="3475" y="467068"/>
                    </a:cubicBezTo>
                    <a:cubicBezTo>
                      <a:pt x="1309" y="469775"/>
                      <a:pt x="185" y="473468"/>
                      <a:pt x="185" y="476935"/>
                    </a:cubicBezTo>
                    <a:cubicBezTo>
                      <a:pt x="185" y="493418"/>
                      <a:pt x="-1176" y="510461"/>
                      <a:pt x="3475" y="526274"/>
                    </a:cubicBezTo>
                    <a:cubicBezTo>
                      <a:pt x="4858" y="530978"/>
                      <a:pt x="12551" y="530132"/>
                      <a:pt x="16631" y="532852"/>
                    </a:cubicBezTo>
                    <a:cubicBezTo>
                      <a:pt x="20950" y="535731"/>
                      <a:pt x="27935" y="545128"/>
                      <a:pt x="29788" y="549298"/>
                    </a:cubicBezTo>
                    <a:cubicBezTo>
                      <a:pt x="32604" y="555635"/>
                      <a:pt x="34174" y="562455"/>
                      <a:pt x="36367" y="569033"/>
                    </a:cubicBezTo>
                    <a:cubicBezTo>
                      <a:pt x="44248" y="592677"/>
                      <a:pt x="34691" y="563168"/>
                      <a:pt x="42945" y="592058"/>
                    </a:cubicBezTo>
                    <a:cubicBezTo>
                      <a:pt x="43897" y="595392"/>
                      <a:pt x="45454" y="598547"/>
                      <a:pt x="46234" y="601925"/>
                    </a:cubicBezTo>
                    <a:cubicBezTo>
                      <a:pt x="47404" y="606996"/>
                      <a:pt x="53475" y="645681"/>
                      <a:pt x="59391" y="654553"/>
                    </a:cubicBezTo>
                    <a:lnTo>
                      <a:pt x="65970" y="664420"/>
                    </a:lnTo>
                    <a:cubicBezTo>
                      <a:pt x="67066" y="667709"/>
                      <a:pt x="68579" y="670888"/>
                      <a:pt x="69259" y="674288"/>
                    </a:cubicBezTo>
                    <a:cubicBezTo>
                      <a:pt x="75470" y="705345"/>
                      <a:pt x="69337" y="687716"/>
                      <a:pt x="75837" y="710469"/>
                    </a:cubicBezTo>
                    <a:cubicBezTo>
                      <a:pt x="76789" y="713803"/>
                      <a:pt x="77111" y="717516"/>
                      <a:pt x="79126" y="720337"/>
                    </a:cubicBezTo>
                    <a:cubicBezTo>
                      <a:pt x="82731" y="725384"/>
                      <a:pt x="92283" y="733494"/>
                      <a:pt x="92283" y="733494"/>
                    </a:cubicBezTo>
                    <a:cubicBezTo>
                      <a:pt x="99209" y="754269"/>
                      <a:pt x="91928" y="753229"/>
                      <a:pt x="102151" y="753229"/>
                    </a:cubicBez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9" name="Freeform 28"/>
              <p:cNvSpPr/>
              <p:nvPr/>
            </p:nvSpPr>
            <p:spPr bwMode="auto">
              <a:xfrm>
                <a:off x="7006014" y="3187243"/>
                <a:ext cx="230245" cy="365103"/>
              </a:xfrm>
              <a:custGeom>
                <a:avLst/>
                <a:gdLst>
                  <a:gd name="connsiteX0" fmla="*/ 0 w 230245"/>
                  <a:gd name="connsiteY0" fmla="*/ 6579 h 365103"/>
                  <a:gd name="connsiteX1" fmla="*/ 16446 w 230245"/>
                  <a:gd name="connsiteY1" fmla="*/ 13157 h 365103"/>
                  <a:gd name="connsiteX2" fmla="*/ 32892 w 230245"/>
                  <a:gd name="connsiteY2" fmla="*/ 16446 h 365103"/>
                  <a:gd name="connsiteX3" fmla="*/ 42760 w 230245"/>
                  <a:gd name="connsiteY3" fmla="*/ 19736 h 365103"/>
                  <a:gd name="connsiteX4" fmla="*/ 62495 w 230245"/>
                  <a:gd name="connsiteY4" fmla="*/ 16446 h 365103"/>
                  <a:gd name="connsiteX5" fmla="*/ 85520 w 230245"/>
                  <a:gd name="connsiteY5" fmla="*/ 6579 h 365103"/>
                  <a:gd name="connsiteX6" fmla="*/ 115122 w 230245"/>
                  <a:gd name="connsiteY6" fmla="*/ 0 h 365103"/>
                  <a:gd name="connsiteX7" fmla="*/ 154593 w 230245"/>
                  <a:gd name="connsiteY7" fmla="*/ 6579 h 365103"/>
                  <a:gd name="connsiteX8" fmla="*/ 164461 w 230245"/>
                  <a:gd name="connsiteY8" fmla="*/ 13157 h 365103"/>
                  <a:gd name="connsiteX9" fmla="*/ 171039 w 230245"/>
                  <a:gd name="connsiteY9" fmla="*/ 23025 h 365103"/>
                  <a:gd name="connsiteX10" fmla="*/ 174328 w 230245"/>
                  <a:gd name="connsiteY10" fmla="*/ 32892 h 365103"/>
                  <a:gd name="connsiteX11" fmla="*/ 194063 w 230245"/>
                  <a:gd name="connsiteY11" fmla="*/ 46049 h 365103"/>
                  <a:gd name="connsiteX12" fmla="*/ 210510 w 230245"/>
                  <a:gd name="connsiteY12" fmla="*/ 62495 h 365103"/>
                  <a:gd name="connsiteX13" fmla="*/ 217088 w 230245"/>
                  <a:gd name="connsiteY13" fmla="*/ 69074 h 365103"/>
                  <a:gd name="connsiteX14" fmla="*/ 230245 w 230245"/>
                  <a:gd name="connsiteY14" fmla="*/ 88809 h 365103"/>
                  <a:gd name="connsiteX15" fmla="*/ 226956 w 230245"/>
                  <a:gd name="connsiteY15" fmla="*/ 187485 h 365103"/>
                  <a:gd name="connsiteX16" fmla="*/ 220377 w 230245"/>
                  <a:gd name="connsiteY16" fmla="*/ 197353 h 365103"/>
                  <a:gd name="connsiteX17" fmla="*/ 213799 w 230245"/>
                  <a:gd name="connsiteY17" fmla="*/ 217088 h 365103"/>
                  <a:gd name="connsiteX18" fmla="*/ 203931 w 230245"/>
                  <a:gd name="connsiteY18" fmla="*/ 246691 h 365103"/>
                  <a:gd name="connsiteX19" fmla="*/ 200642 w 230245"/>
                  <a:gd name="connsiteY19" fmla="*/ 259848 h 365103"/>
                  <a:gd name="connsiteX20" fmla="*/ 194063 w 230245"/>
                  <a:gd name="connsiteY20" fmla="*/ 269715 h 365103"/>
                  <a:gd name="connsiteX21" fmla="*/ 187485 w 230245"/>
                  <a:gd name="connsiteY21" fmla="*/ 289451 h 365103"/>
                  <a:gd name="connsiteX22" fmla="*/ 180907 w 230245"/>
                  <a:gd name="connsiteY22" fmla="*/ 328921 h 365103"/>
                  <a:gd name="connsiteX23" fmla="*/ 177617 w 230245"/>
                  <a:gd name="connsiteY23" fmla="*/ 345367 h 365103"/>
                  <a:gd name="connsiteX24" fmla="*/ 171039 w 230245"/>
                  <a:gd name="connsiteY24" fmla="*/ 355235 h 365103"/>
                  <a:gd name="connsiteX25" fmla="*/ 161171 w 230245"/>
                  <a:gd name="connsiteY25" fmla="*/ 365103 h 365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30245" h="365103">
                    <a:moveTo>
                      <a:pt x="0" y="6579"/>
                    </a:moveTo>
                    <a:cubicBezTo>
                      <a:pt x="5482" y="8772"/>
                      <a:pt x="10791" y="11461"/>
                      <a:pt x="16446" y="13157"/>
                    </a:cubicBezTo>
                    <a:cubicBezTo>
                      <a:pt x="21801" y="14763"/>
                      <a:pt x="27468" y="15090"/>
                      <a:pt x="32892" y="16446"/>
                    </a:cubicBezTo>
                    <a:cubicBezTo>
                      <a:pt x="36256" y="17287"/>
                      <a:pt x="39471" y="18639"/>
                      <a:pt x="42760" y="19736"/>
                    </a:cubicBezTo>
                    <a:cubicBezTo>
                      <a:pt x="49338" y="18639"/>
                      <a:pt x="55985" y="17893"/>
                      <a:pt x="62495" y="16446"/>
                    </a:cubicBezTo>
                    <a:cubicBezTo>
                      <a:pt x="73178" y="14072"/>
                      <a:pt x="74688" y="11221"/>
                      <a:pt x="85520" y="6579"/>
                    </a:cubicBezTo>
                    <a:cubicBezTo>
                      <a:pt x="95825" y="2163"/>
                      <a:pt x="103295" y="1972"/>
                      <a:pt x="115122" y="0"/>
                    </a:cubicBezTo>
                    <a:cubicBezTo>
                      <a:pt x="118536" y="488"/>
                      <a:pt x="148676" y="4360"/>
                      <a:pt x="154593" y="6579"/>
                    </a:cubicBezTo>
                    <a:cubicBezTo>
                      <a:pt x="158294" y="7967"/>
                      <a:pt x="161172" y="10964"/>
                      <a:pt x="164461" y="13157"/>
                    </a:cubicBezTo>
                    <a:cubicBezTo>
                      <a:pt x="166654" y="16446"/>
                      <a:pt x="169271" y="19489"/>
                      <a:pt x="171039" y="23025"/>
                    </a:cubicBezTo>
                    <a:cubicBezTo>
                      <a:pt x="172589" y="26126"/>
                      <a:pt x="171877" y="30441"/>
                      <a:pt x="174328" y="32892"/>
                    </a:cubicBezTo>
                    <a:cubicBezTo>
                      <a:pt x="179919" y="38483"/>
                      <a:pt x="188472" y="40459"/>
                      <a:pt x="194063" y="46049"/>
                    </a:cubicBezTo>
                    <a:lnTo>
                      <a:pt x="210510" y="62495"/>
                    </a:lnTo>
                    <a:lnTo>
                      <a:pt x="217088" y="69074"/>
                    </a:lnTo>
                    <a:cubicBezTo>
                      <a:pt x="222678" y="74665"/>
                      <a:pt x="230245" y="88809"/>
                      <a:pt x="230245" y="88809"/>
                    </a:cubicBezTo>
                    <a:cubicBezTo>
                      <a:pt x="229149" y="121701"/>
                      <a:pt x="229936" y="154710"/>
                      <a:pt x="226956" y="187485"/>
                    </a:cubicBezTo>
                    <a:cubicBezTo>
                      <a:pt x="226598" y="191422"/>
                      <a:pt x="221983" y="193740"/>
                      <a:pt x="220377" y="197353"/>
                    </a:cubicBezTo>
                    <a:cubicBezTo>
                      <a:pt x="217561" y="203689"/>
                      <a:pt x="215992" y="210510"/>
                      <a:pt x="213799" y="217088"/>
                    </a:cubicBezTo>
                    <a:lnTo>
                      <a:pt x="203931" y="246691"/>
                    </a:lnTo>
                    <a:cubicBezTo>
                      <a:pt x="202502" y="250980"/>
                      <a:pt x="202423" y="255693"/>
                      <a:pt x="200642" y="259848"/>
                    </a:cubicBezTo>
                    <a:cubicBezTo>
                      <a:pt x="199085" y="263481"/>
                      <a:pt x="196256" y="266426"/>
                      <a:pt x="194063" y="269715"/>
                    </a:cubicBezTo>
                    <a:lnTo>
                      <a:pt x="187485" y="289451"/>
                    </a:lnTo>
                    <a:cubicBezTo>
                      <a:pt x="183267" y="302105"/>
                      <a:pt x="183100" y="315764"/>
                      <a:pt x="180907" y="328921"/>
                    </a:cubicBezTo>
                    <a:cubicBezTo>
                      <a:pt x="179988" y="334436"/>
                      <a:pt x="179580" y="340132"/>
                      <a:pt x="177617" y="345367"/>
                    </a:cubicBezTo>
                    <a:cubicBezTo>
                      <a:pt x="176229" y="349068"/>
                      <a:pt x="173570" y="352198"/>
                      <a:pt x="171039" y="355235"/>
                    </a:cubicBezTo>
                    <a:cubicBezTo>
                      <a:pt x="168061" y="358809"/>
                      <a:pt x="161171" y="365103"/>
                      <a:pt x="161171" y="36510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sp>
        <p:nvSpPr>
          <p:cNvPr id="1027" name="Freeform 1026"/>
          <p:cNvSpPr/>
          <p:nvPr/>
        </p:nvSpPr>
        <p:spPr bwMode="auto">
          <a:xfrm>
            <a:off x="7249416" y="3216846"/>
            <a:ext cx="118411" cy="72363"/>
          </a:xfrm>
          <a:custGeom>
            <a:avLst/>
            <a:gdLst>
              <a:gd name="connsiteX0" fmla="*/ 118411 w 118411"/>
              <a:gd name="connsiteY0" fmla="*/ 0 h 72363"/>
              <a:gd name="connsiteX1" fmla="*/ 101965 w 118411"/>
              <a:gd name="connsiteY1" fmla="*/ 23025 h 72363"/>
              <a:gd name="connsiteX2" fmla="*/ 78941 w 118411"/>
              <a:gd name="connsiteY2" fmla="*/ 36181 h 72363"/>
              <a:gd name="connsiteX3" fmla="*/ 59206 w 118411"/>
              <a:gd name="connsiteY3" fmla="*/ 42760 h 72363"/>
              <a:gd name="connsiteX4" fmla="*/ 49338 w 118411"/>
              <a:gd name="connsiteY4" fmla="*/ 49338 h 72363"/>
              <a:gd name="connsiteX5" fmla="*/ 19735 w 118411"/>
              <a:gd name="connsiteY5" fmla="*/ 59206 h 72363"/>
              <a:gd name="connsiteX6" fmla="*/ 0 w 118411"/>
              <a:gd name="connsiteY6" fmla="*/ 72363 h 72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8411" h="72363">
                <a:moveTo>
                  <a:pt x="118411" y="0"/>
                </a:moveTo>
                <a:cubicBezTo>
                  <a:pt x="112228" y="10306"/>
                  <a:pt x="110503" y="16194"/>
                  <a:pt x="101965" y="23025"/>
                </a:cubicBezTo>
                <a:cubicBezTo>
                  <a:pt x="96030" y="27773"/>
                  <a:pt x="85695" y="33479"/>
                  <a:pt x="78941" y="36181"/>
                </a:cubicBezTo>
                <a:cubicBezTo>
                  <a:pt x="72503" y="38756"/>
                  <a:pt x="65784" y="40567"/>
                  <a:pt x="59206" y="42760"/>
                </a:cubicBezTo>
                <a:cubicBezTo>
                  <a:pt x="55456" y="44010"/>
                  <a:pt x="52950" y="47732"/>
                  <a:pt x="49338" y="49338"/>
                </a:cubicBezTo>
                <a:cubicBezTo>
                  <a:pt x="49324" y="49344"/>
                  <a:pt x="24676" y="57559"/>
                  <a:pt x="19735" y="59206"/>
                </a:cubicBezTo>
                <a:cubicBezTo>
                  <a:pt x="12234" y="61706"/>
                  <a:pt x="0" y="72363"/>
                  <a:pt x="0" y="72363"/>
                </a:cubicBezTo>
              </a:path>
            </a:pathLst>
          </a:custGeom>
          <a:noFill/>
          <a:ln w="38100">
            <a:solidFill>
              <a:schemeClr val="accent2">
                <a:lumMod val="90000"/>
              </a:schemeClr>
            </a:solidFill>
            <a:headEnd type="none" w="med" len="med"/>
            <a:tailEnd type="stealth" w="med" len="med"/>
          </a:ln>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30" name="CRA Freeform"/>
          <p:cNvGrpSpPr/>
          <p:nvPr/>
        </p:nvGrpSpPr>
        <p:grpSpPr>
          <a:xfrm>
            <a:off x="5101563" y="2519534"/>
            <a:ext cx="3427355" cy="897954"/>
            <a:chOff x="5101563" y="2519534"/>
            <a:chExt cx="3427355" cy="897954"/>
          </a:xfrm>
          <a:effectLst>
            <a:outerShdw dist="50800" dir="5400000" algn="ctr" rotWithShape="0">
              <a:schemeClr val="tx1"/>
            </a:outerShdw>
          </a:effectLst>
        </p:grpSpPr>
        <p:sp>
          <p:nvSpPr>
            <p:cNvPr id="1028" name="Freeform 1027"/>
            <p:cNvSpPr/>
            <p:nvPr/>
          </p:nvSpPr>
          <p:spPr bwMode="auto">
            <a:xfrm>
              <a:off x="7239548" y="3213557"/>
              <a:ext cx="148015" cy="203931"/>
            </a:xfrm>
            <a:custGeom>
              <a:avLst/>
              <a:gdLst>
                <a:gd name="connsiteX0" fmla="*/ 148015 w 148015"/>
                <a:gd name="connsiteY0" fmla="*/ 0 h 203931"/>
                <a:gd name="connsiteX1" fmla="*/ 141436 w 148015"/>
                <a:gd name="connsiteY1" fmla="*/ 32892 h 203931"/>
                <a:gd name="connsiteX2" fmla="*/ 134858 w 148015"/>
                <a:gd name="connsiteY2" fmla="*/ 42760 h 203931"/>
                <a:gd name="connsiteX3" fmla="*/ 118412 w 148015"/>
                <a:gd name="connsiteY3" fmla="*/ 59206 h 203931"/>
                <a:gd name="connsiteX4" fmla="*/ 111833 w 148015"/>
                <a:gd name="connsiteY4" fmla="*/ 65784 h 203931"/>
                <a:gd name="connsiteX5" fmla="*/ 101966 w 148015"/>
                <a:gd name="connsiteY5" fmla="*/ 75652 h 203931"/>
                <a:gd name="connsiteX6" fmla="*/ 82230 w 148015"/>
                <a:gd name="connsiteY6" fmla="*/ 85519 h 203931"/>
                <a:gd name="connsiteX7" fmla="*/ 62495 w 148015"/>
                <a:gd name="connsiteY7" fmla="*/ 92098 h 203931"/>
                <a:gd name="connsiteX8" fmla="*/ 59206 w 148015"/>
                <a:gd name="connsiteY8" fmla="*/ 101965 h 203931"/>
                <a:gd name="connsiteX9" fmla="*/ 55917 w 148015"/>
                <a:gd name="connsiteY9" fmla="*/ 151303 h 203931"/>
                <a:gd name="connsiteX10" fmla="*/ 46049 w 148015"/>
                <a:gd name="connsiteY10" fmla="*/ 154593 h 203931"/>
                <a:gd name="connsiteX11" fmla="*/ 36181 w 148015"/>
                <a:gd name="connsiteY11" fmla="*/ 161171 h 203931"/>
                <a:gd name="connsiteX12" fmla="*/ 32892 w 148015"/>
                <a:gd name="connsiteY12" fmla="*/ 171039 h 203931"/>
                <a:gd name="connsiteX13" fmla="*/ 23025 w 148015"/>
                <a:gd name="connsiteY13" fmla="*/ 177617 h 203931"/>
                <a:gd name="connsiteX14" fmla="*/ 16446 w 148015"/>
                <a:gd name="connsiteY14" fmla="*/ 184196 h 203931"/>
                <a:gd name="connsiteX15" fmla="*/ 9868 w 148015"/>
                <a:gd name="connsiteY15" fmla="*/ 194063 h 203931"/>
                <a:gd name="connsiteX16" fmla="*/ 0 w 148015"/>
                <a:gd name="connsiteY16" fmla="*/ 203931 h 203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48015" h="203931">
                  <a:moveTo>
                    <a:pt x="148015" y="0"/>
                  </a:moveTo>
                  <a:cubicBezTo>
                    <a:pt x="146803" y="8482"/>
                    <a:pt x="146028" y="23708"/>
                    <a:pt x="141436" y="32892"/>
                  </a:cubicBezTo>
                  <a:cubicBezTo>
                    <a:pt x="139668" y="36428"/>
                    <a:pt x="137461" y="39785"/>
                    <a:pt x="134858" y="42760"/>
                  </a:cubicBezTo>
                  <a:cubicBezTo>
                    <a:pt x="129753" y="48595"/>
                    <a:pt x="123894" y="53724"/>
                    <a:pt x="118412" y="59206"/>
                  </a:cubicBezTo>
                  <a:lnTo>
                    <a:pt x="111833" y="65784"/>
                  </a:lnTo>
                  <a:cubicBezTo>
                    <a:pt x="108544" y="69073"/>
                    <a:pt x="106379" y="74181"/>
                    <a:pt x="101966" y="75652"/>
                  </a:cubicBezTo>
                  <a:cubicBezTo>
                    <a:pt x="65992" y="87642"/>
                    <a:pt x="120472" y="68522"/>
                    <a:pt x="82230" y="85519"/>
                  </a:cubicBezTo>
                  <a:cubicBezTo>
                    <a:pt x="75893" y="88335"/>
                    <a:pt x="62495" y="92098"/>
                    <a:pt x="62495" y="92098"/>
                  </a:cubicBezTo>
                  <a:cubicBezTo>
                    <a:pt x="61399" y="95387"/>
                    <a:pt x="59589" y="98519"/>
                    <a:pt x="59206" y="101965"/>
                  </a:cubicBezTo>
                  <a:cubicBezTo>
                    <a:pt x="57386" y="118347"/>
                    <a:pt x="59915" y="135313"/>
                    <a:pt x="55917" y="151303"/>
                  </a:cubicBezTo>
                  <a:cubicBezTo>
                    <a:pt x="55076" y="154667"/>
                    <a:pt x="49150" y="153042"/>
                    <a:pt x="46049" y="154593"/>
                  </a:cubicBezTo>
                  <a:cubicBezTo>
                    <a:pt x="42513" y="156361"/>
                    <a:pt x="39470" y="158978"/>
                    <a:pt x="36181" y="161171"/>
                  </a:cubicBezTo>
                  <a:cubicBezTo>
                    <a:pt x="35085" y="164460"/>
                    <a:pt x="35058" y="168331"/>
                    <a:pt x="32892" y="171039"/>
                  </a:cubicBezTo>
                  <a:cubicBezTo>
                    <a:pt x="30423" y="174126"/>
                    <a:pt x="26112" y="175148"/>
                    <a:pt x="23025" y="177617"/>
                  </a:cubicBezTo>
                  <a:cubicBezTo>
                    <a:pt x="20603" y="179554"/>
                    <a:pt x="18383" y="181774"/>
                    <a:pt x="16446" y="184196"/>
                  </a:cubicBezTo>
                  <a:cubicBezTo>
                    <a:pt x="13977" y="187283"/>
                    <a:pt x="12399" y="191026"/>
                    <a:pt x="9868" y="194063"/>
                  </a:cubicBezTo>
                  <a:cubicBezTo>
                    <a:pt x="6890" y="197637"/>
                    <a:pt x="0" y="203931"/>
                    <a:pt x="0" y="20393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5" name="Freeform 1024"/>
            <p:cNvSpPr/>
            <p:nvPr/>
          </p:nvSpPr>
          <p:spPr bwMode="auto">
            <a:xfrm>
              <a:off x="6160688" y="2736621"/>
              <a:ext cx="2368230" cy="476936"/>
            </a:xfrm>
            <a:custGeom>
              <a:avLst/>
              <a:gdLst>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38627 w 2378098"/>
                <a:gd name="connsiteY5" fmla="*/ 82230 h 467068"/>
                <a:gd name="connsiteX6" fmla="*/ 2318892 w 2378098"/>
                <a:gd name="connsiteY6" fmla="*/ 95387 h 467068"/>
                <a:gd name="connsiteX7" fmla="*/ 2309024 w 2378098"/>
                <a:gd name="connsiteY7" fmla="*/ 98676 h 467068"/>
                <a:gd name="connsiteX8" fmla="*/ 2302446 w 2378098"/>
                <a:gd name="connsiteY8" fmla="*/ 118412 h 467068"/>
                <a:gd name="connsiteX9" fmla="*/ 2292578 w 2378098"/>
                <a:gd name="connsiteY9" fmla="*/ 124990 h 467068"/>
                <a:gd name="connsiteX10" fmla="*/ 2286000 w 2378098"/>
                <a:gd name="connsiteY10" fmla="*/ 131569 h 467068"/>
                <a:gd name="connsiteX11" fmla="*/ 2272843 w 2378098"/>
                <a:gd name="connsiteY11" fmla="*/ 138147 h 467068"/>
                <a:gd name="connsiteX12" fmla="*/ 2239951 w 2378098"/>
                <a:gd name="connsiteY12" fmla="*/ 148015 h 467068"/>
                <a:gd name="connsiteX13" fmla="*/ 2216926 w 2378098"/>
                <a:gd name="connsiteY13" fmla="*/ 151304 h 467068"/>
                <a:gd name="connsiteX14" fmla="*/ 2187324 w 2378098"/>
                <a:gd name="connsiteY14" fmla="*/ 157882 h 467068"/>
                <a:gd name="connsiteX15" fmla="*/ 2167588 w 2378098"/>
                <a:gd name="connsiteY15" fmla="*/ 164461 h 467068"/>
                <a:gd name="connsiteX16" fmla="*/ 2151142 w 2378098"/>
                <a:gd name="connsiteY16" fmla="*/ 167750 h 467068"/>
                <a:gd name="connsiteX17" fmla="*/ 2137985 w 2378098"/>
                <a:gd name="connsiteY17" fmla="*/ 171039 h 467068"/>
                <a:gd name="connsiteX18" fmla="*/ 2121539 w 2378098"/>
                <a:gd name="connsiteY18" fmla="*/ 174328 h 467068"/>
                <a:gd name="connsiteX19" fmla="*/ 2111672 w 2378098"/>
                <a:gd name="connsiteY19" fmla="*/ 177617 h 467068"/>
                <a:gd name="connsiteX20" fmla="*/ 1993260 w 2378098"/>
                <a:gd name="connsiteY20" fmla="*/ 180907 h 467068"/>
                <a:gd name="connsiteX21" fmla="*/ 1960368 w 2378098"/>
                <a:gd name="connsiteY21" fmla="*/ 184196 h 467068"/>
                <a:gd name="connsiteX22" fmla="*/ 1950500 w 2378098"/>
                <a:gd name="connsiteY22" fmla="*/ 187485 h 467068"/>
                <a:gd name="connsiteX23" fmla="*/ 1934054 w 2378098"/>
                <a:gd name="connsiteY23" fmla="*/ 203931 h 467068"/>
                <a:gd name="connsiteX24" fmla="*/ 1907741 w 2378098"/>
                <a:gd name="connsiteY24" fmla="*/ 226956 h 467068"/>
                <a:gd name="connsiteX25" fmla="*/ 1901162 w 2378098"/>
                <a:gd name="connsiteY25" fmla="*/ 236823 h 467068"/>
                <a:gd name="connsiteX26" fmla="*/ 1881427 w 2378098"/>
                <a:gd name="connsiteY26" fmla="*/ 253269 h 467068"/>
                <a:gd name="connsiteX27" fmla="*/ 1874849 w 2378098"/>
                <a:gd name="connsiteY27" fmla="*/ 259848 h 467068"/>
                <a:gd name="connsiteX28" fmla="*/ 1855113 w 2378098"/>
                <a:gd name="connsiteY28" fmla="*/ 266426 h 467068"/>
                <a:gd name="connsiteX29" fmla="*/ 1815643 w 2378098"/>
                <a:gd name="connsiteY29" fmla="*/ 273005 h 467068"/>
                <a:gd name="connsiteX30" fmla="*/ 1782751 w 2378098"/>
                <a:gd name="connsiteY30" fmla="*/ 282872 h 467068"/>
                <a:gd name="connsiteX31" fmla="*/ 1772883 w 2378098"/>
                <a:gd name="connsiteY31" fmla="*/ 286161 h 467068"/>
                <a:gd name="connsiteX32" fmla="*/ 1739991 w 2378098"/>
                <a:gd name="connsiteY32" fmla="*/ 289451 h 467068"/>
                <a:gd name="connsiteX33" fmla="*/ 1710388 w 2378098"/>
                <a:gd name="connsiteY33" fmla="*/ 299318 h 467068"/>
                <a:gd name="connsiteX34" fmla="*/ 1697231 w 2378098"/>
                <a:gd name="connsiteY34" fmla="*/ 302607 h 467068"/>
                <a:gd name="connsiteX35" fmla="*/ 1684075 w 2378098"/>
                <a:gd name="connsiteY35" fmla="*/ 309186 h 467068"/>
                <a:gd name="connsiteX36" fmla="*/ 1664339 w 2378098"/>
                <a:gd name="connsiteY36" fmla="*/ 315764 h 467068"/>
                <a:gd name="connsiteX37" fmla="*/ 1641315 w 2378098"/>
                <a:gd name="connsiteY37" fmla="*/ 322343 h 467068"/>
                <a:gd name="connsiteX38" fmla="*/ 1608423 w 2378098"/>
                <a:gd name="connsiteY38" fmla="*/ 328921 h 467068"/>
                <a:gd name="connsiteX39" fmla="*/ 1582109 w 2378098"/>
                <a:gd name="connsiteY39" fmla="*/ 332210 h 467068"/>
                <a:gd name="connsiteX40" fmla="*/ 1568952 w 2378098"/>
                <a:gd name="connsiteY40" fmla="*/ 335499 h 467068"/>
                <a:gd name="connsiteX41" fmla="*/ 1470276 w 2378098"/>
                <a:gd name="connsiteY41" fmla="*/ 342078 h 467068"/>
                <a:gd name="connsiteX42" fmla="*/ 1450541 w 2378098"/>
                <a:gd name="connsiteY42" fmla="*/ 355235 h 467068"/>
                <a:gd name="connsiteX43" fmla="*/ 1437384 w 2378098"/>
                <a:gd name="connsiteY43" fmla="*/ 368392 h 467068"/>
                <a:gd name="connsiteX44" fmla="*/ 1417649 w 2378098"/>
                <a:gd name="connsiteY44" fmla="*/ 378259 h 467068"/>
                <a:gd name="connsiteX45" fmla="*/ 1407781 w 2378098"/>
                <a:gd name="connsiteY45" fmla="*/ 388127 h 467068"/>
                <a:gd name="connsiteX46" fmla="*/ 1397913 w 2378098"/>
                <a:gd name="connsiteY46" fmla="*/ 391416 h 467068"/>
                <a:gd name="connsiteX47" fmla="*/ 1374889 w 2378098"/>
                <a:gd name="connsiteY47" fmla="*/ 401284 h 467068"/>
                <a:gd name="connsiteX48" fmla="*/ 1368311 w 2378098"/>
                <a:gd name="connsiteY48" fmla="*/ 411151 h 467068"/>
                <a:gd name="connsiteX49" fmla="*/ 1358443 w 2378098"/>
                <a:gd name="connsiteY49" fmla="*/ 414440 h 467068"/>
                <a:gd name="connsiteX50" fmla="*/ 1341997 w 2378098"/>
                <a:gd name="connsiteY50" fmla="*/ 417730 h 467068"/>
                <a:gd name="connsiteX51" fmla="*/ 1328840 w 2378098"/>
                <a:gd name="connsiteY51" fmla="*/ 421019 h 467068"/>
                <a:gd name="connsiteX52" fmla="*/ 1309105 w 2378098"/>
                <a:gd name="connsiteY52" fmla="*/ 434176 h 467068"/>
                <a:gd name="connsiteX53" fmla="*/ 1276213 w 2378098"/>
                <a:gd name="connsiteY53" fmla="*/ 444043 h 467068"/>
                <a:gd name="connsiteX54" fmla="*/ 1266345 w 2378098"/>
                <a:gd name="connsiteY54" fmla="*/ 447333 h 467068"/>
                <a:gd name="connsiteX55" fmla="*/ 1236742 w 2378098"/>
                <a:gd name="connsiteY55" fmla="*/ 463779 h 467068"/>
                <a:gd name="connsiteX56" fmla="*/ 1223585 w 2378098"/>
                <a:gd name="connsiteY56" fmla="*/ 467068 h 467068"/>
                <a:gd name="connsiteX57" fmla="*/ 1098595 w 2378098"/>
                <a:gd name="connsiteY57" fmla="*/ 463779 h 467068"/>
                <a:gd name="connsiteX58" fmla="*/ 1088728 w 2378098"/>
                <a:gd name="connsiteY58" fmla="*/ 457200 h 467068"/>
                <a:gd name="connsiteX59" fmla="*/ 1068993 w 2378098"/>
                <a:gd name="connsiteY59" fmla="*/ 450622 h 467068"/>
                <a:gd name="connsiteX60" fmla="*/ 1045968 w 2378098"/>
                <a:gd name="connsiteY60" fmla="*/ 444043 h 467068"/>
                <a:gd name="connsiteX61" fmla="*/ 1036100 w 2378098"/>
                <a:gd name="connsiteY61" fmla="*/ 437465 h 467068"/>
                <a:gd name="connsiteX62" fmla="*/ 1016365 w 2378098"/>
                <a:gd name="connsiteY62" fmla="*/ 430887 h 467068"/>
                <a:gd name="connsiteX63" fmla="*/ 1009787 w 2378098"/>
                <a:gd name="connsiteY63" fmla="*/ 424308 h 467068"/>
                <a:gd name="connsiteX64" fmla="*/ 990052 w 2378098"/>
                <a:gd name="connsiteY64" fmla="*/ 417730 h 467068"/>
                <a:gd name="connsiteX65" fmla="*/ 967027 w 2378098"/>
                <a:gd name="connsiteY65" fmla="*/ 421019 h 467068"/>
                <a:gd name="connsiteX66" fmla="*/ 953870 w 2378098"/>
                <a:gd name="connsiteY66" fmla="*/ 424308 h 467068"/>
                <a:gd name="connsiteX67" fmla="*/ 759807 w 2378098"/>
                <a:gd name="connsiteY67" fmla="*/ 430887 h 467068"/>
                <a:gd name="connsiteX68" fmla="*/ 697312 w 2378098"/>
                <a:gd name="connsiteY68" fmla="*/ 437465 h 467068"/>
                <a:gd name="connsiteX69" fmla="*/ 677577 w 2378098"/>
                <a:gd name="connsiteY69" fmla="*/ 440754 h 467068"/>
                <a:gd name="connsiteX70" fmla="*/ 522984 w 2378098"/>
                <a:gd name="connsiteY70" fmla="*/ 437465 h 467068"/>
                <a:gd name="connsiteX71" fmla="*/ 503249 w 2378098"/>
                <a:gd name="connsiteY71" fmla="*/ 430887 h 467068"/>
                <a:gd name="connsiteX72" fmla="*/ 490092 w 2378098"/>
                <a:gd name="connsiteY72" fmla="*/ 427597 h 467068"/>
                <a:gd name="connsiteX73" fmla="*/ 430886 w 2378098"/>
                <a:gd name="connsiteY73" fmla="*/ 430887 h 467068"/>
                <a:gd name="connsiteX74" fmla="*/ 421018 w 2378098"/>
                <a:gd name="connsiteY74" fmla="*/ 434176 h 467068"/>
                <a:gd name="connsiteX75" fmla="*/ 384837 w 2378098"/>
                <a:gd name="connsiteY75" fmla="*/ 444043 h 467068"/>
                <a:gd name="connsiteX76" fmla="*/ 365102 w 2378098"/>
                <a:gd name="connsiteY76" fmla="*/ 447333 h 467068"/>
                <a:gd name="connsiteX77" fmla="*/ 335499 w 2378098"/>
                <a:gd name="connsiteY77" fmla="*/ 457200 h 467068"/>
                <a:gd name="connsiteX78" fmla="*/ 282872 w 2378098"/>
                <a:gd name="connsiteY78" fmla="*/ 453911 h 467068"/>
                <a:gd name="connsiteX79" fmla="*/ 273004 w 2378098"/>
                <a:gd name="connsiteY79" fmla="*/ 450622 h 467068"/>
                <a:gd name="connsiteX80" fmla="*/ 266426 w 2378098"/>
                <a:gd name="connsiteY80" fmla="*/ 444043 h 467068"/>
                <a:gd name="connsiteX81" fmla="*/ 246690 w 2378098"/>
                <a:gd name="connsiteY81" fmla="*/ 437465 h 467068"/>
                <a:gd name="connsiteX82" fmla="*/ 236823 w 2378098"/>
                <a:gd name="connsiteY82" fmla="*/ 434176 h 467068"/>
                <a:gd name="connsiteX83" fmla="*/ 226955 w 2378098"/>
                <a:gd name="connsiteY83" fmla="*/ 430887 h 467068"/>
                <a:gd name="connsiteX84" fmla="*/ 138147 w 2378098"/>
                <a:gd name="connsiteY84" fmla="*/ 427597 h 467068"/>
                <a:gd name="connsiteX85" fmla="*/ 85519 w 2378098"/>
                <a:gd name="connsiteY85" fmla="*/ 430887 h 467068"/>
                <a:gd name="connsiteX86" fmla="*/ 69073 w 2378098"/>
                <a:gd name="connsiteY86" fmla="*/ 434176 h 467068"/>
                <a:gd name="connsiteX87" fmla="*/ 0 w 2378098"/>
                <a:gd name="connsiteY87"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18892 w 2378098"/>
                <a:gd name="connsiteY5" fmla="*/ 95387 h 467068"/>
                <a:gd name="connsiteX6" fmla="*/ 2309024 w 2378098"/>
                <a:gd name="connsiteY6" fmla="*/ 98676 h 467068"/>
                <a:gd name="connsiteX7" fmla="*/ 2302446 w 2378098"/>
                <a:gd name="connsiteY7" fmla="*/ 118412 h 467068"/>
                <a:gd name="connsiteX8" fmla="*/ 2292578 w 2378098"/>
                <a:gd name="connsiteY8" fmla="*/ 124990 h 467068"/>
                <a:gd name="connsiteX9" fmla="*/ 2286000 w 2378098"/>
                <a:gd name="connsiteY9" fmla="*/ 131569 h 467068"/>
                <a:gd name="connsiteX10" fmla="*/ 2272843 w 2378098"/>
                <a:gd name="connsiteY10" fmla="*/ 138147 h 467068"/>
                <a:gd name="connsiteX11" fmla="*/ 2239951 w 2378098"/>
                <a:gd name="connsiteY11" fmla="*/ 148015 h 467068"/>
                <a:gd name="connsiteX12" fmla="*/ 2216926 w 2378098"/>
                <a:gd name="connsiteY12" fmla="*/ 151304 h 467068"/>
                <a:gd name="connsiteX13" fmla="*/ 2187324 w 2378098"/>
                <a:gd name="connsiteY13" fmla="*/ 157882 h 467068"/>
                <a:gd name="connsiteX14" fmla="*/ 2167588 w 2378098"/>
                <a:gd name="connsiteY14" fmla="*/ 164461 h 467068"/>
                <a:gd name="connsiteX15" fmla="*/ 2151142 w 2378098"/>
                <a:gd name="connsiteY15" fmla="*/ 167750 h 467068"/>
                <a:gd name="connsiteX16" fmla="*/ 2137985 w 2378098"/>
                <a:gd name="connsiteY16" fmla="*/ 171039 h 467068"/>
                <a:gd name="connsiteX17" fmla="*/ 2121539 w 2378098"/>
                <a:gd name="connsiteY17" fmla="*/ 174328 h 467068"/>
                <a:gd name="connsiteX18" fmla="*/ 2111672 w 2378098"/>
                <a:gd name="connsiteY18" fmla="*/ 177617 h 467068"/>
                <a:gd name="connsiteX19" fmla="*/ 1993260 w 2378098"/>
                <a:gd name="connsiteY19" fmla="*/ 180907 h 467068"/>
                <a:gd name="connsiteX20" fmla="*/ 1960368 w 2378098"/>
                <a:gd name="connsiteY20" fmla="*/ 184196 h 467068"/>
                <a:gd name="connsiteX21" fmla="*/ 1950500 w 2378098"/>
                <a:gd name="connsiteY21" fmla="*/ 187485 h 467068"/>
                <a:gd name="connsiteX22" fmla="*/ 1934054 w 2378098"/>
                <a:gd name="connsiteY22" fmla="*/ 203931 h 467068"/>
                <a:gd name="connsiteX23" fmla="*/ 1907741 w 2378098"/>
                <a:gd name="connsiteY23" fmla="*/ 226956 h 467068"/>
                <a:gd name="connsiteX24" fmla="*/ 1901162 w 2378098"/>
                <a:gd name="connsiteY24" fmla="*/ 236823 h 467068"/>
                <a:gd name="connsiteX25" fmla="*/ 1881427 w 2378098"/>
                <a:gd name="connsiteY25" fmla="*/ 253269 h 467068"/>
                <a:gd name="connsiteX26" fmla="*/ 1874849 w 2378098"/>
                <a:gd name="connsiteY26" fmla="*/ 259848 h 467068"/>
                <a:gd name="connsiteX27" fmla="*/ 1855113 w 2378098"/>
                <a:gd name="connsiteY27" fmla="*/ 266426 h 467068"/>
                <a:gd name="connsiteX28" fmla="*/ 1815643 w 2378098"/>
                <a:gd name="connsiteY28" fmla="*/ 273005 h 467068"/>
                <a:gd name="connsiteX29" fmla="*/ 1782751 w 2378098"/>
                <a:gd name="connsiteY29" fmla="*/ 282872 h 467068"/>
                <a:gd name="connsiteX30" fmla="*/ 1772883 w 2378098"/>
                <a:gd name="connsiteY30" fmla="*/ 286161 h 467068"/>
                <a:gd name="connsiteX31" fmla="*/ 1739991 w 2378098"/>
                <a:gd name="connsiteY31" fmla="*/ 289451 h 467068"/>
                <a:gd name="connsiteX32" fmla="*/ 1710388 w 2378098"/>
                <a:gd name="connsiteY32" fmla="*/ 299318 h 467068"/>
                <a:gd name="connsiteX33" fmla="*/ 1697231 w 2378098"/>
                <a:gd name="connsiteY33" fmla="*/ 302607 h 467068"/>
                <a:gd name="connsiteX34" fmla="*/ 1684075 w 2378098"/>
                <a:gd name="connsiteY34" fmla="*/ 309186 h 467068"/>
                <a:gd name="connsiteX35" fmla="*/ 1664339 w 2378098"/>
                <a:gd name="connsiteY35" fmla="*/ 315764 h 467068"/>
                <a:gd name="connsiteX36" fmla="*/ 1641315 w 2378098"/>
                <a:gd name="connsiteY36" fmla="*/ 322343 h 467068"/>
                <a:gd name="connsiteX37" fmla="*/ 1608423 w 2378098"/>
                <a:gd name="connsiteY37" fmla="*/ 328921 h 467068"/>
                <a:gd name="connsiteX38" fmla="*/ 1582109 w 2378098"/>
                <a:gd name="connsiteY38" fmla="*/ 332210 h 467068"/>
                <a:gd name="connsiteX39" fmla="*/ 1568952 w 2378098"/>
                <a:gd name="connsiteY39" fmla="*/ 335499 h 467068"/>
                <a:gd name="connsiteX40" fmla="*/ 1470276 w 2378098"/>
                <a:gd name="connsiteY40" fmla="*/ 342078 h 467068"/>
                <a:gd name="connsiteX41" fmla="*/ 1450541 w 2378098"/>
                <a:gd name="connsiteY41" fmla="*/ 355235 h 467068"/>
                <a:gd name="connsiteX42" fmla="*/ 1437384 w 2378098"/>
                <a:gd name="connsiteY42" fmla="*/ 368392 h 467068"/>
                <a:gd name="connsiteX43" fmla="*/ 1417649 w 2378098"/>
                <a:gd name="connsiteY43" fmla="*/ 378259 h 467068"/>
                <a:gd name="connsiteX44" fmla="*/ 1407781 w 2378098"/>
                <a:gd name="connsiteY44" fmla="*/ 388127 h 467068"/>
                <a:gd name="connsiteX45" fmla="*/ 1397913 w 2378098"/>
                <a:gd name="connsiteY45" fmla="*/ 391416 h 467068"/>
                <a:gd name="connsiteX46" fmla="*/ 1374889 w 2378098"/>
                <a:gd name="connsiteY46" fmla="*/ 401284 h 467068"/>
                <a:gd name="connsiteX47" fmla="*/ 1368311 w 2378098"/>
                <a:gd name="connsiteY47" fmla="*/ 411151 h 467068"/>
                <a:gd name="connsiteX48" fmla="*/ 1358443 w 2378098"/>
                <a:gd name="connsiteY48" fmla="*/ 414440 h 467068"/>
                <a:gd name="connsiteX49" fmla="*/ 1341997 w 2378098"/>
                <a:gd name="connsiteY49" fmla="*/ 417730 h 467068"/>
                <a:gd name="connsiteX50" fmla="*/ 1328840 w 2378098"/>
                <a:gd name="connsiteY50" fmla="*/ 421019 h 467068"/>
                <a:gd name="connsiteX51" fmla="*/ 1309105 w 2378098"/>
                <a:gd name="connsiteY51" fmla="*/ 434176 h 467068"/>
                <a:gd name="connsiteX52" fmla="*/ 1276213 w 2378098"/>
                <a:gd name="connsiteY52" fmla="*/ 444043 h 467068"/>
                <a:gd name="connsiteX53" fmla="*/ 1266345 w 2378098"/>
                <a:gd name="connsiteY53" fmla="*/ 447333 h 467068"/>
                <a:gd name="connsiteX54" fmla="*/ 1236742 w 2378098"/>
                <a:gd name="connsiteY54" fmla="*/ 463779 h 467068"/>
                <a:gd name="connsiteX55" fmla="*/ 1223585 w 2378098"/>
                <a:gd name="connsiteY55" fmla="*/ 467068 h 467068"/>
                <a:gd name="connsiteX56" fmla="*/ 1098595 w 2378098"/>
                <a:gd name="connsiteY56" fmla="*/ 463779 h 467068"/>
                <a:gd name="connsiteX57" fmla="*/ 1088728 w 2378098"/>
                <a:gd name="connsiteY57" fmla="*/ 457200 h 467068"/>
                <a:gd name="connsiteX58" fmla="*/ 1068993 w 2378098"/>
                <a:gd name="connsiteY58" fmla="*/ 450622 h 467068"/>
                <a:gd name="connsiteX59" fmla="*/ 1045968 w 2378098"/>
                <a:gd name="connsiteY59" fmla="*/ 444043 h 467068"/>
                <a:gd name="connsiteX60" fmla="*/ 1036100 w 2378098"/>
                <a:gd name="connsiteY60" fmla="*/ 437465 h 467068"/>
                <a:gd name="connsiteX61" fmla="*/ 1016365 w 2378098"/>
                <a:gd name="connsiteY61" fmla="*/ 430887 h 467068"/>
                <a:gd name="connsiteX62" fmla="*/ 1009787 w 2378098"/>
                <a:gd name="connsiteY62" fmla="*/ 424308 h 467068"/>
                <a:gd name="connsiteX63" fmla="*/ 990052 w 2378098"/>
                <a:gd name="connsiteY63" fmla="*/ 417730 h 467068"/>
                <a:gd name="connsiteX64" fmla="*/ 967027 w 2378098"/>
                <a:gd name="connsiteY64" fmla="*/ 421019 h 467068"/>
                <a:gd name="connsiteX65" fmla="*/ 953870 w 2378098"/>
                <a:gd name="connsiteY65" fmla="*/ 424308 h 467068"/>
                <a:gd name="connsiteX66" fmla="*/ 759807 w 2378098"/>
                <a:gd name="connsiteY66" fmla="*/ 430887 h 467068"/>
                <a:gd name="connsiteX67" fmla="*/ 697312 w 2378098"/>
                <a:gd name="connsiteY67" fmla="*/ 437465 h 467068"/>
                <a:gd name="connsiteX68" fmla="*/ 677577 w 2378098"/>
                <a:gd name="connsiteY68" fmla="*/ 440754 h 467068"/>
                <a:gd name="connsiteX69" fmla="*/ 522984 w 2378098"/>
                <a:gd name="connsiteY69" fmla="*/ 437465 h 467068"/>
                <a:gd name="connsiteX70" fmla="*/ 503249 w 2378098"/>
                <a:gd name="connsiteY70" fmla="*/ 430887 h 467068"/>
                <a:gd name="connsiteX71" fmla="*/ 490092 w 2378098"/>
                <a:gd name="connsiteY71" fmla="*/ 427597 h 467068"/>
                <a:gd name="connsiteX72" fmla="*/ 430886 w 2378098"/>
                <a:gd name="connsiteY72" fmla="*/ 430887 h 467068"/>
                <a:gd name="connsiteX73" fmla="*/ 421018 w 2378098"/>
                <a:gd name="connsiteY73" fmla="*/ 434176 h 467068"/>
                <a:gd name="connsiteX74" fmla="*/ 384837 w 2378098"/>
                <a:gd name="connsiteY74" fmla="*/ 444043 h 467068"/>
                <a:gd name="connsiteX75" fmla="*/ 365102 w 2378098"/>
                <a:gd name="connsiteY75" fmla="*/ 447333 h 467068"/>
                <a:gd name="connsiteX76" fmla="*/ 335499 w 2378098"/>
                <a:gd name="connsiteY76" fmla="*/ 457200 h 467068"/>
                <a:gd name="connsiteX77" fmla="*/ 282872 w 2378098"/>
                <a:gd name="connsiteY77" fmla="*/ 453911 h 467068"/>
                <a:gd name="connsiteX78" fmla="*/ 273004 w 2378098"/>
                <a:gd name="connsiteY78" fmla="*/ 450622 h 467068"/>
                <a:gd name="connsiteX79" fmla="*/ 266426 w 2378098"/>
                <a:gd name="connsiteY79" fmla="*/ 444043 h 467068"/>
                <a:gd name="connsiteX80" fmla="*/ 246690 w 2378098"/>
                <a:gd name="connsiteY80" fmla="*/ 437465 h 467068"/>
                <a:gd name="connsiteX81" fmla="*/ 236823 w 2378098"/>
                <a:gd name="connsiteY81" fmla="*/ 434176 h 467068"/>
                <a:gd name="connsiteX82" fmla="*/ 226955 w 2378098"/>
                <a:gd name="connsiteY82" fmla="*/ 430887 h 467068"/>
                <a:gd name="connsiteX83" fmla="*/ 138147 w 2378098"/>
                <a:gd name="connsiteY83" fmla="*/ 427597 h 467068"/>
                <a:gd name="connsiteX84" fmla="*/ 85519 w 2378098"/>
                <a:gd name="connsiteY84" fmla="*/ 430887 h 467068"/>
                <a:gd name="connsiteX85" fmla="*/ 69073 w 2378098"/>
                <a:gd name="connsiteY85" fmla="*/ 434176 h 467068"/>
                <a:gd name="connsiteX86" fmla="*/ 0 w 2378098"/>
                <a:gd name="connsiteY86"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18892 w 2378098"/>
                <a:gd name="connsiteY4" fmla="*/ 95387 h 467068"/>
                <a:gd name="connsiteX5" fmla="*/ 2309024 w 2378098"/>
                <a:gd name="connsiteY5" fmla="*/ 98676 h 467068"/>
                <a:gd name="connsiteX6" fmla="*/ 2302446 w 2378098"/>
                <a:gd name="connsiteY6" fmla="*/ 118412 h 467068"/>
                <a:gd name="connsiteX7" fmla="*/ 2292578 w 2378098"/>
                <a:gd name="connsiteY7" fmla="*/ 124990 h 467068"/>
                <a:gd name="connsiteX8" fmla="*/ 2286000 w 2378098"/>
                <a:gd name="connsiteY8" fmla="*/ 131569 h 467068"/>
                <a:gd name="connsiteX9" fmla="*/ 2272843 w 2378098"/>
                <a:gd name="connsiteY9" fmla="*/ 138147 h 467068"/>
                <a:gd name="connsiteX10" fmla="*/ 2239951 w 2378098"/>
                <a:gd name="connsiteY10" fmla="*/ 148015 h 467068"/>
                <a:gd name="connsiteX11" fmla="*/ 2216926 w 2378098"/>
                <a:gd name="connsiteY11" fmla="*/ 151304 h 467068"/>
                <a:gd name="connsiteX12" fmla="*/ 2187324 w 2378098"/>
                <a:gd name="connsiteY12" fmla="*/ 157882 h 467068"/>
                <a:gd name="connsiteX13" fmla="*/ 2167588 w 2378098"/>
                <a:gd name="connsiteY13" fmla="*/ 164461 h 467068"/>
                <a:gd name="connsiteX14" fmla="*/ 2151142 w 2378098"/>
                <a:gd name="connsiteY14" fmla="*/ 167750 h 467068"/>
                <a:gd name="connsiteX15" fmla="*/ 2137985 w 2378098"/>
                <a:gd name="connsiteY15" fmla="*/ 171039 h 467068"/>
                <a:gd name="connsiteX16" fmla="*/ 2121539 w 2378098"/>
                <a:gd name="connsiteY16" fmla="*/ 174328 h 467068"/>
                <a:gd name="connsiteX17" fmla="*/ 2111672 w 2378098"/>
                <a:gd name="connsiteY17" fmla="*/ 177617 h 467068"/>
                <a:gd name="connsiteX18" fmla="*/ 1993260 w 2378098"/>
                <a:gd name="connsiteY18" fmla="*/ 180907 h 467068"/>
                <a:gd name="connsiteX19" fmla="*/ 1960368 w 2378098"/>
                <a:gd name="connsiteY19" fmla="*/ 184196 h 467068"/>
                <a:gd name="connsiteX20" fmla="*/ 1950500 w 2378098"/>
                <a:gd name="connsiteY20" fmla="*/ 187485 h 467068"/>
                <a:gd name="connsiteX21" fmla="*/ 1934054 w 2378098"/>
                <a:gd name="connsiteY21" fmla="*/ 203931 h 467068"/>
                <a:gd name="connsiteX22" fmla="*/ 1907741 w 2378098"/>
                <a:gd name="connsiteY22" fmla="*/ 226956 h 467068"/>
                <a:gd name="connsiteX23" fmla="*/ 1901162 w 2378098"/>
                <a:gd name="connsiteY23" fmla="*/ 236823 h 467068"/>
                <a:gd name="connsiteX24" fmla="*/ 1881427 w 2378098"/>
                <a:gd name="connsiteY24" fmla="*/ 253269 h 467068"/>
                <a:gd name="connsiteX25" fmla="*/ 1874849 w 2378098"/>
                <a:gd name="connsiteY25" fmla="*/ 259848 h 467068"/>
                <a:gd name="connsiteX26" fmla="*/ 1855113 w 2378098"/>
                <a:gd name="connsiteY26" fmla="*/ 266426 h 467068"/>
                <a:gd name="connsiteX27" fmla="*/ 1815643 w 2378098"/>
                <a:gd name="connsiteY27" fmla="*/ 273005 h 467068"/>
                <a:gd name="connsiteX28" fmla="*/ 1782751 w 2378098"/>
                <a:gd name="connsiteY28" fmla="*/ 282872 h 467068"/>
                <a:gd name="connsiteX29" fmla="*/ 1772883 w 2378098"/>
                <a:gd name="connsiteY29" fmla="*/ 286161 h 467068"/>
                <a:gd name="connsiteX30" fmla="*/ 1739991 w 2378098"/>
                <a:gd name="connsiteY30" fmla="*/ 289451 h 467068"/>
                <a:gd name="connsiteX31" fmla="*/ 1710388 w 2378098"/>
                <a:gd name="connsiteY31" fmla="*/ 299318 h 467068"/>
                <a:gd name="connsiteX32" fmla="*/ 1697231 w 2378098"/>
                <a:gd name="connsiteY32" fmla="*/ 302607 h 467068"/>
                <a:gd name="connsiteX33" fmla="*/ 1684075 w 2378098"/>
                <a:gd name="connsiteY33" fmla="*/ 309186 h 467068"/>
                <a:gd name="connsiteX34" fmla="*/ 1664339 w 2378098"/>
                <a:gd name="connsiteY34" fmla="*/ 315764 h 467068"/>
                <a:gd name="connsiteX35" fmla="*/ 1641315 w 2378098"/>
                <a:gd name="connsiteY35" fmla="*/ 322343 h 467068"/>
                <a:gd name="connsiteX36" fmla="*/ 1608423 w 2378098"/>
                <a:gd name="connsiteY36" fmla="*/ 328921 h 467068"/>
                <a:gd name="connsiteX37" fmla="*/ 1582109 w 2378098"/>
                <a:gd name="connsiteY37" fmla="*/ 332210 h 467068"/>
                <a:gd name="connsiteX38" fmla="*/ 1568952 w 2378098"/>
                <a:gd name="connsiteY38" fmla="*/ 335499 h 467068"/>
                <a:gd name="connsiteX39" fmla="*/ 1470276 w 2378098"/>
                <a:gd name="connsiteY39" fmla="*/ 342078 h 467068"/>
                <a:gd name="connsiteX40" fmla="*/ 1450541 w 2378098"/>
                <a:gd name="connsiteY40" fmla="*/ 355235 h 467068"/>
                <a:gd name="connsiteX41" fmla="*/ 1437384 w 2378098"/>
                <a:gd name="connsiteY41" fmla="*/ 368392 h 467068"/>
                <a:gd name="connsiteX42" fmla="*/ 1417649 w 2378098"/>
                <a:gd name="connsiteY42" fmla="*/ 378259 h 467068"/>
                <a:gd name="connsiteX43" fmla="*/ 1407781 w 2378098"/>
                <a:gd name="connsiteY43" fmla="*/ 388127 h 467068"/>
                <a:gd name="connsiteX44" fmla="*/ 1397913 w 2378098"/>
                <a:gd name="connsiteY44" fmla="*/ 391416 h 467068"/>
                <a:gd name="connsiteX45" fmla="*/ 1374889 w 2378098"/>
                <a:gd name="connsiteY45" fmla="*/ 401284 h 467068"/>
                <a:gd name="connsiteX46" fmla="*/ 1368311 w 2378098"/>
                <a:gd name="connsiteY46" fmla="*/ 411151 h 467068"/>
                <a:gd name="connsiteX47" fmla="*/ 1358443 w 2378098"/>
                <a:gd name="connsiteY47" fmla="*/ 414440 h 467068"/>
                <a:gd name="connsiteX48" fmla="*/ 1341997 w 2378098"/>
                <a:gd name="connsiteY48" fmla="*/ 417730 h 467068"/>
                <a:gd name="connsiteX49" fmla="*/ 1328840 w 2378098"/>
                <a:gd name="connsiteY49" fmla="*/ 421019 h 467068"/>
                <a:gd name="connsiteX50" fmla="*/ 1309105 w 2378098"/>
                <a:gd name="connsiteY50" fmla="*/ 434176 h 467068"/>
                <a:gd name="connsiteX51" fmla="*/ 1276213 w 2378098"/>
                <a:gd name="connsiteY51" fmla="*/ 444043 h 467068"/>
                <a:gd name="connsiteX52" fmla="*/ 1266345 w 2378098"/>
                <a:gd name="connsiteY52" fmla="*/ 447333 h 467068"/>
                <a:gd name="connsiteX53" fmla="*/ 1236742 w 2378098"/>
                <a:gd name="connsiteY53" fmla="*/ 463779 h 467068"/>
                <a:gd name="connsiteX54" fmla="*/ 1223585 w 2378098"/>
                <a:gd name="connsiteY54" fmla="*/ 467068 h 467068"/>
                <a:gd name="connsiteX55" fmla="*/ 1098595 w 2378098"/>
                <a:gd name="connsiteY55" fmla="*/ 463779 h 467068"/>
                <a:gd name="connsiteX56" fmla="*/ 1088728 w 2378098"/>
                <a:gd name="connsiteY56" fmla="*/ 457200 h 467068"/>
                <a:gd name="connsiteX57" fmla="*/ 1068993 w 2378098"/>
                <a:gd name="connsiteY57" fmla="*/ 450622 h 467068"/>
                <a:gd name="connsiteX58" fmla="*/ 1045968 w 2378098"/>
                <a:gd name="connsiteY58" fmla="*/ 444043 h 467068"/>
                <a:gd name="connsiteX59" fmla="*/ 1036100 w 2378098"/>
                <a:gd name="connsiteY59" fmla="*/ 437465 h 467068"/>
                <a:gd name="connsiteX60" fmla="*/ 1016365 w 2378098"/>
                <a:gd name="connsiteY60" fmla="*/ 430887 h 467068"/>
                <a:gd name="connsiteX61" fmla="*/ 1009787 w 2378098"/>
                <a:gd name="connsiteY61" fmla="*/ 424308 h 467068"/>
                <a:gd name="connsiteX62" fmla="*/ 990052 w 2378098"/>
                <a:gd name="connsiteY62" fmla="*/ 417730 h 467068"/>
                <a:gd name="connsiteX63" fmla="*/ 967027 w 2378098"/>
                <a:gd name="connsiteY63" fmla="*/ 421019 h 467068"/>
                <a:gd name="connsiteX64" fmla="*/ 953870 w 2378098"/>
                <a:gd name="connsiteY64" fmla="*/ 424308 h 467068"/>
                <a:gd name="connsiteX65" fmla="*/ 759807 w 2378098"/>
                <a:gd name="connsiteY65" fmla="*/ 430887 h 467068"/>
                <a:gd name="connsiteX66" fmla="*/ 697312 w 2378098"/>
                <a:gd name="connsiteY66" fmla="*/ 437465 h 467068"/>
                <a:gd name="connsiteX67" fmla="*/ 677577 w 2378098"/>
                <a:gd name="connsiteY67" fmla="*/ 440754 h 467068"/>
                <a:gd name="connsiteX68" fmla="*/ 522984 w 2378098"/>
                <a:gd name="connsiteY68" fmla="*/ 437465 h 467068"/>
                <a:gd name="connsiteX69" fmla="*/ 503249 w 2378098"/>
                <a:gd name="connsiteY69" fmla="*/ 430887 h 467068"/>
                <a:gd name="connsiteX70" fmla="*/ 490092 w 2378098"/>
                <a:gd name="connsiteY70" fmla="*/ 427597 h 467068"/>
                <a:gd name="connsiteX71" fmla="*/ 430886 w 2378098"/>
                <a:gd name="connsiteY71" fmla="*/ 430887 h 467068"/>
                <a:gd name="connsiteX72" fmla="*/ 421018 w 2378098"/>
                <a:gd name="connsiteY72" fmla="*/ 434176 h 467068"/>
                <a:gd name="connsiteX73" fmla="*/ 384837 w 2378098"/>
                <a:gd name="connsiteY73" fmla="*/ 444043 h 467068"/>
                <a:gd name="connsiteX74" fmla="*/ 365102 w 2378098"/>
                <a:gd name="connsiteY74" fmla="*/ 447333 h 467068"/>
                <a:gd name="connsiteX75" fmla="*/ 335499 w 2378098"/>
                <a:gd name="connsiteY75" fmla="*/ 457200 h 467068"/>
                <a:gd name="connsiteX76" fmla="*/ 282872 w 2378098"/>
                <a:gd name="connsiteY76" fmla="*/ 453911 h 467068"/>
                <a:gd name="connsiteX77" fmla="*/ 273004 w 2378098"/>
                <a:gd name="connsiteY77" fmla="*/ 450622 h 467068"/>
                <a:gd name="connsiteX78" fmla="*/ 266426 w 2378098"/>
                <a:gd name="connsiteY78" fmla="*/ 444043 h 467068"/>
                <a:gd name="connsiteX79" fmla="*/ 246690 w 2378098"/>
                <a:gd name="connsiteY79" fmla="*/ 437465 h 467068"/>
                <a:gd name="connsiteX80" fmla="*/ 236823 w 2378098"/>
                <a:gd name="connsiteY80" fmla="*/ 434176 h 467068"/>
                <a:gd name="connsiteX81" fmla="*/ 226955 w 2378098"/>
                <a:gd name="connsiteY81" fmla="*/ 430887 h 467068"/>
                <a:gd name="connsiteX82" fmla="*/ 138147 w 2378098"/>
                <a:gd name="connsiteY82" fmla="*/ 427597 h 467068"/>
                <a:gd name="connsiteX83" fmla="*/ 85519 w 2378098"/>
                <a:gd name="connsiteY83" fmla="*/ 430887 h 467068"/>
                <a:gd name="connsiteX84" fmla="*/ 69073 w 2378098"/>
                <a:gd name="connsiteY84" fmla="*/ 434176 h 467068"/>
                <a:gd name="connsiteX85" fmla="*/ 0 w 2378098"/>
                <a:gd name="connsiteY85"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18892 w 2378098"/>
                <a:gd name="connsiteY3" fmla="*/ 95387 h 467068"/>
                <a:gd name="connsiteX4" fmla="*/ 2309024 w 2378098"/>
                <a:gd name="connsiteY4" fmla="*/ 98676 h 467068"/>
                <a:gd name="connsiteX5" fmla="*/ 2302446 w 2378098"/>
                <a:gd name="connsiteY5" fmla="*/ 118412 h 467068"/>
                <a:gd name="connsiteX6" fmla="*/ 2292578 w 2378098"/>
                <a:gd name="connsiteY6" fmla="*/ 124990 h 467068"/>
                <a:gd name="connsiteX7" fmla="*/ 2286000 w 2378098"/>
                <a:gd name="connsiteY7" fmla="*/ 131569 h 467068"/>
                <a:gd name="connsiteX8" fmla="*/ 2272843 w 2378098"/>
                <a:gd name="connsiteY8" fmla="*/ 138147 h 467068"/>
                <a:gd name="connsiteX9" fmla="*/ 2239951 w 2378098"/>
                <a:gd name="connsiteY9" fmla="*/ 148015 h 467068"/>
                <a:gd name="connsiteX10" fmla="*/ 2216926 w 2378098"/>
                <a:gd name="connsiteY10" fmla="*/ 151304 h 467068"/>
                <a:gd name="connsiteX11" fmla="*/ 2187324 w 2378098"/>
                <a:gd name="connsiteY11" fmla="*/ 157882 h 467068"/>
                <a:gd name="connsiteX12" fmla="*/ 2167588 w 2378098"/>
                <a:gd name="connsiteY12" fmla="*/ 164461 h 467068"/>
                <a:gd name="connsiteX13" fmla="*/ 2151142 w 2378098"/>
                <a:gd name="connsiteY13" fmla="*/ 167750 h 467068"/>
                <a:gd name="connsiteX14" fmla="*/ 2137985 w 2378098"/>
                <a:gd name="connsiteY14" fmla="*/ 171039 h 467068"/>
                <a:gd name="connsiteX15" fmla="*/ 2121539 w 2378098"/>
                <a:gd name="connsiteY15" fmla="*/ 174328 h 467068"/>
                <a:gd name="connsiteX16" fmla="*/ 2111672 w 2378098"/>
                <a:gd name="connsiteY16" fmla="*/ 177617 h 467068"/>
                <a:gd name="connsiteX17" fmla="*/ 1993260 w 2378098"/>
                <a:gd name="connsiteY17" fmla="*/ 180907 h 467068"/>
                <a:gd name="connsiteX18" fmla="*/ 1960368 w 2378098"/>
                <a:gd name="connsiteY18" fmla="*/ 184196 h 467068"/>
                <a:gd name="connsiteX19" fmla="*/ 1950500 w 2378098"/>
                <a:gd name="connsiteY19" fmla="*/ 187485 h 467068"/>
                <a:gd name="connsiteX20" fmla="*/ 1934054 w 2378098"/>
                <a:gd name="connsiteY20" fmla="*/ 203931 h 467068"/>
                <a:gd name="connsiteX21" fmla="*/ 1907741 w 2378098"/>
                <a:gd name="connsiteY21" fmla="*/ 226956 h 467068"/>
                <a:gd name="connsiteX22" fmla="*/ 1901162 w 2378098"/>
                <a:gd name="connsiteY22" fmla="*/ 236823 h 467068"/>
                <a:gd name="connsiteX23" fmla="*/ 1881427 w 2378098"/>
                <a:gd name="connsiteY23" fmla="*/ 253269 h 467068"/>
                <a:gd name="connsiteX24" fmla="*/ 1874849 w 2378098"/>
                <a:gd name="connsiteY24" fmla="*/ 259848 h 467068"/>
                <a:gd name="connsiteX25" fmla="*/ 1855113 w 2378098"/>
                <a:gd name="connsiteY25" fmla="*/ 266426 h 467068"/>
                <a:gd name="connsiteX26" fmla="*/ 1815643 w 2378098"/>
                <a:gd name="connsiteY26" fmla="*/ 273005 h 467068"/>
                <a:gd name="connsiteX27" fmla="*/ 1782751 w 2378098"/>
                <a:gd name="connsiteY27" fmla="*/ 282872 h 467068"/>
                <a:gd name="connsiteX28" fmla="*/ 1772883 w 2378098"/>
                <a:gd name="connsiteY28" fmla="*/ 286161 h 467068"/>
                <a:gd name="connsiteX29" fmla="*/ 1739991 w 2378098"/>
                <a:gd name="connsiteY29" fmla="*/ 289451 h 467068"/>
                <a:gd name="connsiteX30" fmla="*/ 1710388 w 2378098"/>
                <a:gd name="connsiteY30" fmla="*/ 299318 h 467068"/>
                <a:gd name="connsiteX31" fmla="*/ 1697231 w 2378098"/>
                <a:gd name="connsiteY31" fmla="*/ 302607 h 467068"/>
                <a:gd name="connsiteX32" fmla="*/ 1684075 w 2378098"/>
                <a:gd name="connsiteY32" fmla="*/ 309186 h 467068"/>
                <a:gd name="connsiteX33" fmla="*/ 1664339 w 2378098"/>
                <a:gd name="connsiteY33" fmla="*/ 315764 h 467068"/>
                <a:gd name="connsiteX34" fmla="*/ 1641315 w 2378098"/>
                <a:gd name="connsiteY34" fmla="*/ 322343 h 467068"/>
                <a:gd name="connsiteX35" fmla="*/ 1608423 w 2378098"/>
                <a:gd name="connsiteY35" fmla="*/ 328921 h 467068"/>
                <a:gd name="connsiteX36" fmla="*/ 1582109 w 2378098"/>
                <a:gd name="connsiteY36" fmla="*/ 332210 h 467068"/>
                <a:gd name="connsiteX37" fmla="*/ 1568952 w 2378098"/>
                <a:gd name="connsiteY37" fmla="*/ 335499 h 467068"/>
                <a:gd name="connsiteX38" fmla="*/ 1470276 w 2378098"/>
                <a:gd name="connsiteY38" fmla="*/ 342078 h 467068"/>
                <a:gd name="connsiteX39" fmla="*/ 1450541 w 2378098"/>
                <a:gd name="connsiteY39" fmla="*/ 355235 h 467068"/>
                <a:gd name="connsiteX40" fmla="*/ 1437384 w 2378098"/>
                <a:gd name="connsiteY40" fmla="*/ 368392 h 467068"/>
                <a:gd name="connsiteX41" fmla="*/ 1417649 w 2378098"/>
                <a:gd name="connsiteY41" fmla="*/ 378259 h 467068"/>
                <a:gd name="connsiteX42" fmla="*/ 1407781 w 2378098"/>
                <a:gd name="connsiteY42" fmla="*/ 388127 h 467068"/>
                <a:gd name="connsiteX43" fmla="*/ 1397913 w 2378098"/>
                <a:gd name="connsiteY43" fmla="*/ 391416 h 467068"/>
                <a:gd name="connsiteX44" fmla="*/ 1374889 w 2378098"/>
                <a:gd name="connsiteY44" fmla="*/ 401284 h 467068"/>
                <a:gd name="connsiteX45" fmla="*/ 1368311 w 2378098"/>
                <a:gd name="connsiteY45" fmla="*/ 411151 h 467068"/>
                <a:gd name="connsiteX46" fmla="*/ 1358443 w 2378098"/>
                <a:gd name="connsiteY46" fmla="*/ 414440 h 467068"/>
                <a:gd name="connsiteX47" fmla="*/ 1341997 w 2378098"/>
                <a:gd name="connsiteY47" fmla="*/ 417730 h 467068"/>
                <a:gd name="connsiteX48" fmla="*/ 1328840 w 2378098"/>
                <a:gd name="connsiteY48" fmla="*/ 421019 h 467068"/>
                <a:gd name="connsiteX49" fmla="*/ 1309105 w 2378098"/>
                <a:gd name="connsiteY49" fmla="*/ 434176 h 467068"/>
                <a:gd name="connsiteX50" fmla="*/ 1276213 w 2378098"/>
                <a:gd name="connsiteY50" fmla="*/ 444043 h 467068"/>
                <a:gd name="connsiteX51" fmla="*/ 1266345 w 2378098"/>
                <a:gd name="connsiteY51" fmla="*/ 447333 h 467068"/>
                <a:gd name="connsiteX52" fmla="*/ 1236742 w 2378098"/>
                <a:gd name="connsiteY52" fmla="*/ 463779 h 467068"/>
                <a:gd name="connsiteX53" fmla="*/ 1223585 w 2378098"/>
                <a:gd name="connsiteY53" fmla="*/ 467068 h 467068"/>
                <a:gd name="connsiteX54" fmla="*/ 1098595 w 2378098"/>
                <a:gd name="connsiteY54" fmla="*/ 463779 h 467068"/>
                <a:gd name="connsiteX55" fmla="*/ 1088728 w 2378098"/>
                <a:gd name="connsiteY55" fmla="*/ 457200 h 467068"/>
                <a:gd name="connsiteX56" fmla="*/ 1068993 w 2378098"/>
                <a:gd name="connsiteY56" fmla="*/ 450622 h 467068"/>
                <a:gd name="connsiteX57" fmla="*/ 1045968 w 2378098"/>
                <a:gd name="connsiteY57" fmla="*/ 444043 h 467068"/>
                <a:gd name="connsiteX58" fmla="*/ 1036100 w 2378098"/>
                <a:gd name="connsiteY58" fmla="*/ 437465 h 467068"/>
                <a:gd name="connsiteX59" fmla="*/ 1016365 w 2378098"/>
                <a:gd name="connsiteY59" fmla="*/ 430887 h 467068"/>
                <a:gd name="connsiteX60" fmla="*/ 1009787 w 2378098"/>
                <a:gd name="connsiteY60" fmla="*/ 424308 h 467068"/>
                <a:gd name="connsiteX61" fmla="*/ 990052 w 2378098"/>
                <a:gd name="connsiteY61" fmla="*/ 417730 h 467068"/>
                <a:gd name="connsiteX62" fmla="*/ 967027 w 2378098"/>
                <a:gd name="connsiteY62" fmla="*/ 421019 h 467068"/>
                <a:gd name="connsiteX63" fmla="*/ 953870 w 2378098"/>
                <a:gd name="connsiteY63" fmla="*/ 424308 h 467068"/>
                <a:gd name="connsiteX64" fmla="*/ 759807 w 2378098"/>
                <a:gd name="connsiteY64" fmla="*/ 430887 h 467068"/>
                <a:gd name="connsiteX65" fmla="*/ 697312 w 2378098"/>
                <a:gd name="connsiteY65" fmla="*/ 437465 h 467068"/>
                <a:gd name="connsiteX66" fmla="*/ 677577 w 2378098"/>
                <a:gd name="connsiteY66" fmla="*/ 440754 h 467068"/>
                <a:gd name="connsiteX67" fmla="*/ 522984 w 2378098"/>
                <a:gd name="connsiteY67" fmla="*/ 437465 h 467068"/>
                <a:gd name="connsiteX68" fmla="*/ 503249 w 2378098"/>
                <a:gd name="connsiteY68" fmla="*/ 430887 h 467068"/>
                <a:gd name="connsiteX69" fmla="*/ 490092 w 2378098"/>
                <a:gd name="connsiteY69" fmla="*/ 427597 h 467068"/>
                <a:gd name="connsiteX70" fmla="*/ 430886 w 2378098"/>
                <a:gd name="connsiteY70" fmla="*/ 430887 h 467068"/>
                <a:gd name="connsiteX71" fmla="*/ 421018 w 2378098"/>
                <a:gd name="connsiteY71" fmla="*/ 434176 h 467068"/>
                <a:gd name="connsiteX72" fmla="*/ 384837 w 2378098"/>
                <a:gd name="connsiteY72" fmla="*/ 444043 h 467068"/>
                <a:gd name="connsiteX73" fmla="*/ 365102 w 2378098"/>
                <a:gd name="connsiteY73" fmla="*/ 447333 h 467068"/>
                <a:gd name="connsiteX74" fmla="*/ 335499 w 2378098"/>
                <a:gd name="connsiteY74" fmla="*/ 457200 h 467068"/>
                <a:gd name="connsiteX75" fmla="*/ 282872 w 2378098"/>
                <a:gd name="connsiteY75" fmla="*/ 453911 h 467068"/>
                <a:gd name="connsiteX76" fmla="*/ 273004 w 2378098"/>
                <a:gd name="connsiteY76" fmla="*/ 450622 h 467068"/>
                <a:gd name="connsiteX77" fmla="*/ 266426 w 2378098"/>
                <a:gd name="connsiteY77" fmla="*/ 444043 h 467068"/>
                <a:gd name="connsiteX78" fmla="*/ 246690 w 2378098"/>
                <a:gd name="connsiteY78" fmla="*/ 437465 h 467068"/>
                <a:gd name="connsiteX79" fmla="*/ 236823 w 2378098"/>
                <a:gd name="connsiteY79" fmla="*/ 434176 h 467068"/>
                <a:gd name="connsiteX80" fmla="*/ 226955 w 2378098"/>
                <a:gd name="connsiteY80" fmla="*/ 430887 h 467068"/>
                <a:gd name="connsiteX81" fmla="*/ 138147 w 2378098"/>
                <a:gd name="connsiteY81" fmla="*/ 427597 h 467068"/>
                <a:gd name="connsiteX82" fmla="*/ 85519 w 2378098"/>
                <a:gd name="connsiteY82" fmla="*/ 430887 h 467068"/>
                <a:gd name="connsiteX83" fmla="*/ 69073 w 2378098"/>
                <a:gd name="connsiteY83" fmla="*/ 434176 h 467068"/>
                <a:gd name="connsiteX84" fmla="*/ 0 w 2378098"/>
                <a:gd name="connsiteY84" fmla="*/ 434176 h 467068"/>
                <a:gd name="connsiteX0" fmla="*/ 2378098 w 2378098"/>
                <a:gd name="connsiteY0" fmla="*/ 0 h 467068"/>
                <a:gd name="connsiteX1" fmla="*/ 2371519 w 2378098"/>
                <a:gd name="connsiteY1" fmla="*/ 16446 h 467068"/>
                <a:gd name="connsiteX2" fmla="*/ 2318892 w 2378098"/>
                <a:gd name="connsiteY2" fmla="*/ 95387 h 467068"/>
                <a:gd name="connsiteX3" fmla="*/ 2309024 w 2378098"/>
                <a:gd name="connsiteY3" fmla="*/ 98676 h 467068"/>
                <a:gd name="connsiteX4" fmla="*/ 2302446 w 2378098"/>
                <a:gd name="connsiteY4" fmla="*/ 118412 h 467068"/>
                <a:gd name="connsiteX5" fmla="*/ 2292578 w 2378098"/>
                <a:gd name="connsiteY5" fmla="*/ 124990 h 467068"/>
                <a:gd name="connsiteX6" fmla="*/ 2286000 w 2378098"/>
                <a:gd name="connsiteY6" fmla="*/ 131569 h 467068"/>
                <a:gd name="connsiteX7" fmla="*/ 2272843 w 2378098"/>
                <a:gd name="connsiteY7" fmla="*/ 138147 h 467068"/>
                <a:gd name="connsiteX8" fmla="*/ 2239951 w 2378098"/>
                <a:gd name="connsiteY8" fmla="*/ 148015 h 467068"/>
                <a:gd name="connsiteX9" fmla="*/ 2216926 w 2378098"/>
                <a:gd name="connsiteY9" fmla="*/ 151304 h 467068"/>
                <a:gd name="connsiteX10" fmla="*/ 2187324 w 2378098"/>
                <a:gd name="connsiteY10" fmla="*/ 157882 h 467068"/>
                <a:gd name="connsiteX11" fmla="*/ 2167588 w 2378098"/>
                <a:gd name="connsiteY11" fmla="*/ 164461 h 467068"/>
                <a:gd name="connsiteX12" fmla="*/ 2151142 w 2378098"/>
                <a:gd name="connsiteY12" fmla="*/ 167750 h 467068"/>
                <a:gd name="connsiteX13" fmla="*/ 2137985 w 2378098"/>
                <a:gd name="connsiteY13" fmla="*/ 171039 h 467068"/>
                <a:gd name="connsiteX14" fmla="*/ 2121539 w 2378098"/>
                <a:gd name="connsiteY14" fmla="*/ 174328 h 467068"/>
                <a:gd name="connsiteX15" fmla="*/ 2111672 w 2378098"/>
                <a:gd name="connsiteY15" fmla="*/ 177617 h 467068"/>
                <a:gd name="connsiteX16" fmla="*/ 1993260 w 2378098"/>
                <a:gd name="connsiteY16" fmla="*/ 180907 h 467068"/>
                <a:gd name="connsiteX17" fmla="*/ 1960368 w 2378098"/>
                <a:gd name="connsiteY17" fmla="*/ 184196 h 467068"/>
                <a:gd name="connsiteX18" fmla="*/ 1950500 w 2378098"/>
                <a:gd name="connsiteY18" fmla="*/ 187485 h 467068"/>
                <a:gd name="connsiteX19" fmla="*/ 1934054 w 2378098"/>
                <a:gd name="connsiteY19" fmla="*/ 203931 h 467068"/>
                <a:gd name="connsiteX20" fmla="*/ 1907741 w 2378098"/>
                <a:gd name="connsiteY20" fmla="*/ 226956 h 467068"/>
                <a:gd name="connsiteX21" fmla="*/ 1901162 w 2378098"/>
                <a:gd name="connsiteY21" fmla="*/ 236823 h 467068"/>
                <a:gd name="connsiteX22" fmla="*/ 1881427 w 2378098"/>
                <a:gd name="connsiteY22" fmla="*/ 253269 h 467068"/>
                <a:gd name="connsiteX23" fmla="*/ 1874849 w 2378098"/>
                <a:gd name="connsiteY23" fmla="*/ 259848 h 467068"/>
                <a:gd name="connsiteX24" fmla="*/ 1855113 w 2378098"/>
                <a:gd name="connsiteY24" fmla="*/ 266426 h 467068"/>
                <a:gd name="connsiteX25" fmla="*/ 1815643 w 2378098"/>
                <a:gd name="connsiteY25" fmla="*/ 273005 h 467068"/>
                <a:gd name="connsiteX26" fmla="*/ 1782751 w 2378098"/>
                <a:gd name="connsiteY26" fmla="*/ 282872 h 467068"/>
                <a:gd name="connsiteX27" fmla="*/ 1772883 w 2378098"/>
                <a:gd name="connsiteY27" fmla="*/ 286161 h 467068"/>
                <a:gd name="connsiteX28" fmla="*/ 1739991 w 2378098"/>
                <a:gd name="connsiteY28" fmla="*/ 289451 h 467068"/>
                <a:gd name="connsiteX29" fmla="*/ 1710388 w 2378098"/>
                <a:gd name="connsiteY29" fmla="*/ 299318 h 467068"/>
                <a:gd name="connsiteX30" fmla="*/ 1697231 w 2378098"/>
                <a:gd name="connsiteY30" fmla="*/ 302607 h 467068"/>
                <a:gd name="connsiteX31" fmla="*/ 1684075 w 2378098"/>
                <a:gd name="connsiteY31" fmla="*/ 309186 h 467068"/>
                <a:gd name="connsiteX32" fmla="*/ 1664339 w 2378098"/>
                <a:gd name="connsiteY32" fmla="*/ 315764 h 467068"/>
                <a:gd name="connsiteX33" fmla="*/ 1641315 w 2378098"/>
                <a:gd name="connsiteY33" fmla="*/ 322343 h 467068"/>
                <a:gd name="connsiteX34" fmla="*/ 1608423 w 2378098"/>
                <a:gd name="connsiteY34" fmla="*/ 328921 h 467068"/>
                <a:gd name="connsiteX35" fmla="*/ 1582109 w 2378098"/>
                <a:gd name="connsiteY35" fmla="*/ 332210 h 467068"/>
                <a:gd name="connsiteX36" fmla="*/ 1568952 w 2378098"/>
                <a:gd name="connsiteY36" fmla="*/ 335499 h 467068"/>
                <a:gd name="connsiteX37" fmla="*/ 1470276 w 2378098"/>
                <a:gd name="connsiteY37" fmla="*/ 342078 h 467068"/>
                <a:gd name="connsiteX38" fmla="*/ 1450541 w 2378098"/>
                <a:gd name="connsiteY38" fmla="*/ 355235 h 467068"/>
                <a:gd name="connsiteX39" fmla="*/ 1437384 w 2378098"/>
                <a:gd name="connsiteY39" fmla="*/ 368392 h 467068"/>
                <a:gd name="connsiteX40" fmla="*/ 1417649 w 2378098"/>
                <a:gd name="connsiteY40" fmla="*/ 378259 h 467068"/>
                <a:gd name="connsiteX41" fmla="*/ 1407781 w 2378098"/>
                <a:gd name="connsiteY41" fmla="*/ 388127 h 467068"/>
                <a:gd name="connsiteX42" fmla="*/ 1397913 w 2378098"/>
                <a:gd name="connsiteY42" fmla="*/ 391416 h 467068"/>
                <a:gd name="connsiteX43" fmla="*/ 1374889 w 2378098"/>
                <a:gd name="connsiteY43" fmla="*/ 401284 h 467068"/>
                <a:gd name="connsiteX44" fmla="*/ 1368311 w 2378098"/>
                <a:gd name="connsiteY44" fmla="*/ 411151 h 467068"/>
                <a:gd name="connsiteX45" fmla="*/ 1358443 w 2378098"/>
                <a:gd name="connsiteY45" fmla="*/ 414440 h 467068"/>
                <a:gd name="connsiteX46" fmla="*/ 1341997 w 2378098"/>
                <a:gd name="connsiteY46" fmla="*/ 417730 h 467068"/>
                <a:gd name="connsiteX47" fmla="*/ 1328840 w 2378098"/>
                <a:gd name="connsiteY47" fmla="*/ 421019 h 467068"/>
                <a:gd name="connsiteX48" fmla="*/ 1309105 w 2378098"/>
                <a:gd name="connsiteY48" fmla="*/ 434176 h 467068"/>
                <a:gd name="connsiteX49" fmla="*/ 1276213 w 2378098"/>
                <a:gd name="connsiteY49" fmla="*/ 444043 h 467068"/>
                <a:gd name="connsiteX50" fmla="*/ 1266345 w 2378098"/>
                <a:gd name="connsiteY50" fmla="*/ 447333 h 467068"/>
                <a:gd name="connsiteX51" fmla="*/ 1236742 w 2378098"/>
                <a:gd name="connsiteY51" fmla="*/ 463779 h 467068"/>
                <a:gd name="connsiteX52" fmla="*/ 1223585 w 2378098"/>
                <a:gd name="connsiteY52" fmla="*/ 467068 h 467068"/>
                <a:gd name="connsiteX53" fmla="*/ 1098595 w 2378098"/>
                <a:gd name="connsiteY53" fmla="*/ 463779 h 467068"/>
                <a:gd name="connsiteX54" fmla="*/ 1088728 w 2378098"/>
                <a:gd name="connsiteY54" fmla="*/ 457200 h 467068"/>
                <a:gd name="connsiteX55" fmla="*/ 1068993 w 2378098"/>
                <a:gd name="connsiteY55" fmla="*/ 450622 h 467068"/>
                <a:gd name="connsiteX56" fmla="*/ 1045968 w 2378098"/>
                <a:gd name="connsiteY56" fmla="*/ 444043 h 467068"/>
                <a:gd name="connsiteX57" fmla="*/ 1036100 w 2378098"/>
                <a:gd name="connsiteY57" fmla="*/ 437465 h 467068"/>
                <a:gd name="connsiteX58" fmla="*/ 1016365 w 2378098"/>
                <a:gd name="connsiteY58" fmla="*/ 430887 h 467068"/>
                <a:gd name="connsiteX59" fmla="*/ 1009787 w 2378098"/>
                <a:gd name="connsiteY59" fmla="*/ 424308 h 467068"/>
                <a:gd name="connsiteX60" fmla="*/ 990052 w 2378098"/>
                <a:gd name="connsiteY60" fmla="*/ 417730 h 467068"/>
                <a:gd name="connsiteX61" fmla="*/ 967027 w 2378098"/>
                <a:gd name="connsiteY61" fmla="*/ 421019 h 467068"/>
                <a:gd name="connsiteX62" fmla="*/ 953870 w 2378098"/>
                <a:gd name="connsiteY62" fmla="*/ 424308 h 467068"/>
                <a:gd name="connsiteX63" fmla="*/ 759807 w 2378098"/>
                <a:gd name="connsiteY63" fmla="*/ 430887 h 467068"/>
                <a:gd name="connsiteX64" fmla="*/ 697312 w 2378098"/>
                <a:gd name="connsiteY64" fmla="*/ 437465 h 467068"/>
                <a:gd name="connsiteX65" fmla="*/ 677577 w 2378098"/>
                <a:gd name="connsiteY65" fmla="*/ 440754 h 467068"/>
                <a:gd name="connsiteX66" fmla="*/ 522984 w 2378098"/>
                <a:gd name="connsiteY66" fmla="*/ 437465 h 467068"/>
                <a:gd name="connsiteX67" fmla="*/ 503249 w 2378098"/>
                <a:gd name="connsiteY67" fmla="*/ 430887 h 467068"/>
                <a:gd name="connsiteX68" fmla="*/ 490092 w 2378098"/>
                <a:gd name="connsiteY68" fmla="*/ 427597 h 467068"/>
                <a:gd name="connsiteX69" fmla="*/ 430886 w 2378098"/>
                <a:gd name="connsiteY69" fmla="*/ 430887 h 467068"/>
                <a:gd name="connsiteX70" fmla="*/ 421018 w 2378098"/>
                <a:gd name="connsiteY70" fmla="*/ 434176 h 467068"/>
                <a:gd name="connsiteX71" fmla="*/ 384837 w 2378098"/>
                <a:gd name="connsiteY71" fmla="*/ 444043 h 467068"/>
                <a:gd name="connsiteX72" fmla="*/ 365102 w 2378098"/>
                <a:gd name="connsiteY72" fmla="*/ 447333 h 467068"/>
                <a:gd name="connsiteX73" fmla="*/ 335499 w 2378098"/>
                <a:gd name="connsiteY73" fmla="*/ 457200 h 467068"/>
                <a:gd name="connsiteX74" fmla="*/ 282872 w 2378098"/>
                <a:gd name="connsiteY74" fmla="*/ 453911 h 467068"/>
                <a:gd name="connsiteX75" fmla="*/ 273004 w 2378098"/>
                <a:gd name="connsiteY75" fmla="*/ 450622 h 467068"/>
                <a:gd name="connsiteX76" fmla="*/ 266426 w 2378098"/>
                <a:gd name="connsiteY76" fmla="*/ 444043 h 467068"/>
                <a:gd name="connsiteX77" fmla="*/ 246690 w 2378098"/>
                <a:gd name="connsiteY77" fmla="*/ 437465 h 467068"/>
                <a:gd name="connsiteX78" fmla="*/ 236823 w 2378098"/>
                <a:gd name="connsiteY78" fmla="*/ 434176 h 467068"/>
                <a:gd name="connsiteX79" fmla="*/ 226955 w 2378098"/>
                <a:gd name="connsiteY79" fmla="*/ 430887 h 467068"/>
                <a:gd name="connsiteX80" fmla="*/ 138147 w 2378098"/>
                <a:gd name="connsiteY80" fmla="*/ 427597 h 467068"/>
                <a:gd name="connsiteX81" fmla="*/ 85519 w 2378098"/>
                <a:gd name="connsiteY81" fmla="*/ 430887 h 467068"/>
                <a:gd name="connsiteX82" fmla="*/ 69073 w 2378098"/>
                <a:gd name="connsiteY82" fmla="*/ 434176 h 467068"/>
                <a:gd name="connsiteX83" fmla="*/ 0 w 2378098"/>
                <a:gd name="connsiteY83" fmla="*/ 434176 h 467068"/>
                <a:gd name="connsiteX0" fmla="*/ 2378098 w 2378098"/>
                <a:gd name="connsiteY0" fmla="*/ 0 h 467068"/>
                <a:gd name="connsiteX1" fmla="*/ 2318892 w 2378098"/>
                <a:gd name="connsiteY1" fmla="*/ 95387 h 467068"/>
                <a:gd name="connsiteX2" fmla="*/ 2309024 w 2378098"/>
                <a:gd name="connsiteY2" fmla="*/ 98676 h 467068"/>
                <a:gd name="connsiteX3" fmla="*/ 2302446 w 2378098"/>
                <a:gd name="connsiteY3" fmla="*/ 118412 h 467068"/>
                <a:gd name="connsiteX4" fmla="*/ 2292578 w 2378098"/>
                <a:gd name="connsiteY4" fmla="*/ 124990 h 467068"/>
                <a:gd name="connsiteX5" fmla="*/ 2286000 w 2378098"/>
                <a:gd name="connsiteY5" fmla="*/ 131569 h 467068"/>
                <a:gd name="connsiteX6" fmla="*/ 2272843 w 2378098"/>
                <a:gd name="connsiteY6" fmla="*/ 138147 h 467068"/>
                <a:gd name="connsiteX7" fmla="*/ 2239951 w 2378098"/>
                <a:gd name="connsiteY7" fmla="*/ 148015 h 467068"/>
                <a:gd name="connsiteX8" fmla="*/ 2216926 w 2378098"/>
                <a:gd name="connsiteY8" fmla="*/ 151304 h 467068"/>
                <a:gd name="connsiteX9" fmla="*/ 2187324 w 2378098"/>
                <a:gd name="connsiteY9" fmla="*/ 157882 h 467068"/>
                <a:gd name="connsiteX10" fmla="*/ 2167588 w 2378098"/>
                <a:gd name="connsiteY10" fmla="*/ 164461 h 467068"/>
                <a:gd name="connsiteX11" fmla="*/ 2151142 w 2378098"/>
                <a:gd name="connsiteY11" fmla="*/ 167750 h 467068"/>
                <a:gd name="connsiteX12" fmla="*/ 2137985 w 2378098"/>
                <a:gd name="connsiteY12" fmla="*/ 171039 h 467068"/>
                <a:gd name="connsiteX13" fmla="*/ 2121539 w 2378098"/>
                <a:gd name="connsiteY13" fmla="*/ 174328 h 467068"/>
                <a:gd name="connsiteX14" fmla="*/ 2111672 w 2378098"/>
                <a:gd name="connsiteY14" fmla="*/ 177617 h 467068"/>
                <a:gd name="connsiteX15" fmla="*/ 1993260 w 2378098"/>
                <a:gd name="connsiteY15" fmla="*/ 180907 h 467068"/>
                <a:gd name="connsiteX16" fmla="*/ 1960368 w 2378098"/>
                <a:gd name="connsiteY16" fmla="*/ 184196 h 467068"/>
                <a:gd name="connsiteX17" fmla="*/ 1950500 w 2378098"/>
                <a:gd name="connsiteY17" fmla="*/ 187485 h 467068"/>
                <a:gd name="connsiteX18" fmla="*/ 1934054 w 2378098"/>
                <a:gd name="connsiteY18" fmla="*/ 203931 h 467068"/>
                <a:gd name="connsiteX19" fmla="*/ 1907741 w 2378098"/>
                <a:gd name="connsiteY19" fmla="*/ 226956 h 467068"/>
                <a:gd name="connsiteX20" fmla="*/ 1901162 w 2378098"/>
                <a:gd name="connsiteY20" fmla="*/ 236823 h 467068"/>
                <a:gd name="connsiteX21" fmla="*/ 1881427 w 2378098"/>
                <a:gd name="connsiteY21" fmla="*/ 253269 h 467068"/>
                <a:gd name="connsiteX22" fmla="*/ 1874849 w 2378098"/>
                <a:gd name="connsiteY22" fmla="*/ 259848 h 467068"/>
                <a:gd name="connsiteX23" fmla="*/ 1855113 w 2378098"/>
                <a:gd name="connsiteY23" fmla="*/ 266426 h 467068"/>
                <a:gd name="connsiteX24" fmla="*/ 1815643 w 2378098"/>
                <a:gd name="connsiteY24" fmla="*/ 273005 h 467068"/>
                <a:gd name="connsiteX25" fmla="*/ 1782751 w 2378098"/>
                <a:gd name="connsiteY25" fmla="*/ 282872 h 467068"/>
                <a:gd name="connsiteX26" fmla="*/ 1772883 w 2378098"/>
                <a:gd name="connsiteY26" fmla="*/ 286161 h 467068"/>
                <a:gd name="connsiteX27" fmla="*/ 1739991 w 2378098"/>
                <a:gd name="connsiteY27" fmla="*/ 289451 h 467068"/>
                <a:gd name="connsiteX28" fmla="*/ 1710388 w 2378098"/>
                <a:gd name="connsiteY28" fmla="*/ 299318 h 467068"/>
                <a:gd name="connsiteX29" fmla="*/ 1697231 w 2378098"/>
                <a:gd name="connsiteY29" fmla="*/ 302607 h 467068"/>
                <a:gd name="connsiteX30" fmla="*/ 1684075 w 2378098"/>
                <a:gd name="connsiteY30" fmla="*/ 309186 h 467068"/>
                <a:gd name="connsiteX31" fmla="*/ 1664339 w 2378098"/>
                <a:gd name="connsiteY31" fmla="*/ 315764 h 467068"/>
                <a:gd name="connsiteX32" fmla="*/ 1641315 w 2378098"/>
                <a:gd name="connsiteY32" fmla="*/ 322343 h 467068"/>
                <a:gd name="connsiteX33" fmla="*/ 1608423 w 2378098"/>
                <a:gd name="connsiteY33" fmla="*/ 328921 h 467068"/>
                <a:gd name="connsiteX34" fmla="*/ 1582109 w 2378098"/>
                <a:gd name="connsiteY34" fmla="*/ 332210 h 467068"/>
                <a:gd name="connsiteX35" fmla="*/ 1568952 w 2378098"/>
                <a:gd name="connsiteY35" fmla="*/ 335499 h 467068"/>
                <a:gd name="connsiteX36" fmla="*/ 1470276 w 2378098"/>
                <a:gd name="connsiteY36" fmla="*/ 342078 h 467068"/>
                <a:gd name="connsiteX37" fmla="*/ 1450541 w 2378098"/>
                <a:gd name="connsiteY37" fmla="*/ 355235 h 467068"/>
                <a:gd name="connsiteX38" fmla="*/ 1437384 w 2378098"/>
                <a:gd name="connsiteY38" fmla="*/ 368392 h 467068"/>
                <a:gd name="connsiteX39" fmla="*/ 1417649 w 2378098"/>
                <a:gd name="connsiteY39" fmla="*/ 378259 h 467068"/>
                <a:gd name="connsiteX40" fmla="*/ 1407781 w 2378098"/>
                <a:gd name="connsiteY40" fmla="*/ 388127 h 467068"/>
                <a:gd name="connsiteX41" fmla="*/ 1397913 w 2378098"/>
                <a:gd name="connsiteY41" fmla="*/ 391416 h 467068"/>
                <a:gd name="connsiteX42" fmla="*/ 1374889 w 2378098"/>
                <a:gd name="connsiteY42" fmla="*/ 401284 h 467068"/>
                <a:gd name="connsiteX43" fmla="*/ 1368311 w 2378098"/>
                <a:gd name="connsiteY43" fmla="*/ 411151 h 467068"/>
                <a:gd name="connsiteX44" fmla="*/ 1358443 w 2378098"/>
                <a:gd name="connsiteY44" fmla="*/ 414440 h 467068"/>
                <a:gd name="connsiteX45" fmla="*/ 1341997 w 2378098"/>
                <a:gd name="connsiteY45" fmla="*/ 417730 h 467068"/>
                <a:gd name="connsiteX46" fmla="*/ 1328840 w 2378098"/>
                <a:gd name="connsiteY46" fmla="*/ 421019 h 467068"/>
                <a:gd name="connsiteX47" fmla="*/ 1309105 w 2378098"/>
                <a:gd name="connsiteY47" fmla="*/ 434176 h 467068"/>
                <a:gd name="connsiteX48" fmla="*/ 1276213 w 2378098"/>
                <a:gd name="connsiteY48" fmla="*/ 444043 h 467068"/>
                <a:gd name="connsiteX49" fmla="*/ 1266345 w 2378098"/>
                <a:gd name="connsiteY49" fmla="*/ 447333 h 467068"/>
                <a:gd name="connsiteX50" fmla="*/ 1236742 w 2378098"/>
                <a:gd name="connsiteY50" fmla="*/ 463779 h 467068"/>
                <a:gd name="connsiteX51" fmla="*/ 1223585 w 2378098"/>
                <a:gd name="connsiteY51" fmla="*/ 467068 h 467068"/>
                <a:gd name="connsiteX52" fmla="*/ 1098595 w 2378098"/>
                <a:gd name="connsiteY52" fmla="*/ 463779 h 467068"/>
                <a:gd name="connsiteX53" fmla="*/ 1088728 w 2378098"/>
                <a:gd name="connsiteY53" fmla="*/ 457200 h 467068"/>
                <a:gd name="connsiteX54" fmla="*/ 1068993 w 2378098"/>
                <a:gd name="connsiteY54" fmla="*/ 450622 h 467068"/>
                <a:gd name="connsiteX55" fmla="*/ 1045968 w 2378098"/>
                <a:gd name="connsiteY55" fmla="*/ 444043 h 467068"/>
                <a:gd name="connsiteX56" fmla="*/ 1036100 w 2378098"/>
                <a:gd name="connsiteY56" fmla="*/ 437465 h 467068"/>
                <a:gd name="connsiteX57" fmla="*/ 1016365 w 2378098"/>
                <a:gd name="connsiteY57" fmla="*/ 430887 h 467068"/>
                <a:gd name="connsiteX58" fmla="*/ 1009787 w 2378098"/>
                <a:gd name="connsiteY58" fmla="*/ 424308 h 467068"/>
                <a:gd name="connsiteX59" fmla="*/ 990052 w 2378098"/>
                <a:gd name="connsiteY59" fmla="*/ 417730 h 467068"/>
                <a:gd name="connsiteX60" fmla="*/ 967027 w 2378098"/>
                <a:gd name="connsiteY60" fmla="*/ 421019 h 467068"/>
                <a:gd name="connsiteX61" fmla="*/ 953870 w 2378098"/>
                <a:gd name="connsiteY61" fmla="*/ 424308 h 467068"/>
                <a:gd name="connsiteX62" fmla="*/ 759807 w 2378098"/>
                <a:gd name="connsiteY62" fmla="*/ 430887 h 467068"/>
                <a:gd name="connsiteX63" fmla="*/ 697312 w 2378098"/>
                <a:gd name="connsiteY63" fmla="*/ 437465 h 467068"/>
                <a:gd name="connsiteX64" fmla="*/ 677577 w 2378098"/>
                <a:gd name="connsiteY64" fmla="*/ 440754 h 467068"/>
                <a:gd name="connsiteX65" fmla="*/ 522984 w 2378098"/>
                <a:gd name="connsiteY65" fmla="*/ 437465 h 467068"/>
                <a:gd name="connsiteX66" fmla="*/ 503249 w 2378098"/>
                <a:gd name="connsiteY66" fmla="*/ 430887 h 467068"/>
                <a:gd name="connsiteX67" fmla="*/ 490092 w 2378098"/>
                <a:gd name="connsiteY67" fmla="*/ 427597 h 467068"/>
                <a:gd name="connsiteX68" fmla="*/ 430886 w 2378098"/>
                <a:gd name="connsiteY68" fmla="*/ 430887 h 467068"/>
                <a:gd name="connsiteX69" fmla="*/ 421018 w 2378098"/>
                <a:gd name="connsiteY69" fmla="*/ 434176 h 467068"/>
                <a:gd name="connsiteX70" fmla="*/ 384837 w 2378098"/>
                <a:gd name="connsiteY70" fmla="*/ 444043 h 467068"/>
                <a:gd name="connsiteX71" fmla="*/ 365102 w 2378098"/>
                <a:gd name="connsiteY71" fmla="*/ 447333 h 467068"/>
                <a:gd name="connsiteX72" fmla="*/ 335499 w 2378098"/>
                <a:gd name="connsiteY72" fmla="*/ 457200 h 467068"/>
                <a:gd name="connsiteX73" fmla="*/ 282872 w 2378098"/>
                <a:gd name="connsiteY73" fmla="*/ 453911 h 467068"/>
                <a:gd name="connsiteX74" fmla="*/ 273004 w 2378098"/>
                <a:gd name="connsiteY74" fmla="*/ 450622 h 467068"/>
                <a:gd name="connsiteX75" fmla="*/ 266426 w 2378098"/>
                <a:gd name="connsiteY75" fmla="*/ 444043 h 467068"/>
                <a:gd name="connsiteX76" fmla="*/ 246690 w 2378098"/>
                <a:gd name="connsiteY76" fmla="*/ 437465 h 467068"/>
                <a:gd name="connsiteX77" fmla="*/ 236823 w 2378098"/>
                <a:gd name="connsiteY77" fmla="*/ 434176 h 467068"/>
                <a:gd name="connsiteX78" fmla="*/ 226955 w 2378098"/>
                <a:gd name="connsiteY78" fmla="*/ 430887 h 467068"/>
                <a:gd name="connsiteX79" fmla="*/ 138147 w 2378098"/>
                <a:gd name="connsiteY79" fmla="*/ 427597 h 467068"/>
                <a:gd name="connsiteX80" fmla="*/ 85519 w 2378098"/>
                <a:gd name="connsiteY80" fmla="*/ 430887 h 467068"/>
                <a:gd name="connsiteX81" fmla="*/ 69073 w 2378098"/>
                <a:gd name="connsiteY81" fmla="*/ 434176 h 467068"/>
                <a:gd name="connsiteX82" fmla="*/ 0 w 2378098"/>
                <a:gd name="connsiteY82"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92578 w 2378098"/>
                <a:gd name="connsiteY3" fmla="*/ 124990 h 467068"/>
                <a:gd name="connsiteX4" fmla="*/ 2286000 w 2378098"/>
                <a:gd name="connsiteY4" fmla="*/ 131569 h 467068"/>
                <a:gd name="connsiteX5" fmla="*/ 2272843 w 2378098"/>
                <a:gd name="connsiteY5" fmla="*/ 138147 h 467068"/>
                <a:gd name="connsiteX6" fmla="*/ 2239951 w 2378098"/>
                <a:gd name="connsiteY6" fmla="*/ 148015 h 467068"/>
                <a:gd name="connsiteX7" fmla="*/ 2216926 w 2378098"/>
                <a:gd name="connsiteY7" fmla="*/ 151304 h 467068"/>
                <a:gd name="connsiteX8" fmla="*/ 2187324 w 2378098"/>
                <a:gd name="connsiteY8" fmla="*/ 157882 h 467068"/>
                <a:gd name="connsiteX9" fmla="*/ 2167588 w 2378098"/>
                <a:gd name="connsiteY9" fmla="*/ 164461 h 467068"/>
                <a:gd name="connsiteX10" fmla="*/ 2151142 w 2378098"/>
                <a:gd name="connsiteY10" fmla="*/ 167750 h 467068"/>
                <a:gd name="connsiteX11" fmla="*/ 2137985 w 2378098"/>
                <a:gd name="connsiteY11" fmla="*/ 171039 h 467068"/>
                <a:gd name="connsiteX12" fmla="*/ 2121539 w 2378098"/>
                <a:gd name="connsiteY12" fmla="*/ 174328 h 467068"/>
                <a:gd name="connsiteX13" fmla="*/ 2111672 w 2378098"/>
                <a:gd name="connsiteY13" fmla="*/ 177617 h 467068"/>
                <a:gd name="connsiteX14" fmla="*/ 1993260 w 2378098"/>
                <a:gd name="connsiteY14" fmla="*/ 180907 h 467068"/>
                <a:gd name="connsiteX15" fmla="*/ 1960368 w 2378098"/>
                <a:gd name="connsiteY15" fmla="*/ 184196 h 467068"/>
                <a:gd name="connsiteX16" fmla="*/ 1950500 w 2378098"/>
                <a:gd name="connsiteY16" fmla="*/ 187485 h 467068"/>
                <a:gd name="connsiteX17" fmla="*/ 1934054 w 2378098"/>
                <a:gd name="connsiteY17" fmla="*/ 203931 h 467068"/>
                <a:gd name="connsiteX18" fmla="*/ 1907741 w 2378098"/>
                <a:gd name="connsiteY18" fmla="*/ 226956 h 467068"/>
                <a:gd name="connsiteX19" fmla="*/ 1901162 w 2378098"/>
                <a:gd name="connsiteY19" fmla="*/ 236823 h 467068"/>
                <a:gd name="connsiteX20" fmla="*/ 1881427 w 2378098"/>
                <a:gd name="connsiteY20" fmla="*/ 253269 h 467068"/>
                <a:gd name="connsiteX21" fmla="*/ 1874849 w 2378098"/>
                <a:gd name="connsiteY21" fmla="*/ 259848 h 467068"/>
                <a:gd name="connsiteX22" fmla="*/ 1855113 w 2378098"/>
                <a:gd name="connsiteY22" fmla="*/ 266426 h 467068"/>
                <a:gd name="connsiteX23" fmla="*/ 1815643 w 2378098"/>
                <a:gd name="connsiteY23" fmla="*/ 273005 h 467068"/>
                <a:gd name="connsiteX24" fmla="*/ 1782751 w 2378098"/>
                <a:gd name="connsiteY24" fmla="*/ 282872 h 467068"/>
                <a:gd name="connsiteX25" fmla="*/ 1772883 w 2378098"/>
                <a:gd name="connsiteY25" fmla="*/ 286161 h 467068"/>
                <a:gd name="connsiteX26" fmla="*/ 1739991 w 2378098"/>
                <a:gd name="connsiteY26" fmla="*/ 289451 h 467068"/>
                <a:gd name="connsiteX27" fmla="*/ 1710388 w 2378098"/>
                <a:gd name="connsiteY27" fmla="*/ 299318 h 467068"/>
                <a:gd name="connsiteX28" fmla="*/ 1697231 w 2378098"/>
                <a:gd name="connsiteY28" fmla="*/ 302607 h 467068"/>
                <a:gd name="connsiteX29" fmla="*/ 1684075 w 2378098"/>
                <a:gd name="connsiteY29" fmla="*/ 309186 h 467068"/>
                <a:gd name="connsiteX30" fmla="*/ 1664339 w 2378098"/>
                <a:gd name="connsiteY30" fmla="*/ 315764 h 467068"/>
                <a:gd name="connsiteX31" fmla="*/ 1641315 w 2378098"/>
                <a:gd name="connsiteY31" fmla="*/ 322343 h 467068"/>
                <a:gd name="connsiteX32" fmla="*/ 1608423 w 2378098"/>
                <a:gd name="connsiteY32" fmla="*/ 328921 h 467068"/>
                <a:gd name="connsiteX33" fmla="*/ 1582109 w 2378098"/>
                <a:gd name="connsiteY33" fmla="*/ 332210 h 467068"/>
                <a:gd name="connsiteX34" fmla="*/ 1568952 w 2378098"/>
                <a:gd name="connsiteY34" fmla="*/ 335499 h 467068"/>
                <a:gd name="connsiteX35" fmla="*/ 1470276 w 2378098"/>
                <a:gd name="connsiteY35" fmla="*/ 342078 h 467068"/>
                <a:gd name="connsiteX36" fmla="*/ 1450541 w 2378098"/>
                <a:gd name="connsiteY36" fmla="*/ 355235 h 467068"/>
                <a:gd name="connsiteX37" fmla="*/ 1437384 w 2378098"/>
                <a:gd name="connsiteY37" fmla="*/ 368392 h 467068"/>
                <a:gd name="connsiteX38" fmla="*/ 1417649 w 2378098"/>
                <a:gd name="connsiteY38" fmla="*/ 378259 h 467068"/>
                <a:gd name="connsiteX39" fmla="*/ 1407781 w 2378098"/>
                <a:gd name="connsiteY39" fmla="*/ 388127 h 467068"/>
                <a:gd name="connsiteX40" fmla="*/ 1397913 w 2378098"/>
                <a:gd name="connsiteY40" fmla="*/ 391416 h 467068"/>
                <a:gd name="connsiteX41" fmla="*/ 1374889 w 2378098"/>
                <a:gd name="connsiteY41" fmla="*/ 401284 h 467068"/>
                <a:gd name="connsiteX42" fmla="*/ 1368311 w 2378098"/>
                <a:gd name="connsiteY42" fmla="*/ 411151 h 467068"/>
                <a:gd name="connsiteX43" fmla="*/ 1358443 w 2378098"/>
                <a:gd name="connsiteY43" fmla="*/ 414440 h 467068"/>
                <a:gd name="connsiteX44" fmla="*/ 1341997 w 2378098"/>
                <a:gd name="connsiteY44" fmla="*/ 417730 h 467068"/>
                <a:gd name="connsiteX45" fmla="*/ 1328840 w 2378098"/>
                <a:gd name="connsiteY45" fmla="*/ 421019 h 467068"/>
                <a:gd name="connsiteX46" fmla="*/ 1309105 w 2378098"/>
                <a:gd name="connsiteY46" fmla="*/ 434176 h 467068"/>
                <a:gd name="connsiteX47" fmla="*/ 1276213 w 2378098"/>
                <a:gd name="connsiteY47" fmla="*/ 444043 h 467068"/>
                <a:gd name="connsiteX48" fmla="*/ 1266345 w 2378098"/>
                <a:gd name="connsiteY48" fmla="*/ 447333 h 467068"/>
                <a:gd name="connsiteX49" fmla="*/ 1236742 w 2378098"/>
                <a:gd name="connsiteY49" fmla="*/ 463779 h 467068"/>
                <a:gd name="connsiteX50" fmla="*/ 1223585 w 2378098"/>
                <a:gd name="connsiteY50" fmla="*/ 467068 h 467068"/>
                <a:gd name="connsiteX51" fmla="*/ 1098595 w 2378098"/>
                <a:gd name="connsiteY51" fmla="*/ 463779 h 467068"/>
                <a:gd name="connsiteX52" fmla="*/ 1088728 w 2378098"/>
                <a:gd name="connsiteY52" fmla="*/ 457200 h 467068"/>
                <a:gd name="connsiteX53" fmla="*/ 1068993 w 2378098"/>
                <a:gd name="connsiteY53" fmla="*/ 450622 h 467068"/>
                <a:gd name="connsiteX54" fmla="*/ 1045968 w 2378098"/>
                <a:gd name="connsiteY54" fmla="*/ 444043 h 467068"/>
                <a:gd name="connsiteX55" fmla="*/ 1036100 w 2378098"/>
                <a:gd name="connsiteY55" fmla="*/ 437465 h 467068"/>
                <a:gd name="connsiteX56" fmla="*/ 1016365 w 2378098"/>
                <a:gd name="connsiteY56" fmla="*/ 430887 h 467068"/>
                <a:gd name="connsiteX57" fmla="*/ 1009787 w 2378098"/>
                <a:gd name="connsiteY57" fmla="*/ 424308 h 467068"/>
                <a:gd name="connsiteX58" fmla="*/ 990052 w 2378098"/>
                <a:gd name="connsiteY58" fmla="*/ 417730 h 467068"/>
                <a:gd name="connsiteX59" fmla="*/ 967027 w 2378098"/>
                <a:gd name="connsiteY59" fmla="*/ 421019 h 467068"/>
                <a:gd name="connsiteX60" fmla="*/ 953870 w 2378098"/>
                <a:gd name="connsiteY60" fmla="*/ 424308 h 467068"/>
                <a:gd name="connsiteX61" fmla="*/ 759807 w 2378098"/>
                <a:gd name="connsiteY61" fmla="*/ 430887 h 467068"/>
                <a:gd name="connsiteX62" fmla="*/ 697312 w 2378098"/>
                <a:gd name="connsiteY62" fmla="*/ 437465 h 467068"/>
                <a:gd name="connsiteX63" fmla="*/ 677577 w 2378098"/>
                <a:gd name="connsiteY63" fmla="*/ 440754 h 467068"/>
                <a:gd name="connsiteX64" fmla="*/ 522984 w 2378098"/>
                <a:gd name="connsiteY64" fmla="*/ 437465 h 467068"/>
                <a:gd name="connsiteX65" fmla="*/ 503249 w 2378098"/>
                <a:gd name="connsiteY65" fmla="*/ 430887 h 467068"/>
                <a:gd name="connsiteX66" fmla="*/ 490092 w 2378098"/>
                <a:gd name="connsiteY66" fmla="*/ 427597 h 467068"/>
                <a:gd name="connsiteX67" fmla="*/ 430886 w 2378098"/>
                <a:gd name="connsiteY67" fmla="*/ 430887 h 467068"/>
                <a:gd name="connsiteX68" fmla="*/ 421018 w 2378098"/>
                <a:gd name="connsiteY68" fmla="*/ 434176 h 467068"/>
                <a:gd name="connsiteX69" fmla="*/ 384837 w 2378098"/>
                <a:gd name="connsiteY69" fmla="*/ 444043 h 467068"/>
                <a:gd name="connsiteX70" fmla="*/ 365102 w 2378098"/>
                <a:gd name="connsiteY70" fmla="*/ 447333 h 467068"/>
                <a:gd name="connsiteX71" fmla="*/ 335499 w 2378098"/>
                <a:gd name="connsiteY71" fmla="*/ 457200 h 467068"/>
                <a:gd name="connsiteX72" fmla="*/ 282872 w 2378098"/>
                <a:gd name="connsiteY72" fmla="*/ 453911 h 467068"/>
                <a:gd name="connsiteX73" fmla="*/ 273004 w 2378098"/>
                <a:gd name="connsiteY73" fmla="*/ 450622 h 467068"/>
                <a:gd name="connsiteX74" fmla="*/ 266426 w 2378098"/>
                <a:gd name="connsiteY74" fmla="*/ 444043 h 467068"/>
                <a:gd name="connsiteX75" fmla="*/ 246690 w 2378098"/>
                <a:gd name="connsiteY75" fmla="*/ 437465 h 467068"/>
                <a:gd name="connsiteX76" fmla="*/ 236823 w 2378098"/>
                <a:gd name="connsiteY76" fmla="*/ 434176 h 467068"/>
                <a:gd name="connsiteX77" fmla="*/ 226955 w 2378098"/>
                <a:gd name="connsiteY77" fmla="*/ 430887 h 467068"/>
                <a:gd name="connsiteX78" fmla="*/ 138147 w 2378098"/>
                <a:gd name="connsiteY78" fmla="*/ 427597 h 467068"/>
                <a:gd name="connsiteX79" fmla="*/ 85519 w 2378098"/>
                <a:gd name="connsiteY79" fmla="*/ 430887 h 467068"/>
                <a:gd name="connsiteX80" fmla="*/ 69073 w 2378098"/>
                <a:gd name="connsiteY80" fmla="*/ 434176 h 467068"/>
                <a:gd name="connsiteX81" fmla="*/ 0 w 2378098"/>
                <a:gd name="connsiteY81"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86000 w 2378098"/>
                <a:gd name="connsiteY3" fmla="*/ 131569 h 467068"/>
                <a:gd name="connsiteX4" fmla="*/ 2272843 w 2378098"/>
                <a:gd name="connsiteY4" fmla="*/ 138147 h 467068"/>
                <a:gd name="connsiteX5" fmla="*/ 2239951 w 2378098"/>
                <a:gd name="connsiteY5" fmla="*/ 148015 h 467068"/>
                <a:gd name="connsiteX6" fmla="*/ 2216926 w 2378098"/>
                <a:gd name="connsiteY6" fmla="*/ 151304 h 467068"/>
                <a:gd name="connsiteX7" fmla="*/ 2187324 w 2378098"/>
                <a:gd name="connsiteY7" fmla="*/ 157882 h 467068"/>
                <a:gd name="connsiteX8" fmla="*/ 2167588 w 2378098"/>
                <a:gd name="connsiteY8" fmla="*/ 164461 h 467068"/>
                <a:gd name="connsiteX9" fmla="*/ 2151142 w 2378098"/>
                <a:gd name="connsiteY9" fmla="*/ 167750 h 467068"/>
                <a:gd name="connsiteX10" fmla="*/ 2137985 w 2378098"/>
                <a:gd name="connsiteY10" fmla="*/ 171039 h 467068"/>
                <a:gd name="connsiteX11" fmla="*/ 2121539 w 2378098"/>
                <a:gd name="connsiteY11" fmla="*/ 174328 h 467068"/>
                <a:gd name="connsiteX12" fmla="*/ 2111672 w 2378098"/>
                <a:gd name="connsiteY12" fmla="*/ 177617 h 467068"/>
                <a:gd name="connsiteX13" fmla="*/ 1993260 w 2378098"/>
                <a:gd name="connsiteY13" fmla="*/ 180907 h 467068"/>
                <a:gd name="connsiteX14" fmla="*/ 1960368 w 2378098"/>
                <a:gd name="connsiteY14" fmla="*/ 184196 h 467068"/>
                <a:gd name="connsiteX15" fmla="*/ 1950500 w 2378098"/>
                <a:gd name="connsiteY15" fmla="*/ 187485 h 467068"/>
                <a:gd name="connsiteX16" fmla="*/ 1934054 w 2378098"/>
                <a:gd name="connsiteY16" fmla="*/ 203931 h 467068"/>
                <a:gd name="connsiteX17" fmla="*/ 1907741 w 2378098"/>
                <a:gd name="connsiteY17" fmla="*/ 226956 h 467068"/>
                <a:gd name="connsiteX18" fmla="*/ 1901162 w 2378098"/>
                <a:gd name="connsiteY18" fmla="*/ 236823 h 467068"/>
                <a:gd name="connsiteX19" fmla="*/ 1881427 w 2378098"/>
                <a:gd name="connsiteY19" fmla="*/ 253269 h 467068"/>
                <a:gd name="connsiteX20" fmla="*/ 1874849 w 2378098"/>
                <a:gd name="connsiteY20" fmla="*/ 259848 h 467068"/>
                <a:gd name="connsiteX21" fmla="*/ 1855113 w 2378098"/>
                <a:gd name="connsiteY21" fmla="*/ 266426 h 467068"/>
                <a:gd name="connsiteX22" fmla="*/ 1815643 w 2378098"/>
                <a:gd name="connsiteY22" fmla="*/ 273005 h 467068"/>
                <a:gd name="connsiteX23" fmla="*/ 1782751 w 2378098"/>
                <a:gd name="connsiteY23" fmla="*/ 282872 h 467068"/>
                <a:gd name="connsiteX24" fmla="*/ 1772883 w 2378098"/>
                <a:gd name="connsiteY24" fmla="*/ 286161 h 467068"/>
                <a:gd name="connsiteX25" fmla="*/ 1739991 w 2378098"/>
                <a:gd name="connsiteY25" fmla="*/ 289451 h 467068"/>
                <a:gd name="connsiteX26" fmla="*/ 1710388 w 2378098"/>
                <a:gd name="connsiteY26" fmla="*/ 299318 h 467068"/>
                <a:gd name="connsiteX27" fmla="*/ 1697231 w 2378098"/>
                <a:gd name="connsiteY27" fmla="*/ 302607 h 467068"/>
                <a:gd name="connsiteX28" fmla="*/ 1684075 w 2378098"/>
                <a:gd name="connsiteY28" fmla="*/ 309186 h 467068"/>
                <a:gd name="connsiteX29" fmla="*/ 1664339 w 2378098"/>
                <a:gd name="connsiteY29" fmla="*/ 315764 h 467068"/>
                <a:gd name="connsiteX30" fmla="*/ 1641315 w 2378098"/>
                <a:gd name="connsiteY30" fmla="*/ 322343 h 467068"/>
                <a:gd name="connsiteX31" fmla="*/ 1608423 w 2378098"/>
                <a:gd name="connsiteY31" fmla="*/ 328921 h 467068"/>
                <a:gd name="connsiteX32" fmla="*/ 1582109 w 2378098"/>
                <a:gd name="connsiteY32" fmla="*/ 332210 h 467068"/>
                <a:gd name="connsiteX33" fmla="*/ 1568952 w 2378098"/>
                <a:gd name="connsiteY33" fmla="*/ 335499 h 467068"/>
                <a:gd name="connsiteX34" fmla="*/ 1470276 w 2378098"/>
                <a:gd name="connsiteY34" fmla="*/ 342078 h 467068"/>
                <a:gd name="connsiteX35" fmla="*/ 1450541 w 2378098"/>
                <a:gd name="connsiteY35" fmla="*/ 355235 h 467068"/>
                <a:gd name="connsiteX36" fmla="*/ 1437384 w 2378098"/>
                <a:gd name="connsiteY36" fmla="*/ 368392 h 467068"/>
                <a:gd name="connsiteX37" fmla="*/ 1417649 w 2378098"/>
                <a:gd name="connsiteY37" fmla="*/ 378259 h 467068"/>
                <a:gd name="connsiteX38" fmla="*/ 1407781 w 2378098"/>
                <a:gd name="connsiteY38" fmla="*/ 388127 h 467068"/>
                <a:gd name="connsiteX39" fmla="*/ 1397913 w 2378098"/>
                <a:gd name="connsiteY39" fmla="*/ 391416 h 467068"/>
                <a:gd name="connsiteX40" fmla="*/ 1374889 w 2378098"/>
                <a:gd name="connsiteY40" fmla="*/ 401284 h 467068"/>
                <a:gd name="connsiteX41" fmla="*/ 1368311 w 2378098"/>
                <a:gd name="connsiteY41" fmla="*/ 411151 h 467068"/>
                <a:gd name="connsiteX42" fmla="*/ 1358443 w 2378098"/>
                <a:gd name="connsiteY42" fmla="*/ 414440 h 467068"/>
                <a:gd name="connsiteX43" fmla="*/ 1341997 w 2378098"/>
                <a:gd name="connsiteY43" fmla="*/ 417730 h 467068"/>
                <a:gd name="connsiteX44" fmla="*/ 1328840 w 2378098"/>
                <a:gd name="connsiteY44" fmla="*/ 421019 h 467068"/>
                <a:gd name="connsiteX45" fmla="*/ 1309105 w 2378098"/>
                <a:gd name="connsiteY45" fmla="*/ 434176 h 467068"/>
                <a:gd name="connsiteX46" fmla="*/ 1276213 w 2378098"/>
                <a:gd name="connsiteY46" fmla="*/ 444043 h 467068"/>
                <a:gd name="connsiteX47" fmla="*/ 1266345 w 2378098"/>
                <a:gd name="connsiteY47" fmla="*/ 447333 h 467068"/>
                <a:gd name="connsiteX48" fmla="*/ 1236742 w 2378098"/>
                <a:gd name="connsiteY48" fmla="*/ 463779 h 467068"/>
                <a:gd name="connsiteX49" fmla="*/ 1223585 w 2378098"/>
                <a:gd name="connsiteY49" fmla="*/ 467068 h 467068"/>
                <a:gd name="connsiteX50" fmla="*/ 1098595 w 2378098"/>
                <a:gd name="connsiteY50" fmla="*/ 463779 h 467068"/>
                <a:gd name="connsiteX51" fmla="*/ 1088728 w 2378098"/>
                <a:gd name="connsiteY51" fmla="*/ 457200 h 467068"/>
                <a:gd name="connsiteX52" fmla="*/ 1068993 w 2378098"/>
                <a:gd name="connsiteY52" fmla="*/ 450622 h 467068"/>
                <a:gd name="connsiteX53" fmla="*/ 1045968 w 2378098"/>
                <a:gd name="connsiteY53" fmla="*/ 444043 h 467068"/>
                <a:gd name="connsiteX54" fmla="*/ 1036100 w 2378098"/>
                <a:gd name="connsiteY54" fmla="*/ 437465 h 467068"/>
                <a:gd name="connsiteX55" fmla="*/ 1016365 w 2378098"/>
                <a:gd name="connsiteY55" fmla="*/ 430887 h 467068"/>
                <a:gd name="connsiteX56" fmla="*/ 1009787 w 2378098"/>
                <a:gd name="connsiteY56" fmla="*/ 424308 h 467068"/>
                <a:gd name="connsiteX57" fmla="*/ 990052 w 2378098"/>
                <a:gd name="connsiteY57" fmla="*/ 417730 h 467068"/>
                <a:gd name="connsiteX58" fmla="*/ 967027 w 2378098"/>
                <a:gd name="connsiteY58" fmla="*/ 421019 h 467068"/>
                <a:gd name="connsiteX59" fmla="*/ 953870 w 2378098"/>
                <a:gd name="connsiteY59" fmla="*/ 424308 h 467068"/>
                <a:gd name="connsiteX60" fmla="*/ 759807 w 2378098"/>
                <a:gd name="connsiteY60" fmla="*/ 430887 h 467068"/>
                <a:gd name="connsiteX61" fmla="*/ 697312 w 2378098"/>
                <a:gd name="connsiteY61" fmla="*/ 437465 h 467068"/>
                <a:gd name="connsiteX62" fmla="*/ 677577 w 2378098"/>
                <a:gd name="connsiteY62" fmla="*/ 440754 h 467068"/>
                <a:gd name="connsiteX63" fmla="*/ 522984 w 2378098"/>
                <a:gd name="connsiteY63" fmla="*/ 437465 h 467068"/>
                <a:gd name="connsiteX64" fmla="*/ 503249 w 2378098"/>
                <a:gd name="connsiteY64" fmla="*/ 430887 h 467068"/>
                <a:gd name="connsiteX65" fmla="*/ 490092 w 2378098"/>
                <a:gd name="connsiteY65" fmla="*/ 427597 h 467068"/>
                <a:gd name="connsiteX66" fmla="*/ 430886 w 2378098"/>
                <a:gd name="connsiteY66" fmla="*/ 430887 h 467068"/>
                <a:gd name="connsiteX67" fmla="*/ 421018 w 2378098"/>
                <a:gd name="connsiteY67" fmla="*/ 434176 h 467068"/>
                <a:gd name="connsiteX68" fmla="*/ 384837 w 2378098"/>
                <a:gd name="connsiteY68" fmla="*/ 444043 h 467068"/>
                <a:gd name="connsiteX69" fmla="*/ 365102 w 2378098"/>
                <a:gd name="connsiteY69" fmla="*/ 447333 h 467068"/>
                <a:gd name="connsiteX70" fmla="*/ 335499 w 2378098"/>
                <a:gd name="connsiteY70" fmla="*/ 457200 h 467068"/>
                <a:gd name="connsiteX71" fmla="*/ 282872 w 2378098"/>
                <a:gd name="connsiteY71" fmla="*/ 453911 h 467068"/>
                <a:gd name="connsiteX72" fmla="*/ 273004 w 2378098"/>
                <a:gd name="connsiteY72" fmla="*/ 450622 h 467068"/>
                <a:gd name="connsiteX73" fmla="*/ 266426 w 2378098"/>
                <a:gd name="connsiteY73" fmla="*/ 444043 h 467068"/>
                <a:gd name="connsiteX74" fmla="*/ 246690 w 2378098"/>
                <a:gd name="connsiteY74" fmla="*/ 437465 h 467068"/>
                <a:gd name="connsiteX75" fmla="*/ 236823 w 2378098"/>
                <a:gd name="connsiteY75" fmla="*/ 434176 h 467068"/>
                <a:gd name="connsiteX76" fmla="*/ 226955 w 2378098"/>
                <a:gd name="connsiteY76" fmla="*/ 430887 h 467068"/>
                <a:gd name="connsiteX77" fmla="*/ 138147 w 2378098"/>
                <a:gd name="connsiteY77" fmla="*/ 427597 h 467068"/>
                <a:gd name="connsiteX78" fmla="*/ 85519 w 2378098"/>
                <a:gd name="connsiteY78" fmla="*/ 430887 h 467068"/>
                <a:gd name="connsiteX79" fmla="*/ 69073 w 2378098"/>
                <a:gd name="connsiteY79" fmla="*/ 434176 h 467068"/>
                <a:gd name="connsiteX80" fmla="*/ 0 w 2378098"/>
                <a:gd name="connsiteY80" fmla="*/ 434176 h 467068"/>
                <a:gd name="connsiteX0" fmla="*/ 2378098 w 2378098"/>
                <a:gd name="connsiteY0" fmla="*/ 0 h 467068"/>
                <a:gd name="connsiteX1" fmla="*/ 2302446 w 2378098"/>
                <a:gd name="connsiteY1" fmla="*/ 118412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78098 w 2378098"/>
                <a:gd name="connsiteY0" fmla="*/ 0 h 467068"/>
                <a:gd name="connsiteX1" fmla="*/ 2289290 w 2378098"/>
                <a:gd name="connsiteY1" fmla="*/ 115123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111672 w 2368230"/>
                <a:gd name="connsiteY11" fmla="*/ 187485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091937 w 2368230"/>
                <a:gd name="connsiteY11" fmla="*/ 177617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091937 w 2368230"/>
                <a:gd name="connsiteY10" fmla="*/ 177617 h 476936"/>
                <a:gd name="connsiteX11" fmla="*/ 1993260 w 2368230"/>
                <a:gd name="connsiteY11" fmla="*/ 190775 h 476936"/>
                <a:gd name="connsiteX12" fmla="*/ 1960368 w 2368230"/>
                <a:gd name="connsiteY12" fmla="*/ 194064 h 476936"/>
                <a:gd name="connsiteX13" fmla="*/ 1950500 w 2368230"/>
                <a:gd name="connsiteY13" fmla="*/ 197353 h 476936"/>
                <a:gd name="connsiteX14" fmla="*/ 1934054 w 2368230"/>
                <a:gd name="connsiteY14" fmla="*/ 213799 h 476936"/>
                <a:gd name="connsiteX15" fmla="*/ 1907741 w 2368230"/>
                <a:gd name="connsiteY15" fmla="*/ 236824 h 476936"/>
                <a:gd name="connsiteX16" fmla="*/ 1901162 w 2368230"/>
                <a:gd name="connsiteY16" fmla="*/ 246691 h 476936"/>
                <a:gd name="connsiteX17" fmla="*/ 1881427 w 2368230"/>
                <a:gd name="connsiteY17" fmla="*/ 263137 h 476936"/>
                <a:gd name="connsiteX18" fmla="*/ 1874849 w 2368230"/>
                <a:gd name="connsiteY18" fmla="*/ 269716 h 476936"/>
                <a:gd name="connsiteX19" fmla="*/ 1855113 w 2368230"/>
                <a:gd name="connsiteY19" fmla="*/ 276294 h 476936"/>
                <a:gd name="connsiteX20" fmla="*/ 1815643 w 2368230"/>
                <a:gd name="connsiteY20" fmla="*/ 282873 h 476936"/>
                <a:gd name="connsiteX21" fmla="*/ 1782751 w 2368230"/>
                <a:gd name="connsiteY21" fmla="*/ 292740 h 476936"/>
                <a:gd name="connsiteX22" fmla="*/ 1772883 w 2368230"/>
                <a:gd name="connsiteY22" fmla="*/ 296029 h 476936"/>
                <a:gd name="connsiteX23" fmla="*/ 1739991 w 2368230"/>
                <a:gd name="connsiteY23" fmla="*/ 299319 h 476936"/>
                <a:gd name="connsiteX24" fmla="*/ 1710388 w 2368230"/>
                <a:gd name="connsiteY24" fmla="*/ 309186 h 476936"/>
                <a:gd name="connsiteX25" fmla="*/ 1697231 w 2368230"/>
                <a:gd name="connsiteY25" fmla="*/ 312475 h 476936"/>
                <a:gd name="connsiteX26" fmla="*/ 1684075 w 2368230"/>
                <a:gd name="connsiteY26" fmla="*/ 319054 h 476936"/>
                <a:gd name="connsiteX27" fmla="*/ 1664339 w 2368230"/>
                <a:gd name="connsiteY27" fmla="*/ 325632 h 476936"/>
                <a:gd name="connsiteX28" fmla="*/ 1641315 w 2368230"/>
                <a:gd name="connsiteY28" fmla="*/ 332211 h 476936"/>
                <a:gd name="connsiteX29" fmla="*/ 1608423 w 2368230"/>
                <a:gd name="connsiteY29" fmla="*/ 338789 h 476936"/>
                <a:gd name="connsiteX30" fmla="*/ 1582109 w 2368230"/>
                <a:gd name="connsiteY30" fmla="*/ 342078 h 476936"/>
                <a:gd name="connsiteX31" fmla="*/ 1568952 w 2368230"/>
                <a:gd name="connsiteY31" fmla="*/ 345367 h 476936"/>
                <a:gd name="connsiteX32" fmla="*/ 1470276 w 2368230"/>
                <a:gd name="connsiteY32" fmla="*/ 351946 h 476936"/>
                <a:gd name="connsiteX33" fmla="*/ 1450541 w 2368230"/>
                <a:gd name="connsiteY33" fmla="*/ 365103 h 476936"/>
                <a:gd name="connsiteX34" fmla="*/ 1437384 w 2368230"/>
                <a:gd name="connsiteY34" fmla="*/ 378260 h 476936"/>
                <a:gd name="connsiteX35" fmla="*/ 1417649 w 2368230"/>
                <a:gd name="connsiteY35" fmla="*/ 388127 h 476936"/>
                <a:gd name="connsiteX36" fmla="*/ 1407781 w 2368230"/>
                <a:gd name="connsiteY36" fmla="*/ 397995 h 476936"/>
                <a:gd name="connsiteX37" fmla="*/ 1397913 w 2368230"/>
                <a:gd name="connsiteY37" fmla="*/ 401284 h 476936"/>
                <a:gd name="connsiteX38" fmla="*/ 1374889 w 2368230"/>
                <a:gd name="connsiteY38" fmla="*/ 411152 h 476936"/>
                <a:gd name="connsiteX39" fmla="*/ 1368311 w 2368230"/>
                <a:gd name="connsiteY39" fmla="*/ 421019 h 476936"/>
                <a:gd name="connsiteX40" fmla="*/ 1358443 w 2368230"/>
                <a:gd name="connsiteY40" fmla="*/ 424308 h 476936"/>
                <a:gd name="connsiteX41" fmla="*/ 1341997 w 2368230"/>
                <a:gd name="connsiteY41" fmla="*/ 427598 h 476936"/>
                <a:gd name="connsiteX42" fmla="*/ 1328840 w 2368230"/>
                <a:gd name="connsiteY42" fmla="*/ 430887 h 476936"/>
                <a:gd name="connsiteX43" fmla="*/ 1309105 w 2368230"/>
                <a:gd name="connsiteY43" fmla="*/ 444044 h 476936"/>
                <a:gd name="connsiteX44" fmla="*/ 1276213 w 2368230"/>
                <a:gd name="connsiteY44" fmla="*/ 453911 h 476936"/>
                <a:gd name="connsiteX45" fmla="*/ 1266345 w 2368230"/>
                <a:gd name="connsiteY45" fmla="*/ 457201 h 476936"/>
                <a:gd name="connsiteX46" fmla="*/ 1236742 w 2368230"/>
                <a:gd name="connsiteY46" fmla="*/ 473647 h 476936"/>
                <a:gd name="connsiteX47" fmla="*/ 1223585 w 2368230"/>
                <a:gd name="connsiteY47" fmla="*/ 476936 h 476936"/>
                <a:gd name="connsiteX48" fmla="*/ 1098595 w 2368230"/>
                <a:gd name="connsiteY48" fmla="*/ 473647 h 476936"/>
                <a:gd name="connsiteX49" fmla="*/ 1088728 w 2368230"/>
                <a:gd name="connsiteY49" fmla="*/ 467068 h 476936"/>
                <a:gd name="connsiteX50" fmla="*/ 1068993 w 2368230"/>
                <a:gd name="connsiteY50" fmla="*/ 460490 h 476936"/>
                <a:gd name="connsiteX51" fmla="*/ 1045968 w 2368230"/>
                <a:gd name="connsiteY51" fmla="*/ 453911 h 476936"/>
                <a:gd name="connsiteX52" fmla="*/ 1036100 w 2368230"/>
                <a:gd name="connsiteY52" fmla="*/ 447333 h 476936"/>
                <a:gd name="connsiteX53" fmla="*/ 1016365 w 2368230"/>
                <a:gd name="connsiteY53" fmla="*/ 440755 h 476936"/>
                <a:gd name="connsiteX54" fmla="*/ 1009787 w 2368230"/>
                <a:gd name="connsiteY54" fmla="*/ 434176 h 476936"/>
                <a:gd name="connsiteX55" fmla="*/ 990052 w 2368230"/>
                <a:gd name="connsiteY55" fmla="*/ 427598 h 476936"/>
                <a:gd name="connsiteX56" fmla="*/ 967027 w 2368230"/>
                <a:gd name="connsiteY56" fmla="*/ 430887 h 476936"/>
                <a:gd name="connsiteX57" fmla="*/ 953870 w 2368230"/>
                <a:gd name="connsiteY57" fmla="*/ 434176 h 476936"/>
                <a:gd name="connsiteX58" fmla="*/ 759807 w 2368230"/>
                <a:gd name="connsiteY58" fmla="*/ 440755 h 476936"/>
                <a:gd name="connsiteX59" fmla="*/ 697312 w 2368230"/>
                <a:gd name="connsiteY59" fmla="*/ 447333 h 476936"/>
                <a:gd name="connsiteX60" fmla="*/ 677577 w 2368230"/>
                <a:gd name="connsiteY60" fmla="*/ 450622 h 476936"/>
                <a:gd name="connsiteX61" fmla="*/ 522984 w 2368230"/>
                <a:gd name="connsiteY61" fmla="*/ 447333 h 476936"/>
                <a:gd name="connsiteX62" fmla="*/ 503249 w 2368230"/>
                <a:gd name="connsiteY62" fmla="*/ 440755 h 476936"/>
                <a:gd name="connsiteX63" fmla="*/ 490092 w 2368230"/>
                <a:gd name="connsiteY63" fmla="*/ 437465 h 476936"/>
                <a:gd name="connsiteX64" fmla="*/ 430886 w 2368230"/>
                <a:gd name="connsiteY64" fmla="*/ 440755 h 476936"/>
                <a:gd name="connsiteX65" fmla="*/ 421018 w 2368230"/>
                <a:gd name="connsiteY65" fmla="*/ 444044 h 476936"/>
                <a:gd name="connsiteX66" fmla="*/ 384837 w 2368230"/>
                <a:gd name="connsiteY66" fmla="*/ 453911 h 476936"/>
                <a:gd name="connsiteX67" fmla="*/ 365102 w 2368230"/>
                <a:gd name="connsiteY67" fmla="*/ 457201 h 476936"/>
                <a:gd name="connsiteX68" fmla="*/ 335499 w 2368230"/>
                <a:gd name="connsiteY68" fmla="*/ 467068 h 476936"/>
                <a:gd name="connsiteX69" fmla="*/ 282872 w 2368230"/>
                <a:gd name="connsiteY69" fmla="*/ 463779 h 476936"/>
                <a:gd name="connsiteX70" fmla="*/ 273004 w 2368230"/>
                <a:gd name="connsiteY70" fmla="*/ 460490 h 476936"/>
                <a:gd name="connsiteX71" fmla="*/ 266426 w 2368230"/>
                <a:gd name="connsiteY71" fmla="*/ 453911 h 476936"/>
                <a:gd name="connsiteX72" fmla="*/ 246690 w 2368230"/>
                <a:gd name="connsiteY72" fmla="*/ 447333 h 476936"/>
                <a:gd name="connsiteX73" fmla="*/ 236823 w 2368230"/>
                <a:gd name="connsiteY73" fmla="*/ 444044 h 476936"/>
                <a:gd name="connsiteX74" fmla="*/ 226955 w 2368230"/>
                <a:gd name="connsiteY74" fmla="*/ 440755 h 476936"/>
                <a:gd name="connsiteX75" fmla="*/ 138147 w 2368230"/>
                <a:gd name="connsiteY75" fmla="*/ 437465 h 476936"/>
                <a:gd name="connsiteX76" fmla="*/ 85519 w 2368230"/>
                <a:gd name="connsiteY76" fmla="*/ 440755 h 476936"/>
                <a:gd name="connsiteX77" fmla="*/ 69073 w 2368230"/>
                <a:gd name="connsiteY77" fmla="*/ 444044 h 476936"/>
                <a:gd name="connsiteX78" fmla="*/ 0 w 2368230"/>
                <a:gd name="connsiteY7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091937 w 2368230"/>
                <a:gd name="connsiteY9" fmla="*/ 177617 h 476936"/>
                <a:gd name="connsiteX10" fmla="*/ 1993260 w 2368230"/>
                <a:gd name="connsiteY10" fmla="*/ 190775 h 476936"/>
                <a:gd name="connsiteX11" fmla="*/ 1960368 w 2368230"/>
                <a:gd name="connsiteY11" fmla="*/ 194064 h 476936"/>
                <a:gd name="connsiteX12" fmla="*/ 1950500 w 2368230"/>
                <a:gd name="connsiteY12" fmla="*/ 197353 h 476936"/>
                <a:gd name="connsiteX13" fmla="*/ 1934054 w 2368230"/>
                <a:gd name="connsiteY13" fmla="*/ 213799 h 476936"/>
                <a:gd name="connsiteX14" fmla="*/ 1907741 w 2368230"/>
                <a:gd name="connsiteY14" fmla="*/ 236824 h 476936"/>
                <a:gd name="connsiteX15" fmla="*/ 1901162 w 2368230"/>
                <a:gd name="connsiteY15" fmla="*/ 246691 h 476936"/>
                <a:gd name="connsiteX16" fmla="*/ 1881427 w 2368230"/>
                <a:gd name="connsiteY16" fmla="*/ 263137 h 476936"/>
                <a:gd name="connsiteX17" fmla="*/ 1874849 w 2368230"/>
                <a:gd name="connsiteY17" fmla="*/ 269716 h 476936"/>
                <a:gd name="connsiteX18" fmla="*/ 1855113 w 2368230"/>
                <a:gd name="connsiteY18" fmla="*/ 276294 h 476936"/>
                <a:gd name="connsiteX19" fmla="*/ 1815643 w 2368230"/>
                <a:gd name="connsiteY19" fmla="*/ 282873 h 476936"/>
                <a:gd name="connsiteX20" fmla="*/ 1782751 w 2368230"/>
                <a:gd name="connsiteY20" fmla="*/ 292740 h 476936"/>
                <a:gd name="connsiteX21" fmla="*/ 1772883 w 2368230"/>
                <a:gd name="connsiteY21" fmla="*/ 296029 h 476936"/>
                <a:gd name="connsiteX22" fmla="*/ 1739991 w 2368230"/>
                <a:gd name="connsiteY22" fmla="*/ 299319 h 476936"/>
                <a:gd name="connsiteX23" fmla="*/ 1710388 w 2368230"/>
                <a:gd name="connsiteY23" fmla="*/ 309186 h 476936"/>
                <a:gd name="connsiteX24" fmla="*/ 1697231 w 2368230"/>
                <a:gd name="connsiteY24" fmla="*/ 312475 h 476936"/>
                <a:gd name="connsiteX25" fmla="*/ 1684075 w 2368230"/>
                <a:gd name="connsiteY25" fmla="*/ 319054 h 476936"/>
                <a:gd name="connsiteX26" fmla="*/ 1664339 w 2368230"/>
                <a:gd name="connsiteY26" fmla="*/ 325632 h 476936"/>
                <a:gd name="connsiteX27" fmla="*/ 1641315 w 2368230"/>
                <a:gd name="connsiteY27" fmla="*/ 332211 h 476936"/>
                <a:gd name="connsiteX28" fmla="*/ 1608423 w 2368230"/>
                <a:gd name="connsiteY28" fmla="*/ 338789 h 476936"/>
                <a:gd name="connsiteX29" fmla="*/ 1582109 w 2368230"/>
                <a:gd name="connsiteY29" fmla="*/ 342078 h 476936"/>
                <a:gd name="connsiteX30" fmla="*/ 1568952 w 2368230"/>
                <a:gd name="connsiteY30" fmla="*/ 345367 h 476936"/>
                <a:gd name="connsiteX31" fmla="*/ 1470276 w 2368230"/>
                <a:gd name="connsiteY31" fmla="*/ 351946 h 476936"/>
                <a:gd name="connsiteX32" fmla="*/ 1450541 w 2368230"/>
                <a:gd name="connsiteY32" fmla="*/ 365103 h 476936"/>
                <a:gd name="connsiteX33" fmla="*/ 1437384 w 2368230"/>
                <a:gd name="connsiteY33" fmla="*/ 378260 h 476936"/>
                <a:gd name="connsiteX34" fmla="*/ 1417649 w 2368230"/>
                <a:gd name="connsiteY34" fmla="*/ 388127 h 476936"/>
                <a:gd name="connsiteX35" fmla="*/ 1407781 w 2368230"/>
                <a:gd name="connsiteY35" fmla="*/ 397995 h 476936"/>
                <a:gd name="connsiteX36" fmla="*/ 1397913 w 2368230"/>
                <a:gd name="connsiteY36" fmla="*/ 401284 h 476936"/>
                <a:gd name="connsiteX37" fmla="*/ 1374889 w 2368230"/>
                <a:gd name="connsiteY37" fmla="*/ 411152 h 476936"/>
                <a:gd name="connsiteX38" fmla="*/ 1368311 w 2368230"/>
                <a:gd name="connsiteY38" fmla="*/ 421019 h 476936"/>
                <a:gd name="connsiteX39" fmla="*/ 1358443 w 2368230"/>
                <a:gd name="connsiteY39" fmla="*/ 424308 h 476936"/>
                <a:gd name="connsiteX40" fmla="*/ 1341997 w 2368230"/>
                <a:gd name="connsiteY40" fmla="*/ 427598 h 476936"/>
                <a:gd name="connsiteX41" fmla="*/ 1328840 w 2368230"/>
                <a:gd name="connsiteY41" fmla="*/ 430887 h 476936"/>
                <a:gd name="connsiteX42" fmla="*/ 1309105 w 2368230"/>
                <a:gd name="connsiteY42" fmla="*/ 444044 h 476936"/>
                <a:gd name="connsiteX43" fmla="*/ 1276213 w 2368230"/>
                <a:gd name="connsiteY43" fmla="*/ 453911 h 476936"/>
                <a:gd name="connsiteX44" fmla="*/ 1266345 w 2368230"/>
                <a:gd name="connsiteY44" fmla="*/ 457201 h 476936"/>
                <a:gd name="connsiteX45" fmla="*/ 1236742 w 2368230"/>
                <a:gd name="connsiteY45" fmla="*/ 473647 h 476936"/>
                <a:gd name="connsiteX46" fmla="*/ 1223585 w 2368230"/>
                <a:gd name="connsiteY46" fmla="*/ 476936 h 476936"/>
                <a:gd name="connsiteX47" fmla="*/ 1098595 w 2368230"/>
                <a:gd name="connsiteY47" fmla="*/ 473647 h 476936"/>
                <a:gd name="connsiteX48" fmla="*/ 1088728 w 2368230"/>
                <a:gd name="connsiteY48" fmla="*/ 467068 h 476936"/>
                <a:gd name="connsiteX49" fmla="*/ 1068993 w 2368230"/>
                <a:gd name="connsiteY49" fmla="*/ 460490 h 476936"/>
                <a:gd name="connsiteX50" fmla="*/ 1045968 w 2368230"/>
                <a:gd name="connsiteY50" fmla="*/ 453911 h 476936"/>
                <a:gd name="connsiteX51" fmla="*/ 1036100 w 2368230"/>
                <a:gd name="connsiteY51" fmla="*/ 447333 h 476936"/>
                <a:gd name="connsiteX52" fmla="*/ 1016365 w 2368230"/>
                <a:gd name="connsiteY52" fmla="*/ 440755 h 476936"/>
                <a:gd name="connsiteX53" fmla="*/ 1009787 w 2368230"/>
                <a:gd name="connsiteY53" fmla="*/ 434176 h 476936"/>
                <a:gd name="connsiteX54" fmla="*/ 990052 w 2368230"/>
                <a:gd name="connsiteY54" fmla="*/ 427598 h 476936"/>
                <a:gd name="connsiteX55" fmla="*/ 967027 w 2368230"/>
                <a:gd name="connsiteY55" fmla="*/ 430887 h 476936"/>
                <a:gd name="connsiteX56" fmla="*/ 953870 w 2368230"/>
                <a:gd name="connsiteY56" fmla="*/ 434176 h 476936"/>
                <a:gd name="connsiteX57" fmla="*/ 759807 w 2368230"/>
                <a:gd name="connsiteY57" fmla="*/ 440755 h 476936"/>
                <a:gd name="connsiteX58" fmla="*/ 697312 w 2368230"/>
                <a:gd name="connsiteY58" fmla="*/ 447333 h 476936"/>
                <a:gd name="connsiteX59" fmla="*/ 677577 w 2368230"/>
                <a:gd name="connsiteY59" fmla="*/ 450622 h 476936"/>
                <a:gd name="connsiteX60" fmla="*/ 522984 w 2368230"/>
                <a:gd name="connsiteY60" fmla="*/ 447333 h 476936"/>
                <a:gd name="connsiteX61" fmla="*/ 503249 w 2368230"/>
                <a:gd name="connsiteY61" fmla="*/ 440755 h 476936"/>
                <a:gd name="connsiteX62" fmla="*/ 490092 w 2368230"/>
                <a:gd name="connsiteY62" fmla="*/ 437465 h 476936"/>
                <a:gd name="connsiteX63" fmla="*/ 430886 w 2368230"/>
                <a:gd name="connsiteY63" fmla="*/ 440755 h 476936"/>
                <a:gd name="connsiteX64" fmla="*/ 421018 w 2368230"/>
                <a:gd name="connsiteY64" fmla="*/ 444044 h 476936"/>
                <a:gd name="connsiteX65" fmla="*/ 384837 w 2368230"/>
                <a:gd name="connsiteY65" fmla="*/ 453911 h 476936"/>
                <a:gd name="connsiteX66" fmla="*/ 365102 w 2368230"/>
                <a:gd name="connsiteY66" fmla="*/ 457201 h 476936"/>
                <a:gd name="connsiteX67" fmla="*/ 335499 w 2368230"/>
                <a:gd name="connsiteY67" fmla="*/ 467068 h 476936"/>
                <a:gd name="connsiteX68" fmla="*/ 282872 w 2368230"/>
                <a:gd name="connsiteY68" fmla="*/ 463779 h 476936"/>
                <a:gd name="connsiteX69" fmla="*/ 273004 w 2368230"/>
                <a:gd name="connsiteY69" fmla="*/ 460490 h 476936"/>
                <a:gd name="connsiteX70" fmla="*/ 266426 w 2368230"/>
                <a:gd name="connsiteY70" fmla="*/ 453911 h 476936"/>
                <a:gd name="connsiteX71" fmla="*/ 246690 w 2368230"/>
                <a:gd name="connsiteY71" fmla="*/ 447333 h 476936"/>
                <a:gd name="connsiteX72" fmla="*/ 236823 w 2368230"/>
                <a:gd name="connsiteY72" fmla="*/ 444044 h 476936"/>
                <a:gd name="connsiteX73" fmla="*/ 226955 w 2368230"/>
                <a:gd name="connsiteY73" fmla="*/ 440755 h 476936"/>
                <a:gd name="connsiteX74" fmla="*/ 138147 w 2368230"/>
                <a:gd name="connsiteY74" fmla="*/ 437465 h 476936"/>
                <a:gd name="connsiteX75" fmla="*/ 85519 w 2368230"/>
                <a:gd name="connsiteY75" fmla="*/ 440755 h 476936"/>
                <a:gd name="connsiteX76" fmla="*/ 69073 w 2368230"/>
                <a:gd name="connsiteY76" fmla="*/ 444044 h 476936"/>
                <a:gd name="connsiteX77" fmla="*/ 0 w 2368230"/>
                <a:gd name="connsiteY7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91937 w 2368230"/>
                <a:gd name="connsiteY8" fmla="*/ 177617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76814 w 2368230"/>
                <a:gd name="connsiteY9" fmla="*/ 180907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50500 w 2368230"/>
                <a:gd name="connsiteY10" fmla="*/ 197353 h 476936"/>
                <a:gd name="connsiteX11" fmla="*/ 1934054 w 2368230"/>
                <a:gd name="connsiteY11" fmla="*/ 213799 h 476936"/>
                <a:gd name="connsiteX12" fmla="*/ 1907741 w 2368230"/>
                <a:gd name="connsiteY12" fmla="*/ 236824 h 476936"/>
                <a:gd name="connsiteX13" fmla="*/ 1901162 w 2368230"/>
                <a:gd name="connsiteY13" fmla="*/ 246691 h 476936"/>
                <a:gd name="connsiteX14" fmla="*/ 1881427 w 2368230"/>
                <a:gd name="connsiteY14" fmla="*/ 263137 h 476936"/>
                <a:gd name="connsiteX15" fmla="*/ 1874849 w 2368230"/>
                <a:gd name="connsiteY15" fmla="*/ 269716 h 476936"/>
                <a:gd name="connsiteX16" fmla="*/ 1855113 w 2368230"/>
                <a:gd name="connsiteY16" fmla="*/ 276294 h 476936"/>
                <a:gd name="connsiteX17" fmla="*/ 1815643 w 2368230"/>
                <a:gd name="connsiteY17" fmla="*/ 282873 h 476936"/>
                <a:gd name="connsiteX18" fmla="*/ 1782751 w 2368230"/>
                <a:gd name="connsiteY18" fmla="*/ 292740 h 476936"/>
                <a:gd name="connsiteX19" fmla="*/ 1772883 w 2368230"/>
                <a:gd name="connsiteY19" fmla="*/ 296029 h 476936"/>
                <a:gd name="connsiteX20" fmla="*/ 1739991 w 2368230"/>
                <a:gd name="connsiteY20" fmla="*/ 299319 h 476936"/>
                <a:gd name="connsiteX21" fmla="*/ 1710388 w 2368230"/>
                <a:gd name="connsiteY21" fmla="*/ 309186 h 476936"/>
                <a:gd name="connsiteX22" fmla="*/ 1697231 w 2368230"/>
                <a:gd name="connsiteY22" fmla="*/ 312475 h 476936"/>
                <a:gd name="connsiteX23" fmla="*/ 1684075 w 2368230"/>
                <a:gd name="connsiteY23" fmla="*/ 319054 h 476936"/>
                <a:gd name="connsiteX24" fmla="*/ 1664339 w 2368230"/>
                <a:gd name="connsiteY24" fmla="*/ 325632 h 476936"/>
                <a:gd name="connsiteX25" fmla="*/ 1641315 w 2368230"/>
                <a:gd name="connsiteY25" fmla="*/ 332211 h 476936"/>
                <a:gd name="connsiteX26" fmla="*/ 1608423 w 2368230"/>
                <a:gd name="connsiteY26" fmla="*/ 338789 h 476936"/>
                <a:gd name="connsiteX27" fmla="*/ 1582109 w 2368230"/>
                <a:gd name="connsiteY27" fmla="*/ 342078 h 476936"/>
                <a:gd name="connsiteX28" fmla="*/ 1568952 w 2368230"/>
                <a:gd name="connsiteY28" fmla="*/ 345367 h 476936"/>
                <a:gd name="connsiteX29" fmla="*/ 1470276 w 2368230"/>
                <a:gd name="connsiteY29" fmla="*/ 351946 h 476936"/>
                <a:gd name="connsiteX30" fmla="*/ 1450541 w 2368230"/>
                <a:gd name="connsiteY30" fmla="*/ 365103 h 476936"/>
                <a:gd name="connsiteX31" fmla="*/ 1437384 w 2368230"/>
                <a:gd name="connsiteY31" fmla="*/ 378260 h 476936"/>
                <a:gd name="connsiteX32" fmla="*/ 1417649 w 2368230"/>
                <a:gd name="connsiteY32" fmla="*/ 388127 h 476936"/>
                <a:gd name="connsiteX33" fmla="*/ 1407781 w 2368230"/>
                <a:gd name="connsiteY33" fmla="*/ 397995 h 476936"/>
                <a:gd name="connsiteX34" fmla="*/ 1397913 w 2368230"/>
                <a:gd name="connsiteY34" fmla="*/ 401284 h 476936"/>
                <a:gd name="connsiteX35" fmla="*/ 1374889 w 2368230"/>
                <a:gd name="connsiteY35" fmla="*/ 411152 h 476936"/>
                <a:gd name="connsiteX36" fmla="*/ 1368311 w 2368230"/>
                <a:gd name="connsiteY36" fmla="*/ 421019 h 476936"/>
                <a:gd name="connsiteX37" fmla="*/ 1358443 w 2368230"/>
                <a:gd name="connsiteY37" fmla="*/ 424308 h 476936"/>
                <a:gd name="connsiteX38" fmla="*/ 1341997 w 2368230"/>
                <a:gd name="connsiteY38" fmla="*/ 427598 h 476936"/>
                <a:gd name="connsiteX39" fmla="*/ 1328840 w 2368230"/>
                <a:gd name="connsiteY39" fmla="*/ 430887 h 476936"/>
                <a:gd name="connsiteX40" fmla="*/ 1309105 w 2368230"/>
                <a:gd name="connsiteY40" fmla="*/ 444044 h 476936"/>
                <a:gd name="connsiteX41" fmla="*/ 1276213 w 2368230"/>
                <a:gd name="connsiteY41" fmla="*/ 453911 h 476936"/>
                <a:gd name="connsiteX42" fmla="*/ 1266345 w 2368230"/>
                <a:gd name="connsiteY42" fmla="*/ 457201 h 476936"/>
                <a:gd name="connsiteX43" fmla="*/ 1236742 w 2368230"/>
                <a:gd name="connsiteY43" fmla="*/ 473647 h 476936"/>
                <a:gd name="connsiteX44" fmla="*/ 1223585 w 2368230"/>
                <a:gd name="connsiteY44" fmla="*/ 476936 h 476936"/>
                <a:gd name="connsiteX45" fmla="*/ 1098595 w 2368230"/>
                <a:gd name="connsiteY45" fmla="*/ 473647 h 476936"/>
                <a:gd name="connsiteX46" fmla="*/ 1088728 w 2368230"/>
                <a:gd name="connsiteY46" fmla="*/ 467068 h 476936"/>
                <a:gd name="connsiteX47" fmla="*/ 1068993 w 2368230"/>
                <a:gd name="connsiteY47" fmla="*/ 460490 h 476936"/>
                <a:gd name="connsiteX48" fmla="*/ 1045968 w 2368230"/>
                <a:gd name="connsiteY48" fmla="*/ 453911 h 476936"/>
                <a:gd name="connsiteX49" fmla="*/ 1036100 w 2368230"/>
                <a:gd name="connsiteY49" fmla="*/ 447333 h 476936"/>
                <a:gd name="connsiteX50" fmla="*/ 1016365 w 2368230"/>
                <a:gd name="connsiteY50" fmla="*/ 440755 h 476936"/>
                <a:gd name="connsiteX51" fmla="*/ 1009787 w 2368230"/>
                <a:gd name="connsiteY51" fmla="*/ 434176 h 476936"/>
                <a:gd name="connsiteX52" fmla="*/ 990052 w 2368230"/>
                <a:gd name="connsiteY52" fmla="*/ 427598 h 476936"/>
                <a:gd name="connsiteX53" fmla="*/ 967027 w 2368230"/>
                <a:gd name="connsiteY53" fmla="*/ 430887 h 476936"/>
                <a:gd name="connsiteX54" fmla="*/ 953870 w 2368230"/>
                <a:gd name="connsiteY54" fmla="*/ 434176 h 476936"/>
                <a:gd name="connsiteX55" fmla="*/ 759807 w 2368230"/>
                <a:gd name="connsiteY55" fmla="*/ 440755 h 476936"/>
                <a:gd name="connsiteX56" fmla="*/ 697312 w 2368230"/>
                <a:gd name="connsiteY56" fmla="*/ 447333 h 476936"/>
                <a:gd name="connsiteX57" fmla="*/ 677577 w 2368230"/>
                <a:gd name="connsiteY57" fmla="*/ 450622 h 476936"/>
                <a:gd name="connsiteX58" fmla="*/ 522984 w 2368230"/>
                <a:gd name="connsiteY58" fmla="*/ 447333 h 476936"/>
                <a:gd name="connsiteX59" fmla="*/ 503249 w 2368230"/>
                <a:gd name="connsiteY59" fmla="*/ 440755 h 476936"/>
                <a:gd name="connsiteX60" fmla="*/ 490092 w 2368230"/>
                <a:gd name="connsiteY60" fmla="*/ 437465 h 476936"/>
                <a:gd name="connsiteX61" fmla="*/ 430886 w 2368230"/>
                <a:gd name="connsiteY61" fmla="*/ 440755 h 476936"/>
                <a:gd name="connsiteX62" fmla="*/ 421018 w 2368230"/>
                <a:gd name="connsiteY62" fmla="*/ 444044 h 476936"/>
                <a:gd name="connsiteX63" fmla="*/ 384837 w 2368230"/>
                <a:gd name="connsiteY63" fmla="*/ 453911 h 476936"/>
                <a:gd name="connsiteX64" fmla="*/ 365102 w 2368230"/>
                <a:gd name="connsiteY64" fmla="*/ 457201 h 476936"/>
                <a:gd name="connsiteX65" fmla="*/ 335499 w 2368230"/>
                <a:gd name="connsiteY65" fmla="*/ 467068 h 476936"/>
                <a:gd name="connsiteX66" fmla="*/ 282872 w 2368230"/>
                <a:gd name="connsiteY66" fmla="*/ 463779 h 476936"/>
                <a:gd name="connsiteX67" fmla="*/ 273004 w 2368230"/>
                <a:gd name="connsiteY67" fmla="*/ 460490 h 476936"/>
                <a:gd name="connsiteX68" fmla="*/ 266426 w 2368230"/>
                <a:gd name="connsiteY68" fmla="*/ 453911 h 476936"/>
                <a:gd name="connsiteX69" fmla="*/ 246690 w 2368230"/>
                <a:gd name="connsiteY69" fmla="*/ 447333 h 476936"/>
                <a:gd name="connsiteX70" fmla="*/ 236823 w 2368230"/>
                <a:gd name="connsiteY70" fmla="*/ 444044 h 476936"/>
                <a:gd name="connsiteX71" fmla="*/ 226955 w 2368230"/>
                <a:gd name="connsiteY71" fmla="*/ 440755 h 476936"/>
                <a:gd name="connsiteX72" fmla="*/ 138147 w 2368230"/>
                <a:gd name="connsiteY72" fmla="*/ 437465 h 476936"/>
                <a:gd name="connsiteX73" fmla="*/ 85519 w 2368230"/>
                <a:gd name="connsiteY73" fmla="*/ 440755 h 476936"/>
                <a:gd name="connsiteX74" fmla="*/ 69073 w 2368230"/>
                <a:gd name="connsiteY74" fmla="*/ 444044 h 476936"/>
                <a:gd name="connsiteX75" fmla="*/ 0 w 2368230"/>
                <a:gd name="connsiteY7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34054 w 2368230"/>
                <a:gd name="connsiteY10" fmla="*/ 213799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74849 w 2368230"/>
                <a:gd name="connsiteY13" fmla="*/ 269716 h 476936"/>
                <a:gd name="connsiteX14" fmla="*/ 1855113 w 2368230"/>
                <a:gd name="connsiteY14" fmla="*/ 276294 h 476936"/>
                <a:gd name="connsiteX15" fmla="*/ 1815643 w 2368230"/>
                <a:gd name="connsiteY15" fmla="*/ 282873 h 476936"/>
                <a:gd name="connsiteX16" fmla="*/ 1782751 w 2368230"/>
                <a:gd name="connsiteY16" fmla="*/ 292740 h 476936"/>
                <a:gd name="connsiteX17" fmla="*/ 1772883 w 2368230"/>
                <a:gd name="connsiteY17" fmla="*/ 296029 h 476936"/>
                <a:gd name="connsiteX18" fmla="*/ 1739991 w 2368230"/>
                <a:gd name="connsiteY18" fmla="*/ 299319 h 476936"/>
                <a:gd name="connsiteX19" fmla="*/ 1710388 w 2368230"/>
                <a:gd name="connsiteY19" fmla="*/ 309186 h 476936"/>
                <a:gd name="connsiteX20" fmla="*/ 1697231 w 2368230"/>
                <a:gd name="connsiteY20" fmla="*/ 312475 h 476936"/>
                <a:gd name="connsiteX21" fmla="*/ 1684075 w 2368230"/>
                <a:gd name="connsiteY21" fmla="*/ 319054 h 476936"/>
                <a:gd name="connsiteX22" fmla="*/ 1664339 w 2368230"/>
                <a:gd name="connsiteY22" fmla="*/ 325632 h 476936"/>
                <a:gd name="connsiteX23" fmla="*/ 1641315 w 2368230"/>
                <a:gd name="connsiteY23" fmla="*/ 332211 h 476936"/>
                <a:gd name="connsiteX24" fmla="*/ 1608423 w 2368230"/>
                <a:gd name="connsiteY24" fmla="*/ 338789 h 476936"/>
                <a:gd name="connsiteX25" fmla="*/ 1582109 w 2368230"/>
                <a:gd name="connsiteY25" fmla="*/ 342078 h 476936"/>
                <a:gd name="connsiteX26" fmla="*/ 1568952 w 2368230"/>
                <a:gd name="connsiteY26" fmla="*/ 345367 h 476936"/>
                <a:gd name="connsiteX27" fmla="*/ 1470276 w 2368230"/>
                <a:gd name="connsiteY27" fmla="*/ 351946 h 476936"/>
                <a:gd name="connsiteX28" fmla="*/ 1450541 w 2368230"/>
                <a:gd name="connsiteY28" fmla="*/ 365103 h 476936"/>
                <a:gd name="connsiteX29" fmla="*/ 1437384 w 2368230"/>
                <a:gd name="connsiteY29" fmla="*/ 378260 h 476936"/>
                <a:gd name="connsiteX30" fmla="*/ 1417649 w 2368230"/>
                <a:gd name="connsiteY30" fmla="*/ 388127 h 476936"/>
                <a:gd name="connsiteX31" fmla="*/ 1407781 w 2368230"/>
                <a:gd name="connsiteY31" fmla="*/ 397995 h 476936"/>
                <a:gd name="connsiteX32" fmla="*/ 1397913 w 2368230"/>
                <a:gd name="connsiteY32" fmla="*/ 401284 h 476936"/>
                <a:gd name="connsiteX33" fmla="*/ 1374889 w 2368230"/>
                <a:gd name="connsiteY33" fmla="*/ 411152 h 476936"/>
                <a:gd name="connsiteX34" fmla="*/ 1368311 w 2368230"/>
                <a:gd name="connsiteY34" fmla="*/ 421019 h 476936"/>
                <a:gd name="connsiteX35" fmla="*/ 1358443 w 2368230"/>
                <a:gd name="connsiteY35" fmla="*/ 424308 h 476936"/>
                <a:gd name="connsiteX36" fmla="*/ 1341997 w 2368230"/>
                <a:gd name="connsiteY36" fmla="*/ 427598 h 476936"/>
                <a:gd name="connsiteX37" fmla="*/ 1328840 w 2368230"/>
                <a:gd name="connsiteY37" fmla="*/ 430887 h 476936"/>
                <a:gd name="connsiteX38" fmla="*/ 1309105 w 2368230"/>
                <a:gd name="connsiteY38" fmla="*/ 444044 h 476936"/>
                <a:gd name="connsiteX39" fmla="*/ 1276213 w 2368230"/>
                <a:gd name="connsiteY39" fmla="*/ 453911 h 476936"/>
                <a:gd name="connsiteX40" fmla="*/ 1266345 w 2368230"/>
                <a:gd name="connsiteY40" fmla="*/ 457201 h 476936"/>
                <a:gd name="connsiteX41" fmla="*/ 1236742 w 2368230"/>
                <a:gd name="connsiteY41" fmla="*/ 473647 h 476936"/>
                <a:gd name="connsiteX42" fmla="*/ 1223585 w 2368230"/>
                <a:gd name="connsiteY42" fmla="*/ 476936 h 476936"/>
                <a:gd name="connsiteX43" fmla="*/ 1098595 w 2368230"/>
                <a:gd name="connsiteY43" fmla="*/ 473647 h 476936"/>
                <a:gd name="connsiteX44" fmla="*/ 1088728 w 2368230"/>
                <a:gd name="connsiteY44" fmla="*/ 467068 h 476936"/>
                <a:gd name="connsiteX45" fmla="*/ 1068993 w 2368230"/>
                <a:gd name="connsiteY45" fmla="*/ 460490 h 476936"/>
                <a:gd name="connsiteX46" fmla="*/ 1045968 w 2368230"/>
                <a:gd name="connsiteY46" fmla="*/ 453911 h 476936"/>
                <a:gd name="connsiteX47" fmla="*/ 1036100 w 2368230"/>
                <a:gd name="connsiteY47" fmla="*/ 447333 h 476936"/>
                <a:gd name="connsiteX48" fmla="*/ 1016365 w 2368230"/>
                <a:gd name="connsiteY48" fmla="*/ 440755 h 476936"/>
                <a:gd name="connsiteX49" fmla="*/ 1009787 w 2368230"/>
                <a:gd name="connsiteY49" fmla="*/ 434176 h 476936"/>
                <a:gd name="connsiteX50" fmla="*/ 990052 w 2368230"/>
                <a:gd name="connsiteY50" fmla="*/ 427598 h 476936"/>
                <a:gd name="connsiteX51" fmla="*/ 967027 w 2368230"/>
                <a:gd name="connsiteY51" fmla="*/ 430887 h 476936"/>
                <a:gd name="connsiteX52" fmla="*/ 953870 w 2368230"/>
                <a:gd name="connsiteY52" fmla="*/ 434176 h 476936"/>
                <a:gd name="connsiteX53" fmla="*/ 759807 w 2368230"/>
                <a:gd name="connsiteY53" fmla="*/ 440755 h 476936"/>
                <a:gd name="connsiteX54" fmla="*/ 697312 w 2368230"/>
                <a:gd name="connsiteY54" fmla="*/ 447333 h 476936"/>
                <a:gd name="connsiteX55" fmla="*/ 677577 w 2368230"/>
                <a:gd name="connsiteY55" fmla="*/ 450622 h 476936"/>
                <a:gd name="connsiteX56" fmla="*/ 522984 w 2368230"/>
                <a:gd name="connsiteY56" fmla="*/ 447333 h 476936"/>
                <a:gd name="connsiteX57" fmla="*/ 503249 w 2368230"/>
                <a:gd name="connsiteY57" fmla="*/ 440755 h 476936"/>
                <a:gd name="connsiteX58" fmla="*/ 490092 w 2368230"/>
                <a:gd name="connsiteY58" fmla="*/ 437465 h 476936"/>
                <a:gd name="connsiteX59" fmla="*/ 430886 w 2368230"/>
                <a:gd name="connsiteY59" fmla="*/ 440755 h 476936"/>
                <a:gd name="connsiteX60" fmla="*/ 421018 w 2368230"/>
                <a:gd name="connsiteY60" fmla="*/ 444044 h 476936"/>
                <a:gd name="connsiteX61" fmla="*/ 384837 w 2368230"/>
                <a:gd name="connsiteY61" fmla="*/ 453911 h 476936"/>
                <a:gd name="connsiteX62" fmla="*/ 365102 w 2368230"/>
                <a:gd name="connsiteY62" fmla="*/ 457201 h 476936"/>
                <a:gd name="connsiteX63" fmla="*/ 335499 w 2368230"/>
                <a:gd name="connsiteY63" fmla="*/ 467068 h 476936"/>
                <a:gd name="connsiteX64" fmla="*/ 282872 w 2368230"/>
                <a:gd name="connsiteY64" fmla="*/ 463779 h 476936"/>
                <a:gd name="connsiteX65" fmla="*/ 273004 w 2368230"/>
                <a:gd name="connsiteY65" fmla="*/ 460490 h 476936"/>
                <a:gd name="connsiteX66" fmla="*/ 266426 w 2368230"/>
                <a:gd name="connsiteY66" fmla="*/ 453911 h 476936"/>
                <a:gd name="connsiteX67" fmla="*/ 246690 w 2368230"/>
                <a:gd name="connsiteY67" fmla="*/ 447333 h 476936"/>
                <a:gd name="connsiteX68" fmla="*/ 236823 w 2368230"/>
                <a:gd name="connsiteY68" fmla="*/ 444044 h 476936"/>
                <a:gd name="connsiteX69" fmla="*/ 226955 w 2368230"/>
                <a:gd name="connsiteY69" fmla="*/ 440755 h 476936"/>
                <a:gd name="connsiteX70" fmla="*/ 138147 w 2368230"/>
                <a:gd name="connsiteY70" fmla="*/ 437465 h 476936"/>
                <a:gd name="connsiteX71" fmla="*/ 85519 w 2368230"/>
                <a:gd name="connsiteY71" fmla="*/ 440755 h 476936"/>
                <a:gd name="connsiteX72" fmla="*/ 69073 w 2368230"/>
                <a:gd name="connsiteY72" fmla="*/ 444044 h 476936"/>
                <a:gd name="connsiteX73" fmla="*/ 0 w 2368230"/>
                <a:gd name="connsiteY7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55113 w 2368230"/>
                <a:gd name="connsiteY13" fmla="*/ 276294 h 476936"/>
                <a:gd name="connsiteX14" fmla="*/ 1815643 w 2368230"/>
                <a:gd name="connsiteY14" fmla="*/ 282873 h 476936"/>
                <a:gd name="connsiteX15" fmla="*/ 1782751 w 2368230"/>
                <a:gd name="connsiteY15" fmla="*/ 292740 h 476936"/>
                <a:gd name="connsiteX16" fmla="*/ 1772883 w 2368230"/>
                <a:gd name="connsiteY16" fmla="*/ 296029 h 476936"/>
                <a:gd name="connsiteX17" fmla="*/ 1739991 w 2368230"/>
                <a:gd name="connsiteY17" fmla="*/ 299319 h 476936"/>
                <a:gd name="connsiteX18" fmla="*/ 1710388 w 2368230"/>
                <a:gd name="connsiteY18" fmla="*/ 309186 h 476936"/>
                <a:gd name="connsiteX19" fmla="*/ 1697231 w 2368230"/>
                <a:gd name="connsiteY19" fmla="*/ 312475 h 476936"/>
                <a:gd name="connsiteX20" fmla="*/ 1684075 w 2368230"/>
                <a:gd name="connsiteY20" fmla="*/ 319054 h 476936"/>
                <a:gd name="connsiteX21" fmla="*/ 1664339 w 2368230"/>
                <a:gd name="connsiteY21" fmla="*/ 325632 h 476936"/>
                <a:gd name="connsiteX22" fmla="*/ 1641315 w 2368230"/>
                <a:gd name="connsiteY22" fmla="*/ 332211 h 476936"/>
                <a:gd name="connsiteX23" fmla="*/ 1608423 w 2368230"/>
                <a:gd name="connsiteY23" fmla="*/ 338789 h 476936"/>
                <a:gd name="connsiteX24" fmla="*/ 1582109 w 2368230"/>
                <a:gd name="connsiteY24" fmla="*/ 342078 h 476936"/>
                <a:gd name="connsiteX25" fmla="*/ 1568952 w 2368230"/>
                <a:gd name="connsiteY25" fmla="*/ 345367 h 476936"/>
                <a:gd name="connsiteX26" fmla="*/ 1470276 w 2368230"/>
                <a:gd name="connsiteY26" fmla="*/ 351946 h 476936"/>
                <a:gd name="connsiteX27" fmla="*/ 1450541 w 2368230"/>
                <a:gd name="connsiteY27" fmla="*/ 365103 h 476936"/>
                <a:gd name="connsiteX28" fmla="*/ 1437384 w 2368230"/>
                <a:gd name="connsiteY28" fmla="*/ 378260 h 476936"/>
                <a:gd name="connsiteX29" fmla="*/ 1417649 w 2368230"/>
                <a:gd name="connsiteY29" fmla="*/ 388127 h 476936"/>
                <a:gd name="connsiteX30" fmla="*/ 1407781 w 2368230"/>
                <a:gd name="connsiteY30" fmla="*/ 397995 h 476936"/>
                <a:gd name="connsiteX31" fmla="*/ 1397913 w 2368230"/>
                <a:gd name="connsiteY31" fmla="*/ 401284 h 476936"/>
                <a:gd name="connsiteX32" fmla="*/ 1374889 w 2368230"/>
                <a:gd name="connsiteY32" fmla="*/ 411152 h 476936"/>
                <a:gd name="connsiteX33" fmla="*/ 1368311 w 2368230"/>
                <a:gd name="connsiteY33" fmla="*/ 421019 h 476936"/>
                <a:gd name="connsiteX34" fmla="*/ 1358443 w 2368230"/>
                <a:gd name="connsiteY34" fmla="*/ 424308 h 476936"/>
                <a:gd name="connsiteX35" fmla="*/ 1341997 w 2368230"/>
                <a:gd name="connsiteY35" fmla="*/ 427598 h 476936"/>
                <a:gd name="connsiteX36" fmla="*/ 1328840 w 2368230"/>
                <a:gd name="connsiteY36" fmla="*/ 430887 h 476936"/>
                <a:gd name="connsiteX37" fmla="*/ 1309105 w 2368230"/>
                <a:gd name="connsiteY37" fmla="*/ 444044 h 476936"/>
                <a:gd name="connsiteX38" fmla="*/ 1276213 w 2368230"/>
                <a:gd name="connsiteY38" fmla="*/ 453911 h 476936"/>
                <a:gd name="connsiteX39" fmla="*/ 1266345 w 2368230"/>
                <a:gd name="connsiteY39" fmla="*/ 457201 h 476936"/>
                <a:gd name="connsiteX40" fmla="*/ 1236742 w 2368230"/>
                <a:gd name="connsiteY40" fmla="*/ 473647 h 476936"/>
                <a:gd name="connsiteX41" fmla="*/ 1223585 w 2368230"/>
                <a:gd name="connsiteY41" fmla="*/ 476936 h 476936"/>
                <a:gd name="connsiteX42" fmla="*/ 1098595 w 2368230"/>
                <a:gd name="connsiteY42" fmla="*/ 473647 h 476936"/>
                <a:gd name="connsiteX43" fmla="*/ 1088728 w 2368230"/>
                <a:gd name="connsiteY43" fmla="*/ 467068 h 476936"/>
                <a:gd name="connsiteX44" fmla="*/ 1068993 w 2368230"/>
                <a:gd name="connsiteY44" fmla="*/ 460490 h 476936"/>
                <a:gd name="connsiteX45" fmla="*/ 1045968 w 2368230"/>
                <a:gd name="connsiteY45" fmla="*/ 453911 h 476936"/>
                <a:gd name="connsiteX46" fmla="*/ 1036100 w 2368230"/>
                <a:gd name="connsiteY46" fmla="*/ 447333 h 476936"/>
                <a:gd name="connsiteX47" fmla="*/ 1016365 w 2368230"/>
                <a:gd name="connsiteY47" fmla="*/ 440755 h 476936"/>
                <a:gd name="connsiteX48" fmla="*/ 1009787 w 2368230"/>
                <a:gd name="connsiteY48" fmla="*/ 434176 h 476936"/>
                <a:gd name="connsiteX49" fmla="*/ 990052 w 2368230"/>
                <a:gd name="connsiteY49" fmla="*/ 427598 h 476936"/>
                <a:gd name="connsiteX50" fmla="*/ 967027 w 2368230"/>
                <a:gd name="connsiteY50" fmla="*/ 430887 h 476936"/>
                <a:gd name="connsiteX51" fmla="*/ 953870 w 2368230"/>
                <a:gd name="connsiteY51" fmla="*/ 434176 h 476936"/>
                <a:gd name="connsiteX52" fmla="*/ 759807 w 2368230"/>
                <a:gd name="connsiteY52" fmla="*/ 440755 h 476936"/>
                <a:gd name="connsiteX53" fmla="*/ 697312 w 2368230"/>
                <a:gd name="connsiteY53" fmla="*/ 447333 h 476936"/>
                <a:gd name="connsiteX54" fmla="*/ 677577 w 2368230"/>
                <a:gd name="connsiteY54" fmla="*/ 450622 h 476936"/>
                <a:gd name="connsiteX55" fmla="*/ 522984 w 2368230"/>
                <a:gd name="connsiteY55" fmla="*/ 447333 h 476936"/>
                <a:gd name="connsiteX56" fmla="*/ 503249 w 2368230"/>
                <a:gd name="connsiteY56" fmla="*/ 440755 h 476936"/>
                <a:gd name="connsiteX57" fmla="*/ 490092 w 2368230"/>
                <a:gd name="connsiteY57" fmla="*/ 437465 h 476936"/>
                <a:gd name="connsiteX58" fmla="*/ 430886 w 2368230"/>
                <a:gd name="connsiteY58" fmla="*/ 440755 h 476936"/>
                <a:gd name="connsiteX59" fmla="*/ 421018 w 2368230"/>
                <a:gd name="connsiteY59" fmla="*/ 444044 h 476936"/>
                <a:gd name="connsiteX60" fmla="*/ 384837 w 2368230"/>
                <a:gd name="connsiteY60" fmla="*/ 453911 h 476936"/>
                <a:gd name="connsiteX61" fmla="*/ 365102 w 2368230"/>
                <a:gd name="connsiteY61" fmla="*/ 457201 h 476936"/>
                <a:gd name="connsiteX62" fmla="*/ 335499 w 2368230"/>
                <a:gd name="connsiteY62" fmla="*/ 467068 h 476936"/>
                <a:gd name="connsiteX63" fmla="*/ 282872 w 2368230"/>
                <a:gd name="connsiteY63" fmla="*/ 463779 h 476936"/>
                <a:gd name="connsiteX64" fmla="*/ 273004 w 2368230"/>
                <a:gd name="connsiteY64" fmla="*/ 460490 h 476936"/>
                <a:gd name="connsiteX65" fmla="*/ 266426 w 2368230"/>
                <a:gd name="connsiteY65" fmla="*/ 453911 h 476936"/>
                <a:gd name="connsiteX66" fmla="*/ 246690 w 2368230"/>
                <a:gd name="connsiteY66" fmla="*/ 447333 h 476936"/>
                <a:gd name="connsiteX67" fmla="*/ 236823 w 2368230"/>
                <a:gd name="connsiteY67" fmla="*/ 444044 h 476936"/>
                <a:gd name="connsiteX68" fmla="*/ 226955 w 2368230"/>
                <a:gd name="connsiteY68" fmla="*/ 440755 h 476936"/>
                <a:gd name="connsiteX69" fmla="*/ 138147 w 2368230"/>
                <a:gd name="connsiteY69" fmla="*/ 437465 h 476936"/>
                <a:gd name="connsiteX70" fmla="*/ 85519 w 2368230"/>
                <a:gd name="connsiteY70" fmla="*/ 440755 h 476936"/>
                <a:gd name="connsiteX71" fmla="*/ 69073 w 2368230"/>
                <a:gd name="connsiteY71" fmla="*/ 444044 h 476936"/>
                <a:gd name="connsiteX72" fmla="*/ 0 w 2368230"/>
                <a:gd name="connsiteY7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55113 w 2368230"/>
                <a:gd name="connsiteY12" fmla="*/ 276294 h 476936"/>
                <a:gd name="connsiteX13" fmla="*/ 1815643 w 2368230"/>
                <a:gd name="connsiteY13" fmla="*/ 282873 h 476936"/>
                <a:gd name="connsiteX14" fmla="*/ 1782751 w 2368230"/>
                <a:gd name="connsiteY14" fmla="*/ 292740 h 476936"/>
                <a:gd name="connsiteX15" fmla="*/ 1772883 w 2368230"/>
                <a:gd name="connsiteY15" fmla="*/ 296029 h 476936"/>
                <a:gd name="connsiteX16" fmla="*/ 1739991 w 2368230"/>
                <a:gd name="connsiteY16" fmla="*/ 299319 h 476936"/>
                <a:gd name="connsiteX17" fmla="*/ 1710388 w 2368230"/>
                <a:gd name="connsiteY17" fmla="*/ 309186 h 476936"/>
                <a:gd name="connsiteX18" fmla="*/ 1697231 w 2368230"/>
                <a:gd name="connsiteY18" fmla="*/ 312475 h 476936"/>
                <a:gd name="connsiteX19" fmla="*/ 1684075 w 2368230"/>
                <a:gd name="connsiteY19" fmla="*/ 319054 h 476936"/>
                <a:gd name="connsiteX20" fmla="*/ 1664339 w 2368230"/>
                <a:gd name="connsiteY20" fmla="*/ 325632 h 476936"/>
                <a:gd name="connsiteX21" fmla="*/ 1641315 w 2368230"/>
                <a:gd name="connsiteY21" fmla="*/ 332211 h 476936"/>
                <a:gd name="connsiteX22" fmla="*/ 1608423 w 2368230"/>
                <a:gd name="connsiteY22" fmla="*/ 338789 h 476936"/>
                <a:gd name="connsiteX23" fmla="*/ 1582109 w 2368230"/>
                <a:gd name="connsiteY23" fmla="*/ 342078 h 476936"/>
                <a:gd name="connsiteX24" fmla="*/ 1568952 w 2368230"/>
                <a:gd name="connsiteY24" fmla="*/ 345367 h 476936"/>
                <a:gd name="connsiteX25" fmla="*/ 1470276 w 2368230"/>
                <a:gd name="connsiteY25" fmla="*/ 351946 h 476936"/>
                <a:gd name="connsiteX26" fmla="*/ 1450541 w 2368230"/>
                <a:gd name="connsiteY26" fmla="*/ 365103 h 476936"/>
                <a:gd name="connsiteX27" fmla="*/ 1437384 w 2368230"/>
                <a:gd name="connsiteY27" fmla="*/ 378260 h 476936"/>
                <a:gd name="connsiteX28" fmla="*/ 1417649 w 2368230"/>
                <a:gd name="connsiteY28" fmla="*/ 388127 h 476936"/>
                <a:gd name="connsiteX29" fmla="*/ 1407781 w 2368230"/>
                <a:gd name="connsiteY29" fmla="*/ 397995 h 476936"/>
                <a:gd name="connsiteX30" fmla="*/ 1397913 w 2368230"/>
                <a:gd name="connsiteY30" fmla="*/ 401284 h 476936"/>
                <a:gd name="connsiteX31" fmla="*/ 1374889 w 2368230"/>
                <a:gd name="connsiteY31" fmla="*/ 411152 h 476936"/>
                <a:gd name="connsiteX32" fmla="*/ 1368311 w 2368230"/>
                <a:gd name="connsiteY32" fmla="*/ 421019 h 476936"/>
                <a:gd name="connsiteX33" fmla="*/ 1358443 w 2368230"/>
                <a:gd name="connsiteY33" fmla="*/ 424308 h 476936"/>
                <a:gd name="connsiteX34" fmla="*/ 1341997 w 2368230"/>
                <a:gd name="connsiteY34" fmla="*/ 427598 h 476936"/>
                <a:gd name="connsiteX35" fmla="*/ 1328840 w 2368230"/>
                <a:gd name="connsiteY35" fmla="*/ 430887 h 476936"/>
                <a:gd name="connsiteX36" fmla="*/ 1309105 w 2368230"/>
                <a:gd name="connsiteY36" fmla="*/ 444044 h 476936"/>
                <a:gd name="connsiteX37" fmla="*/ 1276213 w 2368230"/>
                <a:gd name="connsiteY37" fmla="*/ 453911 h 476936"/>
                <a:gd name="connsiteX38" fmla="*/ 1266345 w 2368230"/>
                <a:gd name="connsiteY38" fmla="*/ 457201 h 476936"/>
                <a:gd name="connsiteX39" fmla="*/ 1236742 w 2368230"/>
                <a:gd name="connsiteY39" fmla="*/ 473647 h 476936"/>
                <a:gd name="connsiteX40" fmla="*/ 1223585 w 2368230"/>
                <a:gd name="connsiteY40" fmla="*/ 476936 h 476936"/>
                <a:gd name="connsiteX41" fmla="*/ 1098595 w 2368230"/>
                <a:gd name="connsiteY41" fmla="*/ 473647 h 476936"/>
                <a:gd name="connsiteX42" fmla="*/ 1088728 w 2368230"/>
                <a:gd name="connsiteY42" fmla="*/ 467068 h 476936"/>
                <a:gd name="connsiteX43" fmla="*/ 1068993 w 2368230"/>
                <a:gd name="connsiteY43" fmla="*/ 460490 h 476936"/>
                <a:gd name="connsiteX44" fmla="*/ 1045968 w 2368230"/>
                <a:gd name="connsiteY44" fmla="*/ 453911 h 476936"/>
                <a:gd name="connsiteX45" fmla="*/ 1036100 w 2368230"/>
                <a:gd name="connsiteY45" fmla="*/ 447333 h 476936"/>
                <a:gd name="connsiteX46" fmla="*/ 1016365 w 2368230"/>
                <a:gd name="connsiteY46" fmla="*/ 440755 h 476936"/>
                <a:gd name="connsiteX47" fmla="*/ 1009787 w 2368230"/>
                <a:gd name="connsiteY47" fmla="*/ 434176 h 476936"/>
                <a:gd name="connsiteX48" fmla="*/ 990052 w 2368230"/>
                <a:gd name="connsiteY48" fmla="*/ 427598 h 476936"/>
                <a:gd name="connsiteX49" fmla="*/ 967027 w 2368230"/>
                <a:gd name="connsiteY49" fmla="*/ 430887 h 476936"/>
                <a:gd name="connsiteX50" fmla="*/ 953870 w 2368230"/>
                <a:gd name="connsiteY50" fmla="*/ 434176 h 476936"/>
                <a:gd name="connsiteX51" fmla="*/ 759807 w 2368230"/>
                <a:gd name="connsiteY51" fmla="*/ 440755 h 476936"/>
                <a:gd name="connsiteX52" fmla="*/ 697312 w 2368230"/>
                <a:gd name="connsiteY52" fmla="*/ 447333 h 476936"/>
                <a:gd name="connsiteX53" fmla="*/ 677577 w 2368230"/>
                <a:gd name="connsiteY53" fmla="*/ 450622 h 476936"/>
                <a:gd name="connsiteX54" fmla="*/ 522984 w 2368230"/>
                <a:gd name="connsiteY54" fmla="*/ 447333 h 476936"/>
                <a:gd name="connsiteX55" fmla="*/ 503249 w 2368230"/>
                <a:gd name="connsiteY55" fmla="*/ 440755 h 476936"/>
                <a:gd name="connsiteX56" fmla="*/ 490092 w 2368230"/>
                <a:gd name="connsiteY56" fmla="*/ 437465 h 476936"/>
                <a:gd name="connsiteX57" fmla="*/ 430886 w 2368230"/>
                <a:gd name="connsiteY57" fmla="*/ 440755 h 476936"/>
                <a:gd name="connsiteX58" fmla="*/ 421018 w 2368230"/>
                <a:gd name="connsiteY58" fmla="*/ 444044 h 476936"/>
                <a:gd name="connsiteX59" fmla="*/ 384837 w 2368230"/>
                <a:gd name="connsiteY59" fmla="*/ 453911 h 476936"/>
                <a:gd name="connsiteX60" fmla="*/ 365102 w 2368230"/>
                <a:gd name="connsiteY60" fmla="*/ 457201 h 476936"/>
                <a:gd name="connsiteX61" fmla="*/ 335499 w 2368230"/>
                <a:gd name="connsiteY61" fmla="*/ 467068 h 476936"/>
                <a:gd name="connsiteX62" fmla="*/ 282872 w 2368230"/>
                <a:gd name="connsiteY62" fmla="*/ 463779 h 476936"/>
                <a:gd name="connsiteX63" fmla="*/ 273004 w 2368230"/>
                <a:gd name="connsiteY63" fmla="*/ 460490 h 476936"/>
                <a:gd name="connsiteX64" fmla="*/ 266426 w 2368230"/>
                <a:gd name="connsiteY64" fmla="*/ 453911 h 476936"/>
                <a:gd name="connsiteX65" fmla="*/ 246690 w 2368230"/>
                <a:gd name="connsiteY65" fmla="*/ 447333 h 476936"/>
                <a:gd name="connsiteX66" fmla="*/ 236823 w 2368230"/>
                <a:gd name="connsiteY66" fmla="*/ 444044 h 476936"/>
                <a:gd name="connsiteX67" fmla="*/ 226955 w 2368230"/>
                <a:gd name="connsiteY67" fmla="*/ 440755 h 476936"/>
                <a:gd name="connsiteX68" fmla="*/ 138147 w 2368230"/>
                <a:gd name="connsiteY68" fmla="*/ 437465 h 476936"/>
                <a:gd name="connsiteX69" fmla="*/ 85519 w 2368230"/>
                <a:gd name="connsiteY69" fmla="*/ 440755 h 476936"/>
                <a:gd name="connsiteX70" fmla="*/ 69073 w 2368230"/>
                <a:gd name="connsiteY70" fmla="*/ 444044 h 476936"/>
                <a:gd name="connsiteX71" fmla="*/ 0 w 2368230"/>
                <a:gd name="connsiteY7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55113 w 2368230"/>
                <a:gd name="connsiteY11" fmla="*/ 276294 h 476936"/>
                <a:gd name="connsiteX12" fmla="*/ 1815643 w 2368230"/>
                <a:gd name="connsiteY12" fmla="*/ 282873 h 476936"/>
                <a:gd name="connsiteX13" fmla="*/ 1782751 w 2368230"/>
                <a:gd name="connsiteY13" fmla="*/ 292740 h 476936"/>
                <a:gd name="connsiteX14" fmla="*/ 1772883 w 2368230"/>
                <a:gd name="connsiteY14" fmla="*/ 296029 h 476936"/>
                <a:gd name="connsiteX15" fmla="*/ 1739991 w 2368230"/>
                <a:gd name="connsiteY15" fmla="*/ 299319 h 476936"/>
                <a:gd name="connsiteX16" fmla="*/ 1710388 w 2368230"/>
                <a:gd name="connsiteY16" fmla="*/ 309186 h 476936"/>
                <a:gd name="connsiteX17" fmla="*/ 1697231 w 2368230"/>
                <a:gd name="connsiteY17" fmla="*/ 312475 h 476936"/>
                <a:gd name="connsiteX18" fmla="*/ 1684075 w 2368230"/>
                <a:gd name="connsiteY18" fmla="*/ 319054 h 476936"/>
                <a:gd name="connsiteX19" fmla="*/ 1664339 w 2368230"/>
                <a:gd name="connsiteY19" fmla="*/ 325632 h 476936"/>
                <a:gd name="connsiteX20" fmla="*/ 1641315 w 2368230"/>
                <a:gd name="connsiteY20" fmla="*/ 332211 h 476936"/>
                <a:gd name="connsiteX21" fmla="*/ 1608423 w 2368230"/>
                <a:gd name="connsiteY21" fmla="*/ 338789 h 476936"/>
                <a:gd name="connsiteX22" fmla="*/ 1582109 w 2368230"/>
                <a:gd name="connsiteY22" fmla="*/ 342078 h 476936"/>
                <a:gd name="connsiteX23" fmla="*/ 1568952 w 2368230"/>
                <a:gd name="connsiteY23" fmla="*/ 345367 h 476936"/>
                <a:gd name="connsiteX24" fmla="*/ 1470276 w 2368230"/>
                <a:gd name="connsiteY24" fmla="*/ 351946 h 476936"/>
                <a:gd name="connsiteX25" fmla="*/ 1450541 w 2368230"/>
                <a:gd name="connsiteY25" fmla="*/ 365103 h 476936"/>
                <a:gd name="connsiteX26" fmla="*/ 1437384 w 2368230"/>
                <a:gd name="connsiteY26" fmla="*/ 378260 h 476936"/>
                <a:gd name="connsiteX27" fmla="*/ 1417649 w 2368230"/>
                <a:gd name="connsiteY27" fmla="*/ 388127 h 476936"/>
                <a:gd name="connsiteX28" fmla="*/ 1407781 w 2368230"/>
                <a:gd name="connsiteY28" fmla="*/ 397995 h 476936"/>
                <a:gd name="connsiteX29" fmla="*/ 1397913 w 2368230"/>
                <a:gd name="connsiteY29" fmla="*/ 401284 h 476936"/>
                <a:gd name="connsiteX30" fmla="*/ 1374889 w 2368230"/>
                <a:gd name="connsiteY30" fmla="*/ 411152 h 476936"/>
                <a:gd name="connsiteX31" fmla="*/ 1368311 w 2368230"/>
                <a:gd name="connsiteY31" fmla="*/ 421019 h 476936"/>
                <a:gd name="connsiteX32" fmla="*/ 1358443 w 2368230"/>
                <a:gd name="connsiteY32" fmla="*/ 424308 h 476936"/>
                <a:gd name="connsiteX33" fmla="*/ 1341997 w 2368230"/>
                <a:gd name="connsiteY33" fmla="*/ 427598 h 476936"/>
                <a:gd name="connsiteX34" fmla="*/ 1328840 w 2368230"/>
                <a:gd name="connsiteY34" fmla="*/ 430887 h 476936"/>
                <a:gd name="connsiteX35" fmla="*/ 1309105 w 2368230"/>
                <a:gd name="connsiteY35" fmla="*/ 444044 h 476936"/>
                <a:gd name="connsiteX36" fmla="*/ 1276213 w 2368230"/>
                <a:gd name="connsiteY36" fmla="*/ 453911 h 476936"/>
                <a:gd name="connsiteX37" fmla="*/ 1266345 w 2368230"/>
                <a:gd name="connsiteY37" fmla="*/ 457201 h 476936"/>
                <a:gd name="connsiteX38" fmla="*/ 1236742 w 2368230"/>
                <a:gd name="connsiteY38" fmla="*/ 473647 h 476936"/>
                <a:gd name="connsiteX39" fmla="*/ 1223585 w 2368230"/>
                <a:gd name="connsiteY39" fmla="*/ 476936 h 476936"/>
                <a:gd name="connsiteX40" fmla="*/ 1098595 w 2368230"/>
                <a:gd name="connsiteY40" fmla="*/ 473647 h 476936"/>
                <a:gd name="connsiteX41" fmla="*/ 1088728 w 2368230"/>
                <a:gd name="connsiteY41" fmla="*/ 467068 h 476936"/>
                <a:gd name="connsiteX42" fmla="*/ 1068993 w 2368230"/>
                <a:gd name="connsiteY42" fmla="*/ 460490 h 476936"/>
                <a:gd name="connsiteX43" fmla="*/ 1045968 w 2368230"/>
                <a:gd name="connsiteY43" fmla="*/ 453911 h 476936"/>
                <a:gd name="connsiteX44" fmla="*/ 1036100 w 2368230"/>
                <a:gd name="connsiteY44" fmla="*/ 447333 h 476936"/>
                <a:gd name="connsiteX45" fmla="*/ 1016365 w 2368230"/>
                <a:gd name="connsiteY45" fmla="*/ 440755 h 476936"/>
                <a:gd name="connsiteX46" fmla="*/ 1009787 w 2368230"/>
                <a:gd name="connsiteY46" fmla="*/ 434176 h 476936"/>
                <a:gd name="connsiteX47" fmla="*/ 990052 w 2368230"/>
                <a:gd name="connsiteY47" fmla="*/ 427598 h 476936"/>
                <a:gd name="connsiteX48" fmla="*/ 967027 w 2368230"/>
                <a:gd name="connsiteY48" fmla="*/ 430887 h 476936"/>
                <a:gd name="connsiteX49" fmla="*/ 953870 w 2368230"/>
                <a:gd name="connsiteY49" fmla="*/ 434176 h 476936"/>
                <a:gd name="connsiteX50" fmla="*/ 759807 w 2368230"/>
                <a:gd name="connsiteY50" fmla="*/ 440755 h 476936"/>
                <a:gd name="connsiteX51" fmla="*/ 697312 w 2368230"/>
                <a:gd name="connsiteY51" fmla="*/ 447333 h 476936"/>
                <a:gd name="connsiteX52" fmla="*/ 677577 w 2368230"/>
                <a:gd name="connsiteY52" fmla="*/ 450622 h 476936"/>
                <a:gd name="connsiteX53" fmla="*/ 522984 w 2368230"/>
                <a:gd name="connsiteY53" fmla="*/ 447333 h 476936"/>
                <a:gd name="connsiteX54" fmla="*/ 503249 w 2368230"/>
                <a:gd name="connsiteY54" fmla="*/ 440755 h 476936"/>
                <a:gd name="connsiteX55" fmla="*/ 490092 w 2368230"/>
                <a:gd name="connsiteY55" fmla="*/ 437465 h 476936"/>
                <a:gd name="connsiteX56" fmla="*/ 430886 w 2368230"/>
                <a:gd name="connsiteY56" fmla="*/ 440755 h 476936"/>
                <a:gd name="connsiteX57" fmla="*/ 421018 w 2368230"/>
                <a:gd name="connsiteY57" fmla="*/ 444044 h 476936"/>
                <a:gd name="connsiteX58" fmla="*/ 384837 w 2368230"/>
                <a:gd name="connsiteY58" fmla="*/ 453911 h 476936"/>
                <a:gd name="connsiteX59" fmla="*/ 365102 w 2368230"/>
                <a:gd name="connsiteY59" fmla="*/ 457201 h 476936"/>
                <a:gd name="connsiteX60" fmla="*/ 335499 w 2368230"/>
                <a:gd name="connsiteY60" fmla="*/ 467068 h 476936"/>
                <a:gd name="connsiteX61" fmla="*/ 282872 w 2368230"/>
                <a:gd name="connsiteY61" fmla="*/ 463779 h 476936"/>
                <a:gd name="connsiteX62" fmla="*/ 273004 w 2368230"/>
                <a:gd name="connsiteY62" fmla="*/ 460490 h 476936"/>
                <a:gd name="connsiteX63" fmla="*/ 266426 w 2368230"/>
                <a:gd name="connsiteY63" fmla="*/ 453911 h 476936"/>
                <a:gd name="connsiteX64" fmla="*/ 246690 w 2368230"/>
                <a:gd name="connsiteY64" fmla="*/ 447333 h 476936"/>
                <a:gd name="connsiteX65" fmla="*/ 236823 w 2368230"/>
                <a:gd name="connsiteY65" fmla="*/ 444044 h 476936"/>
                <a:gd name="connsiteX66" fmla="*/ 226955 w 2368230"/>
                <a:gd name="connsiteY66" fmla="*/ 440755 h 476936"/>
                <a:gd name="connsiteX67" fmla="*/ 138147 w 2368230"/>
                <a:gd name="connsiteY67" fmla="*/ 437465 h 476936"/>
                <a:gd name="connsiteX68" fmla="*/ 85519 w 2368230"/>
                <a:gd name="connsiteY68" fmla="*/ 440755 h 476936"/>
                <a:gd name="connsiteX69" fmla="*/ 69073 w 2368230"/>
                <a:gd name="connsiteY69" fmla="*/ 444044 h 476936"/>
                <a:gd name="connsiteX70" fmla="*/ 0 w 2368230"/>
                <a:gd name="connsiteY7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15643 w 2368230"/>
                <a:gd name="connsiteY11" fmla="*/ 282873 h 476936"/>
                <a:gd name="connsiteX12" fmla="*/ 1782751 w 2368230"/>
                <a:gd name="connsiteY12" fmla="*/ 292740 h 476936"/>
                <a:gd name="connsiteX13" fmla="*/ 1772883 w 2368230"/>
                <a:gd name="connsiteY13" fmla="*/ 296029 h 476936"/>
                <a:gd name="connsiteX14" fmla="*/ 1739991 w 2368230"/>
                <a:gd name="connsiteY14" fmla="*/ 299319 h 476936"/>
                <a:gd name="connsiteX15" fmla="*/ 1710388 w 2368230"/>
                <a:gd name="connsiteY15" fmla="*/ 309186 h 476936"/>
                <a:gd name="connsiteX16" fmla="*/ 1697231 w 2368230"/>
                <a:gd name="connsiteY16" fmla="*/ 312475 h 476936"/>
                <a:gd name="connsiteX17" fmla="*/ 1684075 w 2368230"/>
                <a:gd name="connsiteY17" fmla="*/ 319054 h 476936"/>
                <a:gd name="connsiteX18" fmla="*/ 1664339 w 2368230"/>
                <a:gd name="connsiteY18" fmla="*/ 325632 h 476936"/>
                <a:gd name="connsiteX19" fmla="*/ 1641315 w 2368230"/>
                <a:gd name="connsiteY19" fmla="*/ 332211 h 476936"/>
                <a:gd name="connsiteX20" fmla="*/ 1608423 w 2368230"/>
                <a:gd name="connsiteY20" fmla="*/ 338789 h 476936"/>
                <a:gd name="connsiteX21" fmla="*/ 1582109 w 2368230"/>
                <a:gd name="connsiteY21" fmla="*/ 342078 h 476936"/>
                <a:gd name="connsiteX22" fmla="*/ 1568952 w 2368230"/>
                <a:gd name="connsiteY22" fmla="*/ 345367 h 476936"/>
                <a:gd name="connsiteX23" fmla="*/ 1470276 w 2368230"/>
                <a:gd name="connsiteY23" fmla="*/ 351946 h 476936"/>
                <a:gd name="connsiteX24" fmla="*/ 1450541 w 2368230"/>
                <a:gd name="connsiteY24" fmla="*/ 365103 h 476936"/>
                <a:gd name="connsiteX25" fmla="*/ 1437384 w 2368230"/>
                <a:gd name="connsiteY25" fmla="*/ 378260 h 476936"/>
                <a:gd name="connsiteX26" fmla="*/ 1417649 w 2368230"/>
                <a:gd name="connsiteY26" fmla="*/ 388127 h 476936"/>
                <a:gd name="connsiteX27" fmla="*/ 1407781 w 2368230"/>
                <a:gd name="connsiteY27" fmla="*/ 397995 h 476936"/>
                <a:gd name="connsiteX28" fmla="*/ 1397913 w 2368230"/>
                <a:gd name="connsiteY28" fmla="*/ 401284 h 476936"/>
                <a:gd name="connsiteX29" fmla="*/ 1374889 w 2368230"/>
                <a:gd name="connsiteY29" fmla="*/ 411152 h 476936"/>
                <a:gd name="connsiteX30" fmla="*/ 1368311 w 2368230"/>
                <a:gd name="connsiteY30" fmla="*/ 421019 h 476936"/>
                <a:gd name="connsiteX31" fmla="*/ 1358443 w 2368230"/>
                <a:gd name="connsiteY31" fmla="*/ 424308 h 476936"/>
                <a:gd name="connsiteX32" fmla="*/ 1341997 w 2368230"/>
                <a:gd name="connsiteY32" fmla="*/ 427598 h 476936"/>
                <a:gd name="connsiteX33" fmla="*/ 1328840 w 2368230"/>
                <a:gd name="connsiteY33" fmla="*/ 430887 h 476936"/>
                <a:gd name="connsiteX34" fmla="*/ 1309105 w 2368230"/>
                <a:gd name="connsiteY34" fmla="*/ 444044 h 476936"/>
                <a:gd name="connsiteX35" fmla="*/ 1276213 w 2368230"/>
                <a:gd name="connsiteY35" fmla="*/ 453911 h 476936"/>
                <a:gd name="connsiteX36" fmla="*/ 1266345 w 2368230"/>
                <a:gd name="connsiteY36" fmla="*/ 457201 h 476936"/>
                <a:gd name="connsiteX37" fmla="*/ 1236742 w 2368230"/>
                <a:gd name="connsiteY37" fmla="*/ 473647 h 476936"/>
                <a:gd name="connsiteX38" fmla="*/ 1223585 w 2368230"/>
                <a:gd name="connsiteY38" fmla="*/ 476936 h 476936"/>
                <a:gd name="connsiteX39" fmla="*/ 1098595 w 2368230"/>
                <a:gd name="connsiteY39" fmla="*/ 473647 h 476936"/>
                <a:gd name="connsiteX40" fmla="*/ 1088728 w 2368230"/>
                <a:gd name="connsiteY40" fmla="*/ 467068 h 476936"/>
                <a:gd name="connsiteX41" fmla="*/ 1068993 w 2368230"/>
                <a:gd name="connsiteY41" fmla="*/ 460490 h 476936"/>
                <a:gd name="connsiteX42" fmla="*/ 1045968 w 2368230"/>
                <a:gd name="connsiteY42" fmla="*/ 453911 h 476936"/>
                <a:gd name="connsiteX43" fmla="*/ 1036100 w 2368230"/>
                <a:gd name="connsiteY43" fmla="*/ 447333 h 476936"/>
                <a:gd name="connsiteX44" fmla="*/ 1016365 w 2368230"/>
                <a:gd name="connsiteY44" fmla="*/ 440755 h 476936"/>
                <a:gd name="connsiteX45" fmla="*/ 1009787 w 2368230"/>
                <a:gd name="connsiteY45" fmla="*/ 434176 h 476936"/>
                <a:gd name="connsiteX46" fmla="*/ 990052 w 2368230"/>
                <a:gd name="connsiteY46" fmla="*/ 427598 h 476936"/>
                <a:gd name="connsiteX47" fmla="*/ 967027 w 2368230"/>
                <a:gd name="connsiteY47" fmla="*/ 430887 h 476936"/>
                <a:gd name="connsiteX48" fmla="*/ 953870 w 2368230"/>
                <a:gd name="connsiteY48" fmla="*/ 434176 h 476936"/>
                <a:gd name="connsiteX49" fmla="*/ 759807 w 2368230"/>
                <a:gd name="connsiteY49" fmla="*/ 440755 h 476936"/>
                <a:gd name="connsiteX50" fmla="*/ 697312 w 2368230"/>
                <a:gd name="connsiteY50" fmla="*/ 447333 h 476936"/>
                <a:gd name="connsiteX51" fmla="*/ 677577 w 2368230"/>
                <a:gd name="connsiteY51" fmla="*/ 450622 h 476936"/>
                <a:gd name="connsiteX52" fmla="*/ 522984 w 2368230"/>
                <a:gd name="connsiteY52" fmla="*/ 447333 h 476936"/>
                <a:gd name="connsiteX53" fmla="*/ 503249 w 2368230"/>
                <a:gd name="connsiteY53" fmla="*/ 440755 h 476936"/>
                <a:gd name="connsiteX54" fmla="*/ 490092 w 2368230"/>
                <a:gd name="connsiteY54" fmla="*/ 437465 h 476936"/>
                <a:gd name="connsiteX55" fmla="*/ 430886 w 2368230"/>
                <a:gd name="connsiteY55" fmla="*/ 440755 h 476936"/>
                <a:gd name="connsiteX56" fmla="*/ 421018 w 2368230"/>
                <a:gd name="connsiteY56" fmla="*/ 444044 h 476936"/>
                <a:gd name="connsiteX57" fmla="*/ 384837 w 2368230"/>
                <a:gd name="connsiteY57" fmla="*/ 453911 h 476936"/>
                <a:gd name="connsiteX58" fmla="*/ 365102 w 2368230"/>
                <a:gd name="connsiteY58" fmla="*/ 457201 h 476936"/>
                <a:gd name="connsiteX59" fmla="*/ 335499 w 2368230"/>
                <a:gd name="connsiteY59" fmla="*/ 467068 h 476936"/>
                <a:gd name="connsiteX60" fmla="*/ 282872 w 2368230"/>
                <a:gd name="connsiteY60" fmla="*/ 463779 h 476936"/>
                <a:gd name="connsiteX61" fmla="*/ 273004 w 2368230"/>
                <a:gd name="connsiteY61" fmla="*/ 460490 h 476936"/>
                <a:gd name="connsiteX62" fmla="*/ 266426 w 2368230"/>
                <a:gd name="connsiteY62" fmla="*/ 453911 h 476936"/>
                <a:gd name="connsiteX63" fmla="*/ 246690 w 2368230"/>
                <a:gd name="connsiteY63" fmla="*/ 447333 h 476936"/>
                <a:gd name="connsiteX64" fmla="*/ 236823 w 2368230"/>
                <a:gd name="connsiteY64" fmla="*/ 444044 h 476936"/>
                <a:gd name="connsiteX65" fmla="*/ 226955 w 2368230"/>
                <a:gd name="connsiteY65" fmla="*/ 440755 h 476936"/>
                <a:gd name="connsiteX66" fmla="*/ 138147 w 2368230"/>
                <a:gd name="connsiteY66" fmla="*/ 437465 h 476936"/>
                <a:gd name="connsiteX67" fmla="*/ 85519 w 2368230"/>
                <a:gd name="connsiteY67" fmla="*/ 440755 h 476936"/>
                <a:gd name="connsiteX68" fmla="*/ 69073 w 2368230"/>
                <a:gd name="connsiteY68" fmla="*/ 444044 h 476936"/>
                <a:gd name="connsiteX69" fmla="*/ 0 w 2368230"/>
                <a:gd name="connsiteY6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72883 w 2368230"/>
                <a:gd name="connsiteY12" fmla="*/ 296029 h 476936"/>
                <a:gd name="connsiteX13" fmla="*/ 1739991 w 2368230"/>
                <a:gd name="connsiteY13" fmla="*/ 299319 h 476936"/>
                <a:gd name="connsiteX14" fmla="*/ 1710388 w 2368230"/>
                <a:gd name="connsiteY14" fmla="*/ 309186 h 476936"/>
                <a:gd name="connsiteX15" fmla="*/ 1697231 w 2368230"/>
                <a:gd name="connsiteY15" fmla="*/ 312475 h 476936"/>
                <a:gd name="connsiteX16" fmla="*/ 1684075 w 2368230"/>
                <a:gd name="connsiteY16" fmla="*/ 319054 h 476936"/>
                <a:gd name="connsiteX17" fmla="*/ 1664339 w 2368230"/>
                <a:gd name="connsiteY17" fmla="*/ 325632 h 476936"/>
                <a:gd name="connsiteX18" fmla="*/ 1641315 w 2368230"/>
                <a:gd name="connsiteY18" fmla="*/ 332211 h 476936"/>
                <a:gd name="connsiteX19" fmla="*/ 1608423 w 2368230"/>
                <a:gd name="connsiteY19" fmla="*/ 338789 h 476936"/>
                <a:gd name="connsiteX20" fmla="*/ 1582109 w 2368230"/>
                <a:gd name="connsiteY20" fmla="*/ 342078 h 476936"/>
                <a:gd name="connsiteX21" fmla="*/ 1568952 w 2368230"/>
                <a:gd name="connsiteY21" fmla="*/ 345367 h 476936"/>
                <a:gd name="connsiteX22" fmla="*/ 1470276 w 2368230"/>
                <a:gd name="connsiteY22" fmla="*/ 351946 h 476936"/>
                <a:gd name="connsiteX23" fmla="*/ 1450541 w 2368230"/>
                <a:gd name="connsiteY23" fmla="*/ 365103 h 476936"/>
                <a:gd name="connsiteX24" fmla="*/ 1437384 w 2368230"/>
                <a:gd name="connsiteY24" fmla="*/ 378260 h 476936"/>
                <a:gd name="connsiteX25" fmla="*/ 1417649 w 2368230"/>
                <a:gd name="connsiteY25" fmla="*/ 388127 h 476936"/>
                <a:gd name="connsiteX26" fmla="*/ 1407781 w 2368230"/>
                <a:gd name="connsiteY26" fmla="*/ 397995 h 476936"/>
                <a:gd name="connsiteX27" fmla="*/ 1397913 w 2368230"/>
                <a:gd name="connsiteY27" fmla="*/ 401284 h 476936"/>
                <a:gd name="connsiteX28" fmla="*/ 1374889 w 2368230"/>
                <a:gd name="connsiteY28" fmla="*/ 411152 h 476936"/>
                <a:gd name="connsiteX29" fmla="*/ 1368311 w 2368230"/>
                <a:gd name="connsiteY29" fmla="*/ 421019 h 476936"/>
                <a:gd name="connsiteX30" fmla="*/ 1358443 w 2368230"/>
                <a:gd name="connsiteY30" fmla="*/ 424308 h 476936"/>
                <a:gd name="connsiteX31" fmla="*/ 1341997 w 2368230"/>
                <a:gd name="connsiteY31" fmla="*/ 427598 h 476936"/>
                <a:gd name="connsiteX32" fmla="*/ 1328840 w 2368230"/>
                <a:gd name="connsiteY32" fmla="*/ 430887 h 476936"/>
                <a:gd name="connsiteX33" fmla="*/ 1309105 w 2368230"/>
                <a:gd name="connsiteY33" fmla="*/ 444044 h 476936"/>
                <a:gd name="connsiteX34" fmla="*/ 1276213 w 2368230"/>
                <a:gd name="connsiteY34" fmla="*/ 453911 h 476936"/>
                <a:gd name="connsiteX35" fmla="*/ 1266345 w 2368230"/>
                <a:gd name="connsiteY35" fmla="*/ 457201 h 476936"/>
                <a:gd name="connsiteX36" fmla="*/ 1236742 w 2368230"/>
                <a:gd name="connsiteY36" fmla="*/ 473647 h 476936"/>
                <a:gd name="connsiteX37" fmla="*/ 1223585 w 2368230"/>
                <a:gd name="connsiteY37" fmla="*/ 476936 h 476936"/>
                <a:gd name="connsiteX38" fmla="*/ 1098595 w 2368230"/>
                <a:gd name="connsiteY38" fmla="*/ 473647 h 476936"/>
                <a:gd name="connsiteX39" fmla="*/ 1088728 w 2368230"/>
                <a:gd name="connsiteY39" fmla="*/ 467068 h 476936"/>
                <a:gd name="connsiteX40" fmla="*/ 1068993 w 2368230"/>
                <a:gd name="connsiteY40" fmla="*/ 460490 h 476936"/>
                <a:gd name="connsiteX41" fmla="*/ 1045968 w 2368230"/>
                <a:gd name="connsiteY41" fmla="*/ 453911 h 476936"/>
                <a:gd name="connsiteX42" fmla="*/ 1036100 w 2368230"/>
                <a:gd name="connsiteY42" fmla="*/ 447333 h 476936"/>
                <a:gd name="connsiteX43" fmla="*/ 1016365 w 2368230"/>
                <a:gd name="connsiteY43" fmla="*/ 440755 h 476936"/>
                <a:gd name="connsiteX44" fmla="*/ 1009787 w 2368230"/>
                <a:gd name="connsiteY44" fmla="*/ 434176 h 476936"/>
                <a:gd name="connsiteX45" fmla="*/ 990052 w 2368230"/>
                <a:gd name="connsiteY45" fmla="*/ 427598 h 476936"/>
                <a:gd name="connsiteX46" fmla="*/ 967027 w 2368230"/>
                <a:gd name="connsiteY46" fmla="*/ 430887 h 476936"/>
                <a:gd name="connsiteX47" fmla="*/ 953870 w 2368230"/>
                <a:gd name="connsiteY47" fmla="*/ 434176 h 476936"/>
                <a:gd name="connsiteX48" fmla="*/ 759807 w 2368230"/>
                <a:gd name="connsiteY48" fmla="*/ 440755 h 476936"/>
                <a:gd name="connsiteX49" fmla="*/ 697312 w 2368230"/>
                <a:gd name="connsiteY49" fmla="*/ 447333 h 476936"/>
                <a:gd name="connsiteX50" fmla="*/ 677577 w 2368230"/>
                <a:gd name="connsiteY50" fmla="*/ 450622 h 476936"/>
                <a:gd name="connsiteX51" fmla="*/ 522984 w 2368230"/>
                <a:gd name="connsiteY51" fmla="*/ 447333 h 476936"/>
                <a:gd name="connsiteX52" fmla="*/ 503249 w 2368230"/>
                <a:gd name="connsiteY52" fmla="*/ 440755 h 476936"/>
                <a:gd name="connsiteX53" fmla="*/ 490092 w 2368230"/>
                <a:gd name="connsiteY53" fmla="*/ 437465 h 476936"/>
                <a:gd name="connsiteX54" fmla="*/ 430886 w 2368230"/>
                <a:gd name="connsiteY54" fmla="*/ 440755 h 476936"/>
                <a:gd name="connsiteX55" fmla="*/ 421018 w 2368230"/>
                <a:gd name="connsiteY55" fmla="*/ 444044 h 476936"/>
                <a:gd name="connsiteX56" fmla="*/ 384837 w 2368230"/>
                <a:gd name="connsiteY56" fmla="*/ 453911 h 476936"/>
                <a:gd name="connsiteX57" fmla="*/ 365102 w 2368230"/>
                <a:gd name="connsiteY57" fmla="*/ 457201 h 476936"/>
                <a:gd name="connsiteX58" fmla="*/ 335499 w 2368230"/>
                <a:gd name="connsiteY58" fmla="*/ 467068 h 476936"/>
                <a:gd name="connsiteX59" fmla="*/ 282872 w 2368230"/>
                <a:gd name="connsiteY59" fmla="*/ 463779 h 476936"/>
                <a:gd name="connsiteX60" fmla="*/ 273004 w 2368230"/>
                <a:gd name="connsiteY60" fmla="*/ 460490 h 476936"/>
                <a:gd name="connsiteX61" fmla="*/ 266426 w 2368230"/>
                <a:gd name="connsiteY61" fmla="*/ 453911 h 476936"/>
                <a:gd name="connsiteX62" fmla="*/ 246690 w 2368230"/>
                <a:gd name="connsiteY62" fmla="*/ 447333 h 476936"/>
                <a:gd name="connsiteX63" fmla="*/ 236823 w 2368230"/>
                <a:gd name="connsiteY63" fmla="*/ 444044 h 476936"/>
                <a:gd name="connsiteX64" fmla="*/ 226955 w 2368230"/>
                <a:gd name="connsiteY64" fmla="*/ 440755 h 476936"/>
                <a:gd name="connsiteX65" fmla="*/ 138147 w 2368230"/>
                <a:gd name="connsiteY65" fmla="*/ 437465 h 476936"/>
                <a:gd name="connsiteX66" fmla="*/ 85519 w 2368230"/>
                <a:gd name="connsiteY66" fmla="*/ 440755 h 476936"/>
                <a:gd name="connsiteX67" fmla="*/ 69073 w 2368230"/>
                <a:gd name="connsiteY67" fmla="*/ 444044 h 476936"/>
                <a:gd name="connsiteX68" fmla="*/ 0 w 2368230"/>
                <a:gd name="connsiteY6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70276 w 2368230"/>
                <a:gd name="connsiteY21" fmla="*/ 351946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66987 w 2368230"/>
                <a:gd name="connsiteY21" fmla="*/ 335500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466987 w 2368230"/>
                <a:gd name="connsiteY20" fmla="*/ 335500 h 476936"/>
                <a:gd name="connsiteX21" fmla="*/ 1450541 w 2368230"/>
                <a:gd name="connsiteY21" fmla="*/ 365103 h 476936"/>
                <a:gd name="connsiteX22" fmla="*/ 1437384 w 2368230"/>
                <a:gd name="connsiteY22" fmla="*/ 378260 h 476936"/>
                <a:gd name="connsiteX23" fmla="*/ 1417649 w 2368230"/>
                <a:gd name="connsiteY23" fmla="*/ 388127 h 476936"/>
                <a:gd name="connsiteX24" fmla="*/ 1407781 w 2368230"/>
                <a:gd name="connsiteY24" fmla="*/ 397995 h 476936"/>
                <a:gd name="connsiteX25" fmla="*/ 1397913 w 2368230"/>
                <a:gd name="connsiteY25" fmla="*/ 401284 h 476936"/>
                <a:gd name="connsiteX26" fmla="*/ 1374889 w 2368230"/>
                <a:gd name="connsiteY26" fmla="*/ 411152 h 476936"/>
                <a:gd name="connsiteX27" fmla="*/ 1368311 w 2368230"/>
                <a:gd name="connsiteY27" fmla="*/ 421019 h 476936"/>
                <a:gd name="connsiteX28" fmla="*/ 1358443 w 2368230"/>
                <a:gd name="connsiteY28" fmla="*/ 424308 h 476936"/>
                <a:gd name="connsiteX29" fmla="*/ 1341997 w 2368230"/>
                <a:gd name="connsiteY29" fmla="*/ 427598 h 476936"/>
                <a:gd name="connsiteX30" fmla="*/ 1328840 w 2368230"/>
                <a:gd name="connsiteY30" fmla="*/ 430887 h 476936"/>
                <a:gd name="connsiteX31" fmla="*/ 1309105 w 2368230"/>
                <a:gd name="connsiteY31" fmla="*/ 444044 h 476936"/>
                <a:gd name="connsiteX32" fmla="*/ 1276213 w 2368230"/>
                <a:gd name="connsiteY32" fmla="*/ 453911 h 476936"/>
                <a:gd name="connsiteX33" fmla="*/ 1266345 w 2368230"/>
                <a:gd name="connsiteY33" fmla="*/ 457201 h 476936"/>
                <a:gd name="connsiteX34" fmla="*/ 1236742 w 2368230"/>
                <a:gd name="connsiteY34" fmla="*/ 473647 h 476936"/>
                <a:gd name="connsiteX35" fmla="*/ 1223585 w 2368230"/>
                <a:gd name="connsiteY35" fmla="*/ 476936 h 476936"/>
                <a:gd name="connsiteX36" fmla="*/ 1098595 w 2368230"/>
                <a:gd name="connsiteY36" fmla="*/ 473647 h 476936"/>
                <a:gd name="connsiteX37" fmla="*/ 1088728 w 2368230"/>
                <a:gd name="connsiteY37" fmla="*/ 467068 h 476936"/>
                <a:gd name="connsiteX38" fmla="*/ 1068993 w 2368230"/>
                <a:gd name="connsiteY38" fmla="*/ 460490 h 476936"/>
                <a:gd name="connsiteX39" fmla="*/ 1045968 w 2368230"/>
                <a:gd name="connsiteY39" fmla="*/ 453911 h 476936"/>
                <a:gd name="connsiteX40" fmla="*/ 1036100 w 2368230"/>
                <a:gd name="connsiteY40" fmla="*/ 447333 h 476936"/>
                <a:gd name="connsiteX41" fmla="*/ 1016365 w 2368230"/>
                <a:gd name="connsiteY41" fmla="*/ 440755 h 476936"/>
                <a:gd name="connsiteX42" fmla="*/ 1009787 w 2368230"/>
                <a:gd name="connsiteY42" fmla="*/ 434176 h 476936"/>
                <a:gd name="connsiteX43" fmla="*/ 990052 w 2368230"/>
                <a:gd name="connsiteY43" fmla="*/ 427598 h 476936"/>
                <a:gd name="connsiteX44" fmla="*/ 967027 w 2368230"/>
                <a:gd name="connsiteY44" fmla="*/ 430887 h 476936"/>
                <a:gd name="connsiteX45" fmla="*/ 953870 w 2368230"/>
                <a:gd name="connsiteY45" fmla="*/ 434176 h 476936"/>
                <a:gd name="connsiteX46" fmla="*/ 759807 w 2368230"/>
                <a:gd name="connsiteY46" fmla="*/ 440755 h 476936"/>
                <a:gd name="connsiteX47" fmla="*/ 697312 w 2368230"/>
                <a:gd name="connsiteY47" fmla="*/ 447333 h 476936"/>
                <a:gd name="connsiteX48" fmla="*/ 677577 w 2368230"/>
                <a:gd name="connsiteY48" fmla="*/ 450622 h 476936"/>
                <a:gd name="connsiteX49" fmla="*/ 522984 w 2368230"/>
                <a:gd name="connsiteY49" fmla="*/ 447333 h 476936"/>
                <a:gd name="connsiteX50" fmla="*/ 503249 w 2368230"/>
                <a:gd name="connsiteY50" fmla="*/ 440755 h 476936"/>
                <a:gd name="connsiteX51" fmla="*/ 490092 w 2368230"/>
                <a:gd name="connsiteY51" fmla="*/ 437465 h 476936"/>
                <a:gd name="connsiteX52" fmla="*/ 430886 w 2368230"/>
                <a:gd name="connsiteY52" fmla="*/ 440755 h 476936"/>
                <a:gd name="connsiteX53" fmla="*/ 421018 w 2368230"/>
                <a:gd name="connsiteY53" fmla="*/ 444044 h 476936"/>
                <a:gd name="connsiteX54" fmla="*/ 384837 w 2368230"/>
                <a:gd name="connsiteY54" fmla="*/ 453911 h 476936"/>
                <a:gd name="connsiteX55" fmla="*/ 365102 w 2368230"/>
                <a:gd name="connsiteY55" fmla="*/ 457201 h 476936"/>
                <a:gd name="connsiteX56" fmla="*/ 335499 w 2368230"/>
                <a:gd name="connsiteY56" fmla="*/ 467068 h 476936"/>
                <a:gd name="connsiteX57" fmla="*/ 282872 w 2368230"/>
                <a:gd name="connsiteY57" fmla="*/ 463779 h 476936"/>
                <a:gd name="connsiteX58" fmla="*/ 273004 w 2368230"/>
                <a:gd name="connsiteY58" fmla="*/ 460490 h 476936"/>
                <a:gd name="connsiteX59" fmla="*/ 266426 w 2368230"/>
                <a:gd name="connsiteY59" fmla="*/ 453911 h 476936"/>
                <a:gd name="connsiteX60" fmla="*/ 246690 w 2368230"/>
                <a:gd name="connsiteY60" fmla="*/ 447333 h 476936"/>
                <a:gd name="connsiteX61" fmla="*/ 236823 w 2368230"/>
                <a:gd name="connsiteY61" fmla="*/ 444044 h 476936"/>
                <a:gd name="connsiteX62" fmla="*/ 226955 w 2368230"/>
                <a:gd name="connsiteY62" fmla="*/ 440755 h 476936"/>
                <a:gd name="connsiteX63" fmla="*/ 138147 w 2368230"/>
                <a:gd name="connsiteY63" fmla="*/ 437465 h 476936"/>
                <a:gd name="connsiteX64" fmla="*/ 85519 w 2368230"/>
                <a:gd name="connsiteY64" fmla="*/ 440755 h 476936"/>
                <a:gd name="connsiteX65" fmla="*/ 69073 w 2368230"/>
                <a:gd name="connsiteY65" fmla="*/ 444044 h 476936"/>
                <a:gd name="connsiteX66" fmla="*/ 0 w 2368230"/>
                <a:gd name="connsiteY6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466987 w 2368230"/>
                <a:gd name="connsiteY19" fmla="*/ 335500 h 476936"/>
                <a:gd name="connsiteX20" fmla="*/ 1450541 w 2368230"/>
                <a:gd name="connsiteY20" fmla="*/ 365103 h 476936"/>
                <a:gd name="connsiteX21" fmla="*/ 1437384 w 2368230"/>
                <a:gd name="connsiteY21" fmla="*/ 378260 h 476936"/>
                <a:gd name="connsiteX22" fmla="*/ 1417649 w 2368230"/>
                <a:gd name="connsiteY22" fmla="*/ 388127 h 476936"/>
                <a:gd name="connsiteX23" fmla="*/ 1407781 w 2368230"/>
                <a:gd name="connsiteY23" fmla="*/ 397995 h 476936"/>
                <a:gd name="connsiteX24" fmla="*/ 1397913 w 2368230"/>
                <a:gd name="connsiteY24" fmla="*/ 401284 h 476936"/>
                <a:gd name="connsiteX25" fmla="*/ 1374889 w 2368230"/>
                <a:gd name="connsiteY25" fmla="*/ 411152 h 476936"/>
                <a:gd name="connsiteX26" fmla="*/ 1368311 w 2368230"/>
                <a:gd name="connsiteY26" fmla="*/ 421019 h 476936"/>
                <a:gd name="connsiteX27" fmla="*/ 1358443 w 2368230"/>
                <a:gd name="connsiteY27" fmla="*/ 424308 h 476936"/>
                <a:gd name="connsiteX28" fmla="*/ 1341997 w 2368230"/>
                <a:gd name="connsiteY28" fmla="*/ 427598 h 476936"/>
                <a:gd name="connsiteX29" fmla="*/ 1328840 w 2368230"/>
                <a:gd name="connsiteY29" fmla="*/ 430887 h 476936"/>
                <a:gd name="connsiteX30" fmla="*/ 1309105 w 2368230"/>
                <a:gd name="connsiteY30" fmla="*/ 444044 h 476936"/>
                <a:gd name="connsiteX31" fmla="*/ 1276213 w 2368230"/>
                <a:gd name="connsiteY31" fmla="*/ 453911 h 476936"/>
                <a:gd name="connsiteX32" fmla="*/ 1266345 w 2368230"/>
                <a:gd name="connsiteY32" fmla="*/ 457201 h 476936"/>
                <a:gd name="connsiteX33" fmla="*/ 1236742 w 2368230"/>
                <a:gd name="connsiteY33" fmla="*/ 473647 h 476936"/>
                <a:gd name="connsiteX34" fmla="*/ 1223585 w 2368230"/>
                <a:gd name="connsiteY34" fmla="*/ 476936 h 476936"/>
                <a:gd name="connsiteX35" fmla="*/ 1098595 w 2368230"/>
                <a:gd name="connsiteY35" fmla="*/ 473647 h 476936"/>
                <a:gd name="connsiteX36" fmla="*/ 1088728 w 2368230"/>
                <a:gd name="connsiteY36" fmla="*/ 467068 h 476936"/>
                <a:gd name="connsiteX37" fmla="*/ 1068993 w 2368230"/>
                <a:gd name="connsiteY37" fmla="*/ 460490 h 476936"/>
                <a:gd name="connsiteX38" fmla="*/ 1045968 w 2368230"/>
                <a:gd name="connsiteY38" fmla="*/ 453911 h 476936"/>
                <a:gd name="connsiteX39" fmla="*/ 1036100 w 2368230"/>
                <a:gd name="connsiteY39" fmla="*/ 447333 h 476936"/>
                <a:gd name="connsiteX40" fmla="*/ 1016365 w 2368230"/>
                <a:gd name="connsiteY40" fmla="*/ 440755 h 476936"/>
                <a:gd name="connsiteX41" fmla="*/ 1009787 w 2368230"/>
                <a:gd name="connsiteY41" fmla="*/ 434176 h 476936"/>
                <a:gd name="connsiteX42" fmla="*/ 990052 w 2368230"/>
                <a:gd name="connsiteY42" fmla="*/ 427598 h 476936"/>
                <a:gd name="connsiteX43" fmla="*/ 967027 w 2368230"/>
                <a:gd name="connsiteY43" fmla="*/ 430887 h 476936"/>
                <a:gd name="connsiteX44" fmla="*/ 953870 w 2368230"/>
                <a:gd name="connsiteY44" fmla="*/ 434176 h 476936"/>
                <a:gd name="connsiteX45" fmla="*/ 759807 w 2368230"/>
                <a:gd name="connsiteY45" fmla="*/ 440755 h 476936"/>
                <a:gd name="connsiteX46" fmla="*/ 697312 w 2368230"/>
                <a:gd name="connsiteY46" fmla="*/ 447333 h 476936"/>
                <a:gd name="connsiteX47" fmla="*/ 677577 w 2368230"/>
                <a:gd name="connsiteY47" fmla="*/ 450622 h 476936"/>
                <a:gd name="connsiteX48" fmla="*/ 522984 w 2368230"/>
                <a:gd name="connsiteY48" fmla="*/ 447333 h 476936"/>
                <a:gd name="connsiteX49" fmla="*/ 503249 w 2368230"/>
                <a:gd name="connsiteY49" fmla="*/ 440755 h 476936"/>
                <a:gd name="connsiteX50" fmla="*/ 490092 w 2368230"/>
                <a:gd name="connsiteY50" fmla="*/ 437465 h 476936"/>
                <a:gd name="connsiteX51" fmla="*/ 430886 w 2368230"/>
                <a:gd name="connsiteY51" fmla="*/ 440755 h 476936"/>
                <a:gd name="connsiteX52" fmla="*/ 421018 w 2368230"/>
                <a:gd name="connsiteY52" fmla="*/ 444044 h 476936"/>
                <a:gd name="connsiteX53" fmla="*/ 384837 w 2368230"/>
                <a:gd name="connsiteY53" fmla="*/ 453911 h 476936"/>
                <a:gd name="connsiteX54" fmla="*/ 365102 w 2368230"/>
                <a:gd name="connsiteY54" fmla="*/ 457201 h 476936"/>
                <a:gd name="connsiteX55" fmla="*/ 335499 w 2368230"/>
                <a:gd name="connsiteY55" fmla="*/ 467068 h 476936"/>
                <a:gd name="connsiteX56" fmla="*/ 282872 w 2368230"/>
                <a:gd name="connsiteY56" fmla="*/ 463779 h 476936"/>
                <a:gd name="connsiteX57" fmla="*/ 273004 w 2368230"/>
                <a:gd name="connsiteY57" fmla="*/ 460490 h 476936"/>
                <a:gd name="connsiteX58" fmla="*/ 266426 w 2368230"/>
                <a:gd name="connsiteY58" fmla="*/ 453911 h 476936"/>
                <a:gd name="connsiteX59" fmla="*/ 246690 w 2368230"/>
                <a:gd name="connsiteY59" fmla="*/ 447333 h 476936"/>
                <a:gd name="connsiteX60" fmla="*/ 236823 w 2368230"/>
                <a:gd name="connsiteY60" fmla="*/ 444044 h 476936"/>
                <a:gd name="connsiteX61" fmla="*/ 226955 w 2368230"/>
                <a:gd name="connsiteY61" fmla="*/ 440755 h 476936"/>
                <a:gd name="connsiteX62" fmla="*/ 138147 w 2368230"/>
                <a:gd name="connsiteY62" fmla="*/ 437465 h 476936"/>
                <a:gd name="connsiteX63" fmla="*/ 85519 w 2368230"/>
                <a:gd name="connsiteY63" fmla="*/ 440755 h 476936"/>
                <a:gd name="connsiteX64" fmla="*/ 69073 w 2368230"/>
                <a:gd name="connsiteY64" fmla="*/ 444044 h 476936"/>
                <a:gd name="connsiteX65" fmla="*/ 0 w 2368230"/>
                <a:gd name="connsiteY6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38026 w 2368230"/>
                <a:gd name="connsiteY17" fmla="*/ 319054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38026 w 2368230"/>
                <a:gd name="connsiteY16" fmla="*/ 319054 h 476936"/>
                <a:gd name="connsiteX17" fmla="*/ 1466987 w 2368230"/>
                <a:gd name="connsiteY17" fmla="*/ 335500 h 476936"/>
                <a:gd name="connsiteX18" fmla="*/ 1450541 w 2368230"/>
                <a:gd name="connsiteY18" fmla="*/ 365103 h 476936"/>
                <a:gd name="connsiteX19" fmla="*/ 1437384 w 2368230"/>
                <a:gd name="connsiteY19" fmla="*/ 378260 h 476936"/>
                <a:gd name="connsiteX20" fmla="*/ 1417649 w 2368230"/>
                <a:gd name="connsiteY20" fmla="*/ 388127 h 476936"/>
                <a:gd name="connsiteX21" fmla="*/ 1407781 w 2368230"/>
                <a:gd name="connsiteY21" fmla="*/ 397995 h 476936"/>
                <a:gd name="connsiteX22" fmla="*/ 1397913 w 2368230"/>
                <a:gd name="connsiteY22" fmla="*/ 401284 h 476936"/>
                <a:gd name="connsiteX23" fmla="*/ 1374889 w 2368230"/>
                <a:gd name="connsiteY23" fmla="*/ 411152 h 476936"/>
                <a:gd name="connsiteX24" fmla="*/ 1368311 w 2368230"/>
                <a:gd name="connsiteY24" fmla="*/ 421019 h 476936"/>
                <a:gd name="connsiteX25" fmla="*/ 1358443 w 2368230"/>
                <a:gd name="connsiteY25" fmla="*/ 424308 h 476936"/>
                <a:gd name="connsiteX26" fmla="*/ 1341997 w 2368230"/>
                <a:gd name="connsiteY26" fmla="*/ 427598 h 476936"/>
                <a:gd name="connsiteX27" fmla="*/ 1328840 w 2368230"/>
                <a:gd name="connsiteY27" fmla="*/ 430887 h 476936"/>
                <a:gd name="connsiteX28" fmla="*/ 1309105 w 2368230"/>
                <a:gd name="connsiteY28" fmla="*/ 444044 h 476936"/>
                <a:gd name="connsiteX29" fmla="*/ 1276213 w 2368230"/>
                <a:gd name="connsiteY29" fmla="*/ 453911 h 476936"/>
                <a:gd name="connsiteX30" fmla="*/ 1266345 w 2368230"/>
                <a:gd name="connsiteY30" fmla="*/ 457201 h 476936"/>
                <a:gd name="connsiteX31" fmla="*/ 1236742 w 2368230"/>
                <a:gd name="connsiteY31" fmla="*/ 473647 h 476936"/>
                <a:gd name="connsiteX32" fmla="*/ 1223585 w 2368230"/>
                <a:gd name="connsiteY32" fmla="*/ 476936 h 476936"/>
                <a:gd name="connsiteX33" fmla="*/ 1098595 w 2368230"/>
                <a:gd name="connsiteY33" fmla="*/ 473647 h 476936"/>
                <a:gd name="connsiteX34" fmla="*/ 1088728 w 2368230"/>
                <a:gd name="connsiteY34" fmla="*/ 467068 h 476936"/>
                <a:gd name="connsiteX35" fmla="*/ 1068993 w 2368230"/>
                <a:gd name="connsiteY35" fmla="*/ 460490 h 476936"/>
                <a:gd name="connsiteX36" fmla="*/ 1045968 w 2368230"/>
                <a:gd name="connsiteY36" fmla="*/ 453911 h 476936"/>
                <a:gd name="connsiteX37" fmla="*/ 1036100 w 2368230"/>
                <a:gd name="connsiteY37" fmla="*/ 447333 h 476936"/>
                <a:gd name="connsiteX38" fmla="*/ 1016365 w 2368230"/>
                <a:gd name="connsiteY38" fmla="*/ 440755 h 476936"/>
                <a:gd name="connsiteX39" fmla="*/ 1009787 w 2368230"/>
                <a:gd name="connsiteY39" fmla="*/ 434176 h 476936"/>
                <a:gd name="connsiteX40" fmla="*/ 990052 w 2368230"/>
                <a:gd name="connsiteY40" fmla="*/ 427598 h 476936"/>
                <a:gd name="connsiteX41" fmla="*/ 967027 w 2368230"/>
                <a:gd name="connsiteY41" fmla="*/ 430887 h 476936"/>
                <a:gd name="connsiteX42" fmla="*/ 953870 w 2368230"/>
                <a:gd name="connsiteY42" fmla="*/ 434176 h 476936"/>
                <a:gd name="connsiteX43" fmla="*/ 759807 w 2368230"/>
                <a:gd name="connsiteY43" fmla="*/ 440755 h 476936"/>
                <a:gd name="connsiteX44" fmla="*/ 697312 w 2368230"/>
                <a:gd name="connsiteY44" fmla="*/ 447333 h 476936"/>
                <a:gd name="connsiteX45" fmla="*/ 677577 w 2368230"/>
                <a:gd name="connsiteY45" fmla="*/ 450622 h 476936"/>
                <a:gd name="connsiteX46" fmla="*/ 522984 w 2368230"/>
                <a:gd name="connsiteY46" fmla="*/ 447333 h 476936"/>
                <a:gd name="connsiteX47" fmla="*/ 503249 w 2368230"/>
                <a:gd name="connsiteY47" fmla="*/ 440755 h 476936"/>
                <a:gd name="connsiteX48" fmla="*/ 490092 w 2368230"/>
                <a:gd name="connsiteY48" fmla="*/ 437465 h 476936"/>
                <a:gd name="connsiteX49" fmla="*/ 430886 w 2368230"/>
                <a:gd name="connsiteY49" fmla="*/ 440755 h 476936"/>
                <a:gd name="connsiteX50" fmla="*/ 421018 w 2368230"/>
                <a:gd name="connsiteY50" fmla="*/ 444044 h 476936"/>
                <a:gd name="connsiteX51" fmla="*/ 384837 w 2368230"/>
                <a:gd name="connsiteY51" fmla="*/ 453911 h 476936"/>
                <a:gd name="connsiteX52" fmla="*/ 365102 w 2368230"/>
                <a:gd name="connsiteY52" fmla="*/ 457201 h 476936"/>
                <a:gd name="connsiteX53" fmla="*/ 335499 w 2368230"/>
                <a:gd name="connsiteY53" fmla="*/ 467068 h 476936"/>
                <a:gd name="connsiteX54" fmla="*/ 282872 w 2368230"/>
                <a:gd name="connsiteY54" fmla="*/ 463779 h 476936"/>
                <a:gd name="connsiteX55" fmla="*/ 273004 w 2368230"/>
                <a:gd name="connsiteY55" fmla="*/ 460490 h 476936"/>
                <a:gd name="connsiteX56" fmla="*/ 266426 w 2368230"/>
                <a:gd name="connsiteY56" fmla="*/ 453911 h 476936"/>
                <a:gd name="connsiteX57" fmla="*/ 246690 w 2368230"/>
                <a:gd name="connsiteY57" fmla="*/ 447333 h 476936"/>
                <a:gd name="connsiteX58" fmla="*/ 236823 w 2368230"/>
                <a:gd name="connsiteY58" fmla="*/ 444044 h 476936"/>
                <a:gd name="connsiteX59" fmla="*/ 226955 w 2368230"/>
                <a:gd name="connsiteY59" fmla="*/ 440755 h 476936"/>
                <a:gd name="connsiteX60" fmla="*/ 138147 w 2368230"/>
                <a:gd name="connsiteY60" fmla="*/ 437465 h 476936"/>
                <a:gd name="connsiteX61" fmla="*/ 85519 w 2368230"/>
                <a:gd name="connsiteY61" fmla="*/ 440755 h 476936"/>
                <a:gd name="connsiteX62" fmla="*/ 69073 w 2368230"/>
                <a:gd name="connsiteY62" fmla="*/ 444044 h 476936"/>
                <a:gd name="connsiteX63" fmla="*/ 0 w 2368230"/>
                <a:gd name="connsiteY6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38026 w 2368230"/>
                <a:gd name="connsiteY15" fmla="*/ 319054 h 476936"/>
                <a:gd name="connsiteX16" fmla="*/ 1466987 w 2368230"/>
                <a:gd name="connsiteY16" fmla="*/ 335500 h 476936"/>
                <a:gd name="connsiteX17" fmla="*/ 1450541 w 2368230"/>
                <a:gd name="connsiteY17" fmla="*/ 365103 h 476936"/>
                <a:gd name="connsiteX18" fmla="*/ 1437384 w 2368230"/>
                <a:gd name="connsiteY18" fmla="*/ 378260 h 476936"/>
                <a:gd name="connsiteX19" fmla="*/ 1417649 w 2368230"/>
                <a:gd name="connsiteY19" fmla="*/ 388127 h 476936"/>
                <a:gd name="connsiteX20" fmla="*/ 1407781 w 2368230"/>
                <a:gd name="connsiteY20" fmla="*/ 397995 h 476936"/>
                <a:gd name="connsiteX21" fmla="*/ 1397913 w 2368230"/>
                <a:gd name="connsiteY21" fmla="*/ 401284 h 476936"/>
                <a:gd name="connsiteX22" fmla="*/ 1374889 w 2368230"/>
                <a:gd name="connsiteY22" fmla="*/ 411152 h 476936"/>
                <a:gd name="connsiteX23" fmla="*/ 1368311 w 2368230"/>
                <a:gd name="connsiteY23" fmla="*/ 421019 h 476936"/>
                <a:gd name="connsiteX24" fmla="*/ 1358443 w 2368230"/>
                <a:gd name="connsiteY24" fmla="*/ 424308 h 476936"/>
                <a:gd name="connsiteX25" fmla="*/ 1341997 w 2368230"/>
                <a:gd name="connsiteY25" fmla="*/ 427598 h 476936"/>
                <a:gd name="connsiteX26" fmla="*/ 1328840 w 2368230"/>
                <a:gd name="connsiteY26" fmla="*/ 430887 h 476936"/>
                <a:gd name="connsiteX27" fmla="*/ 1309105 w 2368230"/>
                <a:gd name="connsiteY27" fmla="*/ 444044 h 476936"/>
                <a:gd name="connsiteX28" fmla="*/ 1276213 w 2368230"/>
                <a:gd name="connsiteY28" fmla="*/ 453911 h 476936"/>
                <a:gd name="connsiteX29" fmla="*/ 1266345 w 2368230"/>
                <a:gd name="connsiteY29" fmla="*/ 457201 h 476936"/>
                <a:gd name="connsiteX30" fmla="*/ 1236742 w 2368230"/>
                <a:gd name="connsiteY30" fmla="*/ 473647 h 476936"/>
                <a:gd name="connsiteX31" fmla="*/ 1223585 w 2368230"/>
                <a:gd name="connsiteY31" fmla="*/ 476936 h 476936"/>
                <a:gd name="connsiteX32" fmla="*/ 1098595 w 2368230"/>
                <a:gd name="connsiteY32" fmla="*/ 473647 h 476936"/>
                <a:gd name="connsiteX33" fmla="*/ 1088728 w 2368230"/>
                <a:gd name="connsiteY33" fmla="*/ 467068 h 476936"/>
                <a:gd name="connsiteX34" fmla="*/ 1068993 w 2368230"/>
                <a:gd name="connsiteY34" fmla="*/ 460490 h 476936"/>
                <a:gd name="connsiteX35" fmla="*/ 1045968 w 2368230"/>
                <a:gd name="connsiteY35" fmla="*/ 453911 h 476936"/>
                <a:gd name="connsiteX36" fmla="*/ 1036100 w 2368230"/>
                <a:gd name="connsiteY36" fmla="*/ 447333 h 476936"/>
                <a:gd name="connsiteX37" fmla="*/ 1016365 w 2368230"/>
                <a:gd name="connsiteY37" fmla="*/ 440755 h 476936"/>
                <a:gd name="connsiteX38" fmla="*/ 1009787 w 2368230"/>
                <a:gd name="connsiteY38" fmla="*/ 434176 h 476936"/>
                <a:gd name="connsiteX39" fmla="*/ 990052 w 2368230"/>
                <a:gd name="connsiteY39" fmla="*/ 427598 h 476936"/>
                <a:gd name="connsiteX40" fmla="*/ 967027 w 2368230"/>
                <a:gd name="connsiteY40" fmla="*/ 430887 h 476936"/>
                <a:gd name="connsiteX41" fmla="*/ 953870 w 2368230"/>
                <a:gd name="connsiteY41" fmla="*/ 434176 h 476936"/>
                <a:gd name="connsiteX42" fmla="*/ 759807 w 2368230"/>
                <a:gd name="connsiteY42" fmla="*/ 440755 h 476936"/>
                <a:gd name="connsiteX43" fmla="*/ 697312 w 2368230"/>
                <a:gd name="connsiteY43" fmla="*/ 447333 h 476936"/>
                <a:gd name="connsiteX44" fmla="*/ 677577 w 2368230"/>
                <a:gd name="connsiteY44" fmla="*/ 450622 h 476936"/>
                <a:gd name="connsiteX45" fmla="*/ 522984 w 2368230"/>
                <a:gd name="connsiteY45" fmla="*/ 447333 h 476936"/>
                <a:gd name="connsiteX46" fmla="*/ 503249 w 2368230"/>
                <a:gd name="connsiteY46" fmla="*/ 440755 h 476936"/>
                <a:gd name="connsiteX47" fmla="*/ 490092 w 2368230"/>
                <a:gd name="connsiteY47" fmla="*/ 437465 h 476936"/>
                <a:gd name="connsiteX48" fmla="*/ 430886 w 2368230"/>
                <a:gd name="connsiteY48" fmla="*/ 440755 h 476936"/>
                <a:gd name="connsiteX49" fmla="*/ 421018 w 2368230"/>
                <a:gd name="connsiteY49" fmla="*/ 444044 h 476936"/>
                <a:gd name="connsiteX50" fmla="*/ 384837 w 2368230"/>
                <a:gd name="connsiteY50" fmla="*/ 453911 h 476936"/>
                <a:gd name="connsiteX51" fmla="*/ 365102 w 2368230"/>
                <a:gd name="connsiteY51" fmla="*/ 457201 h 476936"/>
                <a:gd name="connsiteX52" fmla="*/ 335499 w 2368230"/>
                <a:gd name="connsiteY52" fmla="*/ 467068 h 476936"/>
                <a:gd name="connsiteX53" fmla="*/ 282872 w 2368230"/>
                <a:gd name="connsiteY53" fmla="*/ 463779 h 476936"/>
                <a:gd name="connsiteX54" fmla="*/ 273004 w 2368230"/>
                <a:gd name="connsiteY54" fmla="*/ 460490 h 476936"/>
                <a:gd name="connsiteX55" fmla="*/ 266426 w 2368230"/>
                <a:gd name="connsiteY55" fmla="*/ 453911 h 476936"/>
                <a:gd name="connsiteX56" fmla="*/ 246690 w 2368230"/>
                <a:gd name="connsiteY56" fmla="*/ 447333 h 476936"/>
                <a:gd name="connsiteX57" fmla="*/ 236823 w 2368230"/>
                <a:gd name="connsiteY57" fmla="*/ 444044 h 476936"/>
                <a:gd name="connsiteX58" fmla="*/ 226955 w 2368230"/>
                <a:gd name="connsiteY58" fmla="*/ 440755 h 476936"/>
                <a:gd name="connsiteX59" fmla="*/ 138147 w 2368230"/>
                <a:gd name="connsiteY59" fmla="*/ 437465 h 476936"/>
                <a:gd name="connsiteX60" fmla="*/ 85519 w 2368230"/>
                <a:gd name="connsiteY60" fmla="*/ 440755 h 476936"/>
                <a:gd name="connsiteX61" fmla="*/ 69073 w 2368230"/>
                <a:gd name="connsiteY61" fmla="*/ 444044 h 476936"/>
                <a:gd name="connsiteX62" fmla="*/ 0 w 2368230"/>
                <a:gd name="connsiteY6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38026 w 2368230"/>
                <a:gd name="connsiteY14" fmla="*/ 319054 h 476936"/>
                <a:gd name="connsiteX15" fmla="*/ 1466987 w 2368230"/>
                <a:gd name="connsiteY15" fmla="*/ 335500 h 476936"/>
                <a:gd name="connsiteX16" fmla="*/ 1450541 w 2368230"/>
                <a:gd name="connsiteY16" fmla="*/ 365103 h 476936"/>
                <a:gd name="connsiteX17" fmla="*/ 1437384 w 2368230"/>
                <a:gd name="connsiteY17" fmla="*/ 378260 h 476936"/>
                <a:gd name="connsiteX18" fmla="*/ 1417649 w 2368230"/>
                <a:gd name="connsiteY18" fmla="*/ 388127 h 476936"/>
                <a:gd name="connsiteX19" fmla="*/ 1407781 w 2368230"/>
                <a:gd name="connsiteY19" fmla="*/ 397995 h 476936"/>
                <a:gd name="connsiteX20" fmla="*/ 1397913 w 2368230"/>
                <a:gd name="connsiteY20" fmla="*/ 401284 h 476936"/>
                <a:gd name="connsiteX21" fmla="*/ 1374889 w 2368230"/>
                <a:gd name="connsiteY21" fmla="*/ 411152 h 476936"/>
                <a:gd name="connsiteX22" fmla="*/ 1368311 w 2368230"/>
                <a:gd name="connsiteY22" fmla="*/ 421019 h 476936"/>
                <a:gd name="connsiteX23" fmla="*/ 1358443 w 2368230"/>
                <a:gd name="connsiteY23" fmla="*/ 424308 h 476936"/>
                <a:gd name="connsiteX24" fmla="*/ 1341997 w 2368230"/>
                <a:gd name="connsiteY24" fmla="*/ 427598 h 476936"/>
                <a:gd name="connsiteX25" fmla="*/ 1328840 w 2368230"/>
                <a:gd name="connsiteY25" fmla="*/ 430887 h 476936"/>
                <a:gd name="connsiteX26" fmla="*/ 1309105 w 2368230"/>
                <a:gd name="connsiteY26" fmla="*/ 444044 h 476936"/>
                <a:gd name="connsiteX27" fmla="*/ 1276213 w 2368230"/>
                <a:gd name="connsiteY27" fmla="*/ 453911 h 476936"/>
                <a:gd name="connsiteX28" fmla="*/ 1266345 w 2368230"/>
                <a:gd name="connsiteY28" fmla="*/ 457201 h 476936"/>
                <a:gd name="connsiteX29" fmla="*/ 1236742 w 2368230"/>
                <a:gd name="connsiteY29" fmla="*/ 473647 h 476936"/>
                <a:gd name="connsiteX30" fmla="*/ 1223585 w 2368230"/>
                <a:gd name="connsiteY30" fmla="*/ 476936 h 476936"/>
                <a:gd name="connsiteX31" fmla="*/ 1098595 w 2368230"/>
                <a:gd name="connsiteY31" fmla="*/ 473647 h 476936"/>
                <a:gd name="connsiteX32" fmla="*/ 1088728 w 2368230"/>
                <a:gd name="connsiteY32" fmla="*/ 467068 h 476936"/>
                <a:gd name="connsiteX33" fmla="*/ 1068993 w 2368230"/>
                <a:gd name="connsiteY33" fmla="*/ 460490 h 476936"/>
                <a:gd name="connsiteX34" fmla="*/ 1045968 w 2368230"/>
                <a:gd name="connsiteY34" fmla="*/ 453911 h 476936"/>
                <a:gd name="connsiteX35" fmla="*/ 1036100 w 2368230"/>
                <a:gd name="connsiteY35" fmla="*/ 447333 h 476936"/>
                <a:gd name="connsiteX36" fmla="*/ 1016365 w 2368230"/>
                <a:gd name="connsiteY36" fmla="*/ 440755 h 476936"/>
                <a:gd name="connsiteX37" fmla="*/ 1009787 w 2368230"/>
                <a:gd name="connsiteY37" fmla="*/ 434176 h 476936"/>
                <a:gd name="connsiteX38" fmla="*/ 990052 w 2368230"/>
                <a:gd name="connsiteY38" fmla="*/ 427598 h 476936"/>
                <a:gd name="connsiteX39" fmla="*/ 967027 w 2368230"/>
                <a:gd name="connsiteY39" fmla="*/ 430887 h 476936"/>
                <a:gd name="connsiteX40" fmla="*/ 953870 w 2368230"/>
                <a:gd name="connsiteY40" fmla="*/ 434176 h 476936"/>
                <a:gd name="connsiteX41" fmla="*/ 759807 w 2368230"/>
                <a:gd name="connsiteY41" fmla="*/ 440755 h 476936"/>
                <a:gd name="connsiteX42" fmla="*/ 697312 w 2368230"/>
                <a:gd name="connsiteY42" fmla="*/ 447333 h 476936"/>
                <a:gd name="connsiteX43" fmla="*/ 677577 w 2368230"/>
                <a:gd name="connsiteY43" fmla="*/ 450622 h 476936"/>
                <a:gd name="connsiteX44" fmla="*/ 522984 w 2368230"/>
                <a:gd name="connsiteY44" fmla="*/ 447333 h 476936"/>
                <a:gd name="connsiteX45" fmla="*/ 503249 w 2368230"/>
                <a:gd name="connsiteY45" fmla="*/ 440755 h 476936"/>
                <a:gd name="connsiteX46" fmla="*/ 490092 w 2368230"/>
                <a:gd name="connsiteY46" fmla="*/ 437465 h 476936"/>
                <a:gd name="connsiteX47" fmla="*/ 430886 w 2368230"/>
                <a:gd name="connsiteY47" fmla="*/ 440755 h 476936"/>
                <a:gd name="connsiteX48" fmla="*/ 421018 w 2368230"/>
                <a:gd name="connsiteY48" fmla="*/ 444044 h 476936"/>
                <a:gd name="connsiteX49" fmla="*/ 384837 w 2368230"/>
                <a:gd name="connsiteY49" fmla="*/ 453911 h 476936"/>
                <a:gd name="connsiteX50" fmla="*/ 365102 w 2368230"/>
                <a:gd name="connsiteY50" fmla="*/ 457201 h 476936"/>
                <a:gd name="connsiteX51" fmla="*/ 335499 w 2368230"/>
                <a:gd name="connsiteY51" fmla="*/ 467068 h 476936"/>
                <a:gd name="connsiteX52" fmla="*/ 282872 w 2368230"/>
                <a:gd name="connsiteY52" fmla="*/ 463779 h 476936"/>
                <a:gd name="connsiteX53" fmla="*/ 273004 w 2368230"/>
                <a:gd name="connsiteY53" fmla="*/ 460490 h 476936"/>
                <a:gd name="connsiteX54" fmla="*/ 266426 w 2368230"/>
                <a:gd name="connsiteY54" fmla="*/ 453911 h 476936"/>
                <a:gd name="connsiteX55" fmla="*/ 246690 w 2368230"/>
                <a:gd name="connsiteY55" fmla="*/ 447333 h 476936"/>
                <a:gd name="connsiteX56" fmla="*/ 236823 w 2368230"/>
                <a:gd name="connsiteY56" fmla="*/ 444044 h 476936"/>
                <a:gd name="connsiteX57" fmla="*/ 226955 w 2368230"/>
                <a:gd name="connsiteY57" fmla="*/ 440755 h 476936"/>
                <a:gd name="connsiteX58" fmla="*/ 138147 w 2368230"/>
                <a:gd name="connsiteY58" fmla="*/ 437465 h 476936"/>
                <a:gd name="connsiteX59" fmla="*/ 85519 w 2368230"/>
                <a:gd name="connsiteY59" fmla="*/ 440755 h 476936"/>
                <a:gd name="connsiteX60" fmla="*/ 69073 w 2368230"/>
                <a:gd name="connsiteY60" fmla="*/ 444044 h 476936"/>
                <a:gd name="connsiteX61" fmla="*/ 0 w 2368230"/>
                <a:gd name="connsiteY6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68311 w 2368230"/>
                <a:gd name="connsiteY21" fmla="*/ 421019 h 476936"/>
                <a:gd name="connsiteX22" fmla="*/ 1358443 w 2368230"/>
                <a:gd name="connsiteY22" fmla="*/ 424308 h 476936"/>
                <a:gd name="connsiteX23" fmla="*/ 1341997 w 2368230"/>
                <a:gd name="connsiteY23" fmla="*/ 427598 h 476936"/>
                <a:gd name="connsiteX24" fmla="*/ 1328840 w 2368230"/>
                <a:gd name="connsiteY24" fmla="*/ 430887 h 476936"/>
                <a:gd name="connsiteX25" fmla="*/ 1309105 w 2368230"/>
                <a:gd name="connsiteY25" fmla="*/ 444044 h 476936"/>
                <a:gd name="connsiteX26" fmla="*/ 1276213 w 2368230"/>
                <a:gd name="connsiteY26" fmla="*/ 453911 h 476936"/>
                <a:gd name="connsiteX27" fmla="*/ 1266345 w 2368230"/>
                <a:gd name="connsiteY27" fmla="*/ 457201 h 476936"/>
                <a:gd name="connsiteX28" fmla="*/ 1236742 w 2368230"/>
                <a:gd name="connsiteY28" fmla="*/ 473647 h 476936"/>
                <a:gd name="connsiteX29" fmla="*/ 1223585 w 2368230"/>
                <a:gd name="connsiteY29" fmla="*/ 476936 h 476936"/>
                <a:gd name="connsiteX30" fmla="*/ 1098595 w 2368230"/>
                <a:gd name="connsiteY30" fmla="*/ 473647 h 476936"/>
                <a:gd name="connsiteX31" fmla="*/ 1088728 w 2368230"/>
                <a:gd name="connsiteY31" fmla="*/ 467068 h 476936"/>
                <a:gd name="connsiteX32" fmla="*/ 1068993 w 2368230"/>
                <a:gd name="connsiteY32" fmla="*/ 460490 h 476936"/>
                <a:gd name="connsiteX33" fmla="*/ 1045968 w 2368230"/>
                <a:gd name="connsiteY33" fmla="*/ 453911 h 476936"/>
                <a:gd name="connsiteX34" fmla="*/ 1036100 w 2368230"/>
                <a:gd name="connsiteY34" fmla="*/ 447333 h 476936"/>
                <a:gd name="connsiteX35" fmla="*/ 1016365 w 2368230"/>
                <a:gd name="connsiteY35" fmla="*/ 440755 h 476936"/>
                <a:gd name="connsiteX36" fmla="*/ 1009787 w 2368230"/>
                <a:gd name="connsiteY36" fmla="*/ 434176 h 476936"/>
                <a:gd name="connsiteX37" fmla="*/ 990052 w 2368230"/>
                <a:gd name="connsiteY37" fmla="*/ 427598 h 476936"/>
                <a:gd name="connsiteX38" fmla="*/ 967027 w 2368230"/>
                <a:gd name="connsiteY38" fmla="*/ 430887 h 476936"/>
                <a:gd name="connsiteX39" fmla="*/ 953870 w 2368230"/>
                <a:gd name="connsiteY39" fmla="*/ 434176 h 476936"/>
                <a:gd name="connsiteX40" fmla="*/ 759807 w 2368230"/>
                <a:gd name="connsiteY40" fmla="*/ 440755 h 476936"/>
                <a:gd name="connsiteX41" fmla="*/ 697312 w 2368230"/>
                <a:gd name="connsiteY41" fmla="*/ 447333 h 476936"/>
                <a:gd name="connsiteX42" fmla="*/ 677577 w 2368230"/>
                <a:gd name="connsiteY42" fmla="*/ 450622 h 476936"/>
                <a:gd name="connsiteX43" fmla="*/ 522984 w 2368230"/>
                <a:gd name="connsiteY43" fmla="*/ 447333 h 476936"/>
                <a:gd name="connsiteX44" fmla="*/ 503249 w 2368230"/>
                <a:gd name="connsiteY44" fmla="*/ 440755 h 476936"/>
                <a:gd name="connsiteX45" fmla="*/ 490092 w 2368230"/>
                <a:gd name="connsiteY45" fmla="*/ 437465 h 476936"/>
                <a:gd name="connsiteX46" fmla="*/ 430886 w 2368230"/>
                <a:gd name="connsiteY46" fmla="*/ 440755 h 476936"/>
                <a:gd name="connsiteX47" fmla="*/ 421018 w 2368230"/>
                <a:gd name="connsiteY47" fmla="*/ 444044 h 476936"/>
                <a:gd name="connsiteX48" fmla="*/ 384837 w 2368230"/>
                <a:gd name="connsiteY48" fmla="*/ 453911 h 476936"/>
                <a:gd name="connsiteX49" fmla="*/ 365102 w 2368230"/>
                <a:gd name="connsiteY49" fmla="*/ 457201 h 476936"/>
                <a:gd name="connsiteX50" fmla="*/ 335499 w 2368230"/>
                <a:gd name="connsiteY50" fmla="*/ 467068 h 476936"/>
                <a:gd name="connsiteX51" fmla="*/ 282872 w 2368230"/>
                <a:gd name="connsiteY51" fmla="*/ 463779 h 476936"/>
                <a:gd name="connsiteX52" fmla="*/ 273004 w 2368230"/>
                <a:gd name="connsiteY52" fmla="*/ 460490 h 476936"/>
                <a:gd name="connsiteX53" fmla="*/ 266426 w 2368230"/>
                <a:gd name="connsiteY53" fmla="*/ 453911 h 476936"/>
                <a:gd name="connsiteX54" fmla="*/ 246690 w 2368230"/>
                <a:gd name="connsiteY54" fmla="*/ 447333 h 476936"/>
                <a:gd name="connsiteX55" fmla="*/ 236823 w 2368230"/>
                <a:gd name="connsiteY55" fmla="*/ 444044 h 476936"/>
                <a:gd name="connsiteX56" fmla="*/ 226955 w 2368230"/>
                <a:gd name="connsiteY56" fmla="*/ 440755 h 476936"/>
                <a:gd name="connsiteX57" fmla="*/ 138147 w 2368230"/>
                <a:gd name="connsiteY57" fmla="*/ 437465 h 476936"/>
                <a:gd name="connsiteX58" fmla="*/ 85519 w 2368230"/>
                <a:gd name="connsiteY58" fmla="*/ 440755 h 476936"/>
                <a:gd name="connsiteX59" fmla="*/ 69073 w 2368230"/>
                <a:gd name="connsiteY59" fmla="*/ 444044 h 476936"/>
                <a:gd name="connsiteX60" fmla="*/ 0 w 2368230"/>
                <a:gd name="connsiteY6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58443 w 2368230"/>
                <a:gd name="connsiteY21" fmla="*/ 424308 h 476936"/>
                <a:gd name="connsiteX22" fmla="*/ 1341997 w 2368230"/>
                <a:gd name="connsiteY22" fmla="*/ 427598 h 476936"/>
                <a:gd name="connsiteX23" fmla="*/ 1328840 w 2368230"/>
                <a:gd name="connsiteY23" fmla="*/ 430887 h 476936"/>
                <a:gd name="connsiteX24" fmla="*/ 1309105 w 2368230"/>
                <a:gd name="connsiteY24" fmla="*/ 444044 h 476936"/>
                <a:gd name="connsiteX25" fmla="*/ 1276213 w 2368230"/>
                <a:gd name="connsiteY25" fmla="*/ 453911 h 476936"/>
                <a:gd name="connsiteX26" fmla="*/ 1266345 w 2368230"/>
                <a:gd name="connsiteY26" fmla="*/ 457201 h 476936"/>
                <a:gd name="connsiteX27" fmla="*/ 1236742 w 2368230"/>
                <a:gd name="connsiteY27" fmla="*/ 473647 h 476936"/>
                <a:gd name="connsiteX28" fmla="*/ 1223585 w 2368230"/>
                <a:gd name="connsiteY28" fmla="*/ 476936 h 476936"/>
                <a:gd name="connsiteX29" fmla="*/ 1098595 w 2368230"/>
                <a:gd name="connsiteY29" fmla="*/ 473647 h 476936"/>
                <a:gd name="connsiteX30" fmla="*/ 1088728 w 2368230"/>
                <a:gd name="connsiteY30" fmla="*/ 467068 h 476936"/>
                <a:gd name="connsiteX31" fmla="*/ 1068993 w 2368230"/>
                <a:gd name="connsiteY31" fmla="*/ 460490 h 476936"/>
                <a:gd name="connsiteX32" fmla="*/ 1045968 w 2368230"/>
                <a:gd name="connsiteY32" fmla="*/ 453911 h 476936"/>
                <a:gd name="connsiteX33" fmla="*/ 1036100 w 2368230"/>
                <a:gd name="connsiteY33" fmla="*/ 447333 h 476936"/>
                <a:gd name="connsiteX34" fmla="*/ 1016365 w 2368230"/>
                <a:gd name="connsiteY34" fmla="*/ 440755 h 476936"/>
                <a:gd name="connsiteX35" fmla="*/ 1009787 w 2368230"/>
                <a:gd name="connsiteY35" fmla="*/ 434176 h 476936"/>
                <a:gd name="connsiteX36" fmla="*/ 990052 w 2368230"/>
                <a:gd name="connsiteY36" fmla="*/ 427598 h 476936"/>
                <a:gd name="connsiteX37" fmla="*/ 967027 w 2368230"/>
                <a:gd name="connsiteY37" fmla="*/ 430887 h 476936"/>
                <a:gd name="connsiteX38" fmla="*/ 953870 w 2368230"/>
                <a:gd name="connsiteY38" fmla="*/ 434176 h 476936"/>
                <a:gd name="connsiteX39" fmla="*/ 759807 w 2368230"/>
                <a:gd name="connsiteY39" fmla="*/ 440755 h 476936"/>
                <a:gd name="connsiteX40" fmla="*/ 697312 w 2368230"/>
                <a:gd name="connsiteY40" fmla="*/ 447333 h 476936"/>
                <a:gd name="connsiteX41" fmla="*/ 677577 w 2368230"/>
                <a:gd name="connsiteY41" fmla="*/ 450622 h 476936"/>
                <a:gd name="connsiteX42" fmla="*/ 522984 w 2368230"/>
                <a:gd name="connsiteY42" fmla="*/ 447333 h 476936"/>
                <a:gd name="connsiteX43" fmla="*/ 503249 w 2368230"/>
                <a:gd name="connsiteY43" fmla="*/ 440755 h 476936"/>
                <a:gd name="connsiteX44" fmla="*/ 490092 w 2368230"/>
                <a:gd name="connsiteY44" fmla="*/ 437465 h 476936"/>
                <a:gd name="connsiteX45" fmla="*/ 430886 w 2368230"/>
                <a:gd name="connsiteY45" fmla="*/ 440755 h 476936"/>
                <a:gd name="connsiteX46" fmla="*/ 421018 w 2368230"/>
                <a:gd name="connsiteY46" fmla="*/ 444044 h 476936"/>
                <a:gd name="connsiteX47" fmla="*/ 384837 w 2368230"/>
                <a:gd name="connsiteY47" fmla="*/ 453911 h 476936"/>
                <a:gd name="connsiteX48" fmla="*/ 365102 w 2368230"/>
                <a:gd name="connsiteY48" fmla="*/ 457201 h 476936"/>
                <a:gd name="connsiteX49" fmla="*/ 335499 w 2368230"/>
                <a:gd name="connsiteY49" fmla="*/ 467068 h 476936"/>
                <a:gd name="connsiteX50" fmla="*/ 282872 w 2368230"/>
                <a:gd name="connsiteY50" fmla="*/ 463779 h 476936"/>
                <a:gd name="connsiteX51" fmla="*/ 273004 w 2368230"/>
                <a:gd name="connsiteY51" fmla="*/ 460490 h 476936"/>
                <a:gd name="connsiteX52" fmla="*/ 266426 w 2368230"/>
                <a:gd name="connsiteY52" fmla="*/ 453911 h 476936"/>
                <a:gd name="connsiteX53" fmla="*/ 246690 w 2368230"/>
                <a:gd name="connsiteY53" fmla="*/ 447333 h 476936"/>
                <a:gd name="connsiteX54" fmla="*/ 236823 w 2368230"/>
                <a:gd name="connsiteY54" fmla="*/ 444044 h 476936"/>
                <a:gd name="connsiteX55" fmla="*/ 226955 w 2368230"/>
                <a:gd name="connsiteY55" fmla="*/ 440755 h 476936"/>
                <a:gd name="connsiteX56" fmla="*/ 138147 w 2368230"/>
                <a:gd name="connsiteY56" fmla="*/ 437465 h 476936"/>
                <a:gd name="connsiteX57" fmla="*/ 85519 w 2368230"/>
                <a:gd name="connsiteY57" fmla="*/ 440755 h 476936"/>
                <a:gd name="connsiteX58" fmla="*/ 69073 w 2368230"/>
                <a:gd name="connsiteY58" fmla="*/ 444044 h 476936"/>
                <a:gd name="connsiteX59" fmla="*/ 0 w 2368230"/>
                <a:gd name="connsiteY5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397913 w 2368230"/>
                <a:gd name="connsiteY18" fmla="*/ 401284 h 476936"/>
                <a:gd name="connsiteX19" fmla="*/ 1374889 w 2368230"/>
                <a:gd name="connsiteY19" fmla="*/ 411152 h 476936"/>
                <a:gd name="connsiteX20" fmla="*/ 1358443 w 2368230"/>
                <a:gd name="connsiteY20" fmla="*/ 424308 h 476936"/>
                <a:gd name="connsiteX21" fmla="*/ 1341997 w 2368230"/>
                <a:gd name="connsiteY21" fmla="*/ 427598 h 476936"/>
                <a:gd name="connsiteX22" fmla="*/ 1328840 w 2368230"/>
                <a:gd name="connsiteY22" fmla="*/ 430887 h 476936"/>
                <a:gd name="connsiteX23" fmla="*/ 1309105 w 2368230"/>
                <a:gd name="connsiteY23" fmla="*/ 444044 h 476936"/>
                <a:gd name="connsiteX24" fmla="*/ 1276213 w 2368230"/>
                <a:gd name="connsiteY24" fmla="*/ 453911 h 476936"/>
                <a:gd name="connsiteX25" fmla="*/ 1266345 w 2368230"/>
                <a:gd name="connsiteY25" fmla="*/ 457201 h 476936"/>
                <a:gd name="connsiteX26" fmla="*/ 1236742 w 2368230"/>
                <a:gd name="connsiteY26" fmla="*/ 473647 h 476936"/>
                <a:gd name="connsiteX27" fmla="*/ 1223585 w 2368230"/>
                <a:gd name="connsiteY27" fmla="*/ 476936 h 476936"/>
                <a:gd name="connsiteX28" fmla="*/ 1098595 w 2368230"/>
                <a:gd name="connsiteY28" fmla="*/ 473647 h 476936"/>
                <a:gd name="connsiteX29" fmla="*/ 1088728 w 2368230"/>
                <a:gd name="connsiteY29" fmla="*/ 467068 h 476936"/>
                <a:gd name="connsiteX30" fmla="*/ 1068993 w 2368230"/>
                <a:gd name="connsiteY30" fmla="*/ 460490 h 476936"/>
                <a:gd name="connsiteX31" fmla="*/ 1045968 w 2368230"/>
                <a:gd name="connsiteY31" fmla="*/ 453911 h 476936"/>
                <a:gd name="connsiteX32" fmla="*/ 1036100 w 2368230"/>
                <a:gd name="connsiteY32" fmla="*/ 447333 h 476936"/>
                <a:gd name="connsiteX33" fmla="*/ 1016365 w 2368230"/>
                <a:gd name="connsiteY33" fmla="*/ 440755 h 476936"/>
                <a:gd name="connsiteX34" fmla="*/ 1009787 w 2368230"/>
                <a:gd name="connsiteY34" fmla="*/ 434176 h 476936"/>
                <a:gd name="connsiteX35" fmla="*/ 990052 w 2368230"/>
                <a:gd name="connsiteY35" fmla="*/ 427598 h 476936"/>
                <a:gd name="connsiteX36" fmla="*/ 967027 w 2368230"/>
                <a:gd name="connsiteY36" fmla="*/ 430887 h 476936"/>
                <a:gd name="connsiteX37" fmla="*/ 953870 w 2368230"/>
                <a:gd name="connsiteY37" fmla="*/ 434176 h 476936"/>
                <a:gd name="connsiteX38" fmla="*/ 759807 w 2368230"/>
                <a:gd name="connsiteY38" fmla="*/ 440755 h 476936"/>
                <a:gd name="connsiteX39" fmla="*/ 697312 w 2368230"/>
                <a:gd name="connsiteY39" fmla="*/ 447333 h 476936"/>
                <a:gd name="connsiteX40" fmla="*/ 677577 w 2368230"/>
                <a:gd name="connsiteY40" fmla="*/ 450622 h 476936"/>
                <a:gd name="connsiteX41" fmla="*/ 522984 w 2368230"/>
                <a:gd name="connsiteY41" fmla="*/ 447333 h 476936"/>
                <a:gd name="connsiteX42" fmla="*/ 503249 w 2368230"/>
                <a:gd name="connsiteY42" fmla="*/ 440755 h 476936"/>
                <a:gd name="connsiteX43" fmla="*/ 490092 w 2368230"/>
                <a:gd name="connsiteY43" fmla="*/ 437465 h 476936"/>
                <a:gd name="connsiteX44" fmla="*/ 430886 w 2368230"/>
                <a:gd name="connsiteY44" fmla="*/ 440755 h 476936"/>
                <a:gd name="connsiteX45" fmla="*/ 421018 w 2368230"/>
                <a:gd name="connsiteY45" fmla="*/ 444044 h 476936"/>
                <a:gd name="connsiteX46" fmla="*/ 384837 w 2368230"/>
                <a:gd name="connsiteY46" fmla="*/ 453911 h 476936"/>
                <a:gd name="connsiteX47" fmla="*/ 365102 w 2368230"/>
                <a:gd name="connsiteY47" fmla="*/ 457201 h 476936"/>
                <a:gd name="connsiteX48" fmla="*/ 335499 w 2368230"/>
                <a:gd name="connsiteY48" fmla="*/ 467068 h 476936"/>
                <a:gd name="connsiteX49" fmla="*/ 282872 w 2368230"/>
                <a:gd name="connsiteY49" fmla="*/ 463779 h 476936"/>
                <a:gd name="connsiteX50" fmla="*/ 273004 w 2368230"/>
                <a:gd name="connsiteY50" fmla="*/ 460490 h 476936"/>
                <a:gd name="connsiteX51" fmla="*/ 266426 w 2368230"/>
                <a:gd name="connsiteY51" fmla="*/ 453911 h 476936"/>
                <a:gd name="connsiteX52" fmla="*/ 246690 w 2368230"/>
                <a:gd name="connsiteY52" fmla="*/ 447333 h 476936"/>
                <a:gd name="connsiteX53" fmla="*/ 236823 w 2368230"/>
                <a:gd name="connsiteY53" fmla="*/ 444044 h 476936"/>
                <a:gd name="connsiteX54" fmla="*/ 226955 w 2368230"/>
                <a:gd name="connsiteY54" fmla="*/ 440755 h 476936"/>
                <a:gd name="connsiteX55" fmla="*/ 138147 w 2368230"/>
                <a:gd name="connsiteY55" fmla="*/ 437465 h 476936"/>
                <a:gd name="connsiteX56" fmla="*/ 85519 w 2368230"/>
                <a:gd name="connsiteY56" fmla="*/ 440755 h 476936"/>
                <a:gd name="connsiteX57" fmla="*/ 69073 w 2368230"/>
                <a:gd name="connsiteY57" fmla="*/ 444044 h 476936"/>
                <a:gd name="connsiteX58" fmla="*/ 0 w 2368230"/>
                <a:gd name="connsiteY5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37384 w 2368230"/>
                <a:gd name="connsiteY15" fmla="*/ 378260 h 476936"/>
                <a:gd name="connsiteX16" fmla="*/ 1417649 w 2368230"/>
                <a:gd name="connsiteY16" fmla="*/ 388127 h 476936"/>
                <a:gd name="connsiteX17" fmla="*/ 1397913 w 2368230"/>
                <a:gd name="connsiteY17" fmla="*/ 401284 h 476936"/>
                <a:gd name="connsiteX18" fmla="*/ 1374889 w 2368230"/>
                <a:gd name="connsiteY18" fmla="*/ 411152 h 476936"/>
                <a:gd name="connsiteX19" fmla="*/ 1358443 w 2368230"/>
                <a:gd name="connsiteY19" fmla="*/ 424308 h 476936"/>
                <a:gd name="connsiteX20" fmla="*/ 1341997 w 2368230"/>
                <a:gd name="connsiteY20" fmla="*/ 427598 h 476936"/>
                <a:gd name="connsiteX21" fmla="*/ 1328840 w 2368230"/>
                <a:gd name="connsiteY21" fmla="*/ 430887 h 476936"/>
                <a:gd name="connsiteX22" fmla="*/ 1309105 w 2368230"/>
                <a:gd name="connsiteY22" fmla="*/ 444044 h 476936"/>
                <a:gd name="connsiteX23" fmla="*/ 1276213 w 2368230"/>
                <a:gd name="connsiteY23" fmla="*/ 453911 h 476936"/>
                <a:gd name="connsiteX24" fmla="*/ 1266345 w 2368230"/>
                <a:gd name="connsiteY24" fmla="*/ 457201 h 476936"/>
                <a:gd name="connsiteX25" fmla="*/ 1236742 w 2368230"/>
                <a:gd name="connsiteY25" fmla="*/ 473647 h 476936"/>
                <a:gd name="connsiteX26" fmla="*/ 1223585 w 2368230"/>
                <a:gd name="connsiteY26" fmla="*/ 476936 h 476936"/>
                <a:gd name="connsiteX27" fmla="*/ 1098595 w 2368230"/>
                <a:gd name="connsiteY27" fmla="*/ 473647 h 476936"/>
                <a:gd name="connsiteX28" fmla="*/ 1088728 w 2368230"/>
                <a:gd name="connsiteY28" fmla="*/ 467068 h 476936"/>
                <a:gd name="connsiteX29" fmla="*/ 1068993 w 2368230"/>
                <a:gd name="connsiteY29" fmla="*/ 460490 h 476936"/>
                <a:gd name="connsiteX30" fmla="*/ 1045968 w 2368230"/>
                <a:gd name="connsiteY30" fmla="*/ 453911 h 476936"/>
                <a:gd name="connsiteX31" fmla="*/ 1036100 w 2368230"/>
                <a:gd name="connsiteY31" fmla="*/ 447333 h 476936"/>
                <a:gd name="connsiteX32" fmla="*/ 1016365 w 2368230"/>
                <a:gd name="connsiteY32" fmla="*/ 440755 h 476936"/>
                <a:gd name="connsiteX33" fmla="*/ 1009787 w 2368230"/>
                <a:gd name="connsiteY33" fmla="*/ 434176 h 476936"/>
                <a:gd name="connsiteX34" fmla="*/ 990052 w 2368230"/>
                <a:gd name="connsiteY34" fmla="*/ 427598 h 476936"/>
                <a:gd name="connsiteX35" fmla="*/ 967027 w 2368230"/>
                <a:gd name="connsiteY35" fmla="*/ 430887 h 476936"/>
                <a:gd name="connsiteX36" fmla="*/ 953870 w 2368230"/>
                <a:gd name="connsiteY36" fmla="*/ 434176 h 476936"/>
                <a:gd name="connsiteX37" fmla="*/ 759807 w 2368230"/>
                <a:gd name="connsiteY37" fmla="*/ 440755 h 476936"/>
                <a:gd name="connsiteX38" fmla="*/ 697312 w 2368230"/>
                <a:gd name="connsiteY38" fmla="*/ 447333 h 476936"/>
                <a:gd name="connsiteX39" fmla="*/ 677577 w 2368230"/>
                <a:gd name="connsiteY39" fmla="*/ 450622 h 476936"/>
                <a:gd name="connsiteX40" fmla="*/ 522984 w 2368230"/>
                <a:gd name="connsiteY40" fmla="*/ 447333 h 476936"/>
                <a:gd name="connsiteX41" fmla="*/ 503249 w 2368230"/>
                <a:gd name="connsiteY41" fmla="*/ 440755 h 476936"/>
                <a:gd name="connsiteX42" fmla="*/ 490092 w 2368230"/>
                <a:gd name="connsiteY42" fmla="*/ 437465 h 476936"/>
                <a:gd name="connsiteX43" fmla="*/ 430886 w 2368230"/>
                <a:gd name="connsiteY43" fmla="*/ 440755 h 476936"/>
                <a:gd name="connsiteX44" fmla="*/ 421018 w 2368230"/>
                <a:gd name="connsiteY44" fmla="*/ 444044 h 476936"/>
                <a:gd name="connsiteX45" fmla="*/ 384837 w 2368230"/>
                <a:gd name="connsiteY45" fmla="*/ 453911 h 476936"/>
                <a:gd name="connsiteX46" fmla="*/ 365102 w 2368230"/>
                <a:gd name="connsiteY46" fmla="*/ 457201 h 476936"/>
                <a:gd name="connsiteX47" fmla="*/ 335499 w 2368230"/>
                <a:gd name="connsiteY47" fmla="*/ 467068 h 476936"/>
                <a:gd name="connsiteX48" fmla="*/ 282872 w 2368230"/>
                <a:gd name="connsiteY48" fmla="*/ 463779 h 476936"/>
                <a:gd name="connsiteX49" fmla="*/ 273004 w 2368230"/>
                <a:gd name="connsiteY49" fmla="*/ 460490 h 476936"/>
                <a:gd name="connsiteX50" fmla="*/ 266426 w 2368230"/>
                <a:gd name="connsiteY50" fmla="*/ 453911 h 476936"/>
                <a:gd name="connsiteX51" fmla="*/ 246690 w 2368230"/>
                <a:gd name="connsiteY51" fmla="*/ 447333 h 476936"/>
                <a:gd name="connsiteX52" fmla="*/ 236823 w 2368230"/>
                <a:gd name="connsiteY52" fmla="*/ 444044 h 476936"/>
                <a:gd name="connsiteX53" fmla="*/ 226955 w 2368230"/>
                <a:gd name="connsiteY53" fmla="*/ 440755 h 476936"/>
                <a:gd name="connsiteX54" fmla="*/ 138147 w 2368230"/>
                <a:gd name="connsiteY54" fmla="*/ 437465 h 476936"/>
                <a:gd name="connsiteX55" fmla="*/ 85519 w 2368230"/>
                <a:gd name="connsiteY55" fmla="*/ 440755 h 476936"/>
                <a:gd name="connsiteX56" fmla="*/ 69073 w 2368230"/>
                <a:gd name="connsiteY56" fmla="*/ 444044 h 476936"/>
                <a:gd name="connsiteX57" fmla="*/ 0 w 2368230"/>
                <a:gd name="connsiteY5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17649 w 2368230"/>
                <a:gd name="connsiteY15" fmla="*/ 388127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74889 w 2368230"/>
                <a:gd name="connsiteY16" fmla="*/ 411152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41997 w 2368230"/>
                <a:gd name="connsiteY17" fmla="*/ 427598 h 476936"/>
                <a:gd name="connsiteX18" fmla="*/ 1328840 w 2368230"/>
                <a:gd name="connsiteY18" fmla="*/ 430887 h 476936"/>
                <a:gd name="connsiteX19" fmla="*/ 1309105 w 2368230"/>
                <a:gd name="connsiteY19" fmla="*/ 444044 h 476936"/>
                <a:gd name="connsiteX20" fmla="*/ 1276213 w 2368230"/>
                <a:gd name="connsiteY20" fmla="*/ 453911 h 476936"/>
                <a:gd name="connsiteX21" fmla="*/ 1266345 w 2368230"/>
                <a:gd name="connsiteY21" fmla="*/ 457201 h 476936"/>
                <a:gd name="connsiteX22" fmla="*/ 1236742 w 2368230"/>
                <a:gd name="connsiteY22" fmla="*/ 473647 h 476936"/>
                <a:gd name="connsiteX23" fmla="*/ 1223585 w 2368230"/>
                <a:gd name="connsiteY23" fmla="*/ 476936 h 476936"/>
                <a:gd name="connsiteX24" fmla="*/ 1098595 w 2368230"/>
                <a:gd name="connsiteY24" fmla="*/ 473647 h 476936"/>
                <a:gd name="connsiteX25" fmla="*/ 1088728 w 2368230"/>
                <a:gd name="connsiteY25" fmla="*/ 467068 h 476936"/>
                <a:gd name="connsiteX26" fmla="*/ 1068993 w 2368230"/>
                <a:gd name="connsiteY26" fmla="*/ 460490 h 476936"/>
                <a:gd name="connsiteX27" fmla="*/ 1045968 w 2368230"/>
                <a:gd name="connsiteY27" fmla="*/ 453911 h 476936"/>
                <a:gd name="connsiteX28" fmla="*/ 1036100 w 2368230"/>
                <a:gd name="connsiteY28" fmla="*/ 447333 h 476936"/>
                <a:gd name="connsiteX29" fmla="*/ 1016365 w 2368230"/>
                <a:gd name="connsiteY29" fmla="*/ 440755 h 476936"/>
                <a:gd name="connsiteX30" fmla="*/ 1009787 w 2368230"/>
                <a:gd name="connsiteY30" fmla="*/ 434176 h 476936"/>
                <a:gd name="connsiteX31" fmla="*/ 990052 w 2368230"/>
                <a:gd name="connsiteY31" fmla="*/ 427598 h 476936"/>
                <a:gd name="connsiteX32" fmla="*/ 967027 w 2368230"/>
                <a:gd name="connsiteY32" fmla="*/ 430887 h 476936"/>
                <a:gd name="connsiteX33" fmla="*/ 953870 w 2368230"/>
                <a:gd name="connsiteY33" fmla="*/ 434176 h 476936"/>
                <a:gd name="connsiteX34" fmla="*/ 759807 w 2368230"/>
                <a:gd name="connsiteY34" fmla="*/ 440755 h 476936"/>
                <a:gd name="connsiteX35" fmla="*/ 697312 w 2368230"/>
                <a:gd name="connsiteY35" fmla="*/ 447333 h 476936"/>
                <a:gd name="connsiteX36" fmla="*/ 677577 w 2368230"/>
                <a:gd name="connsiteY36" fmla="*/ 450622 h 476936"/>
                <a:gd name="connsiteX37" fmla="*/ 522984 w 2368230"/>
                <a:gd name="connsiteY37" fmla="*/ 447333 h 476936"/>
                <a:gd name="connsiteX38" fmla="*/ 503249 w 2368230"/>
                <a:gd name="connsiteY38" fmla="*/ 440755 h 476936"/>
                <a:gd name="connsiteX39" fmla="*/ 490092 w 2368230"/>
                <a:gd name="connsiteY39" fmla="*/ 437465 h 476936"/>
                <a:gd name="connsiteX40" fmla="*/ 430886 w 2368230"/>
                <a:gd name="connsiteY40" fmla="*/ 440755 h 476936"/>
                <a:gd name="connsiteX41" fmla="*/ 421018 w 2368230"/>
                <a:gd name="connsiteY41" fmla="*/ 444044 h 476936"/>
                <a:gd name="connsiteX42" fmla="*/ 384837 w 2368230"/>
                <a:gd name="connsiteY42" fmla="*/ 453911 h 476936"/>
                <a:gd name="connsiteX43" fmla="*/ 365102 w 2368230"/>
                <a:gd name="connsiteY43" fmla="*/ 457201 h 476936"/>
                <a:gd name="connsiteX44" fmla="*/ 335499 w 2368230"/>
                <a:gd name="connsiteY44" fmla="*/ 467068 h 476936"/>
                <a:gd name="connsiteX45" fmla="*/ 282872 w 2368230"/>
                <a:gd name="connsiteY45" fmla="*/ 463779 h 476936"/>
                <a:gd name="connsiteX46" fmla="*/ 273004 w 2368230"/>
                <a:gd name="connsiteY46" fmla="*/ 460490 h 476936"/>
                <a:gd name="connsiteX47" fmla="*/ 266426 w 2368230"/>
                <a:gd name="connsiteY47" fmla="*/ 453911 h 476936"/>
                <a:gd name="connsiteX48" fmla="*/ 246690 w 2368230"/>
                <a:gd name="connsiteY48" fmla="*/ 447333 h 476936"/>
                <a:gd name="connsiteX49" fmla="*/ 236823 w 2368230"/>
                <a:gd name="connsiteY49" fmla="*/ 444044 h 476936"/>
                <a:gd name="connsiteX50" fmla="*/ 226955 w 2368230"/>
                <a:gd name="connsiteY50" fmla="*/ 440755 h 476936"/>
                <a:gd name="connsiteX51" fmla="*/ 138147 w 2368230"/>
                <a:gd name="connsiteY51" fmla="*/ 437465 h 476936"/>
                <a:gd name="connsiteX52" fmla="*/ 85519 w 2368230"/>
                <a:gd name="connsiteY52" fmla="*/ 440755 h 476936"/>
                <a:gd name="connsiteX53" fmla="*/ 69073 w 2368230"/>
                <a:gd name="connsiteY53" fmla="*/ 444044 h 476936"/>
                <a:gd name="connsiteX54" fmla="*/ 0 w 2368230"/>
                <a:gd name="connsiteY5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28840 w 2368230"/>
                <a:gd name="connsiteY17" fmla="*/ 430887 h 476936"/>
                <a:gd name="connsiteX18" fmla="*/ 1309105 w 2368230"/>
                <a:gd name="connsiteY18" fmla="*/ 444044 h 476936"/>
                <a:gd name="connsiteX19" fmla="*/ 1276213 w 2368230"/>
                <a:gd name="connsiteY19" fmla="*/ 453911 h 476936"/>
                <a:gd name="connsiteX20" fmla="*/ 1266345 w 2368230"/>
                <a:gd name="connsiteY20" fmla="*/ 457201 h 476936"/>
                <a:gd name="connsiteX21" fmla="*/ 1236742 w 2368230"/>
                <a:gd name="connsiteY21" fmla="*/ 473647 h 476936"/>
                <a:gd name="connsiteX22" fmla="*/ 1223585 w 2368230"/>
                <a:gd name="connsiteY22" fmla="*/ 476936 h 476936"/>
                <a:gd name="connsiteX23" fmla="*/ 1098595 w 2368230"/>
                <a:gd name="connsiteY23" fmla="*/ 473647 h 476936"/>
                <a:gd name="connsiteX24" fmla="*/ 1088728 w 2368230"/>
                <a:gd name="connsiteY24" fmla="*/ 467068 h 476936"/>
                <a:gd name="connsiteX25" fmla="*/ 1068993 w 2368230"/>
                <a:gd name="connsiteY25" fmla="*/ 460490 h 476936"/>
                <a:gd name="connsiteX26" fmla="*/ 1045968 w 2368230"/>
                <a:gd name="connsiteY26" fmla="*/ 453911 h 476936"/>
                <a:gd name="connsiteX27" fmla="*/ 1036100 w 2368230"/>
                <a:gd name="connsiteY27" fmla="*/ 447333 h 476936"/>
                <a:gd name="connsiteX28" fmla="*/ 1016365 w 2368230"/>
                <a:gd name="connsiteY28" fmla="*/ 440755 h 476936"/>
                <a:gd name="connsiteX29" fmla="*/ 1009787 w 2368230"/>
                <a:gd name="connsiteY29" fmla="*/ 434176 h 476936"/>
                <a:gd name="connsiteX30" fmla="*/ 990052 w 2368230"/>
                <a:gd name="connsiteY30" fmla="*/ 427598 h 476936"/>
                <a:gd name="connsiteX31" fmla="*/ 967027 w 2368230"/>
                <a:gd name="connsiteY31" fmla="*/ 430887 h 476936"/>
                <a:gd name="connsiteX32" fmla="*/ 953870 w 2368230"/>
                <a:gd name="connsiteY32" fmla="*/ 434176 h 476936"/>
                <a:gd name="connsiteX33" fmla="*/ 759807 w 2368230"/>
                <a:gd name="connsiteY33" fmla="*/ 440755 h 476936"/>
                <a:gd name="connsiteX34" fmla="*/ 697312 w 2368230"/>
                <a:gd name="connsiteY34" fmla="*/ 447333 h 476936"/>
                <a:gd name="connsiteX35" fmla="*/ 677577 w 2368230"/>
                <a:gd name="connsiteY35" fmla="*/ 450622 h 476936"/>
                <a:gd name="connsiteX36" fmla="*/ 522984 w 2368230"/>
                <a:gd name="connsiteY36" fmla="*/ 447333 h 476936"/>
                <a:gd name="connsiteX37" fmla="*/ 503249 w 2368230"/>
                <a:gd name="connsiteY37" fmla="*/ 440755 h 476936"/>
                <a:gd name="connsiteX38" fmla="*/ 490092 w 2368230"/>
                <a:gd name="connsiteY38" fmla="*/ 437465 h 476936"/>
                <a:gd name="connsiteX39" fmla="*/ 430886 w 2368230"/>
                <a:gd name="connsiteY39" fmla="*/ 440755 h 476936"/>
                <a:gd name="connsiteX40" fmla="*/ 421018 w 2368230"/>
                <a:gd name="connsiteY40" fmla="*/ 444044 h 476936"/>
                <a:gd name="connsiteX41" fmla="*/ 384837 w 2368230"/>
                <a:gd name="connsiteY41" fmla="*/ 453911 h 476936"/>
                <a:gd name="connsiteX42" fmla="*/ 365102 w 2368230"/>
                <a:gd name="connsiteY42" fmla="*/ 457201 h 476936"/>
                <a:gd name="connsiteX43" fmla="*/ 335499 w 2368230"/>
                <a:gd name="connsiteY43" fmla="*/ 467068 h 476936"/>
                <a:gd name="connsiteX44" fmla="*/ 282872 w 2368230"/>
                <a:gd name="connsiteY44" fmla="*/ 463779 h 476936"/>
                <a:gd name="connsiteX45" fmla="*/ 273004 w 2368230"/>
                <a:gd name="connsiteY45" fmla="*/ 460490 h 476936"/>
                <a:gd name="connsiteX46" fmla="*/ 266426 w 2368230"/>
                <a:gd name="connsiteY46" fmla="*/ 453911 h 476936"/>
                <a:gd name="connsiteX47" fmla="*/ 246690 w 2368230"/>
                <a:gd name="connsiteY47" fmla="*/ 447333 h 476936"/>
                <a:gd name="connsiteX48" fmla="*/ 236823 w 2368230"/>
                <a:gd name="connsiteY48" fmla="*/ 444044 h 476936"/>
                <a:gd name="connsiteX49" fmla="*/ 226955 w 2368230"/>
                <a:gd name="connsiteY49" fmla="*/ 440755 h 476936"/>
                <a:gd name="connsiteX50" fmla="*/ 138147 w 2368230"/>
                <a:gd name="connsiteY50" fmla="*/ 437465 h 476936"/>
                <a:gd name="connsiteX51" fmla="*/ 85519 w 2368230"/>
                <a:gd name="connsiteY51" fmla="*/ 440755 h 476936"/>
                <a:gd name="connsiteX52" fmla="*/ 69073 w 2368230"/>
                <a:gd name="connsiteY52" fmla="*/ 444044 h 476936"/>
                <a:gd name="connsiteX53" fmla="*/ 0 w 2368230"/>
                <a:gd name="connsiteY5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09105 w 2368230"/>
                <a:gd name="connsiteY17" fmla="*/ 444044 h 476936"/>
                <a:gd name="connsiteX18" fmla="*/ 1276213 w 2368230"/>
                <a:gd name="connsiteY18" fmla="*/ 453911 h 476936"/>
                <a:gd name="connsiteX19" fmla="*/ 1266345 w 2368230"/>
                <a:gd name="connsiteY19" fmla="*/ 457201 h 476936"/>
                <a:gd name="connsiteX20" fmla="*/ 1236742 w 2368230"/>
                <a:gd name="connsiteY20" fmla="*/ 473647 h 476936"/>
                <a:gd name="connsiteX21" fmla="*/ 1223585 w 2368230"/>
                <a:gd name="connsiteY21" fmla="*/ 476936 h 476936"/>
                <a:gd name="connsiteX22" fmla="*/ 1098595 w 2368230"/>
                <a:gd name="connsiteY22" fmla="*/ 473647 h 476936"/>
                <a:gd name="connsiteX23" fmla="*/ 1088728 w 2368230"/>
                <a:gd name="connsiteY23" fmla="*/ 467068 h 476936"/>
                <a:gd name="connsiteX24" fmla="*/ 1068993 w 2368230"/>
                <a:gd name="connsiteY24" fmla="*/ 460490 h 476936"/>
                <a:gd name="connsiteX25" fmla="*/ 1045968 w 2368230"/>
                <a:gd name="connsiteY25" fmla="*/ 453911 h 476936"/>
                <a:gd name="connsiteX26" fmla="*/ 1036100 w 2368230"/>
                <a:gd name="connsiteY26" fmla="*/ 447333 h 476936"/>
                <a:gd name="connsiteX27" fmla="*/ 1016365 w 2368230"/>
                <a:gd name="connsiteY27" fmla="*/ 440755 h 476936"/>
                <a:gd name="connsiteX28" fmla="*/ 1009787 w 2368230"/>
                <a:gd name="connsiteY28" fmla="*/ 434176 h 476936"/>
                <a:gd name="connsiteX29" fmla="*/ 990052 w 2368230"/>
                <a:gd name="connsiteY29" fmla="*/ 427598 h 476936"/>
                <a:gd name="connsiteX30" fmla="*/ 967027 w 2368230"/>
                <a:gd name="connsiteY30" fmla="*/ 430887 h 476936"/>
                <a:gd name="connsiteX31" fmla="*/ 953870 w 2368230"/>
                <a:gd name="connsiteY31" fmla="*/ 434176 h 476936"/>
                <a:gd name="connsiteX32" fmla="*/ 759807 w 2368230"/>
                <a:gd name="connsiteY32" fmla="*/ 440755 h 476936"/>
                <a:gd name="connsiteX33" fmla="*/ 697312 w 2368230"/>
                <a:gd name="connsiteY33" fmla="*/ 447333 h 476936"/>
                <a:gd name="connsiteX34" fmla="*/ 677577 w 2368230"/>
                <a:gd name="connsiteY34" fmla="*/ 450622 h 476936"/>
                <a:gd name="connsiteX35" fmla="*/ 522984 w 2368230"/>
                <a:gd name="connsiteY35" fmla="*/ 447333 h 476936"/>
                <a:gd name="connsiteX36" fmla="*/ 503249 w 2368230"/>
                <a:gd name="connsiteY36" fmla="*/ 440755 h 476936"/>
                <a:gd name="connsiteX37" fmla="*/ 490092 w 2368230"/>
                <a:gd name="connsiteY37" fmla="*/ 437465 h 476936"/>
                <a:gd name="connsiteX38" fmla="*/ 430886 w 2368230"/>
                <a:gd name="connsiteY38" fmla="*/ 440755 h 476936"/>
                <a:gd name="connsiteX39" fmla="*/ 421018 w 2368230"/>
                <a:gd name="connsiteY39" fmla="*/ 444044 h 476936"/>
                <a:gd name="connsiteX40" fmla="*/ 384837 w 2368230"/>
                <a:gd name="connsiteY40" fmla="*/ 453911 h 476936"/>
                <a:gd name="connsiteX41" fmla="*/ 365102 w 2368230"/>
                <a:gd name="connsiteY41" fmla="*/ 457201 h 476936"/>
                <a:gd name="connsiteX42" fmla="*/ 335499 w 2368230"/>
                <a:gd name="connsiteY42" fmla="*/ 467068 h 476936"/>
                <a:gd name="connsiteX43" fmla="*/ 282872 w 2368230"/>
                <a:gd name="connsiteY43" fmla="*/ 463779 h 476936"/>
                <a:gd name="connsiteX44" fmla="*/ 273004 w 2368230"/>
                <a:gd name="connsiteY44" fmla="*/ 460490 h 476936"/>
                <a:gd name="connsiteX45" fmla="*/ 266426 w 2368230"/>
                <a:gd name="connsiteY45" fmla="*/ 453911 h 476936"/>
                <a:gd name="connsiteX46" fmla="*/ 246690 w 2368230"/>
                <a:gd name="connsiteY46" fmla="*/ 447333 h 476936"/>
                <a:gd name="connsiteX47" fmla="*/ 236823 w 2368230"/>
                <a:gd name="connsiteY47" fmla="*/ 444044 h 476936"/>
                <a:gd name="connsiteX48" fmla="*/ 226955 w 2368230"/>
                <a:gd name="connsiteY48" fmla="*/ 440755 h 476936"/>
                <a:gd name="connsiteX49" fmla="*/ 138147 w 2368230"/>
                <a:gd name="connsiteY49" fmla="*/ 437465 h 476936"/>
                <a:gd name="connsiteX50" fmla="*/ 85519 w 2368230"/>
                <a:gd name="connsiteY50" fmla="*/ 440755 h 476936"/>
                <a:gd name="connsiteX51" fmla="*/ 69073 w 2368230"/>
                <a:gd name="connsiteY51" fmla="*/ 444044 h 476936"/>
                <a:gd name="connsiteX52" fmla="*/ 0 w 2368230"/>
                <a:gd name="connsiteY5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66345 w 2368230"/>
                <a:gd name="connsiteY18" fmla="*/ 457201 h 476936"/>
                <a:gd name="connsiteX19" fmla="*/ 1236742 w 2368230"/>
                <a:gd name="connsiteY19" fmla="*/ 473647 h 476936"/>
                <a:gd name="connsiteX20" fmla="*/ 1223585 w 2368230"/>
                <a:gd name="connsiteY20" fmla="*/ 476936 h 476936"/>
                <a:gd name="connsiteX21" fmla="*/ 1098595 w 2368230"/>
                <a:gd name="connsiteY21" fmla="*/ 473647 h 476936"/>
                <a:gd name="connsiteX22" fmla="*/ 1088728 w 2368230"/>
                <a:gd name="connsiteY22" fmla="*/ 467068 h 476936"/>
                <a:gd name="connsiteX23" fmla="*/ 1068993 w 2368230"/>
                <a:gd name="connsiteY23" fmla="*/ 460490 h 476936"/>
                <a:gd name="connsiteX24" fmla="*/ 1045968 w 2368230"/>
                <a:gd name="connsiteY24" fmla="*/ 453911 h 476936"/>
                <a:gd name="connsiteX25" fmla="*/ 1036100 w 2368230"/>
                <a:gd name="connsiteY25" fmla="*/ 447333 h 476936"/>
                <a:gd name="connsiteX26" fmla="*/ 1016365 w 2368230"/>
                <a:gd name="connsiteY26" fmla="*/ 440755 h 476936"/>
                <a:gd name="connsiteX27" fmla="*/ 1009787 w 2368230"/>
                <a:gd name="connsiteY27" fmla="*/ 434176 h 476936"/>
                <a:gd name="connsiteX28" fmla="*/ 990052 w 2368230"/>
                <a:gd name="connsiteY28" fmla="*/ 427598 h 476936"/>
                <a:gd name="connsiteX29" fmla="*/ 967027 w 2368230"/>
                <a:gd name="connsiteY29" fmla="*/ 430887 h 476936"/>
                <a:gd name="connsiteX30" fmla="*/ 953870 w 2368230"/>
                <a:gd name="connsiteY30" fmla="*/ 434176 h 476936"/>
                <a:gd name="connsiteX31" fmla="*/ 759807 w 2368230"/>
                <a:gd name="connsiteY31" fmla="*/ 440755 h 476936"/>
                <a:gd name="connsiteX32" fmla="*/ 697312 w 2368230"/>
                <a:gd name="connsiteY32" fmla="*/ 447333 h 476936"/>
                <a:gd name="connsiteX33" fmla="*/ 677577 w 2368230"/>
                <a:gd name="connsiteY33" fmla="*/ 450622 h 476936"/>
                <a:gd name="connsiteX34" fmla="*/ 522984 w 2368230"/>
                <a:gd name="connsiteY34" fmla="*/ 447333 h 476936"/>
                <a:gd name="connsiteX35" fmla="*/ 503249 w 2368230"/>
                <a:gd name="connsiteY35" fmla="*/ 440755 h 476936"/>
                <a:gd name="connsiteX36" fmla="*/ 490092 w 2368230"/>
                <a:gd name="connsiteY36" fmla="*/ 437465 h 476936"/>
                <a:gd name="connsiteX37" fmla="*/ 430886 w 2368230"/>
                <a:gd name="connsiteY37" fmla="*/ 440755 h 476936"/>
                <a:gd name="connsiteX38" fmla="*/ 421018 w 2368230"/>
                <a:gd name="connsiteY38" fmla="*/ 444044 h 476936"/>
                <a:gd name="connsiteX39" fmla="*/ 384837 w 2368230"/>
                <a:gd name="connsiteY39" fmla="*/ 453911 h 476936"/>
                <a:gd name="connsiteX40" fmla="*/ 365102 w 2368230"/>
                <a:gd name="connsiteY40" fmla="*/ 457201 h 476936"/>
                <a:gd name="connsiteX41" fmla="*/ 335499 w 2368230"/>
                <a:gd name="connsiteY41" fmla="*/ 467068 h 476936"/>
                <a:gd name="connsiteX42" fmla="*/ 282872 w 2368230"/>
                <a:gd name="connsiteY42" fmla="*/ 463779 h 476936"/>
                <a:gd name="connsiteX43" fmla="*/ 273004 w 2368230"/>
                <a:gd name="connsiteY43" fmla="*/ 460490 h 476936"/>
                <a:gd name="connsiteX44" fmla="*/ 266426 w 2368230"/>
                <a:gd name="connsiteY44" fmla="*/ 453911 h 476936"/>
                <a:gd name="connsiteX45" fmla="*/ 246690 w 2368230"/>
                <a:gd name="connsiteY45" fmla="*/ 447333 h 476936"/>
                <a:gd name="connsiteX46" fmla="*/ 236823 w 2368230"/>
                <a:gd name="connsiteY46" fmla="*/ 444044 h 476936"/>
                <a:gd name="connsiteX47" fmla="*/ 226955 w 2368230"/>
                <a:gd name="connsiteY47" fmla="*/ 440755 h 476936"/>
                <a:gd name="connsiteX48" fmla="*/ 138147 w 2368230"/>
                <a:gd name="connsiteY48" fmla="*/ 437465 h 476936"/>
                <a:gd name="connsiteX49" fmla="*/ 85519 w 2368230"/>
                <a:gd name="connsiteY49" fmla="*/ 440755 h 476936"/>
                <a:gd name="connsiteX50" fmla="*/ 69073 w 2368230"/>
                <a:gd name="connsiteY50" fmla="*/ 444044 h 476936"/>
                <a:gd name="connsiteX51" fmla="*/ 0 w 2368230"/>
                <a:gd name="connsiteY5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335499 w 2368230"/>
                <a:gd name="connsiteY40" fmla="*/ 467068 h 476936"/>
                <a:gd name="connsiteX41" fmla="*/ 282872 w 2368230"/>
                <a:gd name="connsiteY41" fmla="*/ 463779 h 476936"/>
                <a:gd name="connsiteX42" fmla="*/ 273004 w 2368230"/>
                <a:gd name="connsiteY42" fmla="*/ 460490 h 476936"/>
                <a:gd name="connsiteX43" fmla="*/ 266426 w 2368230"/>
                <a:gd name="connsiteY43" fmla="*/ 453911 h 476936"/>
                <a:gd name="connsiteX44" fmla="*/ 246690 w 2368230"/>
                <a:gd name="connsiteY44" fmla="*/ 447333 h 476936"/>
                <a:gd name="connsiteX45" fmla="*/ 236823 w 2368230"/>
                <a:gd name="connsiteY45" fmla="*/ 444044 h 476936"/>
                <a:gd name="connsiteX46" fmla="*/ 226955 w 2368230"/>
                <a:gd name="connsiteY46" fmla="*/ 440755 h 476936"/>
                <a:gd name="connsiteX47" fmla="*/ 138147 w 2368230"/>
                <a:gd name="connsiteY47" fmla="*/ 437465 h 476936"/>
                <a:gd name="connsiteX48" fmla="*/ 85519 w 2368230"/>
                <a:gd name="connsiteY48" fmla="*/ 440755 h 476936"/>
                <a:gd name="connsiteX49" fmla="*/ 69073 w 2368230"/>
                <a:gd name="connsiteY49" fmla="*/ 444044 h 476936"/>
                <a:gd name="connsiteX50" fmla="*/ 0 w 2368230"/>
                <a:gd name="connsiteY5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73004 w 2368230"/>
                <a:gd name="connsiteY41" fmla="*/ 460490 h 476936"/>
                <a:gd name="connsiteX42" fmla="*/ 266426 w 2368230"/>
                <a:gd name="connsiteY42" fmla="*/ 453911 h 476936"/>
                <a:gd name="connsiteX43" fmla="*/ 246690 w 2368230"/>
                <a:gd name="connsiteY43" fmla="*/ 447333 h 476936"/>
                <a:gd name="connsiteX44" fmla="*/ 236823 w 2368230"/>
                <a:gd name="connsiteY44" fmla="*/ 444044 h 476936"/>
                <a:gd name="connsiteX45" fmla="*/ 226955 w 2368230"/>
                <a:gd name="connsiteY45" fmla="*/ 440755 h 476936"/>
                <a:gd name="connsiteX46" fmla="*/ 138147 w 2368230"/>
                <a:gd name="connsiteY46" fmla="*/ 437465 h 476936"/>
                <a:gd name="connsiteX47" fmla="*/ 85519 w 2368230"/>
                <a:gd name="connsiteY47" fmla="*/ 440755 h 476936"/>
                <a:gd name="connsiteX48" fmla="*/ 69073 w 2368230"/>
                <a:gd name="connsiteY48" fmla="*/ 444044 h 476936"/>
                <a:gd name="connsiteX49" fmla="*/ 0 w 2368230"/>
                <a:gd name="connsiteY4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66426 w 2368230"/>
                <a:gd name="connsiteY41" fmla="*/ 453911 h 476936"/>
                <a:gd name="connsiteX42" fmla="*/ 246690 w 2368230"/>
                <a:gd name="connsiteY42" fmla="*/ 447333 h 476936"/>
                <a:gd name="connsiteX43" fmla="*/ 236823 w 2368230"/>
                <a:gd name="connsiteY43" fmla="*/ 444044 h 476936"/>
                <a:gd name="connsiteX44" fmla="*/ 226955 w 2368230"/>
                <a:gd name="connsiteY44" fmla="*/ 440755 h 476936"/>
                <a:gd name="connsiteX45" fmla="*/ 138147 w 2368230"/>
                <a:gd name="connsiteY45" fmla="*/ 437465 h 476936"/>
                <a:gd name="connsiteX46" fmla="*/ 85519 w 2368230"/>
                <a:gd name="connsiteY46" fmla="*/ 440755 h 476936"/>
                <a:gd name="connsiteX47" fmla="*/ 69073 w 2368230"/>
                <a:gd name="connsiteY47" fmla="*/ 444044 h 476936"/>
                <a:gd name="connsiteX48" fmla="*/ 0 w 2368230"/>
                <a:gd name="connsiteY4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66426 w 2368230"/>
                <a:gd name="connsiteY40" fmla="*/ 453911 h 476936"/>
                <a:gd name="connsiteX41" fmla="*/ 246690 w 2368230"/>
                <a:gd name="connsiteY41" fmla="*/ 447333 h 476936"/>
                <a:gd name="connsiteX42" fmla="*/ 236823 w 2368230"/>
                <a:gd name="connsiteY42" fmla="*/ 444044 h 476936"/>
                <a:gd name="connsiteX43" fmla="*/ 226955 w 2368230"/>
                <a:gd name="connsiteY43" fmla="*/ 440755 h 476936"/>
                <a:gd name="connsiteX44" fmla="*/ 138147 w 2368230"/>
                <a:gd name="connsiteY44" fmla="*/ 437465 h 476936"/>
                <a:gd name="connsiteX45" fmla="*/ 85519 w 2368230"/>
                <a:gd name="connsiteY45" fmla="*/ 440755 h 476936"/>
                <a:gd name="connsiteX46" fmla="*/ 69073 w 2368230"/>
                <a:gd name="connsiteY46" fmla="*/ 444044 h 476936"/>
                <a:gd name="connsiteX47" fmla="*/ 0 w 2368230"/>
                <a:gd name="connsiteY4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46690 w 2368230"/>
                <a:gd name="connsiteY40" fmla="*/ 447333 h 476936"/>
                <a:gd name="connsiteX41" fmla="*/ 236823 w 2368230"/>
                <a:gd name="connsiteY41" fmla="*/ 444044 h 476936"/>
                <a:gd name="connsiteX42" fmla="*/ 226955 w 2368230"/>
                <a:gd name="connsiteY42" fmla="*/ 440755 h 476936"/>
                <a:gd name="connsiteX43" fmla="*/ 138147 w 2368230"/>
                <a:gd name="connsiteY43" fmla="*/ 437465 h 476936"/>
                <a:gd name="connsiteX44" fmla="*/ 85519 w 2368230"/>
                <a:gd name="connsiteY44" fmla="*/ 440755 h 476936"/>
                <a:gd name="connsiteX45" fmla="*/ 69073 w 2368230"/>
                <a:gd name="connsiteY45" fmla="*/ 444044 h 476936"/>
                <a:gd name="connsiteX46" fmla="*/ 0 w 2368230"/>
                <a:gd name="connsiteY4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61813 w 2368230"/>
                <a:gd name="connsiteY38" fmla="*/ 444043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26955 w 2368230"/>
                <a:gd name="connsiteY40" fmla="*/ 440755 h 476936"/>
                <a:gd name="connsiteX41" fmla="*/ 138147 w 2368230"/>
                <a:gd name="connsiteY41" fmla="*/ 437465 h 476936"/>
                <a:gd name="connsiteX42" fmla="*/ 85519 w 2368230"/>
                <a:gd name="connsiteY42" fmla="*/ 440755 h 476936"/>
                <a:gd name="connsiteX43" fmla="*/ 69073 w 2368230"/>
                <a:gd name="connsiteY43" fmla="*/ 444044 h 476936"/>
                <a:gd name="connsiteX44" fmla="*/ 0 w 2368230"/>
                <a:gd name="connsiteY4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26955 w 2368230"/>
                <a:gd name="connsiteY39" fmla="*/ 440755 h 476936"/>
                <a:gd name="connsiteX40" fmla="*/ 138147 w 2368230"/>
                <a:gd name="connsiteY40" fmla="*/ 437465 h 476936"/>
                <a:gd name="connsiteX41" fmla="*/ 85519 w 2368230"/>
                <a:gd name="connsiteY41" fmla="*/ 440755 h 476936"/>
                <a:gd name="connsiteX42" fmla="*/ 69073 w 2368230"/>
                <a:gd name="connsiteY42" fmla="*/ 444044 h 476936"/>
                <a:gd name="connsiteX43" fmla="*/ 0 w 2368230"/>
                <a:gd name="connsiteY43" fmla="*/ 444044 h 476936"/>
                <a:gd name="connsiteX0" fmla="*/ 2368230 w 2368230"/>
                <a:gd name="connsiteY0" fmla="*/ 0 h 476936"/>
                <a:gd name="connsiteX1" fmla="*/ 2289290 w 2368230"/>
                <a:gd name="connsiteY1" fmla="*/ 124991 h 476936"/>
                <a:gd name="connsiteX2" fmla="*/ 2272843 w 2368230"/>
                <a:gd name="connsiteY2" fmla="*/ 148015 h 476936"/>
                <a:gd name="connsiteX3" fmla="*/ 2239951 w 2368230"/>
                <a:gd name="connsiteY3" fmla="*/ 157883 h 476936"/>
                <a:gd name="connsiteX4" fmla="*/ 2216926 w 2368230"/>
                <a:gd name="connsiteY4" fmla="*/ 161172 h 476936"/>
                <a:gd name="connsiteX5" fmla="*/ 2167588 w 2368230"/>
                <a:gd name="connsiteY5" fmla="*/ 174329 h 476936"/>
                <a:gd name="connsiteX6" fmla="*/ 2151142 w 2368230"/>
                <a:gd name="connsiteY6" fmla="*/ 177618 h 476936"/>
                <a:gd name="connsiteX7" fmla="*/ 2085359 w 2368230"/>
                <a:gd name="connsiteY7" fmla="*/ 167749 h 476936"/>
                <a:gd name="connsiteX8" fmla="*/ 1950500 w 2368230"/>
                <a:gd name="connsiteY8" fmla="*/ 187486 h 476936"/>
                <a:gd name="connsiteX9" fmla="*/ 1911030 w 2368230"/>
                <a:gd name="connsiteY9" fmla="*/ 210510 h 476936"/>
                <a:gd name="connsiteX10" fmla="*/ 1739991 w 2368230"/>
                <a:gd name="connsiteY10" fmla="*/ 299319 h 476936"/>
                <a:gd name="connsiteX11" fmla="*/ 1710388 w 2368230"/>
                <a:gd name="connsiteY11" fmla="*/ 309186 h 476936"/>
                <a:gd name="connsiteX12" fmla="*/ 1638026 w 2368230"/>
                <a:gd name="connsiteY12" fmla="*/ 319054 h 476936"/>
                <a:gd name="connsiteX13" fmla="*/ 1466987 w 2368230"/>
                <a:gd name="connsiteY13" fmla="*/ 335500 h 476936"/>
                <a:gd name="connsiteX14" fmla="*/ 1401203 w 2368230"/>
                <a:gd name="connsiteY14" fmla="*/ 378260 h 476936"/>
                <a:gd name="connsiteX15" fmla="*/ 1365021 w 2368230"/>
                <a:gd name="connsiteY15" fmla="*/ 404573 h 476936"/>
                <a:gd name="connsiteX16" fmla="*/ 1276213 w 2368230"/>
                <a:gd name="connsiteY16" fmla="*/ 453911 h 476936"/>
                <a:gd name="connsiteX17" fmla="*/ 1236742 w 2368230"/>
                <a:gd name="connsiteY17" fmla="*/ 473647 h 476936"/>
                <a:gd name="connsiteX18" fmla="*/ 1223585 w 2368230"/>
                <a:gd name="connsiteY18" fmla="*/ 476936 h 476936"/>
                <a:gd name="connsiteX19" fmla="*/ 1098595 w 2368230"/>
                <a:gd name="connsiteY19" fmla="*/ 473647 h 476936"/>
                <a:gd name="connsiteX20" fmla="*/ 1088728 w 2368230"/>
                <a:gd name="connsiteY20" fmla="*/ 467068 h 476936"/>
                <a:gd name="connsiteX21" fmla="*/ 1068993 w 2368230"/>
                <a:gd name="connsiteY21" fmla="*/ 460490 h 476936"/>
                <a:gd name="connsiteX22" fmla="*/ 1045968 w 2368230"/>
                <a:gd name="connsiteY22" fmla="*/ 453911 h 476936"/>
                <a:gd name="connsiteX23" fmla="*/ 1036100 w 2368230"/>
                <a:gd name="connsiteY23" fmla="*/ 447333 h 476936"/>
                <a:gd name="connsiteX24" fmla="*/ 1016365 w 2368230"/>
                <a:gd name="connsiteY24" fmla="*/ 440755 h 476936"/>
                <a:gd name="connsiteX25" fmla="*/ 1009787 w 2368230"/>
                <a:gd name="connsiteY25" fmla="*/ 434176 h 476936"/>
                <a:gd name="connsiteX26" fmla="*/ 990052 w 2368230"/>
                <a:gd name="connsiteY26" fmla="*/ 427598 h 476936"/>
                <a:gd name="connsiteX27" fmla="*/ 967027 w 2368230"/>
                <a:gd name="connsiteY27" fmla="*/ 430887 h 476936"/>
                <a:gd name="connsiteX28" fmla="*/ 953870 w 2368230"/>
                <a:gd name="connsiteY28" fmla="*/ 434176 h 476936"/>
                <a:gd name="connsiteX29" fmla="*/ 759807 w 2368230"/>
                <a:gd name="connsiteY29" fmla="*/ 440755 h 476936"/>
                <a:gd name="connsiteX30" fmla="*/ 697312 w 2368230"/>
                <a:gd name="connsiteY30" fmla="*/ 447333 h 476936"/>
                <a:gd name="connsiteX31" fmla="*/ 677577 w 2368230"/>
                <a:gd name="connsiteY31" fmla="*/ 450622 h 476936"/>
                <a:gd name="connsiteX32" fmla="*/ 522984 w 2368230"/>
                <a:gd name="connsiteY32" fmla="*/ 447333 h 476936"/>
                <a:gd name="connsiteX33" fmla="*/ 503249 w 2368230"/>
                <a:gd name="connsiteY33" fmla="*/ 440755 h 476936"/>
                <a:gd name="connsiteX34" fmla="*/ 490092 w 2368230"/>
                <a:gd name="connsiteY34" fmla="*/ 437465 h 476936"/>
                <a:gd name="connsiteX35" fmla="*/ 430886 w 2368230"/>
                <a:gd name="connsiteY35" fmla="*/ 440755 h 476936"/>
                <a:gd name="connsiteX36" fmla="*/ 421018 w 2368230"/>
                <a:gd name="connsiteY36" fmla="*/ 444044 h 476936"/>
                <a:gd name="connsiteX37" fmla="*/ 315764 w 2368230"/>
                <a:gd name="connsiteY37" fmla="*/ 440754 h 476936"/>
                <a:gd name="connsiteX38" fmla="*/ 226955 w 2368230"/>
                <a:gd name="connsiteY38" fmla="*/ 440755 h 476936"/>
                <a:gd name="connsiteX39" fmla="*/ 138147 w 2368230"/>
                <a:gd name="connsiteY39" fmla="*/ 437465 h 476936"/>
                <a:gd name="connsiteX40" fmla="*/ 85519 w 2368230"/>
                <a:gd name="connsiteY40" fmla="*/ 440755 h 476936"/>
                <a:gd name="connsiteX41" fmla="*/ 69073 w 2368230"/>
                <a:gd name="connsiteY41" fmla="*/ 444044 h 476936"/>
                <a:gd name="connsiteX42" fmla="*/ 0 w 2368230"/>
                <a:gd name="connsiteY42"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216926 w 2368230"/>
                <a:gd name="connsiteY3" fmla="*/ 161172 h 476936"/>
                <a:gd name="connsiteX4" fmla="*/ 2167588 w 2368230"/>
                <a:gd name="connsiteY4" fmla="*/ 174329 h 476936"/>
                <a:gd name="connsiteX5" fmla="*/ 2151142 w 2368230"/>
                <a:gd name="connsiteY5" fmla="*/ 177618 h 476936"/>
                <a:gd name="connsiteX6" fmla="*/ 2085359 w 2368230"/>
                <a:gd name="connsiteY6" fmla="*/ 167749 h 476936"/>
                <a:gd name="connsiteX7" fmla="*/ 1950500 w 2368230"/>
                <a:gd name="connsiteY7" fmla="*/ 187486 h 476936"/>
                <a:gd name="connsiteX8" fmla="*/ 1911030 w 2368230"/>
                <a:gd name="connsiteY8" fmla="*/ 210510 h 476936"/>
                <a:gd name="connsiteX9" fmla="*/ 1739991 w 2368230"/>
                <a:gd name="connsiteY9" fmla="*/ 299319 h 476936"/>
                <a:gd name="connsiteX10" fmla="*/ 1710388 w 2368230"/>
                <a:gd name="connsiteY10" fmla="*/ 309186 h 476936"/>
                <a:gd name="connsiteX11" fmla="*/ 1638026 w 2368230"/>
                <a:gd name="connsiteY11" fmla="*/ 319054 h 476936"/>
                <a:gd name="connsiteX12" fmla="*/ 1466987 w 2368230"/>
                <a:gd name="connsiteY12" fmla="*/ 335500 h 476936"/>
                <a:gd name="connsiteX13" fmla="*/ 1401203 w 2368230"/>
                <a:gd name="connsiteY13" fmla="*/ 378260 h 476936"/>
                <a:gd name="connsiteX14" fmla="*/ 1365021 w 2368230"/>
                <a:gd name="connsiteY14" fmla="*/ 404573 h 476936"/>
                <a:gd name="connsiteX15" fmla="*/ 1276213 w 2368230"/>
                <a:gd name="connsiteY15" fmla="*/ 453911 h 476936"/>
                <a:gd name="connsiteX16" fmla="*/ 1236742 w 2368230"/>
                <a:gd name="connsiteY16" fmla="*/ 473647 h 476936"/>
                <a:gd name="connsiteX17" fmla="*/ 1223585 w 2368230"/>
                <a:gd name="connsiteY17" fmla="*/ 476936 h 476936"/>
                <a:gd name="connsiteX18" fmla="*/ 1098595 w 2368230"/>
                <a:gd name="connsiteY18" fmla="*/ 473647 h 476936"/>
                <a:gd name="connsiteX19" fmla="*/ 1088728 w 2368230"/>
                <a:gd name="connsiteY19" fmla="*/ 467068 h 476936"/>
                <a:gd name="connsiteX20" fmla="*/ 1068993 w 2368230"/>
                <a:gd name="connsiteY20" fmla="*/ 460490 h 476936"/>
                <a:gd name="connsiteX21" fmla="*/ 1045968 w 2368230"/>
                <a:gd name="connsiteY21" fmla="*/ 453911 h 476936"/>
                <a:gd name="connsiteX22" fmla="*/ 1036100 w 2368230"/>
                <a:gd name="connsiteY22" fmla="*/ 447333 h 476936"/>
                <a:gd name="connsiteX23" fmla="*/ 1016365 w 2368230"/>
                <a:gd name="connsiteY23" fmla="*/ 440755 h 476936"/>
                <a:gd name="connsiteX24" fmla="*/ 1009787 w 2368230"/>
                <a:gd name="connsiteY24" fmla="*/ 434176 h 476936"/>
                <a:gd name="connsiteX25" fmla="*/ 990052 w 2368230"/>
                <a:gd name="connsiteY25" fmla="*/ 427598 h 476936"/>
                <a:gd name="connsiteX26" fmla="*/ 967027 w 2368230"/>
                <a:gd name="connsiteY26" fmla="*/ 430887 h 476936"/>
                <a:gd name="connsiteX27" fmla="*/ 953870 w 2368230"/>
                <a:gd name="connsiteY27" fmla="*/ 434176 h 476936"/>
                <a:gd name="connsiteX28" fmla="*/ 759807 w 2368230"/>
                <a:gd name="connsiteY28" fmla="*/ 440755 h 476936"/>
                <a:gd name="connsiteX29" fmla="*/ 697312 w 2368230"/>
                <a:gd name="connsiteY29" fmla="*/ 447333 h 476936"/>
                <a:gd name="connsiteX30" fmla="*/ 677577 w 2368230"/>
                <a:gd name="connsiteY30" fmla="*/ 450622 h 476936"/>
                <a:gd name="connsiteX31" fmla="*/ 522984 w 2368230"/>
                <a:gd name="connsiteY31" fmla="*/ 447333 h 476936"/>
                <a:gd name="connsiteX32" fmla="*/ 503249 w 2368230"/>
                <a:gd name="connsiteY32" fmla="*/ 440755 h 476936"/>
                <a:gd name="connsiteX33" fmla="*/ 490092 w 2368230"/>
                <a:gd name="connsiteY33" fmla="*/ 437465 h 476936"/>
                <a:gd name="connsiteX34" fmla="*/ 430886 w 2368230"/>
                <a:gd name="connsiteY34" fmla="*/ 440755 h 476936"/>
                <a:gd name="connsiteX35" fmla="*/ 421018 w 2368230"/>
                <a:gd name="connsiteY35" fmla="*/ 444044 h 476936"/>
                <a:gd name="connsiteX36" fmla="*/ 315764 w 2368230"/>
                <a:gd name="connsiteY36" fmla="*/ 440754 h 476936"/>
                <a:gd name="connsiteX37" fmla="*/ 226955 w 2368230"/>
                <a:gd name="connsiteY37" fmla="*/ 440755 h 476936"/>
                <a:gd name="connsiteX38" fmla="*/ 138147 w 2368230"/>
                <a:gd name="connsiteY38" fmla="*/ 437465 h 476936"/>
                <a:gd name="connsiteX39" fmla="*/ 85519 w 2368230"/>
                <a:gd name="connsiteY39" fmla="*/ 440755 h 476936"/>
                <a:gd name="connsiteX40" fmla="*/ 69073 w 2368230"/>
                <a:gd name="connsiteY40" fmla="*/ 444044 h 476936"/>
                <a:gd name="connsiteX41" fmla="*/ 0 w 2368230"/>
                <a:gd name="connsiteY41"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67588 w 2368230"/>
                <a:gd name="connsiteY3" fmla="*/ 174329 h 476936"/>
                <a:gd name="connsiteX4" fmla="*/ 2151142 w 2368230"/>
                <a:gd name="connsiteY4" fmla="*/ 177618 h 476936"/>
                <a:gd name="connsiteX5" fmla="*/ 2085359 w 2368230"/>
                <a:gd name="connsiteY5" fmla="*/ 167749 h 476936"/>
                <a:gd name="connsiteX6" fmla="*/ 1950500 w 2368230"/>
                <a:gd name="connsiteY6" fmla="*/ 187486 h 476936"/>
                <a:gd name="connsiteX7" fmla="*/ 1911030 w 2368230"/>
                <a:gd name="connsiteY7" fmla="*/ 210510 h 476936"/>
                <a:gd name="connsiteX8" fmla="*/ 1739991 w 2368230"/>
                <a:gd name="connsiteY8" fmla="*/ 299319 h 476936"/>
                <a:gd name="connsiteX9" fmla="*/ 1710388 w 2368230"/>
                <a:gd name="connsiteY9" fmla="*/ 309186 h 476936"/>
                <a:gd name="connsiteX10" fmla="*/ 1638026 w 2368230"/>
                <a:gd name="connsiteY10" fmla="*/ 319054 h 476936"/>
                <a:gd name="connsiteX11" fmla="*/ 1466987 w 2368230"/>
                <a:gd name="connsiteY11" fmla="*/ 335500 h 476936"/>
                <a:gd name="connsiteX12" fmla="*/ 1401203 w 2368230"/>
                <a:gd name="connsiteY12" fmla="*/ 378260 h 476936"/>
                <a:gd name="connsiteX13" fmla="*/ 1365021 w 2368230"/>
                <a:gd name="connsiteY13" fmla="*/ 404573 h 476936"/>
                <a:gd name="connsiteX14" fmla="*/ 1276213 w 2368230"/>
                <a:gd name="connsiteY14" fmla="*/ 453911 h 476936"/>
                <a:gd name="connsiteX15" fmla="*/ 1236742 w 2368230"/>
                <a:gd name="connsiteY15" fmla="*/ 473647 h 476936"/>
                <a:gd name="connsiteX16" fmla="*/ 1223585 w 2368230"/>
                <a:gd name="connsiteY16" fmla="*/ 476936 h 476936"/>
                <a:gd name="connsiteX17" fmla="*/ 1098595 w 2368230"/>
                <a:gd name="connsiteY17" fmla="*/ 473647 h 476936"/>
                <a:gd name="connsiteX18" fmla="*/ 1088728 w 2368230"/>
                <a:gd name="connsiteY18" fmla="*/ 467068 h 476936"/>
                <a:gd name="connsiteX19" fmla="*/ 1068993 w 2368230"/>
                <a:gd name="connsiteY19" fmla="*/ 460490 h 476936"/>
                <a:gd name="connsiteX20" fmla="*/ 1045968 w 2368230"/>
                <a:gd name="connsiteY20" fmla="*/ 453911 h 476936"/>
                <a:gd name="connsiteX21" fmla="*/ 1036100 w 2368230"/>
                <a:gd name="connsiteY21" fmla="*/ 447333 h 476936"/>
                <a:gd name="connsiteX22" fmla="*/ 1016365 w 2368230"/>
                <a:gd name="connsiteY22" fmla="*/ 440755 h 476936"/>
                <a:gd name="connsiteX23" fmla="*/ 1009787 w 2368230"/>
                <a:gd name="connsiteY23" fmla="*/ 434176 h 476936"/>
                <a:gd name="connsiteX24" fmla="*/ 990052 w 2368230"/>
                <a:gd name="connsiteY24" fmla="*/ 427598 h 476936"/>
                <a:gd name="connsiteX25" fmla="*/ 967027 w 2368230"/>
                <a:gd name="connsiteY25" fmla="*/ 430887 h 476936"/>
                <a:gd name="connsiteX26" fmla="*/ 953870 w 2368230"/>
                <a:gd name="connsiteY26" fmla="*/ 434176 h 476936"/>
                <a:gd name="connsiteX27" fmla="*/ 759807 w 2368230"/>
                <a:gd name="connsiteY27" fmla="*/ 440755 h 476936"/>
                <a:gd name="connsiteX28" fmla="*/ 697312 w 2368230"/>
                <a:gd name="connsiteY28" fmla="*/ 447333 h 476936"/>
                <a:gd name="connsiteX29" fmla="*/ 677577 w 2368230"/>
                <a:gd name="connsiteY29" fmla="*/ 450622 h 476936"/>
                <a:gd name="connsiteX30" fmla="*/ 522984 w 2368230"/>
                <a:gd name="connsiteY30" fmla="*/ 447333 h 476936"/>
                <a:gd name="connsiteX31" fmla="*/ 503249 w 2368230"/>
                <a:gd name="connsiteY31" fmla="*/ 440755 h 476936"/>
                <a:gd name="connsiteX32" fmla="*/ 490092 w 2368230"/>
                <a:gd name="connsiteY32" fmla="*/ 437465 h 476936"/>
                <a:gd name="connsiteX33" fmla="*/ 430886 w 2368230"/>
                <a:gd name="connsiteY33" fmla="*/ 440755 h 476936"/>
                <a:gd name="connsiteX34" fmla="*/ 421018 w 2368230"/>
                <a:gd name="connsiteY34" fmla="*/ 444044 h 476936"/>
                <a:gd name="connsiteX35" fmla="*/ 315764 w 2368230"/>
                <a:gd name="connsiteY35" fmla="*/ 440754 h 476936"/>
                <a:gd name="connsiteX36" fmla="*/ 226955 w 2368230"/>
                <a:gd name="connsiteY36" fmla="*/ 440755 h 476936"/>
                <a:gd name="connsiteX37" fmla="*/ 138147 w 2368230"/>
                <a:gd name="connsiteY37" fmla="*/ 437465 h 476936"/>
                <a:gd name="connsiteX38" fmla="*/ 85519 w 2368230"/>
                <a:gd name="connsiteY38" fmla="*/ 440755 h 476936"/>
                <a:gd name="connsiteX39" fmla="*/ 69073 w 2368230"/>
                <a:gd name="connsiteY39" fmla="*/ 444044 h 476936"/>
                <a:gd name="connsiteX40" fmla="*/ 0 w 2368230"/>
                <a:gd name="connsiteY40"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51142 w 2368230"/>
                <a:gd name="connsiteY3" fmla="*/ 177618 h 476936"/>
                <a:gd name="connsiteX4" fmla="*/ 2085359 w 2368230"/>
                <a:gd name="connsiteY4" fmla="*/ 167749 h 476936"/>
                <a:gd name="connsiteX5" fmla="*/ 1950500 w 2368230"/>
                <a:gd name="connsiteY5" fmla="*/ 187486 h 476936"/>
                <a:gd name="connsiteX6" fmla="*/ 1911030 w 2368230"/>
                <a:gd name="connsiteY6" fmla="*/ 210510 h 476936"/>
                <a:gd name="connsiteX7" fmla="*/ 1739991 w 2368230"/>
                <a:gd name="connsiteY7" fmla="*/ 299319 h 476936"/>
                <a:gd name="connsiteX8" fmla="*/ 1710388 w 2368230"/>
                <a:gd name="connsiteY8" fmla="*/ 309186 h 476936"/>
                <a:gd name="connsiteX9" fmla="*/ 1638026 w 2368230"/>
                <a:gd name="connsiteY9" fmla="*/ 319054 h 476936"/>
                <a:gd name="connsiteX10" fmla="*/ 1466987 w 2368230"/>
                <a:gd name="connsiteY10" fmla="*/ 335500 h 476936"/>
                <a:gd name="connsiteX11" fmla="*/ 1401203 w 2368230"/>
                <a:gd name="connsiteY11" fmla="*/ 378260 h 476936"/>
                <a:gd name="connsiteX12" fmla="*/ 1365021 w 2368230"/>
                <a:gd name="connsiteY12" fmla="*/ 404573 h 476936"/>
                <a:gd name="connsiteX13" fmla="*/ 1276213 w 2368230"/>
                <a:gd name="connsiteY13" fmla="*/ 453911 h 476936"/>
                <a:gd name="connsiteX14" fmla="*/ 1236742 w 2368230"/>
                <a:gd name="connsiteY14" fmla="*/ 473647 h 476936"/>
                <a:gd name="connsiteX15" fmla="*/ 1223585 w 2368230"/>
                <a:gd name="connsiteY15" fmla="*/ 476936 h 476936"/>
                <a:gd name="connsiteX16" fmla="*/ 1098595 w 2368230"/>
                <a:gd name="connsiteY16" fmla="*/ 473647 h 476936"/>
                <a:gd name="connsiteX17" fmla="*/ 1088728 w 2368230"/>
                <a:gd name="connsiteY17" fmla="*/ 467068 h 476936"/>
                <a:gd name="connsiteX18" fmla="*/ 1068993 w 2368230"/>
                <a:gd name="connsiteY18" fmla="*/ 460490 h 476936"/>
                <a:gd name="connsiteX19" fmla="*/ 1045968 w 2368230"/>
                <a:gd name="connsiteY19" fmla="*/ 453911 h 476936"/>
                <a:gd name="connsiteX20" fmla="*/ 1036100 w 2368230"/>
                <a:gd name="connsiteY20" fmla="*/ 447333 h 476936"/>
                <a:gd name="connsiteX21" fmla="*/ 1016365 w 2368230"/>
                <a:gd name="connsiteY21" fmla="*/ 440755 h 476936"/>
                <a:gd name="connsiteX22" fmla="*/ 1009787 w 2368230"/>
                <a:gd name="connsiteY22" fmla="*/ 434176 h 476936"/>
                <a:gd name="connsiteX23" fmla="*/ 990052 w 2368230"/>
                <a:gd name="connsiteY23" fmla="*/ 427598 h 476936"/>
                <a:gd name="connsiteX24" fmla="*/ 967027 w 2368230"/>
                <a:gd name="connsiteY24" fmla="*/ 430887 h 476936"/>
                <a:gd name="connsiteX25" fmla="*/ 953870 w 2368230"/>
                <a:gd name="connsiteY25" fmla="*/ 434176 h 476936"/>
                <a:gd name="connsiteX26" fmla="*/ 759807 w 2368230"/>
                <a:gd name="connsiteY26" fmla="*/ 440755 h 476936"/>
                <a:gd name="connsiteX27" fmla="*/ 697312 w 2368230"/>
                <a:gd name="connsiteY27" fmla="*/ 447333 h 476936"/>
                <a:gd name="connsiteX28" fmla="*/ 677577 w 2368230"/>
                <a:gd name="connsiteY28" fmla="*/ 450622 h 476936"/>
                <a:gd name="connsiteX29" fmla="*/ 522984 w 2368230"/>
                <a:gd name="connsiteY29" fmla="*/ 447333 h 476936"/>
                <a:gd name="connsiteX30" fmla="*/ 503249 w 2368230"/>
                <a:gd name="connsiteY30" fmla="*/ 440755 h 476936"/>
                <a:gd name="connsiteX31" fmla="*/ 490092 w 2368230"/>
                <a:gd name="connsiteY31" fmla="*/ 437465 h 476936"/>
                <a:gd name="connsiteX32" fmla="*/ 430886 w 2368230"/>
                <a:gd name="connsiteY32" fmla="*/ 440755 h 476936"/>
                <a:gd name="connsiteX33" fmla="*/ 421018 w 2368230"/>
                <a:gd name="connsiteY33" fmla="*/ 444044 h 476936"/>
                <a:gd name="connsiteX34" fmla="*/ 315764 w 2368230"/>
                <a:gd name="connsiteY34" fmla="*/ 440754 h 476936"/>
                <a:gd name="connsiteX35" fmla="*/ 226955 w 2368230"/>
                <a:gd name="connsiteY35" fmla="*/ 440755 h 476936"/>
                <a:gd name="connsiteX36" fmla="*/ 138147 w 2368230"/>
                <a:gd name="connsiteY36" fmla="*/ 437465 h 476936"/>
                <a:gd name="connsiteX37" fmla="*/ 85519 w 2368230"/>
                <a:gd name="connsiteY37" fmla="*/ 440755 h 476936"/>
                <a:gd name="connsiteX38" fmla="*/ 69073 w 2368230"/>
                <a:gd name="connsiteY38" fmla="*/ 444044 h 476936"/>
                <a:gd name="connsiteX39" fmla="*/ 0 w 2368230"/>
                <a:gd name="connsiteY39" fmla="*/ 444044 h 4769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368230" h="476936">
                  <a:moveTo>
                    <a:pt x="2368230" y="0"/>
                  </a:moveTo>
                  <a:cubicBezTo>
                    <a:pt x="2352469" y="24669"/>
                    <a:pt x="2310670" y="98677"/>
                    <a:pt x="2289290" y="124991"/>
                  </a:cubicBezTo>
                  <a:cubicBezTo>
                    <a:pt x="2267910" y="151305"/>
                    <a:pt x="2262976" y="149112"/>
                    <a:pt x="2239951" y="157883"/>
                  </a:cubicBezTo>
                  <a:cubicBezTo>
                    <a:pt x="2216926" y="166654"/>
                    <a:pt x="2176907" y="175974"/>
                    <a:pt x="2151142" y="177618"/>
                  </a:cubicBezTo>
                  <a:cubicBezTo>
                    <a:pt x="2125377" y="179262"/>
                    <a:pt x="2118799" y="166104"/>
                    <a:pt x="2085359" y="167749"/>
                  </a:cubicBezTo>
                  <a:cubicBezTo>
                    <a:pt x="2051919" y="169394"/>
                    <a:pt x="1979555" y="180359"/>
                    <a:pt x="1950500" y="187486"/>
                  </a:cubicBezTo>
                  <a:cubicBezTo>
                    <a:pt x="1921445" y="194613"/>
                    <a:pt x="1946115" y="191871"/>
                    <a:pt x="1911030" y="210510"/>
                  </a:cubicBezTo>
                  <a:cubicBezTo>
                    <a:pt x="1875945" y="229149"/>
                    <a:pt x="1773431" y="282873"/>
                    <a:pt x="1739991" y="299319"/>
                  </a:cubicBezTo>
                  <a:cubicBezTo>
                    <a:pt x="1706551" y="315765"/>
                    <a:pt x="1727382" y="305897"/>
                    <a:pt x="1710388" y="309186"/>
                  </a:cubicBezTo>
                  <a:cubicBezTo>
                    <a:pt x="1693394" y="312475"/>
                    <a:pt x="1678593" y="314668"/>
                    <a:pt x="1638026" y="319054"/>
                  </a:cubicBezTo>
                  <a:cubicBezTo>
                    <a:pt x="1597459" y="323440"/>
                    <a:pt x="1503717" y="323988"/>
                    <a:pt x="1466987" y="335500"/>
                  </a:cubicBezTo>
                  <a:cubicBezTo>
                    <a:pt x="1430258" y="347012"/>
                    <a:pt x="1416553" y="365651"/>
                    <a:pt x="1401203" y="378260"/>
                  </a:cubicBezTo>
                  <a:cubicBezTo>
                    <a:pt x="1385853" y="390869"/>
                    <a:pt x="1377081" y="395802"/>
                    <a:pt x="1365021" y="404573"/>
                  </a:cubicBezTo>
                  <a:lnTo>
                    <a:pt x="1276213" y="453911"/>
                  </a:lnTo>
                  <a:cubicBezTo>
                    <a:pt x="1254833" y="465423"/>
                    <a:pt x="1245513" y="469810"/>
                    <a:pt x="1236742" y="473647"/>
                  </a:cubicBezTo>
                  <a:cubicBezTo>
                    <a:pt x="1227971" y="477485"/>
                    <a:pt x="1227971" y="475840"/>
                    <a:pt x="1223585" y="476936"/>
                  </a:cubicBezTo>
                  <a:cubicBezTo>
                    <a:pt x="1181922" y="475840"/>
                    <a:pt x="1140162" y="476689"/>
                    <a:pt x="1098595" y="473647"/>
                  </a:cubicBezTo>
                  <a:cubicBezTo>
                    <a:pt x="1094652" y="473359"/>
                    <a:pt x="1092340" y="468674"/>
                    <a:pt x="1088728" y="467068"/>
                  </a:cubicBezTo>
                  <a:cubicBezTo>
                    <a:pt x="1082392" y="464252"/>
                    <a:pt x="1075571" y="462683"/>
                    <a:pt x="1068993" y="460490"/>
                  </a:cubicBezTo>
                  <a:cubicBezTo>
                    <a:pt x="1062660" y="458379"/>
                    <a:pt x="1052310" y="457082"/>
                    <a:pt x="1045968" y="453911"/>
                  </a:cubicBezTo>
                  <a:cubicBezTo>
                    <a:pt x="1042432" y="452143"/>
                    <a:pt x="1039712" y="448938"/>
                    <a:pt x="1036100" y="447333"/>
                  </a:cubicBezTo>
                  <a:cubicBezTo>
                    <a:pt x="1029763" y="444517"/>
                    <a:pt x="1016365" y="440755"/>
                    <a:pt x="1016365" y="440755"/>
                  </a:cubicBezTo>
                  <a:cubicBezTo>
                    <a:pt x="1014172" y="438562"/>
                    <a:pt x="1012561" y="435563"/>
                    <a:pt x="1009787" y="434176"/>
                  </a:cubicBezTo>
                  <a:cubicBezTo>
                    <a:pt x="1003585" y="431075"/>
                    <a:pt x="990052" y="427598"/>
                    <a:pt x="990052" y="427598"/>
                  </a:cubicBezTo>
                  <a:cubicBezTo>
                    <a:pt x="982377" y="428694"/>
                    <a:pt x="974655" y="429500"/>
                    <a:pt x="967027" y="430887"/>
                  </a:cubicBezTo>
                  <a:cubicBezTo>
                    <a:pt x="962579" y="431696"/>
                    <a:pt x="958356" y="433615"/>
                    <a:pt x="953870" y="434176"/>
                  </a:cubicBezTo>
                  <a:cubicBezTo>
                    <a:pt x="899526" y="440969"/>
                    <a:pt x="785136" y="440216"/>
                    <a:pt x="759807" y="440755"/>
                  </a:cubicBezTo>
                  <a:lnTo>
                    <a:pt x="697312" y="447333"/>
                  </a:lnTo>
                  <a:cubicBezTo>
                    <a:pt x="690701" y="448214"/>
                    <a:pt x="684155" y="449526"/>
                    <a:pt x="677577" y="450622"/>
                  </a:cubicBezTo>
                  <a:cubicBezTo>
                    <a:pt x="626046" y="449526"/>
                    <a:pt x="574444" y="450246"/>
                    <a:pt x="522984" y="447333"/>
                  </a:cubicBezTo>
                  <a:cubicBezTo>
                    <a:pt x="516061" y="446941"/>
                    <a:pt x="509827" y="442948"/>
                    <a:pt x="503249" y="440755"/>
                  </a:cubicBezTo>
                  <a:cubicBezTo>
                    <a:pt x="498960" y="439325"/>
                    <a:pt x="494478" y="438562"/>
                    <a:pt x="490092" y="437465"/>
                  </a:cubicBezTo>
                  <a:cubicBezTo>
                    <a:pt x="470357" y="438562"/>
                    <a:pt x="450563" y="438881"/>
                    <a:pt x="430886" y="440755"/>
                  </a:cubicBezTo>
                  <a:cubicBezTo>
                    <a:pt x="427434" y="441084"/>
                    <a:pt x="440205" y="444044"/>
                    <a:pt x="421018" y="444044"/>
                  </a:cubicBezTo>
                  <a:cubicBezTo>
                    <a:pt x="401831" y="444044"/>
                    <a:pt x="348108" y="441302"/>
                    <a:pt x="315764" y="440754"/>
                  </a:cubicBezTo>
                  <a:cubicBezTo>
                    <a:pt x="283420" y="440206"/>
                    <a:pt x="256558" y="441303"/>
                    <a:pt x="226955" y="440755"/>
                  </a:cubicBezTo>
                  <a:cubicBezTo>
                    <a:pt x="197352" y="440207"/>
                    <a:pt x="167750" y="438562"/>
                    <a:pt x="138147" y="437465"/>
                  </a:cubicBezTo>
                  <a:cubicBezTo>
                    <a:pt x="120604" y="438562"/>
                    <a:pt x="103017" y="439088"/>
                    <a:pt x="85519" y="440755"/>
                  </a:cubicBezTo>
                  <a:cubicBezTo>
                    <a:pt x="79954" y="441285"/>
                    <a:pt x="74659" y="443829"/>
                    <a:pt x="69073" y="444044"/>
                  </a:cubicBezTo>
                  <a:cubicBezTo>
                    <a:pt x="46066" y="444929"/>
                    <a:pt x="23024" y="444044"/>
                    <a:pt x="0" y="444044"/>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0" name="Freeform 1029"/>
            <p:cNvSpPr/>
            <p:nvPr/>
          </p:nvSpPr>
          <p:spPr bwMode="auto">
            <a:xfrm>
              <a:off x="5871236" y="2519534"/>
              <a:ext cx="301813" cy="664087"/>
            </a:xfrm>
            <a:custGeom>
              <a:avLst/>
              <a:gdLst>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9602 w 230244"/>
                <a:gd name="connsiteY32" fmla="*/ 19736 h 631528"/>
                <a:gd name="connsiteX33" fmla="*/ 23024 w 230244"/>
                <a:gd name="connsiteY33" fmla="*/ 13157 h 631528"/>
                <a:gd name="connsiteX34" fmla="*/ 13156 w 230244"/>
                <a:gd name="connsiteY34" fmla="*/ 6579 h 631528"/>
                <a:gd name="connsiteX35" fmla="*/ 0 w 230244"/>
                <a:gd name="connsiteY35"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3024 w 230244"/>
                <a:gd name="connsiteY32" fmla="*/ 13157 h 631528"/>
                <a:gd name="connsiteX33" fmla="*/ 13156 w 230244"/>
                <a:gd name="connsiteY33" fmla="*/ 6579 h 631528"/>
                <a:gd name="connsiteX34" fmla="*/ 0 w 230244"/>
                <a:gd name="connsiteY34"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33928 w 230244"/>
                <a:gd name="connsiteY32" fmla="*/ 23882 h 631528"/>
                <a:gd name="connsiteX33" fmla="*/ 23024 w 230244"/>
                <a:gd name="connsiteY33" fmla="*/ 13157 h 631528"/>
                <a:gd name="connsiteX34" fmla="*/ 13156 w 230244"/>
                <a:gd name="connsiteY34" fmla="*/ 6579 h 631528"/>
                <a:gd name="connsiteX35" fmla="*/ 0 w 230244"/>
                <a:gd name="connsiteY35" fmla="*/ 0 h 631528"/>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36182 w 217088"/>
                <a:gd name="connsiteY31" fmla="*/ 23024 h 624949"/>
                <a:gd name="connsiteX32" fmla="*/ 20772 w 217088"/>
                <a:gd name="connsiteY32" fmla="*/ 17303 h 624949"/>
                <a:gd name="connsiteX33" fmla="*/ 9868 w 217088"/>
                <a:gd name="connsiteY33" fmla="*/ 6578 h 624949"/>
                <a:gd name="connsiteX34" fmla="*/ 0 w 217088"/>
                <a:gd name="connsiteY3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45678 w 217088"/>
                <a:gd name="connsiteY30" fmla="*/ 35093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45678 w 217088"/>
                <a:gd name="connsiteY29" fmla="*/ 35093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45678 w 217088"/>
                <a:gd name="connsiteY28" fmla="*/ 35093 h 624949"/>
                <a:gd name="connsiteX29" fmla="*/ 20772 w 217088"/>
                <a:gd name="connsiteY29" fmla="*/ 17303 h 624949"/>
                <a:gd name="connsiteX30" fmla="*/ 9868 w 217088"/>
                <a:gd name="connsiteY30" fmla="*/ 6578 h 624949"/>
                <a:gd name="connsiteX31" fmla="*/ 0 w 217088"/>
                <a:gd name="connsiteY31"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45678 w 217088"/>
                <a:gd name="connsiteY27" fmla="*/ 35093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4330 w 217088"/>
                <a:gd name="connsiteY27" fmla="*/ 27977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20772 w 217088"/>
                <a:gd name="connsiteY26" fmla="*/ 17303 h 624949"/>
                <a:gd name="connsiteX27" fmla="*/ 9868 w 217088"/>
                <a:gd name="connsiteY27" fmla="*/ 6578 h 624949"/>
                <a:gd name="connsiteX28" fmla="*/ 0 w 217088"/>
                <a:gd name="connsiteY28"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98677 w 217088"/>
                <a:gd name="connsiteY24" fmla="*/ 187485 h 624949"/>
                <a:gd name="connsiteX25" fmla="*/ 20772 w 217088"/>
                <a:gd name="connsiteY25" fmla="*/ 17303 h 624949"/>
                <a:gd name="connsiteX26" fmla="*/ 9868 w 217088"/>
                <a:gd name="connsiteY26" fmla="*/ 6578 h 624949"/>
                <a:gd name="connsiteX27" fmla="*/ 0 w 217088"/>
                <a:gd name="connsiteY27"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98677 w 217088"/>
                <a:gd name="connsiteY23" fmla="*/ 187485 h 624949"/>
                <a:gd name="connsiteX24" fmla="*/ 20772 w 217088"/>
                <a:gd name="connsiteY24" fmla="*/ 17303 h 624949"/>
                <a:gd name="connsiteX25" fmla="*/ 9868 w 217088"/>
                <a:gd name="connsiteY25" fmla="*/ 6578 h 624949"/>
                <a:gd name="connsiteX26" fmla="*/ 0 w 217088"/>
                <a:gd name="connsiteY26"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98677 w 217088"/>
                <a:gd name="connsiteY22" fmla="*/ 187485 h 624949"/>
                <a:gd name="connsiteX23" fmla="*/ 20772 w 217088"/>
                <a:gd name="connsiteY23" fmla="*/ 17303 h 624949"/>
                <a:gd name="connsiteX24" fmla="*/ 9868 w 217088"/>
                <a:gd name="connsiteY24" fmla="*/ 6578 h 624949"/>
                <a:gd name="connsiteX25" fmla="*/ 0 w 217088"/>
                <a:gd name="connsiteY25"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28280 w 217088"/>
                <a:gd name="connsiteY19" fmla="*/ 266426 h 624949"/>
                <a:gd name="connsiteX20" fmla="*/ 124990 w 217088"/>
                <a:gd name="connsiteY20" fmla="*/ 256558 h 624949"/>
                <a:gd name="connsiteX21" fmla="*/ 98677 w 217088"/>
                <a:gd name="connsiteY21" fmla="*/ 187485 h 624949"/>
                <a:gd name="connsiteX22" fmla="*/ 20772 w 217088"/>
                <a:gd name="connsiteY22" fmla="*/ 17303 h 624949"/>
                <a:gd name="connsiteX23" fmla="*/ 9868 w 217088"/>
                <a:gd name="connsiteY23" fmla="*/ 6578 h 624949"/>
                <a:gd name="connsiteX24" fmla="*/ 0 w 217088"/>
                <a:gd name="connsiteY2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63091 w 217088"/>
                <a:gd name="connsiteY16" fmla="*/ 312615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197353 w 217088"/>
                <a:gd name="connsiteY10" fmla="*/ 444043 h 624949"/>
                <a:gd name="connsiteX11" fmla="*/ 194064 w 217088"/>
                <a:gd name="connsiteY11" fmla="*/ 427597 h 624949"/>
                <a:gd name="connsiteX12" fmla="*/ 190775 w 217088"/>
                <a:gd name="connsiteY12" fmla="*/ 365102 h 624949"/>
                <a:gd name="connsiteX13" fmla="*/ 184196 w 217088"/>
                <a:gd name="connsiteY13" fmla="*/ 345367 h 624949"/>
                <a:gd name="connsiteX14" fmla="*/ 180907 w 217088"/>
                <a:gd name="connsiteY14" fmla="*/ 335499 h 624949"/>
                <a:gd name="connsiteX15" fmla="*/ 163091 w 217088"/>
                <a:gd name="connsiteY15" fmla="*/ 312615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197353 w 217088"/>
                <a:gd name="connsiteY9" fmla="*/ 444043 h 624949"/>
                <a:gd name="connsiteX10" fmla="*/ 194064 w 217088"/>
                <a:gd name="connsiteY10" fmla="*/ 427597 h 624949"/>
                <a:gd name="connsiteX11" fmla="*/ 190775 w 217088"/>
                <a:gd name="connsiteY11" fmla="*/ 365102 h 624949"/>
                <a:gd name="connsiteX12" fmla="*/ 184196 w 217088"/>
                <a:gd name="connsiteY12" fmla="*/ 345367 h 624949"/>
                <a:gd name="connsiteX13" fmla="*/ 180907 w 217088"/>
                <a:gd name="connsiteY13" fmla="*/ 335499 h 624949"/>
                <a:gd name="connsiteX14" fmla="*/ 163091 w 217088"/>
                <a:gd name="connsiteY14" fmla="*/ 312615 h 624949"/>
                <a:gd name="connsiteX15" fmla="*/ 141436 w 217088"/>
                <a:gd name="connsiteY15" fmla="*/ 282872 h 624949"/>
                <a:gd name="connsiteX16" fmla="*/ 128280 w 217088"/>
                <a:gd name="connsiteY16" fmla="*/ 266426 h 624949"/>
                <a:gd name="connsiteX17" fmla="*/ 124990 w 217088"/>
                <a:gd name="connsiteY17" fmla="*/ 256558 h 624949"/>
                <a:gd name="connsiteX18" fmla="*/ 98677 w 217088"/>
                <a:gd name="connsiteY18" fmla="*/ 187485 h 624949"/>
                <a:gd name="connsiteX19" fmla="*/ 20772 w 217088"/>
                <a:gd name="connsiteY19" fmla="*/ 17303 h 624949"/>
                <a:gd name="connsiteX20" fmla="*/ 9868 w 217088"/>
                <a:gd name="connsiteY20" fmla="*/ 6578 h 624949"/>
                <a:gd name="connsiteX21" fmla="*/ 0 w 217088"/>
                <a:gd name="connsiteY21"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0775 w 210643"/>
                <a:gd name="connsiteY4" fmla="*/ 569033 h 624949"/>
                <a:gd name="connsiteX5" fmla="*/ 197353 w 210643"/>
                <a:gd name="connsiteY5" fmla="*/ 549298 h 624949"/>
                <a:gd name="connsiteX6" fmla="*/ 203931 w 210643"/>
                <a:gd name="connsiteY6" fmla="*/ 536141 h 624949"/>
                <a:gd name="connsiteX7" fmla="*/ 210510 w 210643"/>
                <a:gd name="connsiteY7" fmla="*/ 529562 h 624949"/>
                <a:gd name="connsiteX8" fmla="*/ 197353 w 210643"/>
                <a:gd name="connsiteY8" fmla="*/ 444043 h 624949"/>
                <a:gd name="connsiteX9" fmla="*/ 194064 w 210643"/>
                <a:gd name="connsiteY9" fmla="*/ 427597 h 624949"/>
                <a:gd name="connsiteX10" fmla="*/ 190775 w 210643"/>
                <a:gd name="connsiteY10" fmla="*/ 365102 h 624949"/>
                <a:gd name="connsiteX11" fmla="*/ 184196 w 210643"/>
                <a:gd name="connsiteY11" fmla="*/ 345367 h 624949"/>
                <a:gd name="connsiteX12" fmla="*/ 180907 w 210643"/>
                <a:gd name="connsiteY12" fmla="*/ 335499 h 624949"/>
                <a:gd name="connsiteX13" fmla="*/ 163091 w 210643"/>
                <a:gd name="connsiteY13" fmla="*/ 312615 h 624949"/>
                <a:gd name="connsiteX14" fmla="*/ 141436 w 210643"/>
                <a:gd name="connsiteY14" fmla="*/ 282872 h 624949"/>
                <a:gd name="connsiteX15" fmla="*/ 128280 w 210643"/>
                <a:gd name="connsiteY15" fmla="*/ 266426 h 624949"/>
                <a:gd name="connsiteX16" fmla="*/ 124990 w 210643"/>
                <a:gd name="connsiteY16" fmla="*/ 256558 h 624949"/>
                <a:gd name="connsiteX17" fmla="*/ 98677 w 210643"/>
                <a:gd name="connsiteY17" fmla="*/ 187485 h 624949"/>
                <a:gd name="connsiteX18" fmla="*/ 20772 w 210643"/>
                <a:gd name="connsiteY18" fmla="*/ 17303 h 624949"/>
                <a:gd name="connsiteX19" fmla="*/ 9868 w 210643"/>
                <a:gd name="connsiteY19" fmla="*/ 6578 h 624949"/>
                <a:gd name="connsiteX20" fmla="*/ 0 w 210643"/>
                <a:gd name="connsiteY20"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7353 w 210643"/>
                <a:gd name="connsiteY4" fmla="*/ 549298 h 624949"/>
                <a:gd name="connsiteX5" fmla="*/ 203931 w 210643"/>
                <a:gd name="connsiteY5" fmla="*/ 536141 h 624949"/>
                <a:gd name="connsiteX6" fmla="*/ 210510 w 210643"/>
                <a:gd name="connsiteY6" fmla="*/ 529562 h 624949"/>
                <a:gd name="connsiteX7" fmla="*/ 197353 w 210643"/>
                <a:gd name="connsiteY7" fmla="*/ 444043 h 624949"/>
                <a:gd name="connsiteX8" fmla="*/ 194064 w 210643"/>
                <a:gd name="connsiteY8" fmla="*/ 427597 h 624949"/>
                <a:gd name="connsiteX9" fmla="*/ 190775 w 210643"/>
                <a:gd name="connsiteY9" fmla="*/ 365102 h 624949"/>
                <a:gd name="connsiteX10" fmla="*/ 184196 w 210643"/>
                <a:gd name="connsiteY10" fmla="*/ 345367 h 624949"/>
                <a:gd name="connsiteX11" fmla="*/ 180907 w 210643"/>
                <a:gd name="connsiteY11" fmla="*/ 335499 h 624949"/>
                <a:gd name="connsiteX12" fmla="*/ 163091 w 210643"/>
                <a:gd name="connsiteY12" fmla="*/ 312615 h 624949"/>
                <a:gd name="connsiteX13" fmla="*/ 141436 w 210643"/>
                <a:gd name="connsiteY13" fmla="*/ 282872 h 624949"/>
                <a:gd name="connsiteX14" fmla="*/ 128280 w 210643"/>
                <a:gd name="connsiteY14" fmla="*/ 266426 h 624949"/>
                <a:gd name="connsiteX15" fmla="*/ 124990 w 210643"/>
                <a:gd name="connsiteY15" fmla="*/ 256558 h 624949"/>
                <a:gd name="connsiteX16" fmla="*/ 98677 w 210643"/>
                <a:gd name="connsiteY16" fmla="*/ 187485 h 624949"/>
                <a:gd name="connsiteX17" fmla="*/ 20772 w 210643"/>
                <a:gd name="connsiteY17" fmla="*/ 17303 h 624949"/>
                <a:gd name="connsiteX18" fmla="*/ 9868 w 210643"/>
                <a:gd name="connsiteY18" fmla="*/ 6578 h 624949"/>
                <a:gd name="connsiteX19" fmla="*/ 0 w 210643"/>
                <a:gd name="connsiteY19"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203931 w 210643"/>
                <a:gd name="connsiteY4" fmla="*/ 536141 h 624949"/>
                <a:gd name="connsiteX5" fmla="*/ 210510 w 210643"/>
                <a:gd name="connsiteY5" fmla="*/ 529562 h 624949"/>
                <a:gd name="connsiteX6" fmla="*/ 197353 w 210643"/>
                <a:gd name="connsiteY6" fmla="*/ 444043 h 624949"/>
                <a:gd name="connsiteX7" fmla="*/ 194064 w 210643"/>
                <a:gd name="connsiteY7" fmla="*/ 427597 h 624949"/>
                <a:gd name="connsiteX8" fmla="*/ 190775 w 210643"/>
                <a:gd name="connsiteY8" fmla="*/ 365102 h 624949"/>
                <a:gd name="connsiteX9" fmla="*/ 184196 w 210643"/>
                <a:gd name="connsiteY9" fmla="*/ 345367 h 624949"/>
                <a:gd name="connsiteX10" fmla="*/ 180907 w 210643"/>
                <a:gd name="connsiteY10" fmla="*/ 335499 h 624949"/>
                <a:gd name="connsiteX11" fmla="*/ 163091 w 210643"/>
                <a:gd name="connsiteY11" fmla="*/ 312615 h 624949"/>
                <a:gd name="connsiteX12" fmla="*/ 141436 w 210643"/>
                <a:gd name="connsiteY12" fmla="*/ 282872 h 624949"/>
                <a:gd name="connsiteX13" fmla="*/ 128280 w 210643"/>
                <a:gd name="connsiteY13" fmla="*/ 266426 h 624949"/>
                <a:gd name="connsiteX14" fmla="*/ 124990 w 210643"/>
                <a:gd name="connsiteY14" fmla="*/ 256558 h 624949"/>
                <a:gd name="connsiteX15" fmla="*/ 98677 w 210643"/>
                <a:gd name="connsiteY15" fmla="*/ 187485 h 624949"/>
                <a:gd name="connsiteX16" fmla="*/ 20772 w 210643"/>
                <a:gd name="connsiteY16" fmla="*/ 17303 h 624949"/>
                <a:gd name="connsiteX17" fmla="*/ 9868 w 210643"/>
                <a:gd name="connsiteY17" fmla="*/ 6578 h 624949"/>
                <a:gd name="connsiteX18" fmla="*/ 0 w 210643"/>
                <a:gd name="connsiteY18" fmla="*/ 0 h 624949"/>
                <a:gd name="connsiteX0" fmla="*/ 138147 w 210643"/>
                <a:gd name="connsiteY0" fmla="*/ 624949 h 624949"/>
                <a:gd name="connsiteX1" fmla="*/ 167750 w 210643"/>
                <a:gd name="connsiteY1" fmla="*/ 592057 h 624949"/>
                <a:gd name="connsiteX2" fmla="*/ 177618 w 210643"/>
                <a:gd name="connsiteY2" fmla="*/ 588768 h 624949"/>
                <a:gd name="connsiteX3" fmla="*/ 203931 w 210643"/>
                <a:gd name="connsiteY3" fmla="*/ 536141 h 624949"/>
                <a:gd name="connsiteX4" fmla="*/ 210510 w 210643"/>
                <a:gd name="connsiteY4" fmla="*/ 529562 h 624949"/>
                <a:gd name="connsiteX5" fmla="*/ 197353 w 210643"/>
                <a:gd name="connsiteY5" fmla="*/ 444043 h 624949"/>
                <a:gd name="connsiteX6" fmla="*/ 194064 w 210643"/>
                <a:gd name="connsiteY6" fmla="*/ 427597 h 624949"/>
                <a:gd name="connsiteX7" fmla="*/ 190775 w 210643"/>
                <a:gd name="connsiteY7" fmla="*/ 365102 h 624949"/>
                <a:gd name="connsiteX8" fmla="*/ 184196 w 210643"/>
                <a:gd name="connsiteY8" fmla="*/ 345367 h 624949"/>
                <a:gd name="connsiteX9" fmla="*/ 180907 w 210643"/>
                <a:gd name="connsiteY9" fmla="*/ 335499 h 624949"/>
                <a:gd name="connsiteX10" fmla="*/ 163091 w 210643"/>
                <a:gd name="connsiteY10" fmla="*/ 312615 h 624949"/>
                <a:gd name="connsiteX11" fmla="*/ 141436 w 210643"/>
                <a:gd name="connsiteY11" fmla="*/ 282872 h 624949"/>
                <a:gd name="connsiteX12" fmla="*/ 128280 w 210643"/>
                <a:gd name="connsiteY12" fmla="*/ 266426 h 624949"/>
                <a:gd name="connsiteX13" fmla="*/ 124990 w 210643"/>
                <a:gd name="connsiteY13" fmla="*/ 256558 h 624949"/>
                <a:gd name="connsiteX14" fmla="*/ 98677 w 210643"/>
                <a:gd name="connsiteY14" fmla="*/ 187485 h 624949"/>
                <a:gd name="connsiteX15" fmla="*/ 20772 w 210643"/>
                <a:gd name="connsiteY15" fmla="*/ 17303 h 624949"/>
                <a:gd name="connsiteX16" fmla="*/ 9868 w 210643"/>
                <a:gd name="connsiteY16" fmla="*/ 6578 h 624949"/>
                <a:gd name="connsiteX17" fmla="*/ 0 w 210643"/>
                <a:gd name="connsiteY17" fmla="*/ 0 h 624949"/>
                <a:gd name="connsiteX0" fmla="*/ 138147 w 210643"/>
                <a:gd name="connsiteY0" fmla="*/ 624949 h 624949"/>
                <a:gd name="connsiteX1" fmla="*/ 167750 w 210643"/>
                <a:gd name="connsiteY1" fmla="*/ 592057 h 624949"/>
                <a:gd name="connsiteX2" fmla="*/ 203931 w 210643"/>
                <a:gd name="connsiteY2" fmla="*/ 536141 h 624949"/>
                <a:gd name="connsiteX3" fmla="*/ 210510 w 210643"/>
                <a:gd name="connsiteY3" fmla="*/ 529562 h 624949"/>
                <a:gd name="connsiteX4" fmla="*/ 197353 w 210643"/>
                <a:gd name="connsiteY4" fmla="*/ 444043 h 624949"/>
                <a:gd name="connsiteX5" fmla="*/ 194064 w 210643"/>
                <a:gd name="connsiteY5" fmla="*/ 427597 h 624949"/>
                <a:gd name="connsiteX6" fmla="*/ 190775 w 210643"/>
                <a:gd name="connsiteY6" fmla="*/ 365102 h 624949"/>
                <a:gd name="connsiteX7" fmla="*/ 184196 w 210643"/>
                <a:gd name="connsiteY7" fmla="*/ 345367 h 624949"/>
                <a:gd name="connsiteX8" fmla="*/ 180907 w 210643"/>
                <a:gd name="connsiteY8" fmla="*/ 335499 h 624949"/>
                <a:gd name="connsiteX9" fmla="*/ 163091 w 210643"/>
                <a:gd name="connsiteY9" fmla="*/ 312615 h 624949"/>
                <a:gd name="connsiteX10" fmla="*/ 141436 w 210643"/>
                <a:gd name="connsiteY10" fmla="*/ 282872 h 624949"/>
                <a:gd name="connsiteX11" fmla="*/ 128280 w 210643"/>
                <a:gd name="connsiteY11" fmla="*/ 266426 h 624949"/>
                <a:gd name="connsiteX12" fmla="*/ 124990 w 210643"/>
                <a:gd name="connsiteY12" fmla="*/ 256558 h 624949"/>
                <a:gd name="connsiteX13" fmla="*/ 98677 w 210643"/>
                <a:gd name="connsiteY13" fmla="*/ 187485 h 624949"/>
                <a:gd name="connsiteX14" fmla="*/ 20772 w 210643"/>
                <a:gd name="connsiteY14" fmla="*/ 17303 h 624949"/>
                <a:gd name="connsiteX15" fmla="*/ 9868 w 210643"/>
                <a:gd name="connsiteY15" fmla="*/ 6578 h 624949"/>
                <a:gd name="connsiteX16" fmla="*/ 0 w 210643"/>
                <a:gd name="connsiteY16" fmla="*/ 0 h 624949"/>
                <a:gd name="connsiteX0" fmla="*/ 259118 w 259381"/>
                <a:gd name="connsiteY0" fmla="*/ 656971 h 656971"/>
                <a:gd name="connsiteX1" fmla="*/ 167750 w 259381"/>
                <a:gd name="connsiteY1" fmla="*/ 592057 h 656971"/>
                <a:gd name="connsiteX2" fmla="*/ 203931 w 259381"/>
                <a:gd name="connsiteY2" fmla="*/ 536141 h 656971"/>
                <a:gd name="connsiteX3" fmla="*/ 210510 w 259381"/>
                <a:gd name="connsiteY3" fmla="*/ 529562 h 656971"/>
                <a:gd name="connsiteX4" fmla="*/ 197353 w 259381"/>
                <a:gd name="connsiteY4" fmla="*/ 444043 h 656971"/>
                <a:gd name="connsiteX5" fmla="*/ 194064 w 259381"/>
                <a:gd name="connsiteY5" fmla="*/ 427597 h 656971"/>
                <a:gd name="connsiteX6" fmla="*/ 190775 w 259381"/>
                <a:gd name="connsiteY6" fmla="*/ 365102 h 656971"/>
                <a:gd name="connsiteX7" fmla="*/ 184196 w 259381"/>
                <a:gd name="connsiteY7" fmla="*/ 345367 h 656971"/>
                <a:gd name="connsiteX8" fmla="*/ 180907 w 259381"/>
                <a:gd name="connsiteY8" fmla="*/ 335499 h 656971"/>
                <a:gd name="connsiteX9" fmla="*/ 163091 w 259381"/>
                <a:gd name="connsiteY9" fmla="*/ 312615 h 656971"/>
                <a:gd name="connsiteX10" fmla="*/ 141436 w 259381"/>
                <a:gd name="connsiteY10" fmla="*/ 282872 h 656971"/>
                <a:gd name="connsiteX11" fmla="*/ 128280 w 259381"/>
                <a:gd name="connsiteY11" fmla="*/ 266426 h 656971"/>
                <a:gd name="connsiteX12" fmla="*/ 124990 w 259381"/>
                <a:gd name="connsiteY12" fmla="*/ 256558 h 656971"/>
                <a:gd name="connsiteX13" fmla="*/ 98677 w 259381"/>
                <a:gd name="connsiteY13" fmla="*/ 187485 h 656971"/>
                <a:gd name="connsiteX14" fmla="*/ 20772 w 259381"/>
                <a:gd name="connsiteY14" fmla="*/ 17303 h 656971"/>
                <a:gd name="connsiteX15" fmla="*/ 9868 w 259381"/>
                <a:gd name="connsiteY15" fmla="*/ 6578 h 656971"/>
                <a:gd name="connsiteX16" fmla="*/ 0 w 259381"/>
                <a:gd name="connsiteY16" fmla="*/ 0 h 656971"/>
                <a:gd name="connsiteX0" fmla="*/ 301813 w 302002"/>
                <a:gd name="connsiteY0" fmla="*/ 664087 h 664087"/>
                <a:gd name="connsiteX1" fmla="*/ 167750 w 302002"/>
                <a:gd name="connsiteY1" fmla="*/ 592057 h 664087"/>
                <a:gd name="connsiteX2" fmla="*/ 203931 w 302002"/>
                <a:gd name="connsiteY2" fmla="*/ 536141 h 664087"/>
                <a:gd name="connsiteX3" fmla="*/ 210510 w 302002"/>
                <a:gd name="connsiteY3" fmla="*/ 529562 h 664087"/>
                <a:gd name="connsiteX4" fmla="*/ 197353 w 302002"/>
                <a:gd name="connsiteY4" fmla="*/ 444043 h 664087"/>
                <a:gd name="connsiteX5" fmla="*/ 194064 w 302002"/>
                <a:gd name="connsiteY5" fmla="*/ 427597 h 664087"/>
                <a:gd name="connsiteX6" fmla="*/ 190775 w 302002"/>
                <a:gd name="connsiteY6" fmla="*/ 365102 h 664087"/>
                <a:gd name="connsiteX7" fmla="*/ 184196 w 302002"/>
                <a:gd name="connsiteY7" fmla="*/ 345367 h 664087"/>
                <a:gd name="connsiteX8" fmla="*/ 180907 w 302002"/>
                <a:gd name="connsiteY8" fmla="*/ 335499 h 664087"/>
                <a:gd name="connsiteX9" fmla="*/ 163091 w 302002"/>
                <a:gd name="connsiteY9" fmla="*/ 312615 h 664087"/>
                <a:gd name="connsiteX10" fmla="*/ 141436 w 302002"/>
                <a:gd name="connsiteY10" fmla="*/ 282872 h 664087"/>
                <a:gd name="connsiteX11" fmla="*/ 128280 w 302002"/>
                <a:gd name="connsiteY11" fmla="*/ 266426 h 664087"/>
                <a:gd name="connsiteX12" fmla="*/ 124990 w 302002"/>
                <a:gd name="connsiteY12" fmla="*/ 256558 h 664087"/>
                <a:gd name="connsiteX13" fmla="*/ 98677 w 302002"/>
                <a:gd name="connsiteY13" fmla="*/ 187485 h 664087"/>
                <a:gd name="connsiteX14" fmla="*/ 20772 w 302002"/>
                <a:gd name="connsiteY14" fmla="*/ 17303 h 664087"/>
                <a:gd name="connsiteX15" fmla="*/ 9868 w 302002"/>
                <a:gd name="connsiteY15" fmla="*/ 6578 h 664087"/>
                <a:gd name="connsiteX16" fmla="*/ 0 w 302002"/>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210510 w 301813"/>
                <a:gd name="connsiteY3" fmla="*/ 529562 h 664087"/>
                <a:gd name="connsiteX4" fmla="*/ 197353 w 301813"/>
                <a:gd name="connsiteY4" fmla="*/ 444043 h 664087"/>
                <a:gd name="connsiteX5" fmla="*/ 194064 w 301813"/>
                <a:gd name="connsiteY5" fmla="*/ 427597 h 664087"/>
                <a:gd name="connsiteX6" fmla="*/ 190775 w 301813"/>
                <a:gd name="connsiteY6" fmla="*/ 365102 h 664087"/>
                <a:gd name="connsiteX7" fmla="*/ 184196 w 301813"/>
                <a:gd name="connsiteY7" fmla="*/ 345367 h 664087"/>
                <a:gd name="connsiteX8" fmla="*/ 180907 w 301813"/>
                <a:gd name="connsiteY8" fmla="*/ 335499 h 664087"/>
                <a:gd name="connsiteX9" fmla="*/ 163091 w 301813"/>
                <a:gd name="connsiteY9" fmla="*/ 312615 h 664087"/>
                <a:gd name="connsiteX10" fmla="*/ 141436 w 301813"/>
                <a:gd name="connsiteY10" fmla="*/ 282872 h 664087"/>
                <a:gd name="connsiteX11" fmla="*/ 128280 w 301813"/>
                <a:gd name="connsiteY11" fmla="*/ 266426 h 664087"/>
                <a:gd name="connsiteX12" fmla="*/ 124990 w 301813"/>
                <a:gd name="connsiteY12" fmla="*/ 256558 h 664087"/>
                <a:gd name="connsiteX13" fmla="*/ 98677 w 301813"/>
                <a:gd name="connsiteY13" fmla="*/ 187485 h 664087"/>
                <a:gd name="connsiteX14" fmla="*/ 20772 w 301813"/>
                <a:gd name="connsiteY14" fmla="*/ 17303 h 664087"/>
                <a:gd name="connsiteX15" fmla="*/ 9868 w 301813"/>
                <a:gd name="connsiteY15" fmla="*/ 6578 h 664087"/>
                <a:gd name="connsiteX16" fmla="*/ 0 w 301813"/>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4196 w 301813"/>
                <a:gd name="connsiteY6" fmla="*/ 345367 h 664087"/>
                <a:gd name="connsiteX7" fmla="*/ 180907 w 301813"/>
                <a:gd name="connsiteY7" fmla="*/ 335499 h 664087"/>
                <a:gd name="connsiteX8" fmla="*/ 163091 w 301813"/>
                <a:gd name="connsiteY8" fmla="*/ 312615 h 664087"/>
                <a:gd name="connsiteX9" fmla="*/ 141436 w 301813"/>
                <a:gd name="connsiteY9" fmla="*/ 282872 h 664087"/>
                <a:gd name="connsiteX10" fmla="*/ 128280 w 301813"/>
                <a:gd name="connsiteY10" fmla="*/ 266426 h 664087"/>
                <a:gd name="connsiteX11" fmla="*/ 124990 w 301813"/>
                <a:gd name="connsiteY11" fmla="*/ 256558 h 664087"/>
                <a:gd name="connsiteX12" fmla="*/ 98677 w 301813"/>
                <a:gd name="connsiteY12" fmla="*/ 187485 h 664087"/>
                <a:gd name="connsiteX13" fmla="*/ 20772 w 301813"/>
                <a:gd name="connsiteY13" fmla="*/ 17303 h 664087"/>
                <a:gd name="connsiteX14" fmla="*/ 9868 w 301813"/>
                <a:gd name="connsiteY14" fmla="*/ 6578 h 664087"/>
                <a:gd name="connsiteX15" fmla="*/ 0 w 301813"/>
                <a:gd name="connsiteY15"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63091 w 301813"/>
                <a:gd name="connsiteY7" fmla="*/ 312615 h 664087"/>
                <a:gd name="connsiteX8" fmla="*/ 141436 w 301813"/>
                <a:gd name="connsiteY8" fmla="*/ 282872 h 664087"/>
                <a:gd name="connsiteX9" fmla="*/ 128280 w 301813"/>
                <a:gd name="connsiteY9" fmla="*/ 266426 h 664087"/>
                <a:gd name="connsiteX10" fmla="*/ 124990 w 301813"/>
                <a:gd name="connsiteY10" fmla="*/ 256558 h 664087"/>
                <a:gd name="connsiteX11" fmla="*/ 98677 w 301813"/>
                <a:gd name="connsiteY11" fmla="*/ 187485 h 664087"/>
                <a:gd name="connsiteX12" fmla="*/ 20772 w 301813"/>
                <a:gd name="connsiteY12" fmla="*/ 17303 h 664087"/>
                <a:gd name="connsiteX13" fmla="*/ 9868 w 301813"/>
                <a:gd name="connsiteY13" fmla="*/ 6578 h 664087"/>
                <a:gd name="connsiteX14" fmla="*/ 0 w 301813"/>
                <a:gd name="connsiteY14"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124990 w 301813"/>
                <a:gd name="connsiteY9" fmla="*/ 256558 h 664087"/>
                <a:gd name="connsiteX10" fmla="*/ 98677 w 301813"/>
                <a:gd name="connsiteY10" fmla="*/ 187485 h 664087"/>
                <a:gd name="connsiteX11" fmla="*/ 20772 w 301813"/>
                <a:gd name="connsiteY11" fmla="*/ 17303 h 664087"/>
                <a:gd name="connsiteX12" fmla="*/ 9868 w 301813"/>
                <a:gd name="connsiteY12" fmla="*/ 6578 h 664087"/>
                <a:gd name="connsiteX13" fmla="*/ 0 w 301813"/>
                <a:gd name="connsiteY13"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98677 w 301813"/>
                <a:gd name="connsiteY9" fmla="*/ 187485 h 664087"/>
                <a:gd name="connsiteX10" fmla="*/ 20772 w 301813"/>
                <a:gd name="connsiteY10" fmla="*/ 17303 h 664087"/>
                <a:gd name="connsiteX11" fmla="*/ 9868 w 301813"/>
                <a:gd name="connsiteY11" fmla="*/ 6578 h 664087"/>
                <a:gd name="connsiteX12" fmla="*/ 0 w 301813"/>
                <a:gd name="connsiteY12" fmla="*/ 0 h 6640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01813" h="664087">
                  <a:moveTo>
                    <a:pt x="301813" y="664087"/>
                  </a:moveTo>
                  <a:cubicBezTo>
                    <a:pt x="297306" y="643003"/>
                    <a:pt x="161172" y="598087"/>
                    <a:pt x="167750" y="592057"/>
                  </a:cubicBezTo>
                  <a:cubicBezTo>
                    <a:pt x="179810" y="573418"/>
                    <a:pt x="198997" y="560810"/>
                    <a:pt x="203931" y="536141"/>
                  </a:cubicBezTo>
                  <a:cubicBezTo>
                    <a:pt x="208865" y="511472"/>
                    <a:pt x="198998" y="462134"/>
                    <a:pt x="197353" y="444043"/>
                  </a:cubicBezTo>
                  <a:cubicBezTo>
                    <a:pt x="196257" y="438561"/>
                    <a:pt x="194528" y="433168"/>
                    <a:pt x="194064" y="427597"/>
                  </a:cubicBezTo>
                  <a:cubicBezTo>
                    <a:pt x="192332" y="406809"/>
                    <a:pt x="192968" y="380452"/>
                    <a:pt x="190775" y="365102"/>
                  </a:cubicBezTo>
                  <a:cubicBezTo>
                    <a:pt x="188582" y="349752"/>
                    <a:pt x="189130" y="349204"/>
                    <a:pt x="180907" y="335499"/>
                  </a:cubicBezTo>
                  <a:cubicBezTo>
                    <a:pt x="172684" y="321794"/>
                    <a:pt x="150207" y="294384"/>
                    <a:pt x="141436" y="282872"/>
                  </a:cubicBezTo>
                  <a:cubicBezTo>
                    <a:pt x="132665" y="271360"/>
                    <a:pt x="135407" y="282324"/>
                    <a:pt x="128280" y="266426"/>
                  </a:cubicBezTo>
                  <a:cubicBezTo>
                    <a:pt x="121153" y="250528"/>
                    <a:pt x="116595" y="229005"/>
                    <a:pt x="98677" y="187485"/>
                  </a:cubicBezTo>
                  <a:cubicBezTo>
                    <a:pt x="80759" y="145965"/>
                    <a:pt x="35574" y="47454"/>
                    <a:pt x="20772" y="17303"/>
                  </a:cubicBezTo>
                  <a:cubicBezTo>
                    <a:pt x="16386" y="14562"/>
                    <a:pt x="13330" y="9462"/>
                    <a:pt x="9868" y="6578"/>
                  </a:cubicBezTo>
                  <a:cubicBezTo>
                    <a:pt x="6406" y="3694"/>
                    <a:pt x="3536" y="1768"/>
                    <a:pt x="0" y="0"/>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1" name="Freeform 1030"/>
            <p:cNvSpPr/>
            <p:nvPr/>
          </p:nvSpPr>
          <p:spPr bwMode="auto">
            <a:xfrm>
              <a:off x="5147612" y="3029361"/>
              <a:ext cx="98680" cy="286161"/>
            </a:xfrm>
            <a:custGeom>
              <a:avLst/>
              <a:gdLst>
                <a:gd name="connsiteX0" fmla="*/ 0 w 98680"/>
                <a:gd name="connsiteY0" fmla="*/ 0 h 286161"/>
                <a:gd name="connsiteX1" fmla="*/ 16446 w 98680"/>
                <a:gd name="connsiteY1" fmla="*/ 42760 h 286161"/>
                <a:gd name="connsiteX2" fmla="*/ 19735 w 98680"/>
                <a:gd name="connsiteY2" fmla="*/ 55917 h 286161"/>
                <a:gd name="connsiteX3" fmla="*/ 26313 w 98680"/>
                <a:gd name="connsiteY3" fmla="*/ 75652 h 286161"/>
                <a:gd name="connsiteX4" fmla="*/ 23024 w 98680"/>
                <a:gd name="connsiteY4" fmla="*/ 108544 h 286161"/>
                <a:gd name="connsiteX5" fmla="*/ 19735 w 98680"/>
                <a:gd name="connsiteY5" fmla="*/ 121701 h 286161"/>
                <a:gd name="connsiteX6" fmla="*/ 16446 w 98680"/>
                <a:gd name="connsiteY6" fmla="*/ 174328 h 286161"/>
                <a:gd name="connsiteX7" fmla="*/ 9867 w 98680"/>
                <a:gd name="connsiteY7" fmla="*/ 194063 h 286161"/>
                <a:gd name="connsiteX8" fmla="*/ 6578 w 98680"/>
                <a:gd name="connsiteY8" fmla="*/ 203931 h 286161"/>
                <a:gd name="connsiteX9" fmla="*/ 9867 w 98680"/>
                <a:gd name="connsiteY9" fmla="*/ 213799 h 286161"/>
                <a:gd name="connsiteX10" fmla="*/ 19735 w 98680"/>
                <a:gd name="connsiteY10" fmla="*/ 217088 h 286161"/>
                <a:gd name="connsiteX11" fmla="*/ 49338 w 98680"/>
                <a:gd name="connsiteY11" fmla="*/ 223666 h 286161"/>
                <a:gd name="connsiteX12" fmla="*/ 65784 w 98680"/>
                <a:gd name="connsiteY12" fmla="*/ 236823 h 286161"/>
                <a:gd name="connsiteX13" fmla="*/ 69073 w 98680"/>
                <a:gd name="connsiteY13" fmla="*/ 246691 h 286161"/>
                <a:gd name="connsiteX14" fmla="*/ 85519 w 98680"/>
                <a:gd name="connsiteY14" fmla="*/ 263137 h 286161"/>
                <a:gd name="connsiteX15" fmla="*/ 98676 w 98680"/>
                <a:gd name="connsiteY15" fmla="*/ 286161 h 2861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8680" h="286161">
                  <a:moveTo>
                    <a:pt x="0" y="0"/>
                  </a:moveTo>
                  <a:cubicBezTo>
                    <a:pt x="20068" y="25087"/>
                    <a:pt x="10534" y="7291"/>
                    <a:pt x="16446" y="42760"/>
                  </a:cubicBezTo>
                  <a:cubicBezTo>
                    <a:pt x="17189" y="47219"/>
                    <a:pt x="18436" y="51587"/>
                    <a:pt x="19735" y="55917"/>
                  </a:cubicBezTo>
                  <a:cubicBezTo>
                    <a:pt x="21727" y="62559"/>
                    <a:pt x="26313" y="75652"/>
                    <a:pt x="26313" y="75652"/>
                  </a:cubicBezTo>
                  <a:cubicBezTo>
                    <a:pt x="25217" y="86616"/>
                    <a:pt x="24582" y="97636"/>
                    <a:pt x="23024" y="108544"/>
                  </a:cubicBezTo>
                  <a:cubicBezTo>
                    <a:pt x="22385" y="113019"/>
                    <a:pt x="20185" y="117203"/>
                    <a:pt x="19735" y="121701"/>
                  </a:cubicBezTo>
                  <a:cubicBezTo>
                    <a:pt x="17986" y="139190"/>
                    <a:pt x="18821" y="156913"/>
                    <a:pt x="16446" y="174328"/>
                  </a:cubicBezTo>
                  <a:cubicBezTo>
                    <a:pt x="15509" y="181199"/>
                    <a:pt x="12060" y="187485"/>
                    <a:pt x="9867" y="194063"/>
                  </a:cubicBezTo>
                  <a:lnTo>
                    <a:pt x="6578" y="203931"/>
                  </a:lnTo>
                  <a:cubicBezTo>
                    <a:pt x="7674" y="207220"/>
                    <a:pt x="7415" y="211347"/>
                    <a:pt x="9867" y="213799"/>
                  </a:cubicBezTo>
                  <a:cubicBezTo>
                    <a:pt x="12319" y="216251"/>
                    <a:pt x="16401" y="216136"/>
                    <a:pt x="19735" y="217088"/>
                  </a:cubicBezTo>
                  <a:cubicBezTo>
                    <a:pt x="30574" y="220185"/>
                    <a:pt x="38033" y="221405"/>
                    <a:pt x="49338" y="223666"/>
                  </a:cubicBezTo>
                  <a:cubicBezTo>
                    <a:pt x="53816" y="226652"/>
                    <a:pt x="62661" y="231618"/>
                    <a:pt x="65784" y="236823"/>
                  </a:cubicBezTo>
                  <a:cubicBezTo>
                    <a:pt x="67568" y="239796"/>
                    <a:pt x="67522" y="243590"/>
                    <a:pt x="69073" y="246691"/>
                  </a:cubicBezTo>
                  <a:cubicBezTo>
                    <a:pt x="74554" y="257654"/>
                    <a:pt x="75652" y="256559"/>
                    <a:pt x="85519" y="263137"/>
                  </a:cubicBezTo>
                  <a:cubicBezTo>
                    <a:pt x="99284" y="283784"/>
                    <a:pt x="98676" y="274966"/>
                    <a:pt x="98676" y="28616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9" name="Freeform 1028"/>
            <p:cNvSpPr/>
            <p:nvPr/>
          </p:nvSpPr>
          <p:spPr bwMode="auto">
            <a:xfrm>
              <a:off x="5101563" y="3012634"/>
              <a:ext cx="993546" cy="174609"/>
            </a:xfrm>
            <a:custGeom>
              <a:avLst/>
              <a:gdLst>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223666 w 947292"/>
                <a:gd name="connsiteY34" fmla="*/ 6578 h 177617"/>
                <a:gd name="connsiteX35" fmla="*/ 194063 w 947292"/>
                <a:gd name="connsiteY35" fmla="*/ 3289 h 177617"/>
                <a:gd name="connsiteX36" fmla="*/ 184195 w 947292"/>
                <a:gd name="connsiteY36" fmla="*/ 0 h 177617"/>
                <a:gd name="connsiteX37" fmla="*/ 124990 w 947292"/>
                <a:gd name="connsiteY37" fmla="*/ 9868 h 177617"/>
                <a:gd name="connsiteX38" fmla="*/ 105254 w 947292"/>
                <a:gd name="connsiteY38" fmla="*/ 13157 h 177617"/>
                <a:gd name="connsiteX39" fmla="*/ 92097 w 947292"/>
                <a:gd name="connsiteY39" fmla="*/ 16446 h 177617"/>
                <a:gd name="connsiteX40" fmla="*/ 82230 w 947292"/>
                <a:gd name="connsiteY40" fmla="*/ 19735 h 177617"/>
                <a:gd name="connsiteX41" fmla="*/ 0 w 947292"/>
                <a:gd name="connsiteY4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194063 w 947292"/>
                <a:gd name="connsiteY34" fmla="*/ 3289 h 177617"/>
                <a:gd name="connsiteX35" fmla="*/ 184195 w 947292"/>
                <a:gd name="connsiteY35" fmla="*/ 0 h 177617"/>
                <a:gd name="connsiteX36" fmla="*/ 124990 w 947292"/>
                <a:gd name="connsiteY36" fmla="*/ 9868 h 177617"/>
                <a:gd name="connsiteX37" fmla="*/ 105254 w 947292"/>
                <a:gd name="connsiteY37" fmla="*/ 13157 h 177617"/>
                <a:gd name="connsiteX38" fmla="*/ 92097 w 947292"/>
                <a:gd name="connsiteY38" fmla="*/ 16446 h 177617"/>
                <a:gd name="connsiteX39" fmla="*/ 82230 w 947292"/>
                <a:gd name="connsiteY39" fmla="*/ 19735 h 177617"/>
                <a:gd name="connsiteX40" fmla="*/ 0 w 947292"/>
                <a:gd name="connsiteY40"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194063 w 947292"/>
                <a:gd name="connsiteY33" fmla="*/ 3289 h 177617"/>
                <a:gd name="connsiteX34" fmla="*/ 184195 w 947292"/>
                <a:gd name="connsiteY34" fmla="*/ 0 h 177617"/>
                <a:gd name="connsiteX35" fmla="*/ 124990 w 947292"/>
                <a:gd name="connsiteY35" fmla="*/ 9868 h 177617"/>
                <a:gd name="connsiteX36" fmla="*/ 105254 w 947292"/>
                <a:gd name="connsiteY36" fmla="*/ 13157 h 177617"/>
                <a:gd name="connsiteX37" fmla="*/ 92097 w 947292"/>
                <a:gd name="connsiteY37" fmla="*/ 16446 h 177617"/>
                <a:gd name="connsiteX38" fmla="*/ 82230 w 947292"/>
                <a:gd name="connsiteY38" fmla="*/ 19735 h 177617"/>
                <a:gd name="connsiteX39" fmla="*/ 0 w 947292"/>
                <a:gd name="connsiteY39"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49979 w 947292"/>
                <a:gd name="connsiteY30" fmla="*/ 23024 h 177617"/>
                <a:gd name="connsiteX31" fmla="*/ 240112 w 947292"/>
                <a:gd name="connsiteY31" fmla="*/ 19735 h 177617"/>
                <a:gd name="connsiteX32" fmla="*/ 194063 w 947292"/>
                <a:gd name="connsiteY32" fmla="*/ 3289 h 177617"/>
                <a:gd name="connsiteX33" fmla="*/ 184195 w 947292"/>
                <a:gd name="connsiteY33" fmla="*/ 0 h 177617"/>
                <a:gd name="connsiteX34" fmla="*/ 124990 w 947292"/>
                <a:gd name="connsiteY34" fmla="*/ 9868 h 177617"/>
                <a:gd name="connsiteX35" fmla="*/ 105254 w 947292"/>
                <a:gd name="connsiteY35" fmla="*/ 13157 h 177617"/>
                <a:gd name="connsiteX36" fmla="*/ 92097 w 947292"/>
                <a:gd name="connsiteY36" fmla="*/ 16446 h 177617"/>
                <a:gd name="connsiteX37" fmla="*/ 82230 w 947292"/>
                <a:gd name="connsiteY37" fmla="*/ 19735 h 177617"/>
                <a:gd name="connsiteX38" fmla="*/ 0 w 947292"/>
                <a:gd name="connsiteY38"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296028 w 947292"/>
                <a:gd name="connsiteY27" fmla="*/ 55916 h 177617"/>
                <a:gd name="connsiteX28" fmla="*/ 279582 w 947292"/>
                <a:gd name="connsiteY28" fmla="*/ 39470 h 177617"/>
                <a:gd name="connsiteX29" fmla="*/ 249979 w 947292"/>
                <a:gd name="connsiteY29" fmla="*/ 23024 h 177617"/>
                <a:gd name="connsiteX30" fmla="*/ 240112 w 947292"/>
                <a:gd name="connsiteY30" fmla="*/ 19735 h 177617"/>
                <a:gd name="connsiteX31" fmla="*/ 194063 w 947292"/>
                <a:gd name="connsiteY31" fmla="*/ 3289 h 177617"/>
                <a:gd name="connsiteX32" fmla="*/ 184195 w 947292"/>
                <a:gd name="connsiteY32" fmla="*/ 0 h 177617"/>
                <a:gd name="connsiteX33" fmla="*/ 124990 w 947292"/>
                <a:gd name="connsiteY33" fmla="*/ 9868 h 177617"/>
                <a:gd name="connsiteX34" fmla="*/ 105254 w 947292"/>
                <a:gd name="connsiteY34" fmla="*/ 13157 h 177617"/>
                <a:gd name="connsiteX35" fmla="*/ 92097 w 947292"/>
                <a:gd name="connsiteY35" fmla="*/ 16446 h 177617"/>
                <a:gd name="connsiteX36" fmla="*/ 82230 w 947292"/>
                <a:gd name="connsiteY36" fmla="*/ 19735 h 177617"/>
                <a:gd name="connsiteX37" fmla="*/ 0 w 947292"/>
                <a:gd name="connsiteY37"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88126 w 947292"/>
                <a:gd name="connsiteY24" fmla="*/ 75652 h 177617"/>
                <a:gd name="connsiteX25" fmla="*/ 381548 w 947292"/>
                <a:gd name="connsiteY25" fmla="*/ 69073 h 177617"/>
                <a:gd name="connsiteX26" fmla="*/ 296028 w 947292"/>
                <a:gd name="connsiteY26" fmla="*/ 55916 h 177617"/>
                <a:gd name="connsiteX27" fmla="*/ 279582 w 947292"/>
                <a:gd name="connsiteY27" fmla="*/ 39470 h 177617"/>
                <a:gd name="connsiteX28" fmla="*/ 249979 w 947292"/>
                <a:gd name="connsiteY28" fmla="*/ 23024 h 177617"/>
                <a:gd name="connsiteX29" fmla="*/ 240112 w 947292"/>
                <a:gd name="connsiteY29" fmla="*/ 19735 h 177617"/>
                <a:gd name="connsiteX30" fmla="*/ 194063 w 947292"/>
                <a:gd name="connsiteY30" fmla="*/ 3289 h 177617"/>
                <a:gd name="connsiteX31" fmla="*/ 184195 w 947292"/>
                <a:gd name="connsiteY31" fmla="*/ 0 h 177617"/>
                <a:gd name="connsiteX32" fmla="*/ 124990 w 947292"/>
                <a:gd name="connsiteY32" fmla="*/ 9868 h 177617"/>
                <a:gd name="connsiteX33" fmla="*/ 105254 w 947292"/>
                <a:gd name="connsiteY33" fmla="*/ 13157 h 177617"/>
                <a:gd name="connsiteX34" fmla="*/ 92097 w 947292"/>
                <a:gd name="connsiteY34" fmla="*/ 16446 h 177617"/>
                <a:gd name="connsiteX35" fmla="*/ 82230 w 947292"/>
                <a:gd name="connsiteY35" fmla="*/ 19735 h 177617"/>
                <a:gd name="connsiteX36" fmla="*/ 0 w 947292"/>
                <a:gd name="connsiteY36"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37464 w 947292"/>
                <a:gd name="connsiteY21" fmla="*/ 95387 h 177617"/>
                <a:gd name="connsiteX22" fmla="*/ 407861 w 947292"/>
                <a:gd name="connsiteY22" fmla="*/ 85519 h 177617"/>
                <a:gd name="connsiteX23" fmla="*/ 388126 w 947292"/>
                <a:gd name="connsiteY23" fmla="*/ 75652 h 177617"/>
                <a:gd name="connsiteX24" fmla="*/ 381548 w 947292"/>
                <a:gd name="connsiteY24" fmla="*/ 69073 h 177617"/>
                <a:gd name="connsiteX25" fmla="*/ 296028 w 947292"/>
                <a:gd name="connsiteY25" fmla="*/ 55916 h 177617"/>
                <a:gd name="connsiteX26" fmla="*/ 279582 w 947292"/>
                <a:gd name="connsiteY26" fmla="*/ 39470 h 177617"/>
                <a:gd name="connsiteX27" fmla="*/ 249979 w 947292"/>
                <a:gd name="connsiteY27" fmla="*/ 23024 h 177617"/>
                <a:gd name="connsiteX28" fmla="*/ 240112 w 947292"/>
                <a:gd name="connsiteY28" fmla="*/ 19735 h 177617"/>
                <a:gd name="connsiteX29" fmla="*/ 194063 w 947292"/>
                <a:gd name="connsiteY29" fmla="*/ 3289 h 177617"/>
                <a:gd name="connsiteX30" fmla="*/ 184195 w 947292"/>
                <a:gd name="connsiteY30" fmla="*/ 0 h 177617"/>
                <a:gd name="connsiteX31" fmla="*/ 124990 w 947292"/>
                <a:gd name="connsiteY31" fmla="*/ 9868 h 177617"/>
                <a:gd name="connsiteX32" fmla="*/ 105254 w 947292"/>
                <a:gd name="connsiteY32" fmla="*/ 13157 h 177617"/>
                <a:gd name="connsiteX33" fmla="*/ 92097 w 947292"/>
                <a:gd name="connsiteY33" fmla="*/ 16446 h 177617"/>
                <a:gd name="connsiteX34" fmla="*/ 82230 w 947292"/>
                <a:gd name="connsiteY34" fmla="*/ 19735 h 177617"/>
                <a:gd name="connsiteX35" fmla="*/ 0 w 947292"/>
                <a:gd name="connsiteY35"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76935 w 947292"/>
                <a:gd name="connsiteY18" fmla="*/ 111833 h 177617"/>
                <a:gd name="connsiteX19" fmla="*/ 467067 w 947292"/>
                <a:gd name="connsiteY19" fmla="*/ 108544 h 177617"/>
                <a:gd name="connsiteX20" fmla="*/ 437464 w 947292"/>
                <a:gd name="connsiteY20" fmla="*/ 95387 h 177617"/>
                <a:gd name="connsiteX21" fmla="*/ 407861 w 947292"/>
                <a:gd name="connsiteY21" fmla="*/ 85519 h 177617"/>
                <a:gd name="connsiteX22" fmla="*/ 388126 w 947292"/>
                <a:gd name="connsiteY22" fmla="*/ 75652 h 177617"/>
                <a:gd name="connsiteX23" fmla="*/ 381548 w 947292"/>
                <a:gd name="connsiteY23" fmla="*/ 69073 h 177617"/>
                <a:gd name="connsiteX24" fmla="*/ 296028 w 947292"/>
                <a:gd name="connsiteY24" fmla="*/ 55916 h 177617"/>
                <a:gd name="connsiteX25" fmla="*/ 279582 w 947292"/>
                <a:gd name="connsiteY25" fmla="*/ 39470 h 177617"/>
                <a:gd name="connsiteX26" fmla="*/ 249979 w 947292"/>
                <a:gd name="connsiteY26" fmla="*/ 23024 h 177617"/>
                <a:gd name="connsiteX27" fmla="*/ 240112 w 947292"/>
                <a:gd name="connsiteY27" fmla="*/ 19735 h 177617"/>
                <a:gd name="connsiteX28" fmla="*/ 194063 w 947292"/>
                <a:gd name="connsiteY28" fmla="*/ 3289 h 177617"/>
                <a:gd name="connsiteX29" fmla="*/ 184195 w 947292"/>
                <a:gd name="connsiteY29" fmla="*/ 0 h 177617"/>
                <a:gd name="connsiteX30" fmla="*/ 124990 w 947292"/>
                <a:gd name="connsiteY30" fmla="*/ 9868 h 177617"/>
                <a:gd name="connsiteX31" fmla="*/ 105254 w 947292"/>
                <a:gd name="connsiteY31" fmla="*/ 13157 h 177617"/>
                <a:gd name="connsiteX32" fmla="*/ 92097 w 947292"/>
                <a:gd name="connsiteY32" fmla="*/ 16446 h 177617"/>
                <a:gd name="connsiteX33" fmla="*/ 82230 w 947292"/>
                <a:gd name="connsiteY33" fmla="*/ 19735 h 177617"/>
                <a:gd name="connsiteX34" fmla="*/ 0 w 947292"/>
                <a:gd name="connsiteY34"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22984 w 947292"/>
                <a:gd name="connsiteY15" fmla="*/ 138147 h 177617"/>
                <a:gd name="connsiteX16" fmla="*/ 516405 w 947292"/>
                <a:gd name="connsiteY16" fmla="*/ 128279 h 177617"/>
                <a:gd name="connsiteX17" fmla="*/ 476935 w 947292"/>
                <a:gd name="connsiteY17" fmla="*/ 111833 h 177617"/>
                <a:gd name="connsiteX18" fmla="*/ 467067 w 947292"/>
                <a:gd name="connsiteY18" fmla="*/ 108544 h 177617"/>
                <a:gd name="connsiteX19" fmla="*/ 437464 w 947292"/>
                <a:gd name="connsiteY19" fmla="*/ 95387 h 177617"/>
                <a:gd name="connsiteX20" fmla="*/ 407861 w 947292"/>
                <a:gd name="connsiteY20" fmla="*/ 85519 h 177617"/>
                <a:gd name="connsiteX21" fmla="*/ 388126 w 947292"/>
                <a:gd name="connsiteY21" fmla="*/ 75652 h 177617"/>
                <a:gd name="connsiteX22" fmla="*/ 381548 w 947292"/>
                <a:gd name="connsiteY22" fmla="*/ 69073 h 177617"/>
                <a:gd name="connsiteX23" fmla="*/ 296028 w 947292"/>
                <a:gd name="connsiteY23" fmla="*/ 55916 h 177617"/>
                <a:gd name="connsiteX24" fmla="*/ 279582 w 947292"/>
                <a:gd name="connsiteY24" fmla="*/ 39470 h 177617"/>
                <a:gd name="connsiteX25" fmla="*/ 249979 w 947292"/>
                <a:gd name="connsiteY25" fmla="*/ 23024 h 177617"/>
                <a:gd name="connsiteX26" fmla="*/ 240112 w 947292"/>
                <a:gd name="connsiteY26" fmla="*/ 19735 h 177617"/>
                <a:gd name="connsiteX27" fmla="*/ 194063 w 947292"/>
                <a:gd name="connsiteY27" fmla="*/ 3289 h 177617"/>
                <a:gd name="connsiteX28" fmla="*/ 184195 w 947292"/>
                <a:gd name="connsiteY28" fmla="*/ 0 h 177617"/>
                <a:gd name="connsiteX29" fmla="*/ 124990 w 947292"/>
                <a:gd name="connsiteY29" fmla="*/ 9868 h 177617"/>
                <a:gd name="connsiteX30" fmla="*/ 105254 w 947292"/>
                <a:gd name="connsiteY30" fmla="*/ 13157 h 177617"/>
                <a:gd name="connsiteX31" fmla="*/ 92097 w 947292"/>
                <a:gd name="connsiteY31" fmla="*/ 16446 h 177617"/>
                <a:gd name="connsiteX32" fmla="*/ 82230 w 947292"/>
                <a:gd name="connsiteY32" fmla="*/ 19735 h 177617"/>
                <a:gd name="connsiteX33" fmla="*/ 0 w 947292"/>
                <a:gd name="connsiteY33"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381548 w 947292"/>
                <a:gd name="connsiteY21" fmla="*/ 69073 h 177617"/>
                <a:gd name="connsiteX22" fmla="*/ 296028 w 947292"/>
                <a:gd name="connsiteY22" fmla="*/ 55916 h 177617"/>
                <a:gd name="connsiteX23" fmla="*/ 279582 w 947292"/>
                <a:gd name="connsiteY23" fmla="*/ 39470 h 177617"/>
                <a:gd name="connsiteX24" fmla="*/ 249979 w 947292"/>
                <a:gd name="connsiteY24" fmla="*/ 23024 h 177617"/>
                <a:gd name="connsiteX25" fmla="*/ 240112 w 947292"/>
                <a:gd name="connsiteY25" fmla="*/ 19735 h 177617"/>
                <a:gd name="connsiteX26" fmla="*/ 194063 w 947292"/>
                <a:gd name="connsiteY26" fmla="*/ 3289 h 177617"/>
                <a:gd name="connsiteX27" fmla="*/ 184195 w 947292"/>
                <a:gd name="connsiteY27" fmla="*/ 0 h 177617"/>
                <a:gd name="connsiteX28" fmla="*/ 124990 w 947292"/>
                <a:gd name="connsiteY28" fmla="*/ 9868 h 177617"/>
                <a:gd name="connsiteX29" fmla="*/ 105254 w 947292"/>
                <a:gd name="connsiteY29" fmla="*/ 13157 h 177617"/>
                <a:gd name="connsiteX30" fmla="*/ 92097 w 947292"/>
                <a:gd name="connsiteY30" fmla="*/ 16446 h 177617"/>
                <a:gd name="connsiteX31" fmla="*/ 82230 w 947292"/>
                <a:gd name="connsiteY31" fmla="*/ 19735 h 177617"/>
                <a:gd name="connsiteX32" fmla="*/ 0 w 947292"/>
                <a:gd name="connsiteY32"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105254 w 947292"/>
                <a:gd name="connsiteY28" fmla="*/ 13157 h 177617"/>
                <a:gd name="connsiteX29" fmla="*/ 92097 w 947292"/>
                <a:gd name="connsiteY29" fmla="*/ 16446 h 177617"/>
                <a:gd name="connsiteX30" fmla="*/ 82230 w 947292"/>
                <a:gd name="connsiteY30" fmla="*/ 19735 h 177617"/>
                <a:gd name="connsiteX31" fmla="*/ 0 w 947292"/>
                <a:gd name="connsiteY3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92097 w 947292"/>
                <a:gd name="connsiteY28" fmla="*/ 16446 h 177617"/>
                <a:gd name="connsiteX29" fmla="*/ 82230 w 947292"/>
                <a:gd name="connsiteY29" fmla="*/ 19735 h 177617"/>
                <a:gd name="connsiteX30" fmla="*/ 0 w 947292"/>
                <a:gd name="connsiteY30" fmla="*/ 23024 h 177617"/>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72964 w 947292"/>
                <a:gd name="connsiteY9" fmla="*/ 171320 h 174609"/>
                <a:gd name="connsiteX10" fmla="*/ 749939 w 947292"/>
                <a:gd name="connsiteY10" fmla="*/ 174609 h 174609"/>
                <a:gd name="connsiteX11" fmla="*/ 670998 w 947292"/>
                <a:gd name="connsiteY11" fmla="*/ 171320 h 174609"/>
                <a:gd name="connsiteX12" fmla="*/ 651263 w 947292"/>
                <a:gd name="connsiteY12" fmla="*/ 158163 h 174609"/>
                <a:gd name="connsiteX13" fmla="*/ 621660 w 947292"/>
                <a:gd name="connsiteY13" fmla="*/ 148295 h 174609"/>
                <a:gd name="connsiteX14" fmla="*/ 555876 w 947292"/>
                <a:gd name="connsiteY14" fmla="*/ 145006 h 174609"/>
                <a:gd name="connsiteX15" fmla="*/ 516405 w 947292"/>
                <a:gd name="connsiteY15" fmla="*/ 125271 h 174609"/>
                <a:gd name="connsiteX16" fmla="*/ 476935 w 947292"/>
                <a:gd name="connsiteY16" fmla="*/ 108825 h 174609"/>
                <a:gd name="connsiteX17" fmla="*/ 467067 w 947292"/>
                <a:gd name="connsiteY17" fmla="*/ 105536 h 174609"/>
                <a:gd name="connsiteX18" fmla="*/ 437464 w 947292"/>
                <a:gd name="connsiteY18" fmla="*/ 92379 h 174609"/>
                <a:gd name="connsiteX19" fmla="*/ 407861 w 947292"/>
                <a:gd name="connsiteY19" fmla="*/ 82511 h 174609"/>
                <a:gd name="connsiteX20" fmla="*/ 388126 w 947292"/>
                <a:gd name="connsiteY20" fmla="*/ 72644 h 174609"/>
                <a:gd name="connsiteX21" fmla="*/ 296028 w 947292"/>
                <a:gd name="connsiteY21" fmla="*/ 52908 h 174609"/>
                <a:gd name="connsiteX22" fmla="*/ 279582 w 947292"/>
                <a:gd name="connsiteY22" fmla="*/ 36462 h 174609"/>
                <a:gd name="connsiteX23" fmla="*/ 249979 w 947292"/>
                <a:gd name="connsiteY23" fmla="*/ 20016 h 174609"/>
                <a:gd name="connsiteX24" fmla="*/ 240112 w 947292"/>
                <a:gd name="connsiteY24" fmla="*/ 16727 h 174609"/>
                <a:gd name="connsiteX25" fmla="*/ 194063 w 947292"/>
                <a:gd name="connsiteY25" fmla="*/ 281 h 174609"/>
                <a:gd name="connsiteX26" fmla="*/ 124990 w 947292"/>
                <a:gd name="connsiteY26" fmla="*/ 6860 h 174609"/>
                <a:gd name="connsiteX27" fmla="*/ 92097 w 947292"/>
                <a:gd name="connsiteY27" fmla="*/ 13438 h 174609"/>
                <a:gd name="connsiteX28" fmla="*/ 82230 w 947292"/>
                <a:gd name="connsiteY28" fmla="*/ 16727 h 174609"/>
                <a:gd name="connsiteX29" fmla="*/ 0 w 947292"/>
                <a:gd name="connsiteY29"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49939 w 947292"/>
                <a:gd name="connsiteY9" fmla="*/ 174609 h 174609"/>
                <a:gd name="connsiteX10" fmla="*/ 670998 w 947292"/>
                <a:gd name="connsiteY10" fmla="*/ 171320 h 174609"/>
                <a:gd name="connsiteX11" fmla="*/ 651263 w 947292"/>
                <a:gd name="connsiteY11" fmla="*/ 158163 h 174609"/>
                <a:gd name="connsiteX12" fmla="*/ 621660 w 947292"/>
                <a:gd name="connsiteY12" fmla="*/ 148295 h 174609"/>
                <a:gd name="connsiteX13" fmla="*/ 555876 w 947292"/>
                <a:gd name="connsiteY13" fmla="*/ 145006 h 174609"/>
                <a:gd name="connsiteX14" fmla="*/ 516405 w 947292"/>
                <a:gd name="connsiteY14" fmla="*/ 125271 h 174609"/>
                <a:gd name="connsiteX15" fmla="*/ 476935 w 947292"/>
                <a:gd name="connsiteY15" fmla="*/ 108825 h 174609"/>
                <a:gd name="connsiteX16" fmla="*/ 467067 w 947292"/>
                <a:gd name="connsiteY16" fmla="*/ 105536 h 174609"/>
                <a:gd name="connsiteX17" fmla="*/ 437464 w 947292"/>
                <a:gd name="connsiteY17" fmla="*/ 92379 h 174609"/>
                <a:gd name="connsiteX18" fmla="*/ 407861 w 947292"/>
                <a:gd name="connsiteY18" fmla="*/ 82511 h 174609"/>
                <a:gd name="connsiteX19" fmla="*/ 388126 w 947292"/>
                <a:gd name="connsiteY19" fmla="*/ 72644 h 174609"/>
                <a:gd name="connsiteX20" fmla="*/ 296028 w 947292"/>
                <a:gd name="connsiteY20" fmla="*/ 52908 h 174609"/>
                <a:gd name="connsiteX21" fmla="*/ 279582 w 947292"/>
                <a:gd name="connsiteY21" fmla="*/ 36462 h 174609"/>
                <a:gd name="connsiteX22" fmla="*/ 249979 w 947292"/>
                <a:gd name="connsiteY22" fmla="*/ 20016 h 174609"/>
                <a:gd name="connsiteX23" fmla="*/ 240112 w 947292"/>
                <a:gd name="connsiteY23" fmla="*/ 16727 h 174609"/>
                <a:gd name="connsiteX24" fmla="*/ 194063 w 947292"/>
                <a:gd name="connsiteY24" fmla="*/ 281 h 174609"/>
                <a:gd name="connsiteX25" fmla="*/ 124990 w 947292"/>
                <a:gd name="connsiteY25" fmla="*/ 6860 h 174609"/>
                <a:gd name="connsiteX26" fmla="*/ 92097 w 947292"/>
                <a:gd name="connsiteY26" fmla="*/ 13438 h 174609"/>
                <a:gd name="connsiteX27" fmla="*/ 82230 w 947292"/>
                <a:gd name="connsiteY27" fmla="*/ 16727 h 174609"/>
                <a:gd name="connsiteX28" fmla="*/ 0 w 947292"/>
                <a:gd name="connsiteY28"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795988 w 947292"/>
                <a:gd name="connsiteY6" fmla="*/ 164742 h 174609"/>
                <a:gd name="connsiteX7" fmla="*/ 782831 w 947292"/>
                <a:gd name="connsiteY7" fmla="*/ 168031 h 174609"/>
                <a:gd name="connsiteX8" fmla="*/ 749939 w 947292"/>
                <a:gd name="connsiteY8" fmla="*/ 174609 h 174609"/>
                <a:gd name="connsiteX9" fmla="*/ 670998 w 947292"/>
                <a:gd name="connsiteY9" fmla="*/ 171320 h 174609"/>
                <a:gd name="connsiteX10" fmla="*/ 651263 w 947292"/>
                <a:gd name="connsiteY10" fmla="*/ 158163 h 174609"/>
                <a:gd name="connsiteX11" fmla="*/ 621660 w 947292"/>
                <a:gd name="connsiteY11" fmla="*/ 148295 h 174609"/>
                <a:gd name="connsiteX12" fmla="*/ 555876 w 947292"/>
                <a:gd name="connsiteY12" fmla="*/ 145006 h 174609"/>
                <a:gd name="connsiteX13" fmla="*/ 516405 w 947292"/>
                <a:gd name="connsiteY13" fmla="*/ 125271 h 174609"/>
                <a:gd name="connsiteX14" fmla="*/ 476935 w 947292"/>
                <a:gd name="connsiteY14" fmla="*/ 108825 h 174609"/>
                <a:gd name="connsiteX15" fmla="*/ 467067 w 947292"/>
                <a:gd name="connsiteY15" fmla="*/ 105536 h 174609"/>
                <a:gd name="connsiteX16" fmla="*/ 437464 w 947292"/>
                <a:gd name="connsiteY16" fmla="*/ 92379 h 174609"/>
                <a:gd name="connsiteX17" fmla="*/ 407861 w 947292"/>
                <a:gd name="connsiteY17" fmla="*/ 82511 h 174609"/>
                <a:gd name="connsiteX18" fmla="*/ 388126 w 947292"/>
                <a:gd name="connsiteY18" fmla="*/ 72644 h 174609"/>
                <a:gd name="connsiteX19" fmla="*/ 296028 w 947292"/>
                <a:gd name="connsiteY19" fmla="*/ 52908 h 174609"/>
                <a:gd name="connsiteX20" fmla="*/ 279582 w 947292"/>
                <a:gd name="connsiteY20" fmla="*/ 36462 h 174609"/>
                <a:gd name="connsiteX21" fmla="*/ 249979 w 947292"/>
                <a:gd name="connsiteY21" fmla="*/ 20016 h 174609"/>
                <a:gd name="connsiteX22" fmla="*/ 240112 w 947292"/>
                <a:gd name="connsiteY22" fmla="*/ 16727 h 174609"/>
                <a:gd name="connsiteX23" fmla="*/ 194063 w 947292"/>
                <a:gd name="connsiteY23" fmla="*/ 281 h 174609"/>
                <a:gd name="connsiteX24" fmla="*/ 124990 w 947292"/>
                <a:gd name="connsiteY24" fmla="*/ 6860 h 174609"/>
                <a:gd name="connsiteX25" fmla="*/ 92097 w 947292"/>
                <a:gd name="connsiteY25" fmla="*/ 13438 h 174609"/>
                <a:gd name="connsiteX26" fmla="*/ 82230 w 947292"/>
                <a:gd name="connsiteY26" fmla="*/ 16727 h 174609"/>
                <a:gd name="connsiteX27" fmla="*/ 0 w 947292"/>
                <a:gd name="connsiteY27"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795988 w 947292"/>
                <a:gd name="connsiteY5" fmla="*/ 164742 h 174609"/>
                <a:gd name="connsiteX6" fmla="*/ 782831 w 947292"/>
                <a:gd name="connsiteY6" fmla="*/ 168031 h 174609"/>
                <a:gd name="connsiteX7" fmla="*/ 749939 w 947292"/>
                <a:gd name="connsiteY7" fmla="*/ 174609 h 174609"/>
                <a:gd name="connsiteX8" fmla="*/ 670998 w 947292"/>
                <a:gd name="connsiteY8" fmla="*/ 171320 h 174609"/>
                <a:gd name="connsiteX9" fmla="*/ 651263 w 947292"/>
                <a:gd name="connsiteY9" fmla="*/ 158163 h 174609"/>
                <a:gd name="connsiteX10" fmla="*/ 621660 w 947292"/>
                <a:gd name="connsiteY10" fmla="*/ 148295 h 174609"/>
                <a:gd name="connsiteX11" fmla="*/ 555876 w 947292"/>
                <a:gd name="connsiteY11" fmla="*/ 145006 h 174609"/>
                <a:gd name="connsiteX12" fmla="*/ 516405 w 947292"/>
                <a:gd name="connsiteY12" fmla="*/ 125271 h 174609"/>
                <a:gd name="connsiteX13" fmla="*/ 476935 w 947292"/>
                <a:gd name="connsiteY13" fmla="*/ 108825 h 174609"/>
                <a:gd name="connsiteX14" fmla="*/ 467067 w 947292"/>
                <a:gd name="connsiteY14" fmla="*/ 105536 h 174609"/>
                <a:gd name="connsiteX15" fmla="*/ 437464 w 947292"/>
                <a:gd name="connsiteY15" fmla="*/ 92379 h 174609"/>
                <a:gd name="connsiteX16" fmla="*/ 407861 w 947292"/>
                <a:gd name="connsiteY16" fmla="*/ 82511 h 174609"/>
                <a:gd name="connsiteX17" fmla="*/ 388126 w 947292"/>
                <a:gd name="connsiteY17" fmla="*/ 72644 h 174609"/>
                <a:gd name="connsiteX18" fmla="*/ 296028 w 947292"/>
                <a:gd name="connsiteY18" fmla="*/ 52908 h 174609"/>
                <a:gd name="connsiteX19" fmla="*/ 279582 w 947292"/>
                <a:gd name="connsiteY19" fmla="*/ 36462 h 174609"/>
                <a:gd name="connsiteX20" fmla="*/ 249979 w 947292"/>
                <a:gd name="connsiteY20" fmla="*/ 20016 h 174609"/>
                <a:gd name="connsiteX21" fmla="*/ 240112 w 947292"/>
                <a:gd name="connsiteY21" fmla="*/ 16727 h 174609"/>
                <a:gd name="connsiteX22" fmla="*/ 194063 w 947292"/>
                <a:gd name="connsiteY22" fmla="*/ 281 h 174609"/>
                <a:gd name="connsiteX23" fmla="*/ 124990 w 947292"/>
                <a:gd name="connsiteY23" fmla="*/ 6860 h 174609"/>
                <a:gd name="connsiteX24" fmla="*/ 92097 w 947292"/>
                <a:gd name="connsiteY24" fmla="*/ 13438 h 174609"/>
                <a:gd name="connsiteX25" fmla="*/ 82230 w 947292"/>
                <a:gd name="connsiteY25" fmla="*/ 16727 h 174609"/>
                <a:gd name="connsiteX26" fmla="*/ 0 w 947292"/>
                <a:gd name="connsiteY26" fmla="*/ 20016 h 174609"/>
                <a:gd name="connsiteX0" fmla="*/ 947292 w 947292"/>
                <a:gd name="connsiteY0" fmla="*/ 161452 h 174609"/>
                <a:gd name="connsiteX1" fmla="*/ 930846 w 947292"/>
                <a:gd name="connsiteY1" fmla="*/ 151585 h 174609"/>
                <a:gd name="connsiteX2" fmla="*/ 914400 w 947292"/>
                <a:gd name="connsiteY2" fmla="*/ 138428 h 174609"/>
                <a:gd name="connsiteX3" fmla="*/ 861772 w 947292"/>
                <a:gd name="connsiteY3" fmla="*/ 145006 h 174609"/>
                <a:gd name="connsiteX4" fmla="*/ 795988 w 947292"/>
                <a:gd name="connsiteY4" fmla="*/ 164742 h 174609"/>
                <a:gd name="connsiteX5" fmla="*/ 782831 w 947292"/>
                <a:gd name="connsiteY5" fmla="*/ 168031 h 174609"/>
                <a:gd name="connsiteX6" fmla="*/ 749939 w 947292"/>
                <a:gd name="connsiteY6" fmla="*/ 174609 h 174609"/>
                <a:gd name="connsiteX7" fmla="*/ 670998 w 947292"/>
                <a:gd name="connsiteY7" fmla="*/ 171320 h 174609"/>
                <a:gd name="connsiteX8" fmla="*/ 651263 w 947292"/>
                <a:gd name="connsiteY8" fmla="*/ 158163 h 174609"/>
                <a:gd name="connsiteX9" fmla="*/ 621660 w 947292"/>
                <a:gd name="connsiteY9" fmla="*/ 148295 h 174609"/>
                <a:gd name="connsiteX10" fmla="*/ 555876 w 947292"/>
                <a:gd name="connsiteY10" fmla="*/ 145006 h 174609"/>
                <a:gd name="connsiteX11" fmla="*/ 516405 w 947292"/>
                <a:gd name="connsiteY11" fmla="*/ 125271 h 174609"/>
                <a:gd name="connsiteX12" fmla="*/ 476935 w 947292"/>
                <a:gd name="connsiteY12" fmla="*/ 108825 h 174609"/>
                <a:gd name="connsiteX13" fmla="*/ 467067 w 947292"/>
                <a:gd name="connsiteY13" fmla="*/ 105536 h 174609"/>
                <a:gd name="connsiteX14" fmla="*/ 437464 w 947292"/>
                <a:gd name="connsiteY14" fmla="*/ 92379 h 174609"/>
                <a:gd name="connsiteX15" fmla="*/ 407861 w 947292"/>
                <a:gd name="connsiteY15" fmla="*/ 82511 h 174609"/>
                <a:gd name="connsiteX16" fmla="*/ 388126 w 947292"/>
                <a:gd name="connsiteY16" fmla="*/ 72644 h 174609"/>
                <a:gd name="connsiteX17" fmla="*/ 296028 w 947292"/>
                <a:gd name="connsiteY17" fmla="*/ 52908 h 174609"/>
                <a:gd name="connsiteX18" fmla="*/ 279582 w 947292"/>
                <a:gd name="connsiteY18" fmla="*/ 36462 h 174609"/>
                <a:gd name="connsiteX19" fmla="*/ 249979 w 947292"/>
                <a:gd name="connsiteY19" fmla="*/ 20016 h 174609"/>
                <a:gd name="connsiteX20" fmla="*/ 240112 w 947292"/>
                <a:gd name="connsiteY20" fmla="*/ 16727 h 174609"/>
                <a:gd name="connsiteX21" fmla="*/ 194063 w 947292"/>
                <a:gd name="connsiteY21" fmla="*/ 281 h 174609"/>
                <a:gd name="connsiteX22" fmla="*/ 124990 w 947292"/>
                <a:gd name="connsiteY22" fmla="*/ 6860 h 174609"/>
                <a:gd name="connsiteX23" fmla="*/ 92097 w 947292"/>
                <a:gd name="connsiteY23" fmla="*/ 13438 h 174609"/>
                <a:gd name="connsiteX24" fmla="*/ 82230 w 947292"/>
                <a:gd name="connsiteY24" fmla="*/ 16727 h 174609"/>
                <a:gd name="connsiteX25" fmla="*/ 0 w 947292"/>
                <a:gd name="connsiteY25" fmla="*/ 20016 h 174609"/>
                <a:gd name="connsiteX0" fmla="*/ 947292 w 947292"/>
                <a:gd name="connsiteY0" fmla="*/ 161452 h 174609"/>
                <a:gd name="connsiteX1" fmla="*/ 914400 w 947292"/>
                <a:gd name="connsiteY1" fmla="*/ 138428 h 174609"/>
                <a:gd name="connsiteX2" fmla="*/ 861772 w 947292"/>
                <a:gd name="connsiteY2" fmla="*/ 145006 h 174609"/>
                <a:gd name="connsiteX3" fmla="*/ 795988 w 947292"/>
                <a:gd name="connsiteY3" fmla="*/ 164742 h 174609"/>
                <a:gd name="connsiteX4" fmla="*/ 782831 w 947292"/>
                <a:gd name="connsiteY4" fmla="*/ 168031 h 174609"/>
                <a:gd name="connsiteX5" fmla="*/ 749939 w 947292"/>
                <a:gd name="connsiteY5" fmla="*/ 174609 h 174609"/>
                <a:gd name="connsiteX6" fmla="*/ 670998 w 947292"/>
                <a:gd name="connsiteY6" fmla="*/ 171320 h 174609"/>
                <a:gd name="connsiteX7" fmla="*/ 651263 w 947292"/>
                <a:gd name="connsiteY7" fmla="*/ 158163 h 174609"/>
                <a:gd name="connsiteX8" fmla="*/ 621660 w 947292"/>
                <a:gd name="connsiteY8" fmla="*/ 148295 h 174609"/>
                <a:gd name="connsiteX9" fmla="*/ 555876 w 947292"/>
                <a:gd name="connsiteY9" fmla="*/ 145006 h 174609"/>
                <a:gd name="connsiteX10" fmla="*/ 516405 w 947292"/>
                <a:gd name="connsiteY10" fmla="*/ 125271 h 174609"/>
                <a:gd name="connsiteX11" fmla="*/ 476935 w 947292"/>
                <a:gd name="connsiteY11" fmla="*/ 108825 h 174609"/>
                <a:gd name="connsiteX12" fmla="*/ 467067 w 947292"/>
                <a:gd name="connsiteY12" fmla="*/ 105536 h 174609"/>
                <a:gd name="connsiteX13" fmla="*/ 437464 w 947292"/>
                <a:gd name="connsiteY13" fmla="*/ 92379 h 174609"/>
                <a:gd name="connsiteX14" fmla="*/ 407861 w 947292"/>
                <a:gd name="connsiteY14" fmla="*/ 82511 h 174609"/>
                <a:gd name="connsiteX15" fmla="*/ 388126 w 947292"/>
                <a:gd name="connsiteY15" fmla="*/ 72644 h 174609"/>
                <a:gd name="connsiteX16" fmla="*/ 296028 w 947292"/>
                <a:gd name="connsiteY16" fmla="*/ 52908 h 174609"/>
                <a:gd name="connsiteX17" fmla="*/ 279582 w 947292"/>
                <a:gd name="connsiteY17" fmla="*/ 36462 h 174609"/>
                <a:gd name="connsiteX18" fmla="*/ 249979 w 947292"/>
                <a:gd name="connsiteY18" fmla="*/ 20016 h 174609"/>
                <a:gd name="connsiteX19" fmla="*/ 240112 w 947292"/>
                <a:gd name="connsiteY19" fmla="*/ 16727 h 174609"/>
                <a:gd name="connsiteX20" fmla="*/ 194063 w 947292"/>
                <a:gd name="connsiteY20" fmla="*/ 281 h 174609"/>
                <a:gd name="connsiteX21" fmla="*/ 124990 w 947292"/>
                <a:gd name="connsiteY21" fmla="*/ 6860 h 174609"/>
                <a:gd name="connsiteX22" fmla="*/ 92097 w 947292"/>
                <a:gd name="connsiteY22" fmla="*/ 13438 h 174609"/>
                <a:gd name="connsiteX23" fmla="*/ 82230 w 947292"/>
                <a:gd name="connsiteY23" fmla="*/ 16727 h 174609"/>
                <a:gd name="connsiteX24" fmla="*/ 0 w 947292"/>
                <a:gd name="connsiteY24" fmla="*/ 20016 h 174609"/>
                <a:gd name="connsiteX0" fmla="*/ 965082 w 965082"/>
                <a:gd name="connsiteY0" fmla="*/ 129430 h 174609"/>
                <a:gd name="connsiteX1" fmla="*/ 914400 w 965082"/>
                <a:gd name="connsiteY1" fmla="*/ 138428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65082 w 965082"/>
                <a:gd name="connsiteY0" fmla="*/ 129430 h 174609"/>
                <a:gd name="connsiteX1" fmla="*/ 921516 w 965082"/>
                <a:gd name="connsiteY1" fmla="*/ 124196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93546 w 993546"/>
                <a:gd name="connsiteY0" fmla="*/ 115198 h 174609"/>
                <a:gd name="connsiteX1" fmla="*/ 921516 w 993546"/>
                <a:gd name="connsiteY1" fmla="*/ 124196 h 174609"/>
                <a:gd name="connsiteX2" fmla="*/ 861772 w 993546"/>
                <a:gd name="connsiteY2" fmla="*/ 145006 h 174609"/>
                <a:gd name="connsiteX3" fmla="*/ 795988 w 993546"/>
                <a:gd name="connsiteY3" fmla="*/ 164742 h 174609"/>
                <a:gd name="connsiteX4" fmla="*/ 782831 w 993546"/>
                <a:gd name="connsiteY4" fmla="*/ 168031 h 174609"/>
                <a:gd name="connsiteX5" fmla="*/ 749939 w 993546"/>
                <a:gd name="connsiteY5" fmla="*/ 174609 h 174609"/>
                <a:gd name="connsiteX6" fmla="*/ 670998 w 993546"/>
                <a:gd name="connsiteY6" fmla="*/ 171320 h 174609"/>
                <a:gd name="connsiteX7" fmla="*/ 651263 w 993546"/>
                <a:gd name="connsiteY7" fmla="*/ 158163 h 174609"/>
                <a:gd name="connsiteX8" fmla="*/ 621660 w 993546"/>
                <a:gd name="connsiteY8" fmla="*/ 148295 h 174609"/>
                <a:gd name="connsiteX9" fmla="*/ 555876 w 993546"/>
                <a:gd name="connsiteY9" fmla="*/ 145006 h 174609"/>
                <a:gd name="connsiteX10" fmla="*/ 516405 w 993546"/>
                <a:gd name="connsiteY10" fmla="*/ 125271 h 174609"/>
                <a:gd name="connsiteX11" fmla="*/ 476935 w 993546"/>
                <a:gd name="connsiteY11" fmla="*/ 108825 h 174609"/>
                <a:gd name="connsiteX12" fmla="*/ 467067 w 993546"/>
                <a:gd name="connsiteY12" fmla="*/ 105536 h 174609"/>
                <a:gd name="connsiteX13" fmla="*/ 437464 w 993546"/>
                <a:gd name="connsiteY13" fmla="*/ 92379 h 174609"/>
                <a:gd name="connsiteX14" fmla="*/ 407861 w 993546"/>
                <a:gd name="connsiteY14" fmla="*/ 82511 h 174609"/>
                <a:gd name="connsiteX15" fmla="*/ 388126 w 993546"/>
                <a:gd name="connsiteY15" fmla="*/ 72644 h 174609"/>
                <a:gd name="connsiteX16" fmla="*/ 296028 w 993546"/>
                <a:gd name="connsiteY16" fmla="*/ 52908 h 174609"/>
                <a:gd name="connsiteX17" fmla="*/ 279582 w 993546"/>
                <a:gd name="connsiteY17" fmla="*/ 36462 h 174609"/>
                <a:gd name="connsiteX18" fmla="*/ 249979 w 993546"/>
                <a:gd name="connsiteY18" fmla="*/ 20016 h 174609"/>
                <a:gd name="connsiteX19" fmla="*/ 240112 w 993546"/>
                <a:gd name="connsiteY19" fmla="*/ 16727 h 174609"/>
                <a:gd name="connsiteX20" fmla="*/ 194063 w 993546"/>
                <a:gd name="connsiteY20" fmla="*/ 281 h 174609"/>
                <a:gd name="connsiteX21" fmla="*/ 124990 w 993546"/>
                <a:gd name="connsiteY21" fmla="*/ 6860 h 174609"/>
                <a:gd name="connsiteX22" fmla="*/ 92097 w 993546"/>
                <a:gd name="connsiteY22" fmla="*/ 13438 h 174609"/>
                <a:gd name="connsiteX23" fmla="*/ 82230 w 993546"/>
                <a:gd name="connsiteY23" fmla="*/ 16727 h 174609"/>
                <a:gd name="connsiteX24" fmla="*/ 0 w 993546"/>
                <a:gd name="connsiteY24" fmla="*/ 20016 h 17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93546" h="174609">
                  <a:moveTo>
                    <a:pt x="993546" y="115198"/>
                  </a:moveTo>
                  <a:cubicBezTo>
                    <a:pt x="986694" y="110401"/>
                    <a:pt x="935769" y="126937"/>
                    <a:pt x="921516" y="124196"/>
                  </a:cubicBezTo>
                  <a:lnTo>
                    <a:pt x="861772" y="145006"/>
                  </a:lnTo>
                  <a:cubicBezTo>
                    <a:pt x="842037" y="149392"/>
                    <a:pt x="809145" y="160905"/>
                    <a:pt x="795988" y="164742"/>
                  </a:cubicBezTo>
                  <a:cubicBezTo>
                    <a:pt x="782831" y="168579"/>
                    <a:pt x="790506" y="166387"/>
                    <a:pt x="782831" y="168031"/>
                  </a:cubicBezTo>
                  <a:cubicBezTo>
                    <a:pt x="775156" y="169675"/>
                    <a:pt x="768578" y="174061"/>
                    <a:pt x="749939" y="174609"/>
                  </a:cubicBezTo>
                  <a:cubicBezTo>
                    <a:pt x="723625" y="173513"/>
                    <a:pt x="696976" y="175650"/>
                    <a:pt x="670998" y="171320"/>
                  </a:cubicBezTo>
                  <a:cubicBezTo>
                    <a:pt x="663199" y="170020"/>
                    <a:pt x="658764" y="160663"/>
                    <a:pt x="651263" y="158163"/>
                  </a:cubicBezTo>
                  <a:lnTo>
                    <a:pt x="621660" y="148295"/>
                  </a:lnTo>
                  <a:cubicBezTo>
                    <a:pt x="600832" y="141351"/>
                    <a:pt x="577804" y="146102"/>
                    <a:pt x="555876" y="145006"/>
                  </a:cubicBezTo>
                  <a:cubicBezTo>
                    <a:pt x="538334" y="141169"/>
                    <a:pt x="529562" y="131301"/>
                    <a:pt x="516405" y="125271"/>
                  </a:cubicBezTo>
                  <a:cubicBezTo>
                    <a:pt x="503248" y="119241"/>
                    <a:pt x="485158" y="112114"/>
                    <a:pt x="476935" y="108825"/>
                  </a:cubicBezTo>
                  <a:lnTo>
                    <a:pt x="467067" y="105536"/>
                  </a:lnTo>
                  <a:cubicBezTo>
                    <a:pt x="460489" y="102795"/>
                    <a:pt x="447332" y="96216"/>
                    <a:pt x="437464" y="92379"/>
                  </a:cubicBezTo>
                  <a:lnTo>
                    <a:pt x="407861" y="82511"/>
                  </a:lnTo>
                  <a:cubicBezTo>
                    <a:pt x="399638" y="79222"/>
                    <a:pt x="406765" y="77578"/>
                    <a:pt x="388126" y="72644"/>
                  </a:cubicBezTo>
                  <a:cubicBezTo>
                    <a:pt x="369487" y="67710"/>
                    <a:pt x="314119" y="58938"/>
                    <a:pt x="296028" y="52908"/>
                  </a:cubicBezTo>
                  <a:lnTo>
                    <a:pt x="279582" y="36462"/>
                  </a:lnTo>
                  <a:cubicBezTo>
                    <a:pt x="271907" y="30980"/>
                    <a:pt x="256557" y="23305"/>
                    <a:pt x="249979" y="20016"/>
                  </a:cubicBezTo>
                  <a:cubicBezTo>
                    <a:pt x="243401" y="16727"/>
                    <a:pt x="249431" y="20016"/>
                    <a:pt x="240112" y="16727"/>
                  </a:cubicBezTo>
                  <a:lnTo>
                    <a:pt x="194063" y="281"/>
                  </a:lnTo>
                  <a:cubicBezTo>
                    <a:pt x="174876" y="-1363"/>
                    <a:pt x="141984" y="4667"/>
                    <a:pt x="124990" y="6860"/>
                  </a:cubicBezTo>
                  <a:cubicBezTo>
                    <a:pt x="107996" y="9053"/>
                    <a:pt x="99224" y="11793"/>
                    <a:pt x="92097" y="13438"/>
                  </a:cubicBezTo>
                  <a:cubicBezTo>
                    <a:pt x="84970" y="15083"/>
                    <a:pt x="85681" y="16398"/>
                    <a:pt x="82230" y="16727"/>
                  </a:cubicBezTo>
                  <a:cubicBezTo>
                    <a:pt x="43224" y="20442"/>
                    <a:pt x="31971" y="20016"/>
                    <a:pt x="0" y="20016"/>
                  </a:cubicBezTo>
                </a:path>
              </a:pathLst>
            </a:custGeom>
            <a:noFill/>
            <a:ln w="76200" cap="flat">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nvGrpSpPr>
          <p:cNvPr id="16" name="SWP Westside"/>
          <p:cNvGrpSpPr/>
          <p:nvPr/>
        </p:nvGrpSpPr>
        <p:grpSpPr>
          <a:xfrm>
            <a:off x="2585318" y="1381953"/>
            <a:ext cx="759807" cy="1181071"/>
            <a:chOff x="2585318" y="1381953"/>
            <a:chExt cx="759807" cy="1181071"/>
          </a:xfrm>
          <a:effectLst>
            <a:outerShdw dist="50800" dir="5400000" algn="ctr" rotWithShape="0">
              <a:schemeClr val="tx1"/>
            </a:outerShdw>
          </a:effectLst>
        </p:grpSpPr>
        <p:sp>
          <p:nvSpPr>
            <p:cNvPr id="17" name="Freeform 16"/>
            <p:cNvSpPr/>
            <p:nvPr/>
          </p:nvSpPr>
          <p:spPr bwMode="auto">
            <a:xfrm>
              <a:off x="2980023" y="1845246"/>
              <a:ext cx="365102" cy="128279"/>
            </a:xfrm>
            <a:custGeom>
              <a:avLst/>
              <a:gdLst>
                <a:gd name="connsiteX0" fmla="*/ 0 w 365102"/>
                <a:gd name="connsiteY0" fmla="*/ 0 h 128279"/>
                <a:gd name="connsiteX1" fmla="*/ 19735 w 365102"/>
                <a:gd name="connsiteY1" fmla="*/ 3289 h 128279"/>
                <a:gd name="connsiteX2" fmla="*/ 26314 w 365102"/>
                <a:gd name="connsiteY2" fmla="*/ 9868 h 128279"/>
                <a:gd name="connsiteX3" fmla="*/ 46049 w 365102"/>
                <a:gd name="connsiteY3" fmla="*/ 19735 h 128279"/>
                <a:gd name="connsiteX4" fmla="*/ 78941 w 365102"/>
                <a:gd name="connsiteY4" fmla="*/ 29603 h 128279"/>
                <a:gd name="connsiteX5" fmla="*/ 101965 w 365102"/>
                <a:gd name="connsiteY5" fmla="*/ 36181 h 128279"/>
                <a:gd name="connsiteX6" fmla="*/ 138147 w 365102"/>
                <a:gd name="connsiteY6" fmla="*/ 39471 h 128279"/>
                <a:gd name="connsiteX7" fmla="*/ 167750 w 365102"/>
                <a:gd name="connsiteY7" fmla="*/ 42760 h 128279"/>
                <a:gd name="connsiteX8" fmla="*/ 190774 w 365102"/>
                <a:gd name="connsiteY8" fmla="*/ 49338 h 128279"/>
                <a:gd name="connsiteX9" fmla="*/ 210509 w 365102"/>
                <a:gd name="connsiteY9" fmla="*/ 55917 h 128279"/>
                <a:gd name="connsiteX10" fmla="*/ 236823 w 365102"/>
                <a:gd name="connsiteY10" fmla="*/ 59206 h 128279"/>
                <a:gd name="connsiteX11" fmla="*/ 256558 w 365102"/>
                <a:gd name="connsiteY11" fmla="*/ 65784 h 128279"/>
                <a:gd name="connsiteX12" fmla="*/ 269715 w 365102"/>
                <a:gd name="connsiteY12" fmla="*/ 69073 h 128279"/>
                <a:gd name="connsiteX13" fmla="*/ 289450 w 365102"/>
                <a:gd name="connsiteY13" fmla="*/ 75652 h 128279"/>
                <a:gd name="connsiteX14" fmla="*/ 302607 w 365102"/>
                <a:gd name="connsiteY14" fmla="*/ 92098 h 128279"/>
                <a:gd name="connsiteX15" fmla="*/ 312475 w 365102"/>
                <a:gd name="connsiteY15" fmla="*/ 95387 h 128279"/>
                <a:gd name="connsiteX16" fmla="*/ 328921 w 365102"/>
                <a:gd name="connsiteY16" fmla="*/ 105255 h 128279"/>
                <a:gd name="connsiteX17" fmla="*/ 348656 w 365102"/>
                <a:gd name="connsiteY17" fmla="*/ 115122 h 128279"/>
                <a:gd name="connsiteX18" fmla="*/ 365102 w 365102"/>
                <a:gd name="connsiteY18" fmla="*/ 128279 h 1282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65102" h="128279">
                  <a:moveTo>
                    <a:pt x="0" y="0"/>
                  </a:moveTo>
                  <a:cubicBezTo>
                    <a:pt x="6578" y="1096"/>
                    <a:pt x="13491" y="947"/>
                    <a:pt x="19735" y="3289"/>
                  </a:cubicBezTo>
                  <a:cubicBezTo>
                    <a:pt x="22639" y="4378"/>
                    <a:pt x="23892" y="7931"/>
                    <a:pt x="26314" y="9868"/>
                  </a:cubicBezTo>
                  <a:cubicBezTo>
                    <a:pt x="34324" y="16276"/>
                    <a:pt x="36591" y="17032"/>
                    <a:pt x="46049" y="19735"/>
                  </a:cubicBezTo>
                  <a:cubicBezTo>
                    <a:pt x="80845" y="29677"/>
                    <a:pt x="32045" y="13972"/>
                    <a:pt x="78941" y="29603"/>
                  </a:cubicBezTo>
                  <a:cubicBezTo>
                    <a:pt x="85705" y="31857"/>
                    <a:pt x="95083" y="35263"/>
                    <a:pt x="101965" y="36181"/>
                  </a:cubicBezTo>
                  <a:cubicBezTo>
                    <a:pt x="113969" y="37782"/>
                    <a:pt x="126097" y="38266"/>
                    <a:pt x="138147" y="39471"/>
                  </a:cubicBezTo>
                  <a:cubicBezTo>
                    <a:pt x="148026" y="40459"/>
                    <a:pt x="157882" y="41664"/>
                    <a:pt x="167750" y="42760"/>
                  </a:cubicBezTo>
                  <a:cubicBezTo>
                    <a:pt x="200929" y="53820"/>
                    <a:pt x="149448" y="36940"/>
                    <a:pt x="190774" y="49338"/>
                  </a:cubicBezTo>
                  <a:cubicBezTo>
                    <a:pt x="197416" y="51331"/>
                    <a:pt x="203931" y="53724"/>
                    <a:pt x="210509" y="55917"/>
                  </a:cubicBezTo>
                  <a:cubicBezTo>
                    <a:pt x="218895" y="58713"/>
                    <a:pt x="228052" y="58110"/>
                    <a:pt x="236823" y="59206"/>
                  </a:cubicBezTo>
                  <a:cubicBezTo>
                    <a:pt x="243401" y="61399"/>
                    <a:pt x="249831" y="64102"/>
                    <a:pt x="256558" y="65784"/>
                  </a:cubicBezTo>
                  <a:cubicBezTo>
                    <a:pt x="260944" y="66880"/>
                    <a:pt x="265385" y="67774"/>
                    <a:pt x="269715" y="69073"/>
                  </a:cubicBezTo>
                  <a:cubicBezTo>
                    <a:pt x="276357" y="71066"/>
                    <a:pt x="289450" y="75652"/>
                    <a:pt x="289450" y="75652"/>
                  </a:cubicBezTo>
                  <a:cubicBezTo>
                    <a:pt x="292436" y="80130"/>
                    <a:pt x="297402" y="88975"/>
                    <a:pt x="302607" y="92098"/>
                  </a:cubicBezTo>
                  <a:cubicBezTo>
                    <a:pt x="305580" y="93882"/>
                    <a:pt x="309186" y="94291"/>
                    <a:pt x="312475" y="95387"/>
                  </a:cubicBezTo>
                  <a:cubicBezTo>
                    <a:pt x="325322" y="108236"/>
                    <a:pt x="311843" y="96717"/>
                    <a:pt x="328921" y="105255"/>
                  </a:cubicBezTo>
                  <a:cubicBezTo>
                    <a:pt x="354429" y="118008"/>
                    <a:pt x="323852" y="106854"/>
                    <a:pt x="348656" y="115122"/>
                  </a:cubicBezTo>
                  <a:cubicBezTo>
                    <a:pt x="361104" y="123421"/>
                    <a:pt x="355729" y="118906"/>
                    <a:pt x="365102" y="128279"/>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8" name="Freeform 17"/>
            <p:cNvSpPr/>
            <p:nvPr/>
          </p:nvSpPr>
          <p:spPr bwMode="auto">
            <a:xfrm>
              <a:off x="3016204" y="2009706"/>
              <a:ext cx="236846" cy="85520"/>
            </a:xfrm>
            <a:custGeom>
              <a:avLst/>
              <a:gdLst>
                <a:gd name="connsiteX0" fmla="*/ 0 w 236846"/>
                <a:gd name="connsiteY0" fmla="*/ 0 h 85520"/>
                <a:gd name="connsiteX1" fmla="*/ 16446 w 236846"/>
                <a:gd name="connsiteY1" fmla="*/ 3290 h 85520"/>
                <a:gd name="connsiteX2" fmla="*/ 148015 w 236846"/>
                <a:gd name="connsiteY2" fmla="*/ 9868 h 85520"/>
                <a:gd name="connsiteX3" fmla="*/ 171039 w 236846"/>
                <a:gd name="connsiteY3" fmla="*/ 29603 h 85520"/>
                <a:gd name="connsiteX4" fmla="*/ 177618 w 236846"/>
                <a:gd name="connsiteY4" fmla="*/ 36182 h 85520"/>
                <a:gd name="connsiteX5" fmla="*/ 207220 w 236846"/>
                <a:gd name="connsiteY5" fmla="*/ 55917 h 85520"/>
                <a:gd name="connsiteX6" fmla="*/ 217088 w 236846"/>
                <a:gd name="connsiteY6" fmla="*/ 59206 h 85520"/>
                <a:gd name="connsiteX7" fmla="*/ 230245 w 236846"/>
                <a:gd name="connsiteY7" fmla="*/ 75652 h 85520"/>
                <a:gd name="connsiteX8" fmla="*/ 236823 w 236846"/>
                <a:gd name="connsiteY8" fmla="*/ 85520 h 85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6846" h="85520">
                  <a:moveTo>
                    <a:pt x="0" y="0"/>
                  </a:moveTo>
                  <a:cubicBezTo>
                    <a:pt x="5482" y="1097"/>
                    <a:pt x="10862" y="3018"/>
                    <a:pt x="16446" y="3290"/>
                  </a:cubicBezTo>
                  <a:cubicBezTo>
                    <a:pt x="152213" y="9913"/>
                    <a:pt x="95081" y="-3364"/>
                    <a:pt x="148015" y="9868"/>
                  </a:cubicBezTo>
                  <a:cubicBezTo>
                    <a:pt x="179689" y="41542"/>
                    <a:pt x="145991" y="9565"/>
                    <a:pt x="171039" y="29603"/>
                  </a:cubicBezTo>
                  <a:cubicBezTo>
                    <a:pt x="173461" y="31540"/>
                    <a:pt x="175137" y="34321"/>
                    <a:pt x="177618" y="36182"/>
                  </a:cubicBezTo>
                  <a:cubicBezTo>
                    <a:pt x="177623" y="36185"/>
                    <a:pt x="202284" y="52626"/>
                    <a:pt x="207220" y="55917"/>
                  </a:cubicBezTo>
                  <a:cubicBezTo>
                    <a:pt x="210105" y="57840"/>
                    <a:pt x="213799" y="58110"/>
                    <a:pt x="217088" y="59206"/>
                  </a:cubicBezTo>
                  <a:cubicBezTo>
                    <a:pt x="232969" y="75087"/>
                    <a:pt x="213653" y="54911"/>
                    <a:pt x="230245" y="75652"/>
                  </a:cubicBezTo>
                  <a:cubicBezTo>
                    <a:pt x="237598" y="84844"/>
                    <a:pt x="236823" y="78480"/>
                    <a:pt x="236823" y="8552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0" name="Freeform 19"/>
            <p:cNvSpPr/>
            <p:nvPr/>
          </p:nvSpPr>
          <p:spPr bwMode="auto">
            <a:xfrm>
              <a:off x="2585318" y="2006414"/>
              <a:ext cx="417729" cy="302610"/>
            </a:xfrm>
            <a:custGeom>
              <a:avLst/>
              <a:gdLst>
                <a:gd name="connsiteX0" fmla="*/ 417729 w 417729"/>
                <a:gd name="connsiteY0" fmla="*/ 6582 h 302610"/>
                <a:gd name="connsiteX1" fmla="*/ 332210 w 417729"/>
                <a:gd name="connsiteY1" fmla="*/ 3 h 302610"/>
                <a:gd name="connsiteX2" fmla="*/ 322342 w 417729"/>
                <a:gd name="connsiteY2" fmla="*/ 3292 h 302610"/>
                <a:gd name="connsiteX3" fmla="*/ 319053 w 417729"/>
                <a:gd name="connsiteY3" fmla="*/ 13160 h 302610"/>
                <a:gd name="connsiteX4" fmla="*/ 305896 w 417729"/>
                <a:gd name="connsiteY4" fmla="*/ 29606 h 302610"/>
                <a:gd name="connsiteX5" fmla="*/ 276294 w 417729"/>
                <a:gd name="connsiteY5" fmla="*/ 26317 h 302610"/>
                <a:gd name="connsiteX6" fmla="*/ 259847 w 417729"/>
                <a:gd name="connsiteY6" fmla="*/ 23028 h 302610"/>
                <a:gd name="connsiteX7" fmla="*/ 240112 w 417729"/>
                <a:gd name="connsiteY7" fmla="*/ 19739 h 302610"/>
                <a:gd name="connsiteX8" fmla="*/ 161171 w 417729"/>
                <a:gd name="connsiteY8" fmla="*/ 19739 h 302610"/>
                <a:gd name="connsiteX9" fmla="*/ 148014 w 417729"/>
                <a:gd name="connsiteY9" fmla="*/ 23028 h 302610"/>
                <a:gd name="connsiteX10" fmla="*/ 131568 w 417729"/>
                <a:gd name="connsiteY10" fmla="*/ 29606 h 302610"/>
                <a:gd name="connsiteX11" fmla="*/ 124990 w 417729"/>
                <a:gd name="connsiteY11" fmla="*/ 36185 h 302610"/>
                <a:gd name="connsiteX12" fmla="*/ 121701 w 417729"/>
                <a:gd name="connsiteY12" fmla="*/ 59209 h 302610"/>
                <a:gd name="connsiteX13" fmla="*/ 118411 w 417729"/>
                <a:gd name="connsiteY13" fmla="*/ 101969 h 302610"/>
                <a:gd name="connsiteX14" fmla="*/ 101965 w 417729"/>
                <a:gd name="connsiteY14" fmla="*/ 124993 h 302610"/>
                <a:gd name="connsiteX15" fmla="*/ 82230 w 417729"/>
                <a:gd name="connsiteY15" fmla="*/ 128282 h 302610"/>
                <a:gd name="connsiteX16" fmla="*/ 72363 w 417729"/>
                <a:gd name="connsiteY16" fmla="*/ 131572 h 302610"/>
                <a:gd name="connsiteX17" fmla="*/ 55917 w 417729"/>
                <a:gd name="connsiteY17" fmla="*/ 148018 h 302610"/>
                <a:gd name="connsiteX18" fmla="*/ 49338 w 417729"/>
                <a:gd name="connsiteY18" fmla="*/ 207223 h 302610"/>
                <a:gd name="connsiteX19" fmla="*/ 46049 w 417729"/>
                <a:gd name="connsiteY19" fmla="*/ 249983 h 302610"/>
                <a:gd name="connsiteX20" fmla="*/ 39470 w 417729"/>
                <a:gd name="connsiteY20" fmla="*/ 269718 h 302610"/>
                <a:gd name="connsiteX21" fmla="*/ 36181 w 417729"/>
                <a:gd name="connsiteY21" fmla="*/ 279586 h 302610"/>
                <a:gd name="connsiteX22" fmla="*/ 16446 w 417729"/>
                <a:gd name="connsiteY22" fmla="*/ 292743 h 302610"/>
                <a:gd name="connsiteX23" fmla="*/ 0 w 417729"/>
                <a:gd name="connsiteY23" fmla="*/ 302610 h 3026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417729" h="302610">
                  <a:moveTo>
                    <a:pt x="417729" y="6582"/>
                  </a:moveTo>
                  <a:cubicBezTo>
                    <a:pt x="382990" y="-367"/>
                    <a:pt x="389097" y="3"/>
                    <a:pt x="332210" y="3"/>
                  </a:cubicBezTo>
                  <a:cubicBezTo>
                    <a:pt x="328743" y="3"/>
                    <a:pt x="325631" y="2196"/>
                    <a:pt x="322342" y="3292"/>
                  </a:cubicBezTo>
                  <a:cubicBezTo>
                    <a:pt x="321246" y="6581"/>
                    <a:pt x="320603" y="10059"/>
                    <a:pt x="319053" y="13160"/>
                  </a:cubicBezTo>
                  <a:cubicBezTo>
                    <a:pt x="314903" y="21461"/>
                    <a:pt x="312017" y="23486"/>
                    <a:pt x="305896" y="29606"/>
                  </a:cubicBezTo>
                  <a:cubicBezTo>
                    <a:pt x="296029" y="28510"/>
                    <a:pt x="286122" y="27721"/>
                    <a:pt x="276294" y="26317"/>
                  </a:cubicBezTo>
                  <a:cubicBezTo>
                    <a:pt x="270759" y="25526"/>
                    <a:pt x="265348" y="24028"/>
                    <a:pt x="259847" y="23028"/>
                  </a:cubicBezTo>
                  <a:cubicBezTo>
                    <a:pt x="253285" y="21835"/>
                    <a:pt x="246690" y="20835"/>
                    <a:pt x="240112" y="19739"/>
                  </a:cubicBezTo>
                  <a:cubicBezTo>
                    <a:pt x="209232" y="9443"/>
                    <a:pt x="228028" y="14390"/>
                    <a:pt x="161171" y="19739"/>
                  </a:cubicBezTo>
                  <a:cubicBezTo>
                    <a:pt x="156665" y="20100"/>
                    <a:pt x="152303" y="21599"/>
                    <a:pt x="148014" y="23028"/>
                  </a:cubicBezTo>
                  <a:cubicBezTo>
                    <a:pt x="142413" y="24895"/>
                    <a:pt x="137050" y="27413"/>
                    <a:pt x="131568" y="29606"/>
                  </a:cubicBezTo>
                  <a:cubicBezTo>
                    <a:pt x="129375" y="31799"/>
                    <a:pt x="125971" y="33243"/>
                    <a:pt x="124990" y="36185"/>
                  </a:cubicBezTo>
                  <a:cubicBezTo>
                    <a:pt x="122539" y="43540"/>
                    <a:pt x="122472" y="51495"/>
                    <a:pt x="121701" y="59209"/>
                  </a:cubicBezTo>
                  <a:cubicBezTo>
                    <a:pt x="120278" y="73434"/>
                    <a:pt x="120184" y="87784"/>
                    <a:pt x="118411" y="101969"/>
                  </a:cubicBezTo>
                  <a:cubicBezTo>
                    <a:pt x="117440" y="109736"/>
                    <a:pt x="109918" y="123668"/>
                    <a:pt x="101965" y="124993"/>
                  </a:cubicBezTo>
                  <a:lnTo>
                    <a:pt x="82230" y="128282"/>
                  </a:lnTo>
                  <a:cubicBezTo>
                    <a:pt x="78941" y="129379"/>
                    <a:pt x="75137" y="129492"/>
                    <a:pt x="72363" y="131572"/>
                  </a:cubicBezTo>
                  <a:cubicBezTo>
                    <a:pt x="66161" y="136224"/>
                    <a:pt x="55917" y="148018"/>
                    <a:pt x="55917" y="148018"/>
                  </a:cubicBezTo>
                  <a:cubicBezTo>
                    <a:pt x="47346" y="173723"/>
                    <a:pt x="53178" y="153466"/>
                    <a:pt x="49338" y="207223"/>
                  </a:cubicBezTo>
                  <a:cubicBezTo>
                    <a:pt x="48320" y="221482"/>
                    <a:pt x="48279" y="235863"/>
                    <a:pt x="46049" y="249983"/>
                  </a:cubicBezTo>
                  <a:cubicBezTo>
                    <a:pt x="44967" y="256832"/>
                    <a:pt x="41663" y="263140"/>
                    <a:pt x="39470" y="269718"/>
                  </a:cubicBezTo>
                  <a:lnTo>
                    <a:pt x="36181" y="279586"/>
                  </a:lnTo>
                  <a:cubicBezTo>
                    <a:pt x="33681" y="287087"/>
                    <a:pt x="23024" y="288357"/>
                    <a:pt x="16446" y="292743"/>
                  </a:cubicBezTo>
                  <a:cubicBezTo>
                    <a:pt x="4542" y="300679"/>
                    <a:pt x="10111" y="297554"/>
                    <a:pt x="0" y="30261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9" name="Freeform 18"/>
            <p:cNvSpPr/>
            <p:nvPr/>
          </p:nvSpPr>
          <p:spPr bwMode="auto">
            <a:xfrm>
              <a:off x="2618210" y="1996550"/>
              <a:ext cx="388127" cy="32900"/>
            </a:xfrm>
            <a:custGeom>
              <a:avLst/>
              <a:gdLst>
                <a:gd name="connsiteX0" fmla="*/ 388127 w 388127"/>
                <a:gd name="connsiteY0" fmla="*/ 9867 h 32900"/>
                <a:gd name="connsiteX1" fmla="*/ 319053 w 388127"/>
                <a:gd name="connsiteY1" fmla="*/ 6578 h 32900"/>
                <a:gd name="connsiteX2" fmla="*/ 269715 w 388127"/>
                <a:gd name="connsiteY2" fmla="*/ 0 h 32900"/>
                <a:gd name="connsiteX3" fmla="*/ 226955 w 388127"/>
                <a:gd name="connsiteY3" fmla="*/ 3289 h 32900"/>
                <a:gd name="connsiteX4" fmla="*/ 197353 w 388127"/>
                <a:gd name="connsiteY4" fmla="*/ 13156 h 32900"/>
                <a:gd name="connsiteX5" fmla="*/ 187485 w 388127"/>
                <a:gd name="connsiteY5" fmla="*/ 16446 h 32900"/>
                <a:gd name="connsiteX6" fmla="*/ 157882 w 388127"/>
                <a:gd name="connsiteY6" fmla="*/ 19735 h 32900"/>
                <a:gd name="connsiteX7" fmla="*/ 134858 w 388127"/>
                <a:gd name="connsiteY7" fmla="*/ 26313 h 32900"/>
                <a:gd name="connsiteX8" fmla="*/ 69073 w 388127"/>
                <a:gd name="connsiteY8" fmla="*/ 23024 h 32900"/>
                <a:gd name="connsiteX9" fmla="*/ 23025 w 388127"/>
                <a:gd name="connsiteY9" fmla="*/ 23024 h 32900"/>
                <a:gd name="connsiteX10" fmla="*/ 13157 w 388127"/>
                <a:gd name="connsiteY10" fmla="*/ 29603 h 32900"/>
                <a:gd name="connsiteX11" fmla="*/ 0 w 388127"/>
                <a:gd name="connsiteY11" fmla="*/ 32892 h 32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8127" h="32900">
                  <a:moveTo>
                    <a:pt x="388127" y="9867"/>
                  </a:moveTo>
                  <a:cubicBezTo>
                    <a:pt x="365102" y="8771"/>
                    <a:pt x="342049" y="8164"/>
                    <a:pt x="319053" y="6578"/>
                  </a:cubicBezTo>
                  <a:cubicBezTo>
                    <a:pt x="310838" y="6011"/>
                    <a:pt x="278870" y="1308"/>
                    <a:pt x="269715" y="0"/>
                  </a:cubicBezTo>
                  <a:cubicBezTo>
                    <a:pt x="255462" y="1096"/>
                    <a:pt x="241076" y="1060"/>
                    <a:pt x="226955" y="3289"/>
                  </a:cubicBezTo>
                  <a:lnTo>
                    <a:pt x="197353" y="13156"/>
                  </a:lnTo>
                  <a:cubicBezTo>
                    <a:pt x="194064" y="14253"/>
                    <a:pt x="190931" y="16063"/>
                    <a:pt x="187485" y="16446"/>
                  </a:cubicBezTo>
                  <a:lnTo>
                    <a:pt x="157882" y="19735"/>
                  </a:lnTo>
                  <a:cubicBezTo>
                    <a:pt x="153230" y="21286"/>
                    <a:pt x="138987" y="26313"/>
                    <a:pt x="134858" y="26313"/>
                  </a:cubicBezTo>
                  <a:cubicBezTo>
                    <a:pt x="112902" y="26313"/>
                    <a:pt x="91001" y="24120"/>
                    <a:pt x="69073" y="23024"/>
                  </a:cubicBezTo>
                  <a:cubicBezTo>
                    <a:pt x="49858" y="20622"/>
                    <a:pt x="41131" y="16988"/>
                    <a:pt x="23025" y="23024"/>
                  </a:cubicBezTo>
                  <a:cubicBezTo>
                    <a:pt x="19275" y="24274"/>
                    <a:pt x="16693" y="27835"/>
                    <a:pt x="13157" y="29603"/>
                  </a:cubicBezTo>
                  <a:cubicBezTo>
                    <a:pt x="5886" y="33239"/>
                    <a:pt x="5606" y="32892"/>
                    <a:pt x="0" y="3289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7" name="Freeform 6"/>
            <p:cNvSpPr/>
            <p:nvPr/>
          </p:nvSpPr>
          <p:spPr bwMode="auto">
            <a:xfrm>
              <a:off x="2673638" y="1381953"/>
              <a:ext cx="421871" cy="1181071"/>
            </a:xfrm>
            <a:custGeom>
              <a:avLst/>
              <a:gdLst>
                <a:gd name="connsiteX0" fmla="*/ 0 w 389466"/>
                <a:gd name="connsiteY0" fmla="*/ 0 h 1168400"/>
                <a:gd name="connsiteX1" fmla="*/ 42333 w 389466"/>
                <a:gd name="connsiteY1" fmla="*/ 8467 h 1168400"/>
                <a:gd name="connsiteX2" fmla="*/ 67733 w 389466"/>
                <a:gd name="connsiteY2" fmla="*/ 16934 h 1168400"/>
                <a:gd name="connsiteX3" fmla="*/ 84666 w 389466"/>
                <a:gd name="connsiteY3" fmla="*/ 76200 h 1168400"/>
                <a:gd name="connsiteX4" fmla="*/ 118533 w 389466"/>
                <a:gd name="connsiteY4" fmla="*/ 152400 h 1168400"/>
                <a:gd name="connsiteX5" fmla="*/ 135466 w 389466"/>
                <a:gd name="connsiteY5" fmla="*/ 169334 h 1168400"/>
                <a:gd name="connsiteX6" fmla="*/ 152400 w 389466"/>
                <a:gd name="connsiteY6" fmla="*/ 220134 h 1168400"/>
                <a:gd name="connsiteX7" fmla="*/ 160866 w 389466"/>
                <a:gd name="connsiteY7" fmla="*/ 270934 h 1168400"/>
                <a:gd name="connsiteX8" fmla="*/ 177800 w 389466"/>
                <a:gd name="connsiteY8" fmla="*/ 287867 h 1168400"/>
                <a:gd name="connsiteX9" fmla="*/ 194733 w 389466"/>
                <a:gd name="connsiteY9" fmla="*/ 338667 h 1168400"/>
                <a:gd name="connsiteX10" fmla="*/ 211666 w 389466"/>
                <a:gd name="connsiteY10" fmla="*/ 364067 h 1168400"/>
                <a:gd name="connsiteX11" fmla="*/ 245533 w 389466"/>
                <a:gd name="connsiteY11" fmla="*/ 440267 h 1168400"/>
                <a:gd name="connsiteX12" fmla="*/ 270933 w 389466"/>
                <a:gd name="connsiteY12" fmla="*/ 516467 h 1168400"/>
                <a:gd name="connsiteX13" fmla="*/ 287866 w 389466"/>
                <a:gd name="connsiteY13" fmla="*/ 567267 h 1168400"/>
                <a:gd name="connsiteX14" fmla="*/ 296333 w 389466"/>
                <a:gd name="connsiteY14" fmla="*/ 821267 h 1168400"/>
                <a:gd name="connsiteX15" fmla="*/ 321733 w 389466"/>
                <a:gd name="connsiteY15" fmla="*/ 829734 h 1168400"/>
                <a:gd name="connsiteX16" fmla="*/ 347133 w 389466"/>
                <a:gd name="connsiteY16" fmla="*/ 846667 h 1168400"/>
                <a:gd name="connsiteX17" fmla="*/ 355600 w 389466"/>
                <a:gd name="connsiteY17" fmla="*/ 872067 h 1168400"/>
                <a:gd name="connsiteX18" fmla="*/ 347133 w 389466"/>
                <a:gd name="connsiteY18" fmla="*/ 956734 h 1168400"/>
                <a:gd name="connsiteX19" fmla="*/ 321733 w 389466"/>
                <a:gd name="connsiteY19" fmla="*/ 1032934 h 1168400"/>
                <a:gd name="connsiteX20" fmla="*/ 313266 w 389466"/>
                <a:gd name="connsiteY20" fmla="*/ 1075267 h 1168400"/>
                <a:gd name="connsiteX21" fmla="*/ 330200 w 389466"/>
                <a:gd name="connsiteY21" fmla="*/ 1117600 h 1168400"/>
                <a:gd name="connsiteX22" fmla="*/ 372533 w 389466"/>
                <a:gd name="connsiteY22" fmla="*/ 1151467 h 1168400"/>
                <a:gd name="connsiteX23" fmla="*/ 389466 w 389466"/>
                <a:gd name="connsiteY23" fmla="*/ 1168400 h 1168400"/>
                <a:gd name="connsiteX0" fmla="*/ 0 w 389466"/>
                <a:gd name="connsiteY0" fmla="*/ 0 h 1168400"/>
                <a:gd name="connsiteX1" fmla="*/ 42333 w 389466"/>
                <a:gd name="connsiteY1" fmla="*/ 8467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389466"/>
                <a:gd name="connsiteY0" fmla="*/ 0 h 1168400"/>
                <a:gd name="connsiteX1" fmla="*/ 29176 w 389466"/>
                <a:gd name="connsiteY1" fmla="*/ 57805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442093"/>
                <a:gd name="connsiteY0" fmla="*/ 0 h 1174979"/>
                <a:gd name="connsiteX1" fmla="*/ 81803 w 442093"/>
                <a:gd name="connsiteY1" fmla="*/ 64384 h 1174979"/>
                <a:gd name="connsiteX2" fmla="*/ 137293 w 442093"/>
                <a:gd name="connsiteY2" fmla="*/ 82779 h 1174979"/>
                <a:gd name="connsiteX3" fmla="*/ 171160 w 442093"/>
                <a:gd name="connsiteY3" fmla="*/ 158979 h 1174979"/>
                <a:gd name="connsiteX4" fmla="*/ 188093 w 442093"/>
                <a:gd name="connsiteY4" fmla="*/ 175913 h 1174979"/>
                <a:gd name="connsiteX5" fmla="*/ 205027 w 442093"/>
                <a:gd name="connsiteY5" fmla="*/ 226713 h 1174979"/>
                <a:gd name="connsiteX6" fmla="*/ 213493 w 442093"/>
                <a:gd name="connsiteY6" fmla="*/ 277513 h 1174979"/>
                <a:gd name="connsiteX7" fmla="*/ 230427 w 442093"/>
                <a:gd name="connsiteY7" fmla="*/ 294446 h 1174979"/>
                <a:gd name="connsiteX8" fmla="*/ 247360 w 442093"/>
                <a:gd name="connsiteY8" fmla="*/ 345246 h 1174979"/>
                <a:gd name="connsiteX9" fmla="*/ 264293 w 442093"/>
                <a:gd name="connsiteY9" fmla="*/ 370646 h 1174979"/>
                <a:gd name="connsiteX10" fmla="*/ 298160 w 442093"/>
                <a:gd name="connsiteY10" fmla="*/ 446846 h 1174979"/>
                <a:gd name="connsiteX11" fmla="*/ 323560 w 442093"/>
                <a:gd name="connsiteY11" fmla="*/ 523046 h 1174979"/>
                <a:gd name="connsiteX12" fmla="*/ 340493 w 442093"/>
                <a:gd name="connsiteY12" fmla="*/ 573846 h 1174979"/>
                <a:gd name="connsiteX13" fmla="*/ 348960 w 442093"/>
                <a:gd name="connsiteY13" fmla="*/ 827846 h 1174979"/>
                <a:gd name="connsiteX14" fmla="*/ 374360 w 442093"/>
                <a:gd name="connsiteY14" fmla="*/ 836313 h 1174979"/>
                <a:gd name="connsiteX15" fmla="*/ 399760 w 442093"/>
                <a:gd name="connsiteY15" fmla="*/ 853246 h 1174979"/>
                <a:gd name="connsiteX16" fmla="*/ 408227 w 442093"/>
                <a:gd name="connsiteY16" fmla="*/ 878646 h 1174979"/>
                <a:gd name="connsiteX17" fmla="*/ 399760 w 442093"/>
                <a:gd name="connsiteY17" fmla="*/ 963313 h 1174979"/>
                <a:gd name="connsiteX18" fmla="*/ 374360 w 442093"/>
                <a:gd name="connsiteY18" fmla="*/ 1039513 h 1174979"/>
                <a:gd name="connsiteX19" fmla="*/ 365893 w 442093"/>
                <a:gd name="connsiteY19" fmla="*/ 1081846 h 1174979"/>
                <a:gd name="connsiteX20" fmla="*/ 382827 w 442093"/>
                <a:gd name="connsiteY20" fmla="*/ 1124179 h 1174979"/>
                <a:gd name="connsiteX21" fmla="*/ 425160 w 442093"/>
                <a:gd name="connsiteY21" fmla="*/ 1158046 h 1174979"/>
                <a:gd name="connsiteX22" fmla="*/ 442093 w 442093"/>
                <a:gd name="connsiteY22" fmla="*/ 1174979 h 1174979"/>
                <a:gd name="connsiteX0" fmla="*/ 0 w 442093"/>
                <a:gd name="connsiteY0" fmla="*/ 0 h 1174979"/>
                <a:gd name="connsiteX1" fmla="*/ 81803 w 442093"/>
                <a:gd name="connsiteY1" fmla="*/ 64384 h 1174979"/>
                <a:gd name="connsiteX2" fmla="*/ 171160 w 442093"/>
                <a:gd name="connsiteY2" fmla="*/ 158979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7582 w 442093"/>
                <a:gd name="connsiteY8" fmla="*/ 393670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25160"/>
                <a:gd name="connsiteY0" fmla="*/ 0 h 1158046"/>
                <a:gd name="connsiteX1" fmla="*/ 81803 w 425160"/>
                <a:gd name="connsiteY1" fmla="*/ 64384 h 1158046"/>
                <a:gd name="connsiteX2" fmla="*/ 144846 w 425160"/>
                <a:gd name="connsiteY2" fmla="*/ 149112 h 1158046"/>
                <a:gd name="connsiteX3" fmla="*/ 161779 w 425160"/>
                <a:gd name="connsiteY3" fmla="*/ 192359 h 1158046"/>
                <a:gd name="connsiteX4" fmla="*/ 191870 w 425160"/>
                <a:gd name="connsiteY4" fmla="*/ 239870 h 1158046"/>
                <a:gd name="connsiteX5" fmla="*/ 213493 w 425160"/>
                <a:gd name="connsiteY5" fmla="*/ 277513 h 1158046"/>
                <a:gd name="connsiteX6" fmla="*/ 230427 w 425160"/>
                <a:gd name="connsiteY6" fmla="*/ 294446 h 1158046"/>
                <a:gd name="connsiteX7" fmla="*/ 247360 w 425160"/>
                <a:gd name="connsiteY7" fmla="*/ 345246 h 1158046"/>
                <a:gd name="connsiteX8" fmla="*/ 267582 w 425160"/>
                <a:gd name="connsiteY8" fmla="*/ 393670 h 1158046"/>
                <a:gd name="connsiteX9" fmla="*/ 298160 w 425160"/>
                <a:gd name="connsiteY9" fmla="*/ 446846 h 1158046"/>
                <a:gd name="connsiteX10" fmla="*/ 323560 w 425160"/>
                <a:gd name="connsiteY10" fmla="*/ 523046 h 1158046"/>
                <a:gd name="connsiteX11" fmla="*/ 340493 w 425160"/>
                <a:gd name="connsiteY11" fmla="*/ 573846 h 1158046"/>
                <a:gd name="connsiteX12" fmla="*/ 348960 w 425160"/>
                <a:gd name="connsiteY12" fmla="*/ 827846 h 1158046"/>
                <a:gd name="connsiteX13" fmla="*/ 374360 w 425160"/>
                <a:gd name="connsiteY13" fmla="*/ 836313 h 1158046"/>
                <a:gd name="connsiteX14" fmla="*/ 399760 w 425160"/>
                <a:gd name="connsiteY14" fmla="*/ 853246 h 1158046"/>
                <a:gd name="connsiteX15" fmla="*/ 408227 w 425160"/>
                <a:gd name="connsiteY15" fmla="*/ 878646 h 1158046"/>
                <a:gd name="connsiteX16" fmla="*/ 399760 w 425160"/>
                <a:gd name="connsiteY16" fmla="*/ 963313 h 1158046"/>
                <a:gd name="connsiteX17" fmla="*/ 374360 w 425160"/>
                <a:gd name="connsiteY17" fmla="*/ 1039513 h 1158046"/>
                <a:gd name="connsiteX18" fmla="*/ 365893 w 425160"/>
                <a:gd name="connsiteY18" fmla="*/ 1081846 h 1158046"/>
                <a:gd name="connsiteX19" fmla="*/ 382827 w 425160"/>
                <a:gd name="connsiteY19" fmla="*/ 1124179 h 1158046"/>
                <a:gd name="connsiteX20" fmla="*/ 425160 w 425160"/>
                <a:gd name="connsiteY20" fmla="*/ 1158046 h 1158046"/>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48960 w 421871"/>
                <a:gd name="connsiteY12" fmla="*/ 827846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1649 w 421871"/>
                <a:gd name="connsiteY15" fmla="*/ 898381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3560 w 421871"/>
                <a:gd name="connsiteY9" fmla="*/ 523046 h 1181071"/>
                <a:gd name="connsiteX10" fmla="*/ 327336 w 421871"/>
                <a:gd name="connsiteY10" fmla="*/ 593581 h 1181071"/>
                <a:gd name="connsiteX11" fmla="*/ 335803 w 421871"/>
                <a:gd name="connsiteY11" fmla="*/ 739038 h 1181071"/>
                <a:gd name="connsiteX12" fmla="*/ 338179 w 421871"/>
                <a:gd name="connsiteY12" fmla="*/ 836313 h 1181071"/>
                <a:gd name="connsiteX13" fmla="*/ 373446 w 421871"/>
                <a:gd name="connsiteY13" fmla="*/ 856535 h 1181071"/>
                <a:gd name="connsiteX14" fmla="*/ 401649 w 421871"/>
                <a:gd name="connsiteY14" fmla="*/ 898381 h 1181071"/>
                <a:gd name="connsiteX15" fmla="*/ 399760 w 421871"/>
                <a:gd name="connsiteY15" fmla="*/ 963313 h 1181071"/>
                <a:gd name="connsiteX16" fmla="*/ 374360 w 421871"/>
                <a:gd name="connsiteY16" fmla="*/ 1039513 h 1181071"/>
                <a:gd name="connsiteX17" fmla="*/ 365893 w 421871"/>
                <a:gd name="connsiteY17" fmla="*/ 1081846 h 1181071"/>
                <a:gd name="connsiteX18" fmla="*/ 382827 w 421871"/>
                <a:gd name="connsiteY18" fmla="*/ 1124179 h 1181071"/>
                <a:gd name="connsiteX19" fmla="*/ 421871 w 421871"/>
                <a:gd name="connsiteY19"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7336 w 421871"/>
                <a:gd name="connsiteY9" fmla="*/ 593581 h 1181071"/>
                <a:gd name="connsiteX10" fmla="*/ 335803 w 421871"/>
                <a:gd name="connsiteY10" fmla="*/ 739038 h 1181071"/>
                <a:gd name="connsiteX11" fmla="*/ 338179 w 421871"/>
                <a:gd name="connsiteY11" fmla="*/ 836313 h 1181071"/>
                <a:gd name="connsiteX12" fmla="*/ 373446 w 421871"/>
                <a:gd name="connsiteY12" fmla="*/ 856535 h 1181071"/>
                <a:gd name="connsiteX13" fmla="*/ 401649 w 421871"/>
                <a:gd name="connsiteY13" fmla="*/ 898381 h 1181071"/>
                <a:gd name="connsiteX14" fmla="*/ 399760 w 421871"/>
                <a:gd name="connsiteY14" fmla="*/ 963313 h 1181071"/>
                <a:gd name="connsiteX15" fmla="*/ 374360 w 421871"/>
                <a:gd name="connsiteY15" fmla="*/ 1039513 h 1181071"/>
                <a:gd name="connsiteX16" fmla="*/ 365893 w 421871"/>
                <a:gd name="connsiteY16" fmla="*/ 1081846 h 1181071"/>
                <a:gd name="connsiteX17" fmla="*/ 382827 w 421871"/>
                <a:gd name="connsiteY17" fmla="*/ 1124179 h 1181071"/>
                <a:gd name="connsiteX18" fmla="*/ 421871 w 421871"/>
                <a:gd name="connsiteY18" fmla="*/ 1181071 h 1181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1871" h="1181071">
                  <a:moveTo>
                    <a:pt x="0" y="0"/>
                  </a:moveTo>
                  <a:cubicBezTo>
                    <a:pt x="14111" y="2822"/>
                    <a:pt x="57662" y="39532"/>
                    <a:pt x="81803" y="64384"/>
                  </a:cubicBezTo>
                  <a:cubicBezTo>
                    <a:pt x="105944" y="89236"/>
                    <a:pt x="131517" y="127783"/>
                    <a:pt x="144846" y="149112"/>
                  </a:cubicBezTo>
                  <a:cubicBezTo>
                    <a:pt x="158175" y="170441"/>
                    <a:pt x="156135" y="186714"/>
                    <a:pt x="161779" y="192359"/>
                  </a:cubicBezTo>
                  <a:cubicBezTo>
                    <a:pt x="167424" y="209292"/>
                    <a:pt x="183251" y="225678"/>
                    <a:pt x="191870" y="239870"/>
                  </a:cubicBezTo>
                  <a:cubicBezTo>
                    <a:pt x="200489" y="254062"/>
                    <a:pt x="207067" y="268417"/>
                    <a:pt x="213493" y="277513"/>
                  </a:cubicBezTo>
                  <a:cubicBezTo>
                    <a:pt x="219919" y="286609"/>
                    <a:pt x="224782" y="288802"/>
                    <a:pt x="230427" y="294446"/>
                  </a:cubicBezTo>
                  <a:cubicBezTo>
                    <a:pt x="236071" y="311379"/>
                    <a:pt x="241168" y="328709"/>
                    <a:pt x="247360" y="345246"/>
                  </a:cubicBezTo>
                  <a:cubicBezTo>
                    <a:pt x="253553" y="361783"/>
                    <a:pt x="254253" y="352281"/>
                    <a:pt x="267582" y="393670"/>
                  </a:cubicBezTo>
                  <a:cubicBezTo>
                    <a:pt x="280911" y="435059"/>
                    <a:pt x="315966" y="536020"/>
                    <a:pt x="327336" y="593581"/>
                  </a:cubicBezTo>
                  <a:cubicBezTo>
                    <a:pt x="338706" y="651142"/>
                    <a:pt x="333996" y="698583"/>
                    <a:pt x="335803" y="739038"/>
                  </a:cubicBezTo>
                  <a:cubicBezTo>
                    <a:pt x="337610" y="779493"/>
                    <a:pt x="331905" y="816730"/>
                    <a:pt x="338179" y="836313"/>
                  </a:cubicBezTo>
                  <a:cubicBezTo>
                    <a:pt x="344453" y="855896"/>
                    <a:pt x="364979" y="850891"/>
                    <a:pt x="373446" y="856535"/>
                  </a:cubicBezTo>
                  <a:cubicBezTo>
                    <a:pt x="376268" y="865002"/>
                    <a:pt x="397263" y="880585"/>
                    <a:pt x="401649" y="898381"/>
                  </a:cubicBezTo>
                  <a:cubicBezTo>
                    <a:pt x="406035" y="916177"/>
                    <a:pt x="404987" y="935436"/>
                    <a:pt x="399760" y="963313"/>
                  </a:cubicBezTo>
                  <a:cubicBezTo>
                    <a:pt x="399759" y="963321"/>
                    <a:pt x="378595" y="1026809"/>
                    <a:pt x="374360" y="1039513"/>
                  </a:cubicBezTo>
                  <a:cubicBezTo>
                    <a:pt x="369809" y="1053165"/>
                    <a:pt x="368715" y="1067735"/>
                    <a:pt x="365893" y="1081846"/>
                  </a:cubicBezTo>
                  <a:cubicBezTo>
                    <a:pt x="371538" y="1095957"/>
                    <a:pt x="373497" y="1107642"/>
                    <a:pt x="382827" y="1124179"/>
                  </a:cubicBezTo>
                  <a:cubicBezTo>
                    <a:pt x="392157" y="1140716"/>
                    <a:pt x="409611" y="1171263"/>
                    <a:pt x="421871" y="1181071"/>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sp>
        <p:nvSpPr>
          <p:cNvPr id="6" name="Oval 5"/>
          <p:cNvSpPr/>
          <p:nvPr/>
        </p:nvSpPr>
        <p:spPr bwMode="auto">
          <a:xfrm>
            <a:off x="2918046" y="18448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32" name="SWP TextBox"/>
          <p:cNvSpPr txBox="1"/>
          <p:nvPr/>
        </p:nvSpPr>
        <p:spPr>
          <a:xfrm>
            <a:off x="547761" y="1208288"/>
            <a:ext cx="2125877" cy="347329"/>
          </a:xfrm>
          <a:prstGeom prst="roundRect">
            <a:avLst/>
          </a:prstGeom>
          <a:solidFill>
            <a:srgbClr val="003DB8"/>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State Project Water</a:t>
            </a:r>
            <a:endParaRPr lang="en-US" sz="1600" b="1" dirty="0">
              <a:solidFill>
                <a:prstClr val="white"/>
              </a:solidFill>
              <a:effectLst>
                <a:outerShdw blurRad="38100" dist="38100" dir="2700000" algn="tl">
                  <a:srgbClr val="000000">
                    <a:alpha val="43137"/>
                  </a:srgbClr>
                </a:outerShdw>
              </a:effectLst>
            </a:endParaRPr>
          </a:p>
        </p:txBody>
      </p:sp>
      <p:sp>
        <p:nvSpPr>
          <p:cNvPr id="42" name="CRA TextBox"/>
          <p:cNvSpPr txBox="1"/>
          <p:nvPr/>
        </p:nvSpPr>
        <p:spPr>
          <a:xfrm>
            <a:off x="7772400" y="2192785"/>
            <a:ext cx="1188720" cy="592503"/>
          </a:xfrm>
          <a:prstGeom prst="roundRect">
            <a:avLst/>
          </a:prstGeom>
          <a:solidFill>
            <a:srgbClr val="996633"/>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Colorado </a:t>
            </a:r>
          </a:p>
          <a:p>
            <a:pPr algn="ctr">
              <a:lnSpc>
                <a:spcPct val="90000"/>
              </a:lnSpc>
            </a:pPr>
            <a:r>
              <a:rPr lang="en-US" sz="1600" b="1" dirty="0" smtClean="0">
                <a:solidFill>
                  <a:prstClr val="white"/>
                </a:solidFill>
                <a:effectLst>
                  <a:outerShdw blurRad="38100" dist="38100" dir="2700000" algn="tl">
                    <a:srgbClr val="000000">
                      <a:alpha val="43137"/>
                    </a:srgbClr>
                  </a:outerShdw>
                </a:effectLst>
              </a:rPr>
              <a:t>Water</a:t>
            </a:r>
            <a:endParaRPr lang="en-US" sz="1600" b="1" dirty="0">
              <a:solidFill>
                <a:prstClr val="white"/>
              </a:solidFill>
              <a:effectLst>
                <a:outerShdw blurRad="38100" dist="38100" dir="2700000" algn="tl">
                  <a:srgbClr val="000000">
                    <a:alpha val="43137"/>
                  </a:srgbClr>
                </a:outerShdw>
              </a:effectLst>
            </a:endParaRPr>
          </a:p>
        </p:txBody>
      </p:sp>
      <p:sp>
        <p:nvSpPr>
          <p:cNvPr id="43" name="Oval 42"/>
          <p:cNvSpPr/>
          <p:nvPr/>
        </p:nvSpPr>
        <p:spPr bwMode="auto">
          <a:xfrm>
            <a:off x="6352928" y="2906430"/>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4" name="Blending Colored Textbox"/>
          <p:cNvGrpSpPr/>
          <p:nvPr/>
        </p:nvGrpSpPr>
        <p:grpSpPr>
          <a:xfrm>
            <a:off x="3830096" y="5044438"/>
            <a:ext cx="1596014" cy="1560008"/>
            <a:chOff x="3830096" y="5044438"/>
            <a:chExt cx="1596014" cy="1560008"/>
          </a:xfrm>
        </p:grpSpPr>
        <p:sp>
          <p:nvSpPr>
            <p:cNvPr id="1036" name="Rectangle 1035"/>
            <p:cNvSpPr/>
            <p:nvPr/>
          </p:nvSpPr>
          <p:spPr bwMode="auto">
            <a:xfrm>
              <a:off x="3830096" y="5044438"/>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0" name="Rectangle 49"/>
            <p:cNvSpPr/>
            <p:nvPr/>
          </p:nvSpPr>
          <p:spPr bwMode="auto">
            <a:xfrm>
              <a:off x="3830096" y="5442521"/>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1" name="Rectangle 50"/>
            <p:cNvSpPr/>
            <p:nvPr/>
          </p:nvSpPr>
          <p:spPr bwMode="auto">
            <a:xfrm>
              <a:off x="3830096" y="5840604"/>
              <a:ext cx="1596014" cy="365760"/>
            </a:xfrm>
            <a:prstGeom prst="rect">
              <a:avLst/>
            </a:prstGeom>
            <a:solidFill>
              <a:srgbClr val="FF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2" name="Rectangle 51"/>
            <p:cNvSpPr/>
            <p:nvPr/>
          </p:nvSpPr>
          <p:spPr bwMode="auto">
            <a:xfrm>
              <a:off x="3830096" y="6238686"/>
              <a:ext cx="1596014" cy="365760"/>
            </a:xfrm>
            <a:prstGeom prst="rect">
              <a:avLst/>
            </a:prstGeom>
            <a:solidFill>
              <a:srgbClr val="FF00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grpSp>
      <p:sp>
        <p:nvSpPr>
          <p:cNvPr id="46" name="TextBox 45"/>
          <p:cNvSpPr txBox="1"/>
          <p:nvPr/>
        </p:nvSpPr>
        <p:spPr>
          <a:xfrm rot="17069897">
            <a:off x="6359362" y="4001869"/>
            <a:ext cx="1236237" cy="646331"/>
          </a:xfrm>
          <a:prstGeom prst="rect">
            <a:avLst/>
          </a:prstGeom>
          <a:noFill/>
        </p:spPr>
        <p:txBody>
          <a:bodyPr wrap="none" rtlCol="0">
            <a:spAutoFit/>
          </a:bodyPr>
          <a:lstStyle/>
          <a:p>
            <a:pPr algn="ctr"/>
            <a:r>
              <a:rPr lang="en-US" b="1" dirty="0" smtClean="0">
                <a:solidFill>
                  <a:prstClr val="white"/>
                </a:solidFill>
              </a:rPr>
              <a:t>Blend ing</a:t>
            </a:r>
          </a:p>
          <a:p>
            <a:pPr algn="ctr"/>
            <a:r>
              <a:rPr lang="en-US" b="1" dirty="0" smtClean="0">
                <a:solidFill>
                  <a:prstClr val="white"/>
                </a:solidFill>
              </a:rPr>
              <a:t>Zone</a:t>
            </a:r>
            <a:endParaRPr lang="en-US" b="1" dirty="0">
              <a:solidFill>
                <a:prstClr val="white"/>
              </a:solidFill>
            </a:endParaRPr>
          </a:p>
        </p:txBody>
      </p:sp>
      <p:graphicFrame>
        <p:nvGraphicFramePr>
          <p:cNvPr id="24" name="MWD SWP Supply Table"/>
          <p:cNvGraphicFramePr>
            <a:graphicFrameLocks noGrp="1"/>
          </p:cNvGraphicFramePr>
          <p:nvPr>
            <p:extLst>
              <p:ext uri="{D42A27DB-BD31-4B8C-83A1-F6EECF244321}">
                <p14:modId xmlns:p14="http://schemas.microsoft.com/office/powerpoint/2010/main" val="3628355837"/>
              </p:ext>
            </p:extLst>
          </p:nvPr>
        </p:nvGraphicFramePr>
        <p:xfrm>
          <a:off x="170351" y="4572000"/>
          <a:ext cx="5283843" cy="2042160"/>
        </p:xfrm>
        <a:graphic>
          <a:graphicData uri="http://schemas.openxmlformats.org/drawingml/2006/table">
            <a:tbl>
              <a:tblPr firstRow="1" bandRow="1">
                <a:tableStyleId>{5C22544A-7EE6-4342-B048-85BDC9FD1C3A}</a:tableStyleId>
              </a:tblPr>
              <a:tblGrid>
                <a:gridCol w="3642620"/>
                <a:gridCol w="1641223"/>
              </a:tblGrid>
              <a:tr h="370840">
                <a:tc>
                  <a:txBody>
                    <a:bodyPr/>
                    <a:lstStyle/>
                    <a:p>
                      <a:pPr algn="ctr"/>
                      <a:r>
                        <a:rPr lang="en-US" sz="2400" b="1" dirty="0" smtClean="0">
                          <a:solidFill>
                            <a:schemeClr val="tx1"/>
                          </a:solidFill>
                          <a:effectLst>
                            <a:outerShdw blurRad="50800" dist="50800" dir="5400000" algn="ctr" rotWithShape="0">
                              <a:schemeClr val="bg1"/>
                            </a:outerShdw>
                          </a:effectLst>
                        </a:rPr>
                        <a:t>MWD</a:t>
                      </a:r>
                      <a:r>
                        <a:rPr lang="en-US" sz="2400" b="1" baseline="0" dirty="0" smtClean="0">
                          <a:solidFill>
                            <a:schemeClr val="tx1"/>
                          </a:solidFill>
                          <a:effectLst>
                            <a:outerShdw blurRad="50800" dist="50800" dir="5400000" algn="ctr" rotWithShape="0">
                              <a:schemeClr val="bg1"/>
                            </a:outerShdw>
                          </a:effectLst>
                        </a:rPr>
                        <a:t> SWP Supplies</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c>
                  <a:txBody>
                    <a:bodyPr/>
                    <a:lstStyle/>
                    <a:p>
                      <a:pPr algn="ctr"/>
                      <a:r>
                        <a:rPr lang="en-US" sz="2400" b="1" dirty="0" smtClean="0">
                          <a:solidFill>
                            <a:schemeClr val="tx1"/>
                          </a:solidFill>
                          <a:effectLst>
                            <a:outerShdw blurRad="50800" dist="50800" dir="5400000" algn="ctr" rotWithShape="0">
                              <a:schemeClr val="bg1"/>
                            </a:outerShdw>
                          </a:effectLst>
                        </a:rPr>
                        <a:t>Blending</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r>
              <a:tr h="370840">
                <a:tc>
                  <a:txBody>
                    <a:bodyPr/>
                    <a:lstStyle/>
                    <a:p>
                      <a:r>
                        <a:rPr lang="en-US" sz="2000" b="1" dirty="0" smtClean="0">
                          <a:solidFill>
                            <a:schemeClr val="tx1"/>
                          </a:solidFill>
                          <a:effectLst>
                            <a:outerShdw blurRad="50800" dist="50800" dir="5400000" algn="ctr" rotWithShape="0">
                              <a:schemeClr val="bg1"/>
                            </a:outerShdw>
                          </a:effectLst>
                        </a:rPr>
                        <a:t>Existing (Avg.</a:t>
                      </a:r>
                      <a:r>
                        <a:rPr lang="en-US" sz="2000" b="1" baseline="0" dirty="0" smtClean="0">
                          <a:solidFill>
                            <a:schemeClr val="tx1"/>
                          </a:solidFill>
                          <a:effectLst>
                            <a:outerShdw blurRad="50800" dist="50800" dir="5400000" algn="ctr" rotWithShape="0">
                              <a:schemeClr val="bg1"/>
                            </a:outerShdw>
                          </a:effectLst>
                        </a:rPr>
                        <a:t> Yr.)</a:t>
                      </a:r>
                      <a:endParaRPr lang="en-US" sz="2000" b="1" dirty="0" smtClean="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BDCP Preferred Alt</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Delta No Fix (Avg. Yr.)</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Sometimes</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spc="-100" dirty="0" smtClean="0">
                          <a:solidFill>
                            <a:schemeClr val="tx1"/>
                          </a:solidFill>
                          <a:effectLst>
                            <a:outerShdw blurRad="50800" dist="50800" dir="5400000" algn="ctr" rotWithShape="0">
                              <a:schemeClr val="bg1"/>
                            </a:outerShdw>
                          </a:effectLst>
                          <a:latin typeface="+mn-lt"/>
                        </a:rPr>
                        <a:t>Delta No Fix (Below Normal)</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Rarely</a:t>
                      </a:r>
                      <a:endParaRPr lang="en-US" sz="2000" b="1" dirty="0">
                        <a:solidFill>
                          <a:schemeClr val="tx1"/>
                        </a:solidFill>
                        <a:effectLst>
                          <a:outerShdw blurRad="50800" dist="50800" dir="5400000" algn="ctr" rotWithShape="0">
                            <a:schemeClr val="bg1"/>
                          </a:outerShdw>
                        </a:effectLst>
                      </a:endParaRPr>
                    </a:p>
                  </a:txBody>
                  <a:tcPr>
                    <a:noFill/>
                  </a:tcPr>
                </a:tc>
              </a:tr>
            </a:tbl>
          </a:graphicData>
        </a:graphic>
      </p:graphicFrame>
      <p:sp>
        <p:nvSpPr>
          <p:cNvPr id="53" name="Blending Freeform 1"/>
          <p:cNvSpPr/>
          <p:nvPr/>
        </p:nvSpPr>
        <p:spPr bwMode="auto">
          <a:xfrm>
            <a:off x="3095509" y="1996550"/>
            <a:ext cx="2758440" cy="1950720"/>
          </a:xfrm>
          <a:custGeom>
            <a:avLst/>
            <a:gdLst>
              <a:gd name="connsiteX0" fmla="*/ 2712720 w 2758440"/>
              <a:gd name="connsiteY0" fmla="*/ 518160 h 1950720"/>
              <a:gd name="connsiteX1" fmla="*/ 2636520 w 2758440"/>
              <a:gd name="connsiteY1" fmla="*/ 411480 h 1950720"/>
              <a:gd name="connsiteX2" fmla="*/ 2407920 w 2758440"/>
              <a:gd name="connsiteY2" fmla="*/ 426720 h 1950720"/>
              <a:gd name="connsiteX3" fmla="*/ 2042160 w 2758440"/>
              <a:gd name="connsiteY3" fmla="*/ 411480 h 1950720"/>
              <a:gd name="connsiteX4" fmla="*/ 1874520 w 2758440"/>
              <a:gd name="connsiteY4" fmla="*/ 289560 h 1950720"/>
              <a:gd name="connsiteX5" fmla="*/ 1706880 w 2758440"/>
              <a:gd name="connsiteY5" fmla="*/ 320040 h 1950720"/>
              <a:gd name="connsiteX6" fmla="*/ 1508760 w 2758440"/>
              <a:gd name="connsiteY6" fmla="*/ 335280 h 1950720"/>
              <a:gd name="connsiteX7" fmla="*/ 1295400 w 2758440"/>
              <a:gd name="connsiteY7" fmla="*/ 274320 h 1950720"/>
              <a:gd name="connsiteX8" fmla="*/ 1188720 w 2758440"/>
              <a:gd name="connsiteY8" fmla="*/ 289560 h 1950720"/>
              <a:gd name="connsiteX9" fmla="*/ 960120 w 2758440"/>
              <a:gd name="connsiteY9" fmla="*/ 304800 h 1950720"/>
              <a:gd name="connsiteX10" fmla="*/ 944880 w 2758440"/>
              <a:gd name="connsiteY10" fmla="*/ 228600 h 1950720"/>
              <a:gd name="connsiteX11" fmla="*/ 731520 w 2758440"/>
              <a:gd name="connsiteY11" fmla="*/ 182880 h 1950720"/>
              <a:gd name="connsiteX12" fmla="*/ 624840 w 2758440"/>
              <a:gd name="connsiteY12" fmla="*/ 106680 h 1950720"/>
              <a:gd name="connsiteX13" fmla="*/ 518160 w 2758440"/>
              <a:gd name="connsiteY13" fmla="*/ 45720 h 1950720"/>
              <a:gd name="connsiteX14" fmla="*/ 518160 w 2758440"/>
              <a:gd name="connsiteY14" fmla="*/ 45720 h 1950720"/>
              <a:gd name="connsiteX15" fmla="*/ 167640 w 2758440"/>
              <a:gd name="connsiteY15" fmla="*/ 0 h 1950720"/>
              <a:gd name="connsiteX16" fmla="*/ 76200 w 2758440"/>
              <a:gd name="connsiteY16" fmla="*/ 259080 h 1950720"/>
              <a:gd name="connsiteX17" fmla="*/ 121920 w 2758440"/>
              <a:gd name="connsiteY17" fmla="*/ 396240 h 1950720"/>
              <a:gd name="connsiteX18" fmla="*/ 0 w 2758440"/>
              <a:gd name="connsiteY18" fmla="*/ 563880 h 1950720"/>
              <a:gd name="connsiteX19" fmla="*/ 76200 w 2758440"/>
              <a:gd name="connsiteY19" fmla="*/ 731520 h 1950720"/>
              <a:gd name="connsiteX20" fmla="*/ 228600 w 2758440"/>
              <a:gd name="connsiteY20" fmla="*/ 1188720 h 1950720"/>
              <a:gd name="connsiteX21" fmla="*/ 457200 w 2758440"/>
              <a:gd name="connsiteY21" fmla="*/ 1447800 h 1950720"/>
              <a:gd name="connsiteX22" fmla="*/ 685800 w 2758440"/>
              <a:gd name="connsiteY22" fmla="*/ 1356360 h 1950720"/>
              <a:gd name="connsiteX23" fmla="*/ 944880 w 2758440"/>
              <a:gd name="connsiteY23" fmla="*/ 1356360 h 1950720"/>
              <a:gd name="connsiteX24" fmla="*/ 1158240 w 2758440"/>
              <a:gd name="connsiteY24" fmla="*/ 1539240 h 1950720"/>
              <a:gd name="connsiteX25" fmla="*/ 1325880 w 2758440"/>
              <a:gd name="connsiteY25" fmla="*/ 1661160 h 1950720"/>
              <a:gd name="connsiteX26" fmla="*/ 1584960 w 2758440"/>
              <a:gd name="connsiteY26" fmla="*/ 1798320 h 1950720"/>
              <a:gd name="connsiteX27" fmla="*/ 1783080 w 2758440"/>
              <a:gd name="connsiteY27" fmla="*/ 1859280 h 1950720"/>
              <a:gd name="connsiteX28" fmla="*/ 1920240 w 2758440"/>
              <a:gd name="connsiteY28" fmla="*/ 1950720 h 1950720"/>
              <a:gd name="connsiteX29" fmla="*/ 2225040 w 2758440"/>
              <a:gd name="connsiteY29" fmla="*/ 1859280 h 1950720"/>
              <a:gd name="connsiteX30" fmla="*/ 2407920 w 2758440"/>
              <a:gd name="connsiteY30" fmla="*/ 1752600 h 1950720"/>
              <a:gd name="connsiteX31" fmla="*/ 2346960 w 2758440"/>
              <a:gd name="connsiteY31" fmla="*/ 1645920 h 1950720"/>
              <a:gd name="connsiteX32" fmla="*/ 2270760 w 2758440"/>
              <a:gd name="connsiteY32" fmla="*/ 1432560 h 1950720"/>
              <a:gd name="connsiteX33" fmla="*/ 2042160 w 2758440"/>
              <a:gd name="connsiteY33" fmla="*/ 1310640 h 1950720"/>
              <a:gd name="connsiteX34" fmla="*/ 1905000 w 2758440"/>
              <a:gd name="connsiteY34" fmla="*/ 1188720 h 1950720"/>
              <a:gd name="connsiteX35" fmla="*/ 1935480 w 2758440"/>
              <a:gd name="connsiteY35" fmla="*/ 899160 h 1950720"/>
              <a:gd name="connsiteX36" fmla="*/ 2118360 w 2758440"/>
              <a:gd name="connsiteY36" fmla="*/ 655320 h 1950720"/>
              <a:gd name="connsiteX37" fmla="*/ 2316480 w 2758440"/>
              <a:gd name="connsiteY37" fmla="*/ 624840 h 1950720"/>
              <a:gd name="connsiteX38" fmla="*/ 2560320 w 2758440"/>
              <a:gd name="connsiteY38" fmla="*/ 609600 h 1950720"/>
              <a:gd name="connsiteX39" fmla="*/ 2727960 w 2758440"/>
              <a:gd name="connsiteY39" fmla="*/ 579120 h 1950720"/>
              <a:gd name="connsiteX40" fmla="*/ 2758440 w 2758440"/>
              <a:gd name="connsiteY40" fmla="*/ 426720 h 19507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758440" h="1950720">
                <a:moveTo>
                  <a:pt x="2712720" y="518160"/>
                </a:moveTo>
                <a:lnTo>
                  <a:pt x="2636520" y="411480"/>
                </a:lnTo>
                <a:lnTo>
                  <a:pt x="2407920" y="426720"/>
                </a:lnTo>
                <a:lnTo>
                  <a:pt x="2042160" y="411480"/>
                </a:lnTo>
                <a:lnTo>
                  <a:pt x="1874520" y="289560"/>
                </a:lnTo>
                <a:lnTo>
                  <a:pt x="1706880" y="320040"/>
                </a:lnTo>
                <a:lnTo>
                  <a:pt x="1508760" y="335280"/>
                </a:lnTo>
                <a:lnTo>
                  <a:pt x="1295400" y="274320"/>
                </a:lnTo>
                <a:lnTo>
                  <a:pt x="1188720" y="289560"/>
                </a:lnTo>
                <a:lnTo>
                  <a:pt x="960120" y="304800"/>
                </a:lnTo>
                <a:lnTo>
                  <a:pt x="944880" y="228600"/>
                </a:lnTo>
                <a:lnTo>
                  <a:pt x="731520" y="182880"/>
                </a:lnTo>
                <a:lnTo>
                  <a:pt x="624840" y="106680"/>
                </a:lnTo>
                <a:lnTo>
                  <a:pt x="518160" y="45720"/>
                </a:lnTo>
                <a:lnTo>
                  <a:pt x="518160" y="45720"/>
                </a:lnTo>
                <a:lnTo>
                  <a:pt x="167640" y="0"/>
                </a:lnTo>
                <a:lnTo>
                  <a:pt x="76200" y="259080"/>
                </a:lnTo>
                <a:lnTo>
                  <a:pt x="121920" y="396240"/>
                </a:lnTo>
                <a:lnTo>
                  <a:pt x="0" y="563880"/>
                </a:lnTo>
                <a:lnTo>
                  <a:pt x="76200" y="731520"/>
                </a:lnTo>
                <a:lnTo>
                  <a:pt x="228600" y="1188720"/>
                </a:lnTo>
                <a:lnTo>
                  <a:pt x="457200" y="1447800"/>
                </a:lnTo>
                <a:lnTo>
                  <a:pt x="685800" y="1356360"/>
                </a:lnTo>
                <a:lnTo>
                  <a:pt x="944880" y="1356360"/>
                </a:lnTo>
                <a:lnTo>
                  <a:pt x="1158240" y="1539240"/>
                </a:lnTo>
                <a:lnTo>
                  <a:pt x="1325880" y="1661160"/>
                </a:lnTo>
                <a:lnTo>
                  <a:pt x="1584960" y="1798320"/>
                </a:lnTo>
                <a:lnTo>
                  <a:pt x="1783080" y="1859280"/>
                </a:lnTo>
                <a:lnTo>
                  <a:pt x="1920240" y="1950720"/>
                </a:lnTo>
                <a:lnTo>
                  <a:pt x="2225040" y="1859280"/>
                </a:lnTo>
                <a:lnTo>
                  <a:pt x="2407920" y="1752600"/>
                </a:lnTo>
                <a:lnTo>
                  <a:pt x="2346960" y="1645920"/>
                </a:lnTo>
                <a:lnTo>
                  <a:pt x="2270760" y="1432560"/>
                </a:lnTo>
                <a:lnTo>
                  <a:pt x="2042160" y="1310640"/>
                </a:lnTo>
                <a:lnTo>
                  <a:pt x="1905000" y="1188720"/>
                </a:lnTo>
                <a:lnTo>
                  <a:pt x="1935480" y="899160"/>
                </a:lnTo>
                <a:lnTo>
                  <a:pt x="2118360" y="655320"/>
                </a:lnTo>
                <a:lnTo>
                  <a:pt x="2316480" y="624840"/>
                </a:lnTo>
                <a:lnTo>
                  <a:pt x="2560320" y="609600"/>
                </a:lnTo>
                <a:lnTo>
                  <a:pt x="2727960" y="579120"/>
                </a:lnTo>
                <a:lnTo>
                  <a:pt x="2758440" y="426720"/>
                </a:lnTo>
              </a:path>
            </a:pathLst>
          </a:custGeom>
          <a:solidFill>
            <a:srgbClr val="000000">
              <a:alpha val="89804"/>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33" name="Blending TextBox"/>
          <p:cNvSpPr txBox="1"/>
          <p:nvPr/>
        </p:nvSpPr>
        <p:spPr>
          <a:xfrm>
            <a:off x="3616265" y="2439147"/>
            <a:ext cx="1172117" cy="646331"/>
          </a:xfrm>
          <a:prstGeom prst="rect">
            <a:avLst/>
          </a:prstGeom>
          <a:noFill/>
          <a:effectLst>
            <a:outerShdw blurRad="50800" dist="50800" dir="5400000" algn="ctr" rotWithShape="0">
              <a:schemeClr val="bg1"/>
            </a:outerShdw>
          </a:effectLst>
        </p:spPr>
        <p:txBody>
          <a:bodyPr wrap="none" rtlCol="0">
            <a:spAutoFit/>
          </a:bodyPr>
          <a:lstStyle/>
          <a:p>
            <a:pPr algn="ctr"/>
            <a:r>
              <a:rPr lang="en-US" b="1" dirty="0" smtClean="0">
                <a:solidFill>
                  <a:prstClr val="white"/>
                </a:solidFill>
                <a:effectLst>
                  <a:outerShdw blurRad="38100" dist="38100" dir="2700000" algn="tl">
                    <a:srgbClr val="000000">
                      <a:alpha val="43137"/>
                    </a:srgbClr>
                  </a:outerShdw>
                </a:effectLst>
              </a:rPr>
              <a:t>Blending</a:t>
            </a:r>
          </a:p>
          <a:p>
            <a:pPr algn="ctr"/>
            <a:r>
              <a:rPr lang="en-US" b="1" dirty="0" smtClean="0">
                <a:solidFill>
                  <a:prstClr val="white"/>
                </a:solidFill>
                <a:effectLst>
                  <a:outerShdw blurRad="38100" dist="38100" dir="2700000" algn="tl">
                    <a:srgbClr val="000000">
                      <a:alpha val="43137"/>
                    </a:srgbClr>
                  </a:outerShdw>
                </a:effectLst>
              </a:rPr>
              <a:t>Zone</a:t>
            </a:r>
            <a:endParaRPr lang="en-US" b="1" dirty="0">
              <a:solidFill>
                <a:prstClr val="white"/>
              </a:solidFill>
              <a:effectLst>
                <a:outerShdw blurRad="38100" dist="38100" dir="2700000" algn="tl">
                  <a:srgbClr val="000000">
                    <a:alpha val="43137"/>
                  </a:srgbClr>
                </a:outerShdw>
              </a:effectLst>
            </a:endParaRPr>
          </a:p>
        </p:txBody>
      </p:sp>
      <p:sp>
        <p:nvSpPr>
          <p:cNvPr id="4" name="Title 5"/>
          <p:cNvSpPr txBox="1">
            <a:spLocks/>
          </p:cNvSpPr>
          <p:nvPr/>
        </p:nvSpPr>
        <p:spPr>
          <a:xfrm>
            <a:off x="381000" y="304800"/>
            <a:ext cx="8580120" cy="1606594"/>
          </a:xfrm>
          <a:prstGeom prst="rect">
            <a:avLst/>
          </a:prstGeom>
        </p:spPr>
        <p:txBody>
          <a:bodyPr/>
          <a:lstStyle/>
          <a:p>
            <a:pPr algn="r" defTabSz="912813" eaLnBrk="0" hangingPunct="0">
              <a:lnSpc>
                <a:spcPct val="90000"/>
              </a:lnSpc>
              <a:defRPr/>
            </a:pPr>
            <a:r>
              <a:rPr lang="en-US" sz="4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California WaterFix allows MWD blending goals to be met</a:t>
            </a:r>
            <a:endParaRPr lang="en-US" sz="44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Tree>
    <p:extLst>
      <p:ext uri="{BB962C8B-B14F-4D97-AF65-F5344CB8AC3E}">
        <p14:creationId xmlns:p14="http://schemas.microsoft.com/office/powerpoint/2010/main" val="118408325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32"/>
                                        </p:tgtEl>
                                        <p:attrNameLst>
                                          <p:attrName>style.visibility</p:attrName>
                                        </p:attrNameLst>
                                      </p:cBhvr>
                                      <p:to>
                                        <p:strVal val="visible"/>
                                      </p:to>
                                    </p:set>
                                    <p:animEffect transition="in" filter="fade">
                                      <p:cBhvr>
                                        <p:cTn id="7" dur="1000"/>
                                        <p:tgtEl>
                                          <p:spTgt spid="1032"/>
                                        </p:tgtEl>
                                      </p:cBhvr>
                                    </p:animEffect>
                                  </p:childTnLst>
                                </p:cTn>
                              </p:par>
                            </p:childTnLst>
                          </p:cTn>
                        </p:par>
                        <p:par>
                          <p:cTn id="8" fill="hold">
                            <p:stCondLst>
                              <p:cond delay="1000"/>
                            </p:stCondLst>
                            <p:childTnLst>
                              <p:par>
                                <p:cTn id="9" presetID="22" presetClass="entr" presetSubtype="1" fill="hold"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wipe(up)">
                                      <p:cBhvr>
                                        <p:cTn id="11" dur="2500"/>
                                        <p:tgtEl>
                                          <p:spTgt spid="16"/>
                                        </p:tgtEl>
                                      </p:cBhvr>
                                    </p:animEffect>
                                  </p:childTnLst>
                                </p:cTn>
                              </p:par>
                              <p:par>
                                <p:cTn id="12" presetID="22" presetClass="entr" presetSubtype="1" fill="hold" nodeType="withEffect">
                                  <p:stCondLst>
                                    <p:cond delay="0"/>
                                  </p:stCondLst>
                                  <p:childTnLst>
                                    <p:set>
                                      <p:cBhvr>
                                        <p:cTn id="13" dur="1" fill="hold">
                                          <p:stCondLst>
                                            <p:cond delay="0"/>
                                          </p:stCondLst>
                                        </p:cTn>
                                        <p:tgtEl>
                                          <p:spTgt spid="33"/>
                                        </p:tgtEl>
                                        <p:attrNameLst>
                                          <p:attrName>style.visibility</p:attrName>
                                        </p:attrNameLst>
                                      </p:cBhvr>
                                      <p:to>
                                        <p:strVal val="visible"/>
                                      </p:to>
                                    </p:set>
                                    <p:animEffect transition="in" filter="wipe(up)">
                                      <p:cBhvr>
                                        <p:cTn id="14" dur="2500"/>
                                        <p:tgtEl>
                                          <p:spTgt spid="33"/>
                                        </p:tgtEl>
                                      </p:cBhvr>
                                    </p:animEffec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42"/>
                                        </p:tgtEl>
                                        <p:attrNameLst>
                                          <p:attrName>style.visibility</p:attrName>
                                        </p:attrNameLst>
                                      </p:cBhvr>
                                      <p:to>
                                        <p:strVal val="visible"/>
                                      </p:to>
                                    </p:set>
                                    <p:animEffect transition="in" filter="fade">
                                      <p:cBhvr>
                                        <p:cTn id="19" dur="1000"/>
                                        <p:tgtEl>
                                          <p:spTgt spid="42"/>
                                        </p:tgtEl>
                                      </p:cBhvr>
                                    </p:animEffect>
                                  </p:childTnLst>
                                </p:cTn>
                              </p:par>
                            </p:childTnLst>
                          </p:cTn>
                        </p:par>
                        <p:par>
                          <p:cTn id="20" fill="hold">
                            <p:stCondLst>
                              <p:cond delay="1000"/>
                            </p:stCondLst>
                            <p:childTnLst>
                              <p:par>
                                <p:cTn id="21" presetID="22" presetClass="entr" presetSubtype="2" fill="hold" nodeType="afterEffect">
                                  <p:stCondLst>
                                    <p:cond delay="0"/>
                                  </p:stCondLst>
                                  <p:childTnLst>
                                    <p:set>
                                      <p:cBhvr>
                                        <p:cTn id="22" dur="1" fill="hold">
                                          <p:stCondLst>
                                            <p:cond delay="0"/>
                                          </p:stCondLst>
                                        </p:cTn>
                                        <p:tgtEl>
                                          <p:spTgt spid="30"/>
                                        </p:tgtEl>
                                        <p:attrNameLst>
                                          <p:attrName>style.visibility</p:attrName>
                                        </p:attrNameLst>
                                      </p:cBhvr>
                                      <p:to>
                                        <p:strVal val="visible"/>
                                      </p:to>
                                    </p:set>
                                    <p:animEffect transition="in" filter="wipe(right)">
                                      <p:cBhvr>
                                        <p:cTn id="23" dur="2500"/>
                                        <p:tgtEl>
                                          <p:spTgt spid="30"/>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53"/>
                                        </p:tgtEl>
                                        <p:attrNameLst>
                                          <p:attrName>style.visibility</p:attrName>
                                        </p:attrNameLst>
                                      </p:cBhvr>
                                      <p:to>
                                        <p:strVal val="visible"/>
                                      </p:to>
                                    </p:set>
                                    <p:animEffect transition="in" filter="fade">
                                      <p:cBhvr>
                                        <p:cTn id="28" dur="1250"/>
                                        <p:tgtEl>
                                          <p:spTgt spid="53"/>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033"/>
                                        </p:tgtEl>
                                        <p:attrNameLst>
                                          <p:attrName>style.visibility</p:attrName>
                                        </p:attrNameLst>
                                      </p:cBhvr>
                                      <p:to>
                                        <p:strVal val="visible"/>
                                      </p:to>
                                    </p:set>
                                    <p:animEffect transition="in" filter="fade">
                                      <p:cBhvr>
                                        <p:cTn id="31" dur="1250"/>
                                        <p:tgtEl>
                                          <p:spTgt spid="1033"/>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46"/>
                                        </p:tgtEl>
                                        <p:attrNameLst>
                                          <p:attrName>style.visibility</p:attrName>
                                        </p:attrNameLst>
                                      </p:cBhvr>
                                      <p:to>
                                        <p:strVal val="visible"/>
                                      </p:to>
                                    </p:set>
                                    <p:animEffect transition="in" filter="fade">
                                      <p:cBhvr>
                                        <p:cTn id="36" dur="1250"/>
                                        <p:tgtEl>
                                          <p:spTgt spid="46"/>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55"/>
                                        </p:tgtEl>
                                        <p:attrNameLst>
                                          <p:attrName>style.visibility</p:attrName>
                                        </p:attrNameLst>
                                      </p:cBhvr>
                                      <p:to>
                                        <p:strVal val="visible"/>
                                      </p:to>
                                    </p:set>
                                    <p:animEffect transition="in" filter="fade">
                                      <p:cBhvr>
                                        <p:cTn id="39" dur="1250"/>
                                        <p:tgtEl>
                                          <p:spTgt spid="55"/>
                                        </p:tgtEl>
                                      </p:cBhvr>
                                    </p:animEffect>
                                  </p:childTnLst>
                                </p:cTn>
                              </p:par>
                            </p:childTnLst>
                          </p:cTn>
                        </p:par>
                      </p:childTnLst>
                    </p:cTn>
                  </p:par>
                  <p:par>
                    <p:cTn id="40" fill="hold">
                      <p:stCondLst>
                        <p:cond delay="indefinite"/>
                      </p:stCondLst>
                      <p:childTnLst>
                        <p:par>
                          <p:cTn id="41" fill="hold">
                            <p:stCondLst>
                              <p:cond delay="0"/>
                            </p:stCondLst>
                            <p:childTnLst>
                              <p:par>
                                <p:cTn id="42" presetID="10" presetClass="entr" presetSubtype="0" fill="hold" nodeType="clickEffect">
                                  <p:stCondLst>
                                    <p:cond delay="0"/>
                                  </p:stCondLst>
                                  <p:childTnLst>
                                    <p:set>
                                      <p:cBhvr>
                                        <p:cTn id="43" dur="1" fill="hold">
                                          <p:stCondLst>
                                            <p:cond delay="0"/>
                                          </p:stCondLst>
                                        </p:cTn>
                                        <p:tgtEl>
                                          <p:spTgt spid="34"/>
                                        </p:tgtEl>
                                        <p:attrNameLst>
                                          <p:attrName>style.visibility</p:attrName>
                                        </p:attrNameLst>
                                      </p:cBhvr>
                                      <p:to>
                                        <p:strVal val="visible"/>
                                      </p:to>
                                    </p:set>
                                    <p:animEffect transition="in" filter="fade">
                                      <p:cBhvr>
                                        <p:cTn id="44" dur="1000"/>
                                        <p:tgtEl>
                                          <p:spTgt spid="34"/>
                                        </p:tgtEl>
                                      </p:cBhvr>
                                    </p:animEffect>
                                  </p:childTnLst>
                                </p:cTn>
                              </p:par>
                              <p:par>
                                <p:cTn id="45" presetID="10" presetClass="entr" presetSubtype="0" fill="hold" nodeType="withEffect">
                                  <p:stCondLst>
                                    <p:cond delay="0"/>
                                  </p:stCondLst>
                                  <p:childTnLst>
                                    <p:set>
                                      <p:cBhvr>
                                        <p:cTn id="46" dur="1" fill="hold">
                                          <p:stCondLst>
                                            <p:cond delay="0"/>
                                          </p:stCondLst>
                                        </p:cTn>
                                        <p:tgtEl>
                                          <p:spTgt spid="24"/>
                                        </p:tgtEl>
                                        <p:attrNameLst>
                                          <p:attrName>style.visibility</p:attrName>
                                        </p:attrNameLst>
                                      </p:cBhvr>
                                      <p:to>
                                        <p:strVal val="visible"/>
                                      </p:to>
                                    </p:set>
                                    <p:animEffect transition="in" filter="fade">
                                      <p:cBhvr>
                                        <p:cTn id="47" dur="10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5" grpId="0" animBg="1"/>
      <p:bldP spid="1032" grpId="0" animBg="1"/>
      <p:bldP spid="42" grpId="0" animBg="1"/>
      <p:bldP spid="46" grpId="0"/>
      <p:bldP spid="53" grpId="0" animBg="1"/>
      <p:bldP spid="1033" grpId="0"/>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Summary</a:t>
            </a:r>
            <a:endParaRPr lang="en-US" dirty="0"/>
          </a:p>
        </p:txBody>
      </p:sp>
      <p:sp>
        <p:nvSpPr>
          <p:cNvPr id="5" name="Text Placeholder 4"/>
          <p:cNvSpPr>
            <a:spLocks noGrp="1"/>
          </p:cNvSpPr>
          <p:nvPr>
            <p:ph type="body" sz="quarter" idx="4294967295"/>
          </p:nvPr>
        </p:nvSpPr>
        <p:spPr>
          <a:xfrm>
            <a:off x="533400" y="2076474"/>
            <a:ext cx="8305800" cy="211134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defTabSz="912813" eaLnBrk="0" fontAlgn="base" hangingPunct="0">
              <a:spcAft>
                <a:spcPct val="0"/>
              </a:spcAft>
            </a:pPr>
            <a:r>
              <a:rPr lang="en-US" sz="2800" dirty="0">
                <a:effectLst>
                  <a:outerShdw blurRad="38100" dist="38100" dir="2700000" algn="tl">
                    <a:srgbClr val="000000">
                      <a:alpha val="43137"/>
                    </a:srgbClr>
                  </a:outerShdw>
                </a:effectLst>
              </a:rPr>
              <a:t>Cal Water Fix is less costly than shortages or other alternatives</a:t>
            </a:r>
          </a:p>
          <a:p>
            <a:pPr defTabSz="912813" eaLnBrk="0" fontAlgn="base" hangingPunct="0">
              <a:spcAft>
                <a:spcPct val="0"/>
              </a:spcAft>
            </a:pPr>
            <a:r>
              <a:rPr lang="en-US" sz="2800" dirty="0">
                <a:effectLst>
                  <a:outerShdw blurRad="38100" dist="38100" dir="2700000" algn="tl">
                    <a:srgbClr val="000000">
                      <a:alpha val="43137"/>
                    </a:srgbClr>
                  </a:outerShdw>
                </a:effectLst>
              </a:rPr>
              <a:t>The do nothing approach is not sustainable</a:t>
            </a:r>
          </a:p>
          <a:p>
            <a:pPr defTabSz="912813" eaLnBrk="0" fontAlgn="base" hangingPunct="0">
              <a:spcAft>
                <a:spcPct val="0"/>
              </a:spcAft>
            </a:pPr>
            <a:r>
              <a:rPr lang="en-US" sz="2800" dirty="0">
                <a:effectLst>
                  <a:outerShdw blurRad="38100" dist="38100" dir="2700000" algn="tl">
                    <a:srgbClr val="000000">
                      <a:alpha val="43137"/>
                    </a:srgbClr>
                  </a:outerShdw>
                </a:effectLst>
              </a:rPr>
              <a:t>With Cal Water Fix, rate impacts will be less than other resource alternatives and households will spend less</a:t>
            </a:r>
          </a:p>
        </p:txBody>
      </p:sp>
    </p:spTree>
    <p:extLst>
      <p:ext uri="{BB962C8B-B14F-4D97-AF65-F5344CB8AC3E}">
        <p14:creationId xmlns:p14="http://schemas.microsoft.com/office/powerpoint/2010/main" val="73348990"/>
      </p:ext>
    </p:extLst>
  </p:cSld>
  <p:clrMapOvr>
    <a:masterClrMapping/>
  </p:clrMapOvr>
  <p:transition spd="slow">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EcoRestore</a:t>
            </a:r>
            <a:endParaRPr lang="en-US" sz="6000" dirty="0"/>
          </a:p>
        </p:txBody>
      </p:sp>
    </p:spTree>
    <p:extLst>
      <p:ext uri="{BB962C8B-B14F-4D97-AF65-F5344CB8AC3E}">
        <p14:creationId xmlns:p14="http://schemas.microsoft.com/office/powerpoint/2010/main" val="3793640796"/>
      </p:ext>
    </p:extLst>
  </p:cSld>
  <p:clrMapOvr>
    <a:masterClrMapping/>
  </p:clrMapOvr>
  <p:transition>
    <p:fade/>
  </p:transition>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California EcoRestore Projects</a:t>
            </a:r>
            <a:br>
              <a:rPr lang="en-US" dirty="0" smtClean="0"/>
            </a:br>
            <a:r>
              <a:rPr lang="en-US" sz="3600" dirty="0" smtClean="0">
                <a:solidFill>
                  <a:schemeClr val="tx1"/>
                </a:solidFill>
              </a:rPr>
              <a:t>Estimated Acreage</a:t>
            </a:r>
            <a:endParaRPr lang="en-US" sz="3600" dirty="0">
              <a:solidFill>
                <a:schemeClr val="tx1"/>
              </a:solidFill>
            </a:endParaRPr>
          </a:p>
        </p:txBody>
      </p:sp>
      <p:sp>
        <p:nvSpPr>
          <p:cNvPr id="5" name="Text Placeholder 4"/>
          <p:cNvSpPr>
            <a:spLocks noGrp="1"/>
          </p:cNvSpPr>
          <p:nvPr>
            <p:ph type="body" sz="quarter" idx="11"/>
          </p:nvPr>
        </p:nvSpPr>
        <p:spPr>
          <a:xfrm>
            <a:off x="609600" y="3124200"/>
            <a:ext cx="7924800" cy="3886200"/>
          </a:xfrm>
        </p:spPr>
        <p:txBody>
          <a:bodyPr/>
          <a:lstStyle/>
          <a:p>
            <a:pPr marL="288925" indent="-288925">
              <a:spcBef>
                <a:spcPts val="600"/>
              </a:spcBef>
              <a:spcAft>
                <a:spcPts val="600"/>
              </a:spcAft>
              <a:tabLst>
                <a:tab pos="7658100" algn="r"/>
              </a:tabLst>
            </a:pPr>
            <a:r>
              <a:rPr lang="en-US" dirty="0" smtClean="0"/>
              <a:t>SWP/CVP Bio Op Mandates (25,000 acres)</a:t>
            </a:r>
          </a:p>
          <a:p>
            <a:pPr marL="806450" lvl="1" indent="-288925">
              <a:spcBef>
                <a:spcPts val="600"/>
              </a:spcBef>
              <a:spcAft>
                <a:spcPts val="600"/>
              </a:spcAft>
              <a:tabLst>
                <a:tab pos="7658100" algn="r"/>
              </a:tabLst>
            </a:pPr>
            <a:r>
              <a:rPr lang="en-US" dirty="0">
                <a:solidFill>
                  <a:schemeClr val="tx1"/>
                </a:solidFill>
              </a:rPr>
              <a:t>Floodplain Restoration </a:t>
            </a:r>
            <a:r>
              <a:rPr lang="en-US" dirty="0" smtClean="0">
                <a:solidFill>
                  <a:schemeClr val="tx1"/>
                </a:solidFill>
              </a:rPr>
              <a:t>	17,000 ac</a:t>
            </a:r>
          </a:p>
          <a:p>
            <a:pPr marL="806450" lvl="1" indent="-288925">
              <a:spcBef>
                <a:spcPts val="600"/>
              </a:spcBef>
              <a:spcAft>
                <a:spcPts val="600"/>
              </a:spcAft>
              <a:tabLst>
                <a:tab pos="7658100" algn="r"/>
              </a:tabLst>
            </a:pPr>
            <a:r>
              <a:rPr lang="en-US" dirty="0" smtClean="0">
                <a:solidFill>
                  <a:schemeClr val="tx1"/>
                </a:solidFill>
              </a:rPr>
              <a:t>Tidal Habitat 	8,000 ac</a:t>
            </a:r>
          </a:p>
          <a:p>
            <a:pPr marL="288925" indent="-288925">
              <a:spcBef>
                <a:spcPts val="600"/>
              </a:spcBef>
              <a:spcAft>
                <a:spcPts val="600"/>
              </a:spcAft>
              <a:tabLst>
                <a:tab pos="7658100" algn="r"/>
              </a:tabLst>
            </a:pPr>
            <a:r>
              <a:rPr lang="en-US" dirty="0" smtClean="0"/>
              <a:t>State Proposition 1 Grants (5,000 acres)</a:t>
            </a:r>
          </a:p>
          <a:p>
            <a:pPr marL="806450" lvl="1" indent="-288925">
              <a:spcBef>
                <a:spcPts val="600"/>
              </a:spcBef>
              <a:spcAft>
                <a:spcPts val="600"/>
              </a:spcAft>
              <a:tabLst>
                <a:tab pos="7658100" algn="r"/>
              </a:tabLst>
            </a:pPr>
            <a:r>
              <a:rPr lang="en-US" dirty="0">
                <a:solidFill>
                  <a:schemeClr val="tx1"/>
                </a:solidFill>
              </a:rPr>
              <a:t>Floodplain Restoration 	</a:t>
            </a:r>
            <a:r>
              <a:rPr lang="en-US" dirty="0" smtClean="0">
                <a:solidFill>
                  <a:schemeClr val="tx1"/>
                </a:solidFill>
              </a:rPr>
              <a:t>500 ac</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Managed Wetlands 	3,500 ac</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Tidal Habitat 	1,000 </a:t>
            </a:r>
            <a:r>
              <a:rPr lang="en-US" dirty="0" smtClean="0">
                <a:solidFill>
                  <a:schemeClr val="tx1"/>
                </a:solidFill>
              </a:rPr>
              <a:t>ac</a:t>
            </a:r>
            <a:endParaRPr lang="en-US" dirty="0" smtClean="0">
              <a:solidFill>
                <a:schemeClr val="tx1"/>
              </a:solidFill>
            </a:endParaRPr>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81000" y="1447800"/>
            <a:ext cx="4480560" cy="1445084"/>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711185844"/>
      </p:ext>
    </p:extLst>
  </p:cSld>
  <p:clrMapOvr>
    <a:masterClrMapping/>
  </p:clrMapOvr>
  <p:transition spd="slow">
    <p:fade/>
  </p:transition>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California EcoRestore Projects</a:t>
            </a:r>
            <a:br>
              <a:rPr lang="en-US" dirty="0" smtClean="0"/>
            </a:br>
            <a:r>
              <a:rPr lang="en-US" sz="3600" dirty="0" smtClean="0">
                <a:solidFill>
                  <a:schemeClr val="tx1"/>
                </a:solidFill>
              </a:rPr>
              <a:t>Estimated Acreage</a:t>
            </a:r>
            <a:endParaRPr lang="en-US" sz="3600" dirty="0">
              <a:solidFill>
                <a:schemeClr val="tx1"/>
              </a:solidFill>
            </a:endParaRPr>
          </a:p>
        </p:txBody>
      </p:sp>
      <p:sp>
        <p:nvSpPr>
          <p:cNvPr id="5" name="Text Placeholder 4"/>
          <p:cNvSpPr>
            <a:spLocks noGrp="1"/>
          </p:cNvSpPr>
          <p:nvPr>
            <p:ph type="body" sz="quarter" idx="11"/>
          </p:nvPr>
        </p:nvSpPr>
        <p:spPr>
          <a:xfrm>
            <a:off x="609600" y="3124200"/>
            <a:ext cx="7924800" cy="3505200"/>
          </a:xfrm>
        </p:spPr>
        <p:txBody>
          <a:bodyPr/>
          <a:lstStyle/>
          <a:p>
            <a:pPr marL="288925" indent="-288925">
              <a:spcBef>
                <a:spcPts val="600"/>
              </a:spcBef>
              <a:spcAft>
                <a:spcPts val="600"/>
              </a:spcAft>
              <a:tabLst>
                <a:tab pos="7658100" algn="r"/>
              </a:tabLst>
            </a:pPr>
            <a:r>
              <a:rPr lang="en-US" dirty="0" smtClean="0"/>
              <a:t>SWP/CVP Bio Op Mandates (25,000 acres)</a:t>
            </a:r>
          </a:p>
          <a:p>
            <a:pPr marL="806450" lvl="1" indent="-288925">
              <a:spcBef>
                <a:spcPts val="600"/>
              </a:spcBef>
              <a:spcAft>
                <a:spcPts val="600"/>
              </a:spcAft>
              <a:tabLst>
                <a:tab pos="7658100" algn="r"/>
              </a:tabLst>
            </a:pPr>
            <a:r>
              <a:rPr lang="en-US" dirty="0">
                <a:solidFill>
                  <a:schemeClr val="tx1"/>
                </a:solidFill>
              </a:rPr>
              <a:t>Floodplain </a:t>
            </a:r>
            <a:r>
              <a:rPr lang="en-US" dirty="0" smtClean="0">
                <a:solidFill>
                  <a:schemeClr val="tx1"/>
                </a:solidFill>
              </a:rPr>
              <a:t>Restoration</a:t>
            </a:r>
            <a:r>
              <a:rPr lang="en-US" dirty="0" smtClean="0">
                <a:solidFill>
                  <a:schemeClr val="tx1"/>
                </a:solidFill>
              </a:rPr>
              <a:t> </a:t>
            </a:r>
            <a:r>
              <a:rPr lang="en-US" dirty="0" smtClean="0">
                <a:solidFill>
                  <a:schemeClr val="tx1"/>
                </a:solidFill>
              </a:rPr>
              <a:t>(17,000 ac)	 ~$719 M</a:t>
            </a:r>
            <a:endParaRPr lang="en-US" dirty="0" smtClean="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Tidal Habitat </a:t>
            </a:r>
            <a:r>
              <a:rPr lang="en-US" dirty="0" smtClean="0">
                <a:solidFill>
                  <a:schemeClr val="tx1"/>
                </a:solidFill>
              </a:rPr>
              <a:t>(8,000 ac)	~$235 M</a:t>
            </a:r>
            <a:endParaRPr lang="en-US" dirty="0" smtClean="0">
              <a:solidFill>
                <a:schemeClr val="tx1"/>
              </a:solidFill>
            </a:endParaRPr>
          </a:p>
          <a:p>
            <a:pPr marL="288925" indent="-288925">
              <a:spcBef>
                <a:spcPts val="600"/>
              </a:spcBef>
              <a:spcAft>
                <a:spcPts val="600"/>
              </a:spcAft>
              <a:tabLst>
                <a:tab pos="7658100" algn="r"/>
              </a:tabLst>
            </a:pPr>
            <a:r>
              <a:rPr lang="en-US" dirty="0" smtClean="0"/>
              <a:t>State Proposition 1 Grants (5,000 acres)</a:t>
            </a:r>
          </a:p>
          <a:p>
            <a:pPr marL="806450" lvl="1" indent="-288925">
              <a:spcBef>
                <a:spcPts val="600"/>
              </a:spcBef>
              <a:spcAft>
                <a:spcPts val="600"/>
              </a:spcAft>
              <a:tabLst>
                <a:tab pos="7658100" algn="r"/>
              </a:tabLst>
            </a:pPr>
            <a:r>
              <a:rPr lang="en-US" dirty="0">
                <a:solidFill>
                  <a:schemeClr val="tx1"/>
                </a:solidFill>
              </a:rPr>
              <a:t>Floodplain Restoration </a:t>
            </a:r>
            <a:r>
              <a:rPr lang="en-US" dirty="0" smtClean="0">
                <a:solidFill>
                  <a:schemeClr val="tx1"/>
                </a:solidFill>
              </a:rPr>
              <a:t>(500 ac)	~$21 M</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Managed Wetlands </a:t>
            </a:r>
            <a:r>
              <a:rPr lang="en-US" dirty="0" smtClean="0">
                <a:solidFill>
                  <a:schemeClr val="tx1"/>
                </a:solidFill>
              </a:rPr>
              <a:t>(3,500 ac)	~$40 M</a:t>
            </a:r>
            <a:endParaRPr lang="en-US" dirty="0">
              <a:solidFill>
                <a:schemeClr val="tx1"/>
              </a:solidFill>
            </a:endParaRPr>
          </a:p>
          <a:p>
            <a:pPr marL="806450" lvl="1" indent="-288925">
              <a:spcBef>
                <a:spcPts val="600"/>
              </a:spcBef>
              <a:spcAft>
                <a:spcPts val="600"/>
              </a:spcAft>
              <a:tabLst>
                <a:tab pos="7658100" algn="r"/>
              </a:tabLst>
            </a:pPr>
            <a:r>
              <a:rPr lang="en-US" dirty="0" smtClean="0">
                <a:solidFill>
                  <a:schemeClr val="tx1"/>
                </a:solidFill>
              </a:rPr>
              <a:t>Tidal Habitat </a:t>
            </a:r>
            <a:r>
              <a:rPr lang="en-US" dirty="0" smtClean="0">
                <a:solidFill>
                  <a:schemeClr val="tx1"/>
                </a:solidFill>
              </a:rPr>
              <a:t>(1,000 ac)	~$29 M</a:t>
            </a:r>
            <a:endParaRPr lang="en-US" dirty="0" smtClean="0">
              <a:solidFill>
                <a:schemeClr val="tx1"/>
              </a:solidFill>
            </a:endParaRPr>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81000" y="1447800"/>
            <a:ext cx="4480560" cy="1445084"/>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02678040"/>
      </p:ext>
    </p:extLst>
  </p:cSld>
  <p:clrMapOvr>
    <a:masterClrMapping/>
  </p:clrMapOvr>
  <p:transition spd="slow">
    <p:fade/>
  </p:transition>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106205"/>
            <a:ext cx="8382000" cy="2492990"/>
          </a:xfrm>
        </p:spPr>
        <p:txBody>
          <a:bodyPr/>
          <a:lstStyle/>
          <a:p>
            <a:r>
              <a:rPr lang="en-US" sz="6000" dirty="0" smtClean="0"/>
              <a:t>Delta Emergency Preparedness Plan and Progress</a:t>
            </a:r>
            <a:endParaRPr lang="en-US" sz="6000" dirty="0"/>
          </a:p>
        </p:txBody>
      </p:sp>
    </p:spTree>
    <p:extLst>
      <p:ext uri="{BB962C8B-B14F-4D97-AF65-F5344CB8AC3E}">
        <p14:creationId xmlns:p14="http://schemas.microsoft.com/office/powerpoint/2010/main" val="503307924"/>
      </p:ext>
    </p:extLst>
  </p:cSld>
  <p:clrMapOvr>
    <a:masterClrMapping/>
  </p:clrMapOvr>
  <p:transition>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1"/>
          <p:cNvSpPr>
            <a:spLocks noChangeArrowheads="1"/>
          </p:cNvSpPr>
          <p:nvPr/>
        </p:nvSpPr>
        <p:spPr bwMode="auto">
          <a:xfrm>
            <a:off x="1603375" y="3652838"/>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itchFamily="34" charset="0"/>
              <a:cs typeface="Arial" pitchFamily="34" charset="0"/>
            </a:endParaRPr>
          </a:p>
        </p:txBody>
      </p:sp>
      <p:graphicFrame>
        <p:nvGraphicFramePr>
          <p:cNvPr id="10" name="Table 9"/>
          <p:cNvGraphicFramePr>
            <a:graphicFrameLocks noGrp="1"/>
          </p:cNvGraphicFramePr>
          <p:nvPr>
            <p:extLst>
              <p:ext uri="{D42A27DB-BD31-4B8C-83A1-F6EECF244321}">
                <p14:modId xmlns:p14="http://schemas.microsoft.com/office/powerpoint/2010/main" val="4099127037"/>
              </p:ext>
            </p:extLst>
          </p:nvPr>
        </p:nvGraphicFramePr>
        <p:xfrm>
          <a:off x="683260" y="1100328"/>
          <a:ext cx="7774940" cy="2392553"/>
        </p:xfrm>
        <a:graphic>
          <a:graphicData uri="http://schemas.openxmlformats.org/drawingml/2006/table">
            <a:tbl>
              <a:tblPr firstRow="1" firstCol="1" bandRow="1">
                <a:tableStyleId>{5C22544A-7EE6-4342-B048-85BDC9FD1C3A}</a:tableStyleId>
              </a:tblPr>
              <a:tblGrid>
                <a:gridCol w="1943319"/>
                <a:gridCol w="1120922"/>
                <a:gridCol w="4710699"/>
              </a:tblGrid>
              <a:tr h="0">
                <a:tc>
                  <a:txBody>
                    <a:bodyPr/>
                    <a:lstStyle/>
                    <a:p>
                      <a:pPr marL="0" marR="0">
                        <a:lnSpc>
                          <a:spcPct val="115000"/>
                        </a:lnSpc>
                        <a:spcBef>
                          <a:spcPts val="0"/>
                        </a:spcBef>
                        <a:spcAft>
                          <a:spcPts val="0"/>
                        </a:spcAft>
                      </a:pPr>
                      <a:r>
                        <a:rPr lang="en-US" sz="1200" dirty="0">
                          <a:effectLst/>
                        </a:rPr>
                        <a:t>4. Discussion Topic:</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a:effectLst/>
                        </a:rPr>
                        <a:t>Physical Benefits of California WaterFix</a:t>
                      </a:r>
                      <a:endParaRPr lang="en-US" sz="120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dirty="0">
                          <a:effectLst/>
                        </a:rPr>
                        <a:t>10:15 – 12:00 PM</a:t>
                      </a:r>
                      <a:endParaRPr lang="en-US" sz="1200" dirty="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Discuss expected benefits and uncertainties associated with CA WaterFix and EcoRestore.</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utcomes:</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Discussion of Board Member views on the benefits expected from future investments in the Bay-Delta, the uncertainty associated with assurances that they can be achieved, and the affordability of expected outcomes.</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dirty="0">
                          <a:effectLst/>
                        </a:rPr>
                        <a:t> </a:t>
                      </a:r>
                      <a:endParaRPr lang="en-US" sz="1200" dirty="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dirty="0">
                          <a:effectLst/>
                        </a:rPr>
                        <a:t>Questions:</a:t>
                      </a:r>
                      <a:endParaRPr lang="en-US" sz="1200" dirty="0">
                        <a:effectLst/>
                        <a:latin typeface="Calibri"/>
                        <a:ea typeface="Calibri"/>
                        <a:cs typeface="Times New Roman"/>
                      </a:endParaRPr>
                    </a:p>
                  </a:txBody>
                  <a:tcPr marL="68580" marR="68580" marT="0" marB="0"/>
                </a:tc>
                <a:tc>
                  <a:txBody>
                    <a:bodyPr/>
                    <a:lstStyle/>
                    <a:p>
                      <a:pPr marL="342900" marR="0" lvl="0" indent="-342900">
                        <a:spcBef>
                          <a:spcPts val="0"/>
                        </a:spcBef>
                        <a:spcAft>
                          <a:spcPts val="0"/>
                        </a:spcAft>
                        <a:buFont typeface="+mj-lt"/>
                        <a:buAutoNum type="arabicPeriod"/>
                      </a:pPr>
                      <a:r>
                        <a:rPr lang="en-US" sz="1200" dirty="0">
                          <a:effectLst/>
                        </a:rPr>
                        <a:t>What benefits do the CA WaterFix and EcoRestore offer?</a:t>
                      </a:r>
                    </a:p>
                    <a:p>
                      <a:pPr marL="342900" marR="0" lvl="0" indent="-342900">
                        <a:spcBef>
                          <a:spcPts val="0"/>
                        </a:spcBef>
                        <a:spcAft>
                          <a:spcPts val="0"/>
                        </a:spcAft>
                        <a:buFont typeface="+mj-lt"/>
                        <a:buAutoNum type="arabicPeriod"/>
                      </a:pPr>
                      <a:r>
                        <a:rPr lang="en-US" sz="1200" dirty="0">
                          <a:effectLst/>
                        </a:rPr>
                        <a:t>What are the uncertainties that threaten the realization of those benefits?</a:t>
                      </a:r>
                    </a:p>
                    <a:p>
                      <a:pPr marL="342900" marR="0" lvl="0" indent="-342900">
                        <a:spcBef>
                          <a:spcPts val="0"/>
                        </a:spcBef>
                        <a:spcAft>
                          <a:spcPts val="0"/>
                        </a:spcAft>
                        <a:buFont typeface="+mj-lt"/>
                        <a:buAutoNum type="arabicPeriod"/>
                      </a:pPr>
                      <a:r>
                        <a:rPr lang="en-US" sz="1200" dirty="0">
                          <a:effectLst/>
                        </a:rPr>
                        <a:t>What can be done to reduce uncertainties and increase the likelihood of achieving desired benefits?</a:t>
                      </a:r>
                    </a:p>
                    <a:p>
                      <a:pPr marL="342900" marR="0" lvl="0" indent="-342900">
                        <a:spcBef>
                          <a:spcPts val="0"/>
                        </a:spcBef>
                        <a:spcAft>
                          <a:spcPts val="0"/>
                        </a:spcAft>
                        <a:buFont typeface="+mj-lt"/>
                        <a:buAutoNum type="arabicPeriod"/>
                      </a:pPr>
                      <a:r>
                        <a:rPr lang="en-US" sz="1200" dirty="0">
                          <a:effectLst/>
                        </a:rPr>
                        <a:t>How affordable are the expected benefits compared to other investment opportunities?</a:t>
                      </a:r>
                      <a:endParaRPr lang="en-US" sz="1200" dirty="0">
                        <a:effectLst/>
                        <a:latin typeface="Calibri"/>
                        <a:ea typeface="Calibri"/>
                        <a:cs typeface="Times New Roman"/>
                      </a:endParaRPr>
                    </a:p>
                  </a:txBody>
                  <a:tcPr marL="68580" marR="68580" marT="0" marB="0" anchor="ctr"/>
                </a:tc>
              </a:tr>
            </a:tbl>
          </a:graphicData>
        </a:graphic>
      </p:graphicFrame>
      <p:sp>
        <p:nvSpPr>
          <p:cNvPr id="11" name="Rectangle 2"/>
          <p:cNvSpPr>
            <a:spLocks noChangeArrowheads="1"/>
          </p:cNvSpPr>
          <p:nvPr/>
        </p:nvSpPr>
        <p:spPr bwMode="auto">
          <a:xfrm>
            <a:off x="1603375" y="2386013"/>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itchFamily="34" charset="0"/>
              <a:cs typeface="Arial" pitchFamily="34" charset="0"/>
            </a:endParaRPr>
          </a:p>
        </p:txBody>
      </p:sp>
      <p:graphicFrame>
        <p:nvGraphicFramePr>
          <p:cNvPr id="12" name="Table 11"/>
          <p:cNvGraphicFramePr>
            <a:graphicFrameLocks noGrp="1"/>
          </p:cNvGraphicFramePr>
          <p:nvPr>
            <p:extLst>
              <p:ext uri="{D42A27DB-BD31-4B8C-83A1-F6EECF244321}">
                <p14:modId xmlns:p14="http://schemas.microsoft.com/office/powerpoint/2010/main" val="927900243"/>
              </p:ext>
            </p:extLst>
          </p:nvPr>
        </p:nvGraphicFramePr>
        <p:xfrm>
          <a:off x="682572" y="3646805"/>
          <a:ext cx="7780762" cy="395986"/>
        </p:xfrm>
        <a:graphic>
          <a:graphicData uri="http://schemas.openxmlformats.org/drawingml/2006/table">
            <a:tbl>
              <a:tblPr firstRow="1" firstCol="1" bandRow="1">
                <a:tableStyleId>{5C22544A-7EE6-4342-B048-85BDC9FD1C3A}</a:tableStyleId>
              </a:tblPr>
              <a:tblGrid>
                <a:gridCol w="1943320"/>
                <a:gridCol w="5837442"/>
              </a:tblGrid>
              <a:tr h="0">
                <a:tc gridSpan="2">
                  <a:txBody>
                    <a:bodyPr/>
                    <a:lstStyle/>
                    <a:p>
                      <a:pPr marL="0" marR="0">
                        <a:lnSpc>
                          <a:spcPct val="115000"/>
                        </a:lnSpc>
                        <a:spcBef>
                          <a:spcPts val="0"/>
                        </a:spcBef>
                        <a:spcAft>
                          <a:spcPts val="0"/>
                        </a:spcAft>
                      </a:pPr>
                      <a:r>
                        <a:rPr lang="en-US" sz="1200">
                          <a:effectLst/>
                        </a:rPr>
                        <a:t>5. Lunch Break</a:t>
                      </a:r>
                      <a:endParaRPr lang="en-US" sz="1200">
                        <a:effectLst/>
                        <a:latin typeface="Calibri"/>
                        <a:ea typeface="Calibri"/>
                        <a:cs typeface="Times New Roman"/>
                      </a:endParaRPr>
                    </a:p>
                  </a:txBody>
                  <a:tcPr marL="68580" marR="68580" marT="0" marB="0"/>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12:00 –1:00  PM</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 </a:t>
                      </a:r>
                      <a:endParaRPr lang="en-US" sz="1200" dirty="0">
                        <a:effectLst/>
                        <a:latin typeface="Calibri"/>
                        <a:ea typeface="Calibri"/>
                        <a:cs typeface="Times New Roman"/>
                      </a:endParaRPr>
                    </a:p>
                  </a:txBody>
                  <a:tcPr marL="0" marR="0" marT="0" marB="0" anchor="ctr"/>
                </a:tc>
              </a:tr>
            </a:tbl>
          </a:graphicData>
        </a:graphic>
      </p:graphicFrame>
      <p:graphicFrame>
        <p:nvGraphicFramePr>
          <p:cNvPr id="13" name="Table 12"/>
          <p:cNvGraphicFramePr>
            <a:graphicFrameLocks noGrp="1"/>
          </p:cNvGraphicFramePr>
          <p:nvPr>
            <p:extLst>
              <p:ext uri="{D42A27DB-BD31-4B8C-83A1-F6EECF244321}">
                <p14:modId xmlns:p14="http://schemas.microsoft.com/office/powerpoint/2010/main" val="3737042270"/>
              </p:ext>
            </p:extLst>
          </p:nvPr>
        </p:nvGraphicFramePr>
        <p:xfrm>
          <a:off x="683260" y="4117150"/>
          <a:ext cx="7774940" cy="1478153"/>
        </p:xfrm>
        <a:graphic>
          <a:graphicData uri="http://schemas.openxmlformats.org/drawingml/2006/table">
            <a:tbl>
              <a:tblPr firstRow="1" firstCol="1" bandRow="1">
                <a:tableStyleId>{5C22544A-7EE6-4342-B048-85BDC9FD1C3A}</a:tableStyleId>
              </a:tblPr>
              <a:tblGrid>
                <a:gridCol w="1943319"/>
                <a:gridCol w="1120922"/>
                <a:gridCol w="4710699"/>
              </a:tblGrid>
              <a:tr h="0">
                <a:tc>
                  <a:txBody>
                    <a:bodyPr/>
                    <a:lstStyle/>
                    <a:p>
                      <a:pPr marL="0" marR="0">
                        <a:lnSpc>
                          <a:spcPct val="115000"/>
                        </a:lnSpc>
                        <a:spcBef>
                          <a:spcPts val="0"/>
                        </a:spcBef>
                        <a:spcAft>
                          <a:spcPts val="0"/>
                        </a:spcAft>
                      </a:pPr>
                      <a:r>
                        <a:rPr lang="en-US" sz="1200">
                          <a:effectLst/>
                        </a:rPr>
                        <a:t>6. Discussion Topic:</a:t>
                      </a:r>
                      <a:endParaRPr lang="en-US" sz="1200">
                        <a:effectLst/>
                        <a:latin typeface="Calibri"/>
                        <a:ea typeface="Calibri"/>
                        <a:cs typeface="Times New Roman"/>
                      </a:endParaRPr>
                    </a:p>
                  </a:txBody>
                  <a:tcPr marL="68580" marR="68580" marT="0" marB="0"/>
                </a:tc>
                <a:tc gridSpan="2">
                  <a:txBody>
                    <a:bodyPr/>
                    <a:lstStyle/>
                    <a:p>
                      <a:pPr marL="0" marR="0">
                        <a:spcBef>
                          <a:spcPts val="0"/>
                        </a:spcBef>
                        <a:spcAft>
                          <a:spcPts val="0"/>
                        </a:spcAft>
                      </a:pPr>
                      <a:r>
                        <a:rPr lang="en-US" sz="1200">
                          <a:effectLst/>
                        </a:rPr>
                        <a:t>CA EcoRestore and Role of Adaptive Mgmt and Science Programs</a:t>
                      </a:r>
                      <a:endParaRPr lang="en-US" sz="120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1:00 – 2:30 P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Review and discussion of the regulatory context and proposed approaches to managing uncertainty.</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utcomes:</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Discussion of Board Member views on future regulatory trends and the potential effectiveness of adaptive management and long-term science program.</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Questions:</a:t>
                      </a:r>
                      <a:endParaRPr lang="en-US" sz="1200">
                        <a:effectLst/>
                        <a:latin typeface="Calibri"/>
                        <a:ea typeface="Calibri"/>
                        <a:cs typeface="Times New Roman"/>
                      </a:endParaRPr>
                    </a:p>
                  </a:txBody>
                  <a:tcPr marL="68580" marR="68580" marT="0" marB="0"/>
                </a:tc>
                <a:tc>
                  <a:txBody>
                    <a:bodyPr/>
                    <a:lstStyle/>
                    <a:p>
                      <a:pPr marL="342900" marR="0" lvl="0" indent="-342900">
                        <a:spcBef>
                          <a:spcPts val="0"/>
                        </a:spcBef>
                        <a:spcAft>
                          <a:spcPts val="0"/>
                        </a:spcAft>
                        <a:buFont typeface="+mj-lt"/>
                        <a:buAutoNum type="arabicPeriod"/>
                      </a:pPr>
                      <a:r>
                        <a:rPr lang="en-US" sz="1200" dirty="0">
                          <a:effectLst/>
                        </a:rPr>
                        <a:t>What is needed to respond to lack of regulatory assurances and potential future regulations?</a:t>
                      </a:r>
                      <a:endParaRPr lang="en-US" sz="1200" dirty="0">
                        <a:effectLst/>
                        <a:latin typeface="Calibri"/>
                        <a:ea typeface="Calibri"/>
                        <a:cs typeface="Times New Roman"/>
                      </a:endParaRPr>
                    </a:p>
                  </a:txBody>
                  <a:tcPr marL="68580" marR="68580" marT="0" marB="0" anchor="ctr"/>
                </a:tc>
              </a:tr>
            </a:tbl>
          </a:graphicData>
        </a:graphic>
      </p:graphicFrame>
      <p:graphicFrame>
        <p:nvGraphicFramePr>
          <p:cNvPr id="14" name="Table 13"/>
          <p:cNvGraphicFramePr>
            <a:graphicFrameLocks noGrp="1"/>
          </p:cNvGraphicFramePr>
          <p:nvPr>
            <p:extLst>
              <p:ext uri="{D42A27DB-BD31-4B8C-83A1-F6EECF244321}">
                <p14:modId xmlns:p14="http://schemas.microsoft.com/office/powerpoint/2010/main" val="1673785003"/>
              </p:ext>
            </p:extLst>
          </p:nvPr>
        </p:nvGraphicFramePr>
        <p:xfrm>
          <a:off x="683260" y="5669661"/>
          <a:ext cx="7774940" cy="791972"/>
        </p:xfrm>
        <a:graphic>
          <a:graphicData uri="http://schemas.openxmlformats.org/drawingml/2006/table">
            <a:tbl>
              <a:tblPr firstRow="1" firstCol="1" bandRow="1">
                <a:tableStyleId>{5C22544A-7EE6-4342-B048-85BDC9FD1C3A}</a:tableStyleId>
              </a:tblPr>
              <a:tblGrid>
                <a:gridCol w="1943319"/>
                <a:gridCol w="1120922"/>
                <a:gridCol w="4710699"/>
              </a:tblGrid>
              <a:tr h="0">
                <a:tc>
                  <a:txBody>
                    <a:bodyPr/>
                    <a:lstStyle/>
                    <a:p>
                      <a:pPr marL="0" marR="0">
                        <a:lnSpc>
                          <a:spcPct val="115000"/>
                        </a:lnSpc>
                        <a:spcBef>
                          <a:spcPts val="0"/>
                        </a:spcBef>
                        <a:spcAft>
                          <a:spcPts val="0"/>
                        </a:spcAft>
                      </a:pPr>
                      <a:r>
                        <a:rPr lang="en-US" sz="1200" dirty="0">
                          <a:effectLst/>
                        </a:rPr>
                        <a:t>7. Next Steps</a:t>
                      </a:r>
                      <a:endParaRPr lang="en-US" sz="1200" dirty="0">
                        <a:effectLst/>
                        <a:latin typeface="Calibri"/>
                        <a:ea typeface="Calibri"/>
                        <a:cs typeface="Times New Roman"/>
                      </a:endParaRPr>
                    </a:p>
                  </a:txBody>
                  <a:tcPr marL="68580" marR="68580" marT="0" marB="0"/>
                </a:tc>
                <a:tc gridSpan="2">
                  <a:txBody>
                    <a:bodyPr/>
                    <a:lstStyle/>
                    <a:p>
                      <a:pPr marL="0" marR="0">
                        <a:lnSpc>
                          <a:spcPct val="115000"/>
                        </a:lnSpc>
                        <a:spcBef>
                          <a:spcPts val="0"/>
                        </a:spcBef>
                        <a:spcAft>
                          <a:spcPts val="0"/>
                        </a:spcAft>
                      </a:pPr>
                      <a:r>
                        <a:rPr lang="en-US" sz="1200">
                          <a:effectLst/>
                        </a:rPr>
                        <a:t>Retreat Outcomes and Next Steps</a:t>
                      </a:r>
                      <a:endParaRPr lang="en-US" sz="1200">
                        <a:effectLst/>
                        <a:latin typeface="Calibri"/>
                        <a:ea typeface="Calibri"/>
                        <a:cs typeface="Times New Roman"/>
                      </a:endParaRPr>
                    </a:p>
                  </a:txBody>
                  <a:tcPr marL="68580" marR="68580" marT="0" marB="0" anchor="ctr"/>
                </a:tc>
                <a:tc hMerge="1">
                  <a:txBody>
                    <a:bodyPr/>
                    <a:lstStyle/>
                    <a:p>
                      <a:endParaRPr lang="en-US"/>
                    </a:p>
                  </a:txBody>
                  <a:tcPr/>
                </a:tc>
              </a:tr>
              <a:tr h="0">
                <a:tc>
                  <a:txBody>
                    <a:bodyPr/>
                    <a:lstStyle/>
                    <a:p>
                      <a:pPr marL="0" marR="0">
                        <a:lnSpc>
                          <a:spcPct val="115000"/>
                        </a:lnSpc>
                        <a:spcBef>
                          <a:spcPts val="0"/>
                        </a:spcBef>
                        <a:spcAft>
                          <a:spcPts val="0"/>
                        </a:spcAft>
                      </a:pPr>
                      <a:r>
                        <a:rPr lang="en-US" sz="1200">
                          <a:effectLst/>
                        </a:rPr>
                        <a:t>2:30 – 3:00 PM</a:t>
                      </a:r>
                      <a:endParaRPr lang="en-US" sz="1200">
                        <a:effectLst/>
                        <a:latin typeface="Calibri"/>
                        <a:ea typeface="Calibri"/>
                        <a:cs typeface="Times New Roman"/>
                      </a:endParaRPr>
                    </a:p>
                  </a:txBody>
                  <a:tcPr marL="68580" marR="68580" marT="0" marB="0"/>
                </a:tc>
                <a:tc>
                  <a:txBody>
                    <a:bodyPr/>
                    <a:lstStyle/>
                    <a:p>
                      <a:pPr marL="0" marR="0">
                        <a:lnSpc>
                          <a:spcPct val="115000"/>
                        </a:lnSpc>
                        <a:spcBef>
                          <a:spcPts val="0"/>
                        </a:spcBef>
                        <a:spcAft>
                          <a:spcPts val="0"/>
                        </a:spcAft>
                      </a:pPr>
                      <a:r>
                        <a:rPr lang="en-US" sz="1200">
                          <a:effectLst/>
                        </a:rPr>
                        <a:t>Presenter:</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a:effectLst/>
                        </a:rPr>
                        <a:t>Chairman Randy Record</a:t>
                      </a:r>
                      <a:endParaRPr lang="en-US" sz="120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bjective: </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Summarize outcomes of the retreat and discuss next steps.</a:t>
                      </a:r>
                      <a:endParaRPr lang="en-US" sz="1200" dirty="0">
                        <a:effectLst/>
                        <a:latin typeface="Calibri"/>
                        <a:ea typeface="Calibri"/>
                        <a:cs typeface="Times New Roman"/>
                      </a:endParaRPr>
                    </a:p>
                  </a:txBody>
                  <a:tcPr marL="68580" marR="68580" marT="0" marB="0" anchor="ctr"/>
                </a:tc>
              </a:tr>
              <a:tr h="0">
                <a:tc>
                  <a:txBody>
                    <a:bodyPr/>
                    <a:lstStyle/>
                    <a:p>
                      <a:pPr marL="0" marR="0">
                        <a:spcBef>
                          <a:spcPts val="0"/>
                        </a:spcBef>
                        <a:spcAft>
                          <a:spcPts val="0"/>
                        </a:spcAft>
                      </a:pPr>
                      <a:r>
                        <a:rPr lang="en-US" sz="1200">
                          <a:effectLst/>
                        </a:rPr>
                        <a:t> </a:t>
                      </a:r>
                      <a:endParaRPr lang="en-US" sz="1200">
                        <a:effectLst/>
                        <a:latin typeface="Calibri"/>
                        <a:ea typeface="Calibri"/>
                        <a:cs typeface="Times New Roman"/>
                      </a:endParaRPr>
                    </a:p>
                  </a:txBody>
                  <a:tcPr marL="68580" marR="68580" marT="0" marB="0" anchor="ctr"/>
                </a:tc>
                <a:tc>
                  <a:txBody>
                    <a:bodyPr/>
                    <a:lstStyle/>
                    <a:p>
                      <a:pPr marL="0" marR="0">
                        <a:lnSpc>
                          <a:spcPct val="115000"/>
                        </a:lnSpc>
                        <a:spcBef>
                          <a:spcPts val="0"/>
                        </a:spcBef>
                        <a:spcAft>
                          <a:spcPts val="0"/>
                        </a:spcAft>
                      </a:pPr>
                      <a:r>
                        <a:rPr lang="en-US" sz="1200">
                          <a:effectLst/>
                        </a:rPr>
                        <a:t>Outcomes:</a:t>
                      </a:r>
                      <a:endParaRPr lang="en-US" sz="1200">
                        <a:effectLst/>
                        <a:latin typeface="Calibri"/>
                        <a:ea typeface="Calibri"/>
                        <a:cs typeface="Times New Roman"/>
                      </a:endParaRPr>
                    </a:p>
                  </a:txBody>
                  <a:tcPr marL="68580" marR="68580" marT="0" marB="0"/>
                </a:tc>
                <a:tc>
                  <a:txBody>
                    <a:bodyPr/>
                    <a:lstStyle/>
                    <a:p>
                      <a:pPr marL="0" marR="0">
                        <a:spcBef>
                          <a:spcPts val="0"/>
                        </a:spcBef>
                        <a:spcAft>
                          <a:spcPts val="0"/>
                        </a:spcAft>
                      </a:pPr>
                      <a:r>
                        <a:rPr lang="en-US" sz="1200" dirty="0">
                          <a:effectLst/>
                        </a:rPr>
                        <a:t>Guidance on next steps following retreat,</a:t>
                      </a:r>
                      <a:endParaRPr lang="en-US" sz="1200" dirty="0">
                        <a:effectLst/>
                        <a:latin typeface="Calibri"/>
                        <a:ea typeface="Calibri"/>
                        <a:cs typeface="Times New Roman"/>
                      </a:endParaRPr>
                    </a:p>
                  </a:txBody>
                  <a:tcPr marL="68580" marR="68580" marT="0" marB="0" anchor="ctr"/>
                </a:tc>
              </a:tr>
            </a:tbl>
          </a:graphicData>
        </a:graphic>
      </p:graphicFrame>
      <p:sp>
        <p:nvSpPr>
          <p:cNvPr id="15" name="Title 2"/>
          <p:cNvSpPr>
            <a:spLocks noGrp="1"/>
          </p:cNvSpPr>
          <p:nvPr>
            <p:ph type="title"/>
          </p:nvPr>
        </p:nvSpPr>
        <p:spPr>
          <a:xfrm>
            <a:off x="381000" y="230188"/>
            <a:ext cx="8382000" cy="553998"/>
          </a:xfrm>
        </p:spPr>
        <p:txBody>
          <a:bodyPr/>
          <a:lstStyle/>
          <a:p>
            <a:pPr algn="ctr"/>
            <a:r>
              <a:rPr lang="en-US" sz="4000" b="1" dirty="0" smtClean="0"/>
              <a:t>Board Retreat </a:t>
            </a:r>
            <a:r>
              <a:rPr lang="en-US" sz="4000" dirty="0" smtClean="0"/>
              <a:t>– Agenda</a:t>
            </a:r>
            <a:endParaRPr lang="en-US" sz="4000" dirty="0"/>
          </a:p>
        </p:txBody>
      </p:sp>
    </p:spTree>
    <p:extLst>
      <p:ext uri="{BB962C8B-B14F-4D97-AF65-F5344CB8AC3E}">
        <p14:creationId xmlns:p14="http://schemas.microsoft.com/office/powerpoint/2010/main" val="3198821532"/>
      </p:ext>
    </p:extLst>
  </p:cSld>
  <p:clrMapOvr>
    <a:masterClrMapping/>
  </p:clrMapOvr>
  <p:transition>
    <p:fade/>
  </p:transition>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 name="Content Placeholder 9"/>
          <p:cNvSpPr>
            <a:spLocks noGrp="1"/>
          </p:cNvSpPr>
          <p:nvPr>
            <p:ph idx="1"/>
          </p:nvPr>
        </p:nvSpPr>
        <p:spPr>
          <a:xfrm>
            <a:off x="457200" y="1811166"/>
            <a:ext cx="6172200" cy="4444294"/>
          </a:xfrm>
        </p:spPr>
        <p:txBody>
          <a:bodyPr/>
          <a:lstStyle/>
          <a:p>
            <a:r>
              <a:rPr lang="en-US" dirty="0"/>
              <a:t>Planning Schedule</a:t>
            </a:r>
          </a:p>
          <a:p>
            <a:pPr lvl="1"/>
            <a:r>
              <a:rPr lang="en-US" sz="2400" dirty="0"/>
              <a:t>Interim Plan – 2007</a:t>
            </a:r>
          </a:p>
          <a:p>
            <a:pPr lvl="1"/>
            <a:r>
              <a:rPr lang="en-US" sz="2400" dirty="0"/>
              <a:t>Draft Plan – </a:t>
            </a:r>
            <a:r>
              <a:rPr lang="en-US" sz="2400" dirty="0" smtClean="0"/>
              <a:t>2014</a:t>
            </a:r>
            <a:endParaRPr lang="en-US" sz="2400" dirty="0"/>
          </a:p>
          <a:p>
            <a:pPr lvl="1"/>
            <a:r>
              <a:rPr lang="en-US" sz="2400" dirty="0"/>
              <a:t>Final Plan – </a:t>
            </a:r>
            <a:r>
              <a:rPr lang="en-US" sz="2400" dirty="0" smtClean="0"/>
              <a:t>2017</a:t>
            </a:r>
            <a:endParaRPr lang="en-US" sz="2400" dirty="0"/>
          </a:p>
          <a:p>
            <a:r>
              <a:rPr lang="en-US" dirty="0"/>
              <a:t>Implementation Schedule</a:t>
            </a:r>
          </a:p>
          <a:p>
            <a:pPr lvl="1"/>
            <a:r>
              <a:rPr lang="en-US" sz="2400" dirty="0"/>
              <a:t>Initial concepts  (2006-08)</a:t>
            </a:r>
          </a:p>
          <a:p>
            <a:pPr lvl="1"/>
            <a:r>
              <a:rPr lang="en-US" sz="2400" dirty="0"/>
              <a:t>Place initial rock stockpiles (2007-08)</a:t>
            </a:r>
          </a:p>
          <a:p>
            <a:pPr lvl="1"/>
            <a:r>
              <a:rPr lang="en-US" sz="2400" dirty="0"/>
              <a:t>DWR Emergency Plan w/Corps </a:t>
            </a:r>
            <a:r>
              <a:rPr lang="en-US" sz="2400" dirty="0" smtClean="0"/>
              <a:t>(2008-13)</a:t>
            </a:r>
            <a:endParaRPr lang="en-US" sz="2400" dirty="0"/>
          </a:p>
          <a:p>
            <a:pPr lvl="1"/>
            <a:r>
              <a:rPr lang="en-US" sz="2400" dirty="0"/>
              <a:t>DWR </a:t>
            </a:r>
            <a:r>
              <a:rPr lang="en-US" sz="2400" dirty="0" smtClean="0"/>
              <a:t>additional </a:t>
            </a:r>
            <a:r>
              <a:rPr lang="en-US" sz="2400" dirty="0"/>
              <a:t>stockpiles  (</a:t>
            </a:r>
            <a:r>
              <a:rPr lang="en-US" sz="2400" dirty="0" smtClean="0"/>
              <a:t>2015-17</a:t>
            </a:r>
            <a:r>
              <a:rPr lang="en-US" sz="2400" dirty="0"/>
              <a:t>)</a:t>
            </a:r>
          </a:p>
          <a:p>
            <a:pPr lvl="1"/>
            <a:r>
              <a:rPr lang="en-US" sz="2400" dirty="0"/>
              <a:t>RDs construct pathway levee improvements  </a:t>
            </a:r>
            <a:r>
              <a:rPr lang="en-US" sz="2400" dirty="0" smtClean="0"/>
              <a:t>(2011-16)</a:t>
            </a:r>
            <a:endParaRPr lang="en-US" sz="2400" dirty="0"/>
          </a:p>
        </p:txBody>
      </p:sp>
      <p:sp>
        <p:nvSpPr>
          <p:cNvPr id="5" name="Slide Number Placeholder 4"/>
          <p:cNvSpPr>
            <a:spLocks noGrp="1"/>
          </p:cNvSpPr>
          <p:nvPr>
            <p:ph type="sldNum" sz="quarter" idx="10"/>
          </p:nvPr>
        </p:nvSpPr>
        <p:spPr/>
        <p:txBody>
          <a:bodyPr/>
          <a:lstStyle/>
          <a:p>
            <a:fld id="{8EBDCBD4-65BB-488D-AB04-E3B701B04AD9}" type="slidenum">
              <a:rPr lang="en-US" smtClean="0">
                <a:solidFill>
                  <a:prstClr val="white"/>
                </a:solidFill>
              </a:rPr>
              <a:pPr/>
              <a:t>70</a:t>
            </a:fld>
            <a:endParaRPr lang="en-US" dirty="0">
              <a:solidFill>
                <a:prstClr val="white"/>
              </a:solidFill>
            </a:endParaRPr>
          </a:p>
        </p:txBody>
      </p:sp>
      <p:sp>
        <p:nvSpPr>
          <p:cNvPr id="14" name="Title 1"/>
          <p:cNvSpPr>
            <a:spLocks noGrp="1"/>
          </p:cNvSpPr>
          <p:nvPr>
            <p:ph type="title"/>
          </p:nvPr>
        </p:nvSpPr>
        <p:spPr bwMode="ltGray">
          <a:xfrm>
            <a:off x="0" y="381000"/>
            <a:ext cx="9144000" cy="553998"/>
          </a:xfrm>
        </p:spPr>
        <p:txBody>
          <a:bodyPr/>
          <a:lstStyle/>
          <a:p>
            <a:pPr algn="ctr"/>
            <a:r>
              <a:rPr lang="en-US" sz="4000" dirty="0" smtClean="0"/>
              <a:t>Overview of Plan Status </a:t>
            </a:r>
            <a:endParaRPr lang="en-US" sz="3600" dirty="0">
              <a:solidFill>
                <a:schemeClr val="tx1"/>
              </a:solidFill>
            </a:endParaRPr>
          </a:p>
        </p:txBody>
      </p:sp>
      <p:grpSp>
        <p:nvGrpSpPr>
          <p:cNvPr id="7" name="Group 6"/>
          <p:cNvGrpSpPr/>
          <p:nvPr/>
        </p:nvGrpSpPr>
        <p:grpSpPr>
          <a:xfrm>
            <a:off x="6096000" y="1375699"/>
            <a:ext cx="2362200" cy="5025101"/>
            <a:chOff x="6096000" y="1111262"/>
            <a:chExt cx="2362200" cy="5025101"/>
          </a:xfrm>
        </p:grpSpPr>
        <p:pic>
          <p:nvPicPr>
            <p:cNvPr id="25" name="Picture 24"/>
            <p:cNvPicPr preferRelativeResize="0">
              <a:picLocks noChangeAspect="1"/>
            </p:cNvPicPr>
            <p:nvPr/>
          </p:nvPicPr>
          <p:blipFill>
            <a:blip r:embed="rId4" cstate="print">
              <a:extLst>
                <a:ext uri="{BEBA8EAE-BF5A-486C-A8C5-ECC9F3942E4B}">
                  <a14:imgProps xmlns:a14="http://schemas.microsoft.com/office/drawing/2010/main">
                    <a14:imgLayer r:embed="rId5">
                      <a14:imgEffect>
                        <a14:sharpenSoften amount="25000"/>
                      </a14:imgEffect>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6510528" y="1111262"/>
              <a:ext cx="1947672" cy="1809784"/>
            </a:xfrm>
            <a:prstGeom prst="roundRect">
              <a:avLst/>
            </a:prstGeom>
            <a:noFill/>
            <a:ln w="9525">
              <a:noFill/>
              <a:miter lim="800000"/>
              <a:headEnd/>
              <a:tailEnd/>
            </a:ln>
            <a:effectLst>
              <a:glow rad="228600">
                <a:schemeClr val="bg1">
                  <a:alpha val="40000"/>
                </a:schemeClr>
              </a:glow>
            </a:effectLst>
          </p:spPr>
        </p:pic>
        <p:pic>
          <p:nvPicPr>
            <p:cNvPr id="28" name="Picture 2" descr="C:\Users\u04994\Documents\DRoot\CALFED\Levees\Emergency Preparedness Planning\Construction Photos\DSC_0066.JPG"/>
            <p:cNvPicPr>
              <a:picLocks noChangeAspect="1" noChangeArrowheads="1"/>
            </p:cNvPicPr>
            <p:nvPr/>
          </p:nvPicPr>
          <p:blipFill>
            <a:blip r:embed="rId6" cstate="print"/>
            <a:srcRect/>
            <a:stretch>
              <a:fillRect/>
            </a:stretch>
          </p:blipFill>
          <p:spPr bwMode="auto">
            <a:xfrm>
              <a:off x="6096000" y="2605558"/>
              <a:ext cx="1719072" cy="1228350"/>
            </a:xfrm>
            <a:prstGeom prst="roundRect">
              <a:avLst/>
            </a:prstGeom>
            <a:solidFill>
              <a:schemeClr val="tx1">
                <a:lumMod val="95000"/>
                <a:lumOff val="5000"/>
              </a:schemeClr>
            </a:solidFill>
            <a:ln w="9525">
              <a:noFill/>
              <a:miter lim="800000"/>
              <a:headEnd/>
              <a:tailEnd/>
            </a:ln>
            <a:effectLst/>
          </p:spPr>
        </p:pic>
        <p:pic>
          <p:nvPicPr>
            <p:cNvPr id="19" name="Picture 2" descr="C:\Users\u04994\Documents\Power Point Presentations\2014\Levees\11-19-14 SWC Presentation\Photos\image (0).jpeg"/>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t="2627" r="25112" b="13939"/>
            <a:stretch/>
          </p:blipFill>
          <p:spPr bwMode="auto">
            <a:xfrm>
              <a:off x="6739128" y="3692868"/>
              <a:ext cx="1719072" cy="1436440"/>
            </a:xfrm>
            <a:prstGeom prst="roundRect">
              <a:avLst/>
            </a:prstGeom>
            <a:noFill/>
            <a:extLst>
              <a:ext uri="{909E8E84-426E-40DD-AFC4-6F175D3DCCD1}">
                <a14:hiddenFill xmlns:a14="http://schemas.microsoft.com/office/drawing/2010/main">
                  <a:solidFill>
                    <a:srgbClr val="FFFFFF"/>
                  </a:solidFill>
                </a14:hiddenFill>
              </a:ext>
            </a:extLst>
          </p:spPr>
        </p:pic>
        <p:pic>
          <p:nvPicPr>
            <p:cNvPr id="16" name="Picture 15"/>
            <p:cNvPicPr>
              <a:picLocks noChangeAspect="1"/>
            </p:cNvPicPr>
            <p:nvPr/>
          </p:nvPicPr>
          <p:blipFill rotWithShape="1">
            <a:blip r:embed="rId8" cstate="print">
              <a:extLst>
                <a:ext uri="{28A0092B-C50C-407E-A947-70E740481C1C}">
                  <a14:useLocalDpi xmlns:a14="http://schemas.microsoft.com/office/drawing/2010/main" val="0"/>
                </a:ext>
              </a:extLst>
            </a:blip>
            <a:srcRect l="10865" t="29470" r="1493" b="2289"/>
            <a:stretch/>
          </p:blipFill>
          <p:spPr bwMode="auto">
            <a:xfrm>
              <a:off x="6477000" y="4900708"/>
              <a:ext cx="1940356" cy="1235655"/>
            </a:xfrm>
            <a:prstGeom prst="roundRect">
              <a:avLst/>
            </a:prstGeom>
            <a:noFill/>
            <a:ln>
              <a:noFill/>
            </a:ln>
          </p:spPr>
        </p:pic>
      </p:grpSp>
    </p:spTree>
    <p:extLst>
      <p:ext uri="{BB962C8B-B14F-4D97-AF65-F5344CB8AC3E}">
        <p14:creationId xmlns:p14="http://schemas.microsoft.com/office/powerpoint/2010/main" val="213352169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500"/>
                                  </p:stCondLst>
                                  <p:childTnLst>
                                    <p:set>
                                      <p:cBhvr>
                                        <p:cTn id="6" dur="1" fill="hold">
                                          <p:stCondLst>
                                            <p:cond delay="0"/>
                                          </p:stCondLst>
                                        </p:cTn>
                                        <p:tgtEl>
                                          <p:spTgt spid="10"/>
                                        </p:tgtEl>
                                        <p:attrNameLst>
                                          <p:attrName>style.visibility</p:attrName>
                                        </p:attrNameLst>
                                      </p:cBhvr>
                                      <p:to>
                                        <p:strVal val="visible"/>
                                      </p:to>
                                    </p:set>
                                    <p:animEffect transition="in" filter="wipe(left)">
                                      <p:cBhvr>
                                        <p:cTn id="7" dur="500"/>
                                        <p:tgtEl>
                                          <p:spTgt spid="10"/>
                                        </p:tgtEl>
                                      </p:cBhvr>
                                    </p:animEffect>
                                  </p:childTnLst>
                                </p:cTn>
                              </p:par>
                            </p:childTnLst>
                          </p:cTn>
                        </p:par>
                        <p:par>
                          <p:cTn id="8" fill="hold">
                            <p:stCondLst>
                              <p:cond delay="1000"/>
                            </p:stCondLst>
                            <p:childTnLst>
                              <p:par>
                                <p:cTn id="9" presetID="22" presetClass="entr" presetSubtype="8" fill="hold" nodeType="afterEffect">
                                  <p:stCondLst>
                                    <p:cond delay="500"/>
                                  </p:stCondLst>
                                  <p:childTnLst>
                                    <p:set>
                                      <p:cBhvr>
                                        <p:cTn id="10" dur="1" fill="hold">
                                          <p:stCondLst>
                                            <p:cond delay="0"/>
                                          </p:stCondLst>
                                        </p:cTn>
                                        <p:tgtEl>
                                          <p:spTgt spid="7"/>
                                        </p:tgtEl>
                                        <p:attrNameLst>
                                          <p:attrName>style.visibility</p:attrName>
                                        </p:attrNameLst>
                                      </p:cBhvr>
                                      <p:to>
                                        <p:strVal val="visible"/>
                                      </p:to>
                                    </p:set>
                                    <p:animEffect transition="in" filter="wipe(left)">
                                      <p:cBhvr>
                                        <p:cTn id="11"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122" name="Object 2"/>
          <p:cNvGraphicFramePr>
            <a:graphicFrameLocks noChangeAspect="1"/>
          </p:cNvGraphicFramePr>
          <p:nvPr/>
        </p:nvGraphicFramePr>
        <p:xfrm>
          <a:off x="0" y="0"/>
          <a:ext cx="9144000" cy="6308725"/>
        </p:xfrm>
        <a:graphic>
          <a:graphicData uri="http://schemas.openxmlformats.org/presentationml/2006/ole">
            <mc:AlternateContent xmlns:mc="http://schemas.openxmlformats.org/markup-compatibility/2006">
              <mc:Choice xmlns:v="urn:schemas-microsoft-com:vml" Requires="v">
                <p:oleObj spid="_x0000_s3127" name="Photo Editor Photo" r:id="rId4" imgW="6857143" imgH="4629796" progId="">
                  <p:embed/>
                </p:oleObj>
              </mc:Choice>
              <mc:Fallback>
                <p:oleObj name="Photo Editor Photo" r:id="rId4" imgW="6857143" imgH="4629796" progId="">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0" y="0"/>
                        <a:ext cx="9144000" cy="6308725"/>
                      </a:xfrm>
                      <a:prstGeom prst="rect">
                        <a:avLst/>
                      </a:prstGeom>
                      <a:noFill/>
                      <a:ln>
                        <a:noFill/>
                      </a:ln>
                      <a:effectLst/>
                      <a:extLst>
                        <a:ext uri="{909E8E84-426E-40DD-AFC4-6F175D3DCCD1}">
                          <a14:hiddenFill xmlns:a14="http://schemas.microsoft.com/office/drawing/2010/main">
                            <a:gradFill rotWithShape="0">
                              <a:gsLst>
                                <a:gs pos="0">
                                  <a:srgbClr val="000817"/>
                                </a:gs>
                                <a:gs pos="100000">
                                  <a:srgbClr val="003399"/>
                                </a:gs>
                              </a:gsLst>
                              <a:lin ang="5400000" scaled="1"/>
                            </a:gradFill>
                          </a14:hiddenFill>
                        </a:ext>
                        <a:ext uri="{91240B29-F687-4F45-9708-019B960494DF}">
                          <a14:hiddenLine xmlns:a14="http://schemas.microsoft.com/office/drawing/2010/main" w="19050">
                            <a:solidFill>
                              <a:schemeClr val="bg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6" name="Slide Number Placeholder 5"/>
          <p:cNvSpPr>
            <a:spLocks noGrp="1"/>
          </p:cNvSpPr>
          <p:nvPr>
            <p:ph type="sldNum" sz="quarter" idx="10"/>
          </p:nvPr>
        </p:nvSpPr>
        <p:spPr/>
        <p:txBody>
          <a:bodyPr/>
          <a:lstStyle/>
          <a:p>
            <a:pPr>
              <a:defRPr/>
            </a:pPr>
            <a:fld id="{9DCDA16B-F72A-49CC-8AC4-0EC698029233}" type="slidenum">
              <a:rPr lang="en-US">
                <a:solidFill>
                  <a:prstClr val="white"/>
                </a:solidFill>
              </a:rPr>
              <a:pPr>
                <a:defRPr/>
              </a:pPr>
              <a:t>71</a:t>
            </a:fld>
            <a:endParaRPr lang="en-US" dirty="0">
              <a:solidFill>
                <a:prstClr val="white"/>
              </a:solidFill>
            </a:endParaRPr>
          </a:p>
        </p:txBody>
      </p:sp>
      <p:sp>
        <p:nvSpPr>
          <p:cNvPr id="8" name="Text Box 3"/>
          <p:cNvSpPr txBox="1">
            <a:spLocks noChangeArrowheads="1"/>
          </p:cNvSpPr>
          <p:nvPr/>
        </p:nvSpPr>
        <p:spPr bwMode="invGray">
          <a:xfrm>
            <a:off x="0" y="152400"/>
            <a:ext cx="9144000" cy="990600"/>
          </a:xfrm>
          <a:prstGeom prst="rect">
            <a:avLst/>
          </a:prstGeom>
          <a:noFill/>
          <a:ln w="9525">
            <a:noFill/>
            <a:miter lim="800000"/>
            <a:headEnd/>
            <a:tailEnd/>
          </a:ln>
          <a:effectLst/>
        </p:spPr>
        <p:txBody>
          <a:bodyPr anchor="ctr"/>
          <a:lstStyle/>
          <a:p>
            <a:pPr algn="ctr">
              <a:defRPr/>
            </a:pPr>
            <a:r>
              <a:rPr lang="en-US" sz="4400" b="1" dirty="0" smtClean="0">
                <a:gradFill flip="none" rotWithShape="1">
                  <a:gsLst>
                    <a:gs pos="0">
                      <a:srgbClr val="FFFFB9"/>
                    </a:gs>
                    <a:gs pos="36000">
                      <a:srgbClr val="FFFF99"/>
                    </a:gs>
                    <a:gs pos="86000">
                      <a:srgbClr val="F6AE1E"/>
                    </a:gs>
                  </a:gsLst>
                  <a:lin ang="5400000" scaled="0"/>
                  <a:tileRect/>
                </a:gradFill>
                <a:effectLst>
                  <a:glow rad="101600">
                    <a:prstClr val="black">
                      <a:alpha val="60000"/>
                    </a:prstClr>
                  </a:glow>
                  <a:outerShdw blurRad="50800" dist="38100" dir="2700000" algn="tl" rotWithShape="0">
                    <a:prstClr val="black">
                      <a:alpha val="40000"/>
                    </a:prstClr>
                  </a:outerShdw>
                </a:effectLst>
                <a:latin typeface="Calibri"/>
                <a:cs typeface="Arial" charset="0"/>
              </a:rPr>
              <a:t>Emergency Freshwater Pathway </a:t>
            </a:r>
            <a:r>
              <a:rPr lang="en-US" sz="4800" dirty="0" smtClean="0">
                <a:solidFill>
                  <a:srgbClr val="FFFF00"/>
                </a:solidFill>
                <a:effectLst>
                  <a:glow rad="101600">
                    <a:prstClr val="black">
                      <a:alpha val="60000"/>
                    </a:prstClr>
                  </a:glow>
                  <a:outerShdw blurRad="50800" dist="38100" dir="2700000" algn="tl" rotWithShape="0">
                    <a:prstClr val="black">
                      <a:alpha val="40000"/>
                    </a:prstClr>
                  </a:outerShdw>
                </a:effectLst>
              </a:rPr>
              <a:t/>
            </a:r>
            <a:br>
              <a:rPr lang="en-US" sz="4800" dirty="0" smtClean="0">
                <a:solidFill>
                  <a:srgbClr val="FFFF00"/>
                </a:solidFill>
                <a:effectLst>
                  <a:glow rad="101600">
                    <a:prstClr val="black">
                      <a:alpha val="60000"/>
                    </a:prstClr>
                  </a:glow>
                  <a:outerShdw blurRad="50800" dist="38100" dir="2700000" algn="tl" rotWithShape="0">
                    <a:prstClr val="black">
                      <a:alpha val="40000"/>
                    </a:prstClr>
                  </a:outerShdw>
                </a:effectLst>
              </a:rPr>
            </a:br>
            <a:endParaRPr lang="en-US" sz="3600" dirty="0">
              <a:solidFill>
                <a:prstClr val="white"/>
              </a:solidFill>
              <a:effectLst>
                <a:glow rad="101600">
                  <a:prstClr val="black">
                    <a:alpha val="60000"/>
                  </a:prstClr>
                </a:glow>
                <a:outerShdw blurRad="50800" dist="38100" dir="2700000" algn="tl" rotWithShape="0">
                  <a:prstClr val="black">
                    <a:alpha val="40000"/>
                  </a:prstClr>
                </a:outerShdw>
              </a:effectLst>
              <a:latin typeface="Calibri"/>
            </a:endParaRPr>
          </a:p>
        </p:txBody>
      </p:sp>
      <p:grpSp>
        <p:nvGrpSpPr>
          <p:cNvPr id="11" name="Group 20"/>
          <p:cNvGrpSpPr/>
          <p:nvPr/>
        </p:nvGrpSpPr>
        <p:grpSpPr>
          <a:xfrm>
            <a:off x="4695826" y="2490787"/>
            <a:ext cx="1685925" cy="2843213"/>
            <a:chOff x="4619626" y="2557465"/>
            <a:chExt cx="1685925" cy="2843213"/>
          </a:xfrm>
          <a:effectLst/>
        </p:grpSpPr>
        <p:sp>
          <p:nvSpPr>
            <p:cNvPr id="12" name="Freeform 11"/>
            <p:cNvSpPr/>
            <p:nvPr/>
          </p:nvSpPr>
          <p:spPr bwMode="invGray">
            <a:xfrm>
              <a:off x="4619626" y="2557465"/>
              <a:ext cx="1685925" cy="2843213"/>
            </a:xfrm>
            <a:custGeom>
              <a:avLst/>
              <a:gdLst>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471488 w 1912144"/>
                <a:gd name="connsiteY41" fmla="*/ 3200400 h 3571875"/>
                <a:gd name="connsiteX42" fmla="*/ 514350 w 1912144"/>
                <a:gd name="connsiteY42" fmla="*/ 3343275 h 3571875"/>
                <a:gd name="connsiteX43" fmla="*/ 557213 w 1912144"/>
                <a:gd name="connsiteY43" fmla="*/ 3443287 h 3571875"/>
                <a:gd name="connsiteX44" fmla="*/ 428625 w 1912144"/>
                <a:gd name="connsiteY44" fmla="*/ 3471862 h 3571875"/>
                <a:gd name="connsiteX45" fmla="*/ 257175 w 1912144"/>
                <a:gd name="connsiteY45" fmla="*/ 3500437 h 3571875"/>
                <a:gd name="connsiteX46" fmla="*/ 85725 w 1912144"/>
                <a:gd name="connsiteY46" fmla="*/ 3500437 h 3571875"/>
                <a:gd name="connsiteX47" fmla="*/ 0 w 1912144"/>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257425 h 3571875"/>
                <a:gd name="connsiteX40" fmla="*/ 285750 w 1685925"/>
                <a:gd name="connsiteY40" fmla="*/ 2814637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85788 w 1685925"/>
                <a:gd name="connsiteY0" fmla="*/ 0 h 3457575"/>
                <a:gd name="connsiteX1" fmla="*/ 642938 w 1685925"/>
                <a:gd name="connsiteY1" fmla="*/ 85725 h 3457575"/>
                <a:gd name="connsiteX2" fmla="*/ 685800 w 1685925"/>
                <a:gd name="connsiteY2" fmla="*/ 157162 h 3457575"/>
                <a:gd name="connsiteX3" fmla="*/ 714375 w 1685925"/>
                <a:gd name="connsiteY3" fmla="*/ 228600 h 3457575"/>
                <a:gd name="connsiteX4" fmla="*/ 728663 w 1685925"/>
                <a:gd name="connsiteY4" fmla="*/ 314325 h 3457575"/>
                <a:gd name="connsiteX5" fmla="*/ 771525 w 1685925"/>
                <a:gd name="connsiteY5" fmla="*/ 357187 h 3457575"/>
                <a:gd name="connsiteX6" fmla="*/ 871538 w 1685925"/>
                <a:gd name="connsiteY6" fmla="*/ 442912 h 3457575"/>
                <a:gd name="connsiteX7" fmla="*/ 900113 w 1685925"/>
                <a:gd name="connsiteY7" fmla="*/ 485775 h 3457575"/>
                <a:gd name="connsiteX8" fmla="*/ 957263 w 1685925"/>
                <a:gd name="connsiteY8" fmla="*/ 528637 h 3457575"/>
                <a:gd name="connsiteX9" fmla="*/ 957263 w 1685925"/>
                <a:gd name="connsiteY9" fmla="*/ 571500 h 3457575"/>
                <a:gd name="connsiteX10" fmla="*/ 985838 w 1685925"/>
                <a:gd name="connsiteY10" fmla="*/ 614362 h 3457575"/>
                <a:gd name="connsiteX11" fmla="*/ 957263 w 1685925"/>
                <a:gd name="connsiteY11" fmla="*/ 657225 h 3457575"/>
                <a:gd name="connsiteX12" fmla="*/ 1000125 w 1685925"/>
                <a:gd name="connsiteY12" fmla="*/ 671512 h 3457575"/>
                <a:gd name="connsiteX13" fmla="*/ 1028700 w 1685925"/>
                <a:gd name="connsiteY13" fmla="*/ 714375 h 3457575"/>
                <a:gd name="connsiteX14" fmla="*/ 1028700 w 1685925"/>
                <a:gd name="connsiteY14" fmla="*/ 757237 h 3457575"/>
                <a:gd name="connsiteX15" fmla="*/ 928688 w 1685925"/>
                <a:gd name="connsiteY15" fmla="*/ 771525 h 3457575"/>
                <a:gd name="connsiteX16" fmla="*/ 814388 w 1685925"/>
                <a:gd name="connsiteY16" fmla="*/ 842962 h 3457575"/>
                <a:gd name="connsiteX17" fmla="*/ 785813 w 1685925"/>
                <a:gd name="connsiteY17" fmla="*/ 914400 h 3457575"/>
                <a:gd name="connsiteX18" fmla="*/ 742950 w 1685925"/>
                <a:gd name="connsiteY18" fmla="*/ 942975 h 3457575"/>
                <a:gd name="connsiteX19" fmla="*/ 757238 w 1685925"/>
                <a:gd name="connsiteY19" fmla="*/ 1014412 h 3457575"/>
                <a:gd name="connsiteX20" fmla="*/ 685800 w 1685925"/>
                <a:gd name="connsiteY20" fmla="*/ 1042987 h 3457575"/>
                <a:gd name="connsiteX21" fmla="*/ 685800 w 1685925"/>
                <a:gd name="connsiteY21" fmla="*/ 1143000 h 3457575"/>
                <a:gd name="connsiteX22" fmla="*/ 785813 w 1685925"/>
                <a:gd name="connsiteY22" fmla="*/ 1200150 h 3457575"/>
                <a:gd name="connsiteX23" fmla="*/ 800100 w 1685925"/>
                <a:gd name="connsiteY23" fmla="*/ 1271587 h 3457575"/>
                <a:gd name="connsiteX24" fmla="*/ 771525 w 1685925"/>
                <a:gd name="connsiteY24" fmla="*/ 1371600 h 3457575"/>
                <a:gd name="connsiteX25" fmla="*/ 800100 w 1685925"/>
                <a:gd name="connsiteY25" fmla="*/ 1485900 h 3457575"/>
                <a:gd name="connsiteX26" fmla="*/ 871538 w 1685925"/>
                <a:gd name="connsiteY26" fmla="*/ 1543050 h 3457575"/>
                <a:gd name="connsiteX27" fmla="*/ 928688 w 1685925"/>
                <a:gd name="connsiteY27" fmla="*/ 1671637 h 3457575"/>
                <a:gd name="connsiteX28" fmla="*/ 900113 w 1685925"/>
                <a:gd name="connsiteY28" fmla="*/ 1700212 h 3457575"/>
                <a:gd name="connsiteX29" fmla="*/ 1014413 w 1685925"/>
                <a:gd name="connsiteY29" fmla="*/ 1728787 h 3457575"/>
                <a:gd name="connsiteX30" fmla="*/ 1085850 w 1685925"/>
                <a:gd name="connsiteY30" fmla="*/ 1771650 h 3457575"/>
                <a:gd name="connsiteX31" fmla="*/ 1085850 w 1685925"/>
                <a:gd name="connsiteY31" fmla="*/ 1828800 h 3457575"/>
                <a:gd name="connsiteX32" fmla="*/ 1157288 w 1685925"/>
                <a:gd name="connsiteY32" fmla="*/ 1900237 h 3457575"/>
                <a:gd name="connsiteX33" fmla="*/ 1243013 w 1685925"/>
                <a:gd name="connsiteY33" fmla="*/ 1914525 h 3457575"/>
                <a:gd name="connsiteX34" fmla="*/ 1343025 w 1685925"/>
                <a:gd name="connsiteY34" fmla="*/ 1971675 h 3457575"/>
                <a:gd name="connsiteX35" fmla="*/ 1471613 w 1685925"/>
                <a:gd name="connsiteY35" fmla="*/ 1985962 h 3457575"/>
                <a:gd name="connsiteX36" fmla="*/ 1571625 w 1685925"/>
                <a:gd name="connsiteY36" fmla="*/ 2043112 h 3457575"/>
                <a:gd name="connsiteX37" fmla="*/ 1643063 w 1685925"/>
                <a:gd name="connsiteY37" fmla="*/ 2114550 h 3457575"/>
                <a:gd name="connsiteX38" fmla="*/ 1685925 w 1685925"/>
                <a:gd name="connsiteY38" fmla="*/ 2143125 h 3457575"/>
                <a:gd name="connsiteX39" fmla="*/ 285750 w 1685925"/>
                <a:gd name="connsiteY39" fmla="*/ 2700337 h 3457575"/>
                <a:gd name="connsiteX40" fmla="*/ 471488 w 1685925"/>
                <a:gd name="connsiteY40" fmla="*/ 3086100 h 3457575"/>
                <a:gd name="connsiteX41" fmla="*/ 514350 w 1685925"/>
                <a:gd name="connsiteY41" fmla="*/ 3228975 h 3457575"/>
                <a:gd name="connsiteX42" fmla="*/ 557213 w 1685925"/>
                <a:gd name="connsiteY42" fmla="*/ 3328987 h 3457575"/>
                <a:gd name="connsiteX43" fmla="*/ 428625 w 1685925"/>
                <a:gd name="connsiteY43" fmla="*/ 3357562 h 3457575"/>
                <a:gd name="connsiteX44" fmla="*/ 257175 w 1685925"/>
                <a:gd name="connsiteY44" fmla="*/ 3386137 h 3457575"/>
                <a:gd name="connsiteX45" fmla="*/ 85725 w 1685925"/>
                <a:gd name="connsiteY45" fmla="*/ 3386137 h 3457575"/>
                <a:gd name="connsiteX46" fmla="*/ 0 w 1685925"/>
                <a:gd name="connsiteY46" fmla="*/ 3457575 h 3457575"/>
                <a:gd name="connsiteX0" fmla="*/ 642938 w 1685925"/>
                <a:gd name="connsiteY0" fmla="*/ 0 h 3371850"/>
                <a:gd name="connsiteX1" fmla="*/ 685800 w 1685925"/>
                <a:gd name="connsiteY1" fmla="*/ 71437 h 3371850"/>
                <a:gd name="connsiteX2" fmla="*/ 714375 w 1685925"/>
                <a:gd name="connsiteY2" fmla="*/ 142875 h 3371850"/>
                <a:gd name="connsiteX3" fmla="*/ 728663 w 1685925"/>
                <a:gd name="connsiteY3" fmla="*/ 228600 h 3371850"/>
                <a:gd name="connsiteX4" fmla="*/ 771525 w 1685925"/>
                <a:gd name="connsiteY4" fmla="*/ 271462 h 3371850"/>
                <a:gd name="connsiteX5" fmla="*/ 871538 w 1685925"/>
                <a:gd name="connsiteY5" fmla="*/ 357187 h 3371850"/>
                <a:gd name="connsiteX6" fmla="*/ 900113 w 1685925"/>
                <a:gd name="connsiteY6" fmla="*/ 400050 h 3371850"/>
                <a:gd name="connsiteX7" fmla="*/ 957263 w 1685925"/>
                <a:gd name="connsiteY7" fmla="*/ 442912 h 3371850"/>
                <a:gd name="connsiteX8" fmla="*/ 957263 w 1685925"/>
                <a:gd name="connsiteY8" fmla="*/ 485775 h 3371850"/>
                <a:gd name="connsiteX9" fmla="*/ 985838 w 1685925"/>
                <a:gd name="connsiteY9" fmla="*/ 528637 h 3371850"/>
                <a:gd name="connsiteX10" fmla="*/ 957263 w 1685925"/>
                <a:gd name="connsiteY10" fmla="*/ 571500 h 3371850"/>
                <a:gd name="connsiteX11" fmla="*/ 1000125 w 1685925"/>
                <a:gd name="connsiteY11" fmla="*/ 585787 h 3371850"/>
                <a:gd name="connsiteX12" fmla="*/ 1028700 w 1685925"/>
                <a:gd name="connsiteY12" fmla="*/ 628650 h 3371850"/>
                <a:gd name="connsiteX13" fmla="*/ 1028700 w 1685925"/>
                <a:gd name="connsiteY13" fmla="*/ 671512 h 3371850"/>
                <a:gd name="connsiteX14" fmla="*/ 928688 w 1685925"/>
                <a:gd name="connsiteY14" fmla="*/ 685800 h 3371850"/>
                <a:gd name="connsiteX15" fmla="*/ 814388 w 1685925"/>
                <a:gd name="connsiteY15" fmla="*/ 757237 h 3371850"/>
                <a:gd name="connsiteX16" fmla="*/ 785813 w 1685925"/>
                <a:gd name="connsiteY16" fmla="*/ 828675 h 3371850"/>
                <a:gd name="connsiteX17" fmla="*/ 742950 w 1685925"/>
                <a:gd name="connsiteY17" fmla="*/ 857250 h 3371850"/>
                <a:gd name="connsiteX18" fmla="*/ 757238 w 1685925"/>
                <a:gd name="connsiteY18" fmla="*/ 928687 h 3371850"/>
                <a:gd name="connsiteX19" fmla="*/ 685800 w 1685925"/>
                <a:gd name="connsiteY19" fmla="*/ 957262 h 3371850"/>
                <a:gd name="connsiteX20" fmla="*/ 685800 w 1685925"/>
                <a:gd name="connsiteY20" fmla="*/ 1057275 h 3371850"/>
                <a:gd name="connsiteX21" fmla="*/ 785813 w 1685925"/>
                <a:gd name="connsiteY21" fmla="*/ 1114425 h 3371850"/>
                <a:gd name="connsiteX22" fmla="*/ 800100 w 1685925"/>
                <a:gd name="connsiteY22" fmla="*/ 1185862 h 3371850"/>
                <a:gd name="connsiteX23" fmla="*/ 771525 w 1685925"/>
                <a:gd name="connsiteY23" fmla="*/ 1285875 h 3371850"/>
                <a:gd name="connsiteX24" fmla="*/ 800100 w 1685925"/>
                <a:gd name="connsiteY24" fmla="*/ 1400175 h 3371850"/>
                <a:gd name="connsiteX25" fmla="*/ 871538 w 1685925"/>
                <a:gd name="connsiteY25" fmla="*/ 1457325 h 3371850"/>
                <a:gd name="connsiteX26" fmla="*/ 928688 w 1685925"/>
                <a:gd name="connsiteY26" fmla="*/ 1585912 h 3371850"/>
                <a:gd name="connsiteX27" fmla="*/ 900113 w 1685925"/>
                <a:gd name="connsiteY27" fmla="*/ 1614487 h 3371850"/>
                <a:gd name="connsiteX28" fmla="*/ 1014413 w 1685925"/>
                <a:gd name="connsiteY28" fmla="*/ 1643062 h 3371850"/>
                <a:gd name="connsiteX29" fmla="*/ 1085850 w 1685925"/>
                <a:gd name="connsiteY29" fmla="*/ 1685925 h 3371850"/>
                <a:gd name="connsiteX30" fmla="*/ 1085850 w 1685925"/>
                <a:gd name="connsiteY30" fmla="*/ 1743075 h 3371850"/>
                <a:gd name="connsiteX31" fmla="*/ 1157288 w 1685925"/>
                <a:gd name="connsiteY31" fmla="*/ 1814512 h 3371850"/>
                <a:gd name="connsiteX32" fmla="*/ 1243013 w 1685925"/>
                <a:gd name="connsiteY32" fmla="*/ 1828800 h 3371850"/>
                <a:gd name="connsiteX33" fmla="*/ 1343025 w 1685925"/>
                <a:gd name="connsiteY33" fmla="*/ 1885950 h 3371850"/>
                <a:gd name="connsiteX34" fmla="*/ 1471613 w 1685925"/>
                <a:gd name="connsiteY34" fmla="*/ 1900237 h 3371850"/>
                <a:gd name="connsiteX35" fmla="*/ 1571625 w 1685925"/>
                <a:gd name="connsiteY35" fmla="*/ 1957387 h 3371850"/>
                <a:gd name="connsiteX36" fmla="*/ 1643063 w 1685925"/>
                <a:gd name="connsiteY36" fmla="*/ 2028825 h 3371850"/>
                <a:gd name="connsiteX37" fmla="*/ 1685925 w 1685925"/>
                <a:gd name="connsiteY37" fmla="*/ 2057400 h 3371850"/>
                <a:gd name="connsiteX38" fmla="*/ 285750 w 1685925"/>
                <a:gd name="connsiteY38" fmla="*/ 2614612 h 3371850"/>
                <a:gd name="connsiteX39" fmla="*/ 471488 w 1685925"/>
                <a:gd name="connsiteY39" fmla="*/ 3000375 h 3371850"/>
                <a:gd name="connsiteX40" fmla="*/ 514350 w 1685925"/>
                <a:gd name="connsiteY40" fmla="*/ 3143250 h 3371850"/>
                <a:gd name="connsiteX41" fmla="*/ 557213 w 1685925"/>
                <a:gd name="connsiteY41" fmla="*/ 3243262 h 3371850"/>
                <a:gd name="connsiteX42" fmla="*/ 428625 w 1685925"/>
                <a:gd name="connsiteY42" fmla="*/ 3271837 h 3371850"/>
                <a:gd name="connsiteX43" fmla="*/ 257175 w 1685925"/>
                <a:gd name="connsiteY43" fmla="*/ 3300412 h 3371850"/>
                <a:gd name="connsiteX44" fmla="*/ 85725 w 1685925"/>
                <a:gd name="connsiteY44" fmla="*/ 3300412 h 3371850"/>
                <a:gd name="connsiteX45" fmla="*/ 0 w 1685925"/>
                <a:gd name="connsiteY45" fmla="*/ 3371850 h 3371850"/>
                <a:gd name="connsiteX0" fmla="*/ 685800 w 1685925"/>
                <a:gd name="connsiteY0" fmla="*/ 0 h 3300413"/>
                <a:gd name="connsiteX1" fmla="*/ 714375 w 1685925"/>
                <a:gd name="connsiteY1" fmla="*/ 71438 h 3300413"/>
                <a:gd name="connsiteX2" fmla="*/ 728663 w 1685925"/>
                <a:gd name="connsiteY2" fmla="*/ 157163 h 3300413"/>
                <a:gd name="connsiteX3" fmla="*/ 771525 w 1685925"/>
                <a:gd name="connsiteY3" fmla="*/ 200025 h 3300413"/>
                <a:gd name="connsiteX4" fmla="*/ 871538 w 1685925"/>
                <a:gd name="connsiteY4" fmla="*/ 285750 h 3300413"/>
                <a:gd name="connsiteX5" fmla="*/ 900113 w 1685925"/>
                <a:gd name="connsiteY5" fmla="*/ 328613 h 3300413"/>
                <a:gd name="connsiteX6" fmla="*/ 957263 w 1685925"/>
                <a:gd name="connsiteY6" fmla="*/ 371475 h 3300413"/>
                <a:gd name="connsiteX7" fmla="*/ 957263 w 1685925"/>
                <a:gd name="connsiteY7" fmla="*/ 414338 h 3300413"/>
                <a:gd name="connsiteX8" fmla="*/ 985838 w 1685925"/>
                <a:gd name="connsiteY8" fmla="*/ 457200 h 3300413"/>
                <a:gd name="connsiteX9" fmla="*/ 957263 w 1685925"/>
                <a:gd name="connsiteY9" fmla="*/ 500063 h 3300413"/>
                <a:gd name="connsiteX10" fmla="*/ 1000125 w 1685925"/>
                <a:gd name="connsiteY10" fmla="*/ 514350 h 3300413"/>
                <a:gd name="connsiteX11" fmla="*/ 1028700 w 1685925"/>
                <a:gd name="connsiteY11" fmla="*/ 557213 h 3300413"/>
                <a:gd name="connsiteX12" fmla="*/ 1028700 w 1685925"/>
                <a:gd name="connsiteY12" fmla="*/ 600075 h 3300413"/>
                <a:gd name="connsiteX13" fmla="*/ 928688 w 1685925"/>
                <a:gd name="connsiteY13" fmla="*/ 614363 h 3300413"/>
                <a:gd name="connsiteX14" fmla="*/ 814388 w 1685925"/>
                <a:gd name="connsiteY14" fmla="*/ 685800 h 3300413"/>
                <a:gd name="connsiteX15" fmla="*/ 785813 w 1685925"/>
                <a:gd name="connsiteY15" fmla="*/ 757238 h 3300413"/>
                <a:gd name="connsiteX16" fmla="*/ 742950 w 1685925"/>
                <a:gd name="connsiteY16" fmla="*/ 785813 h 3300413"/>
                <a:gd name="connsiteX17" fmla="*/ 757238 w 1685925"/>
                <a:gd name="connsiteY17" fmla="*/ 857250 h 3300413"/>
                <a:gd name="connsiteX18" fmla="*/ 685800 w 1685925"/>
                <a:gd name="connsiteY18" fmla="*/ 885825 h 3300413"/>
                <a:gd name="connsiteX19" fmla="*/ 685800 w 1685925"/>
                <a:gd name="connsiteY19" fmla="*/ 985838 h 3300413"/>
                <a:gd name="connsiteX20" fmla="*/ 785813 w 1685925"/>
                <a:gd name="connsiteY20" fmla="*/ 1042988 h 3300413"/>
                <a:gd name="connsiteX21" fmla="*/ 800100 w 1685925"/>
                <a:gd name="connsiteY21" fmla="*/ 1114425 h 3300413"/>
                <a:gd name="connsiteX22" fmla="*/ 771525 w 1685925"/>
                <a:gd name="connsiteY22" fmla="*/ 1214438 h 3300413"/>
                <a:gd name="connsiteX23" fmla="*/ 800100 w 1685925"/>
                <a:gd name="connsiteY23" fmla="*/ 1328738 h 3300413"/>
                <a:gd name="connsiteX24" fmla="*/ 871538 w 1685925"/>
                <a:gd name="connsiteY24" fmla="*/ 1385888 h 3300413"/>
                <a:gd name="connsiteX25" fmla="*/ 928688 w 1685925"/>
                <a:gd name="connsiteY25" fmla="*/ 1514475 h 3300413"/>
                <a:gd name="connsiteX26" fmla="*/ 900113 w 1685925"/>
                <a:gd name="connsiteY26" fmla="*/ 1543050 h 3300413"/>
                <a:gd name="connsiteX27" fmla="*/ 1014413 w 1685925"/>
                <a:gd name="connsiteY27" fmla="*/ 1571625 h 3300413"/>
                <a:gd name="connsiteX28" fmla="*/ 1085850 w 1685925"/>
                <a:gd name="connsiteY28" fmla="*/ 1614488 h 3300413"/>
                <a:gd name="connsiteX29" fmla="*/ 1085850 w 1685925"/>
                <a:gd name="connsiteY29" fmla="*/ 1671638 h 3300413"/>
                <a:gd name="connsiteX30" fmla="*/ 1157288 w 1685925"/>
                <a:gd name="connsiteY30" fmla="*/ 1743075 h 3300413"/>
                <a:gd name="connsiteX31" fmla="*/ 1243013 w 1685925"/>
                <a:gd name="connsiteY31" fmla="*/ 1757363 h 3300413"/>
                <a:gd name="connsiteX32" fmla="*/ 1343025 w 1685925"/>
                <a:gd name="connsiteY32" fmla="*/ 1814513 h 3300413"/>
                <a:gd name="connsiteX33" fmla="*/ 1471613 w 1685925"/>
                <a:gd name="connsiteY33" fmla="*/ 1828800 h 3300413"/>
                <a:gd name="connsiteX34" fmla="*/ 1571625 w 1685925"/>
                <a:gd name="connsiteY34" fmla="*/ 1885950 h 3300413"/>
                <a:gd name="connsiteX35" fmla="*/ 1643063 w 1685925"/>
                <a:gd name="connsiteY35" fmla="*/ 1957388 h 3300413"/>
                <a:gd name="connsiteX36" fmla="*/ 1685925 w 1685925"/>
                <a:gd name="connsiteY36" fmla="*/ 1985963 h 3300413"/>
                <a:gd name="connsiteX37" fmla="*/ 285750 w 1685925"/>
                <a:gd name="connsiteY37" fmla="*/ 2543175 h 3300413"/>
                <a:gd name="connsiteX38" fmla="*/ 471488 w 1685925"/>
                <a:gd name="connsiteY38" fmla="*/ 2928938 h 3300413"/>
                <a:gd name="connsiteX39" fmla="*/ 514350 w 1685925"/>
                <a:gd name="connsiteY39" fmla="*/ 3071813 h 3300413"/>
                <a:gd name="connsiteX40" fmla="*/ 557213 w 1685925"/>
                <a:gd name="connsiteY40" fmla="*/ 3171825 h 3300413"/>
                <a:gd name="connsiteX41" fmla="*/ 428625 w 1685925"/>
                <a:gd name="connsiteY41" fmla="*/ 3200400 h 3300413"/>
                <a:gd name="connsiteX42" fmla="*/ 257175 w 1685925"/>
                <a:gd name="connsiteY42" fmla="*/ 3228975 h 3300413"/>
                <a:gd name="connsiteX43" fmla="*/ 85725 w 1685925"/>
                <a:gd name="connsiteY43" fmla="*/ 3228975 h 3300413"/>
                <a:gd name="connsiteX44" fmla="*/ 0 w 1685925"/>
                <a:gd name="connsiteY44" fmla="*/ 3300413 h 3300413"/>
                <a:gd name="connsiteX0" fmla="*/ 714375 w 1685925"/>
                <a:gd name="connsiteY0" fmla="*/ 0 h 3228975"/>
                <a:gd name="connsiteX1" fmla="*/ 728663 w 1685925"/>
                <a:gd name="connsiteY1" fmla="*/ 85725 h 3228975"/>
                <a:gd name="connsiteX2" fmla="*/ 771525 w 1685925"/>
                <a:gd name="connsiteY2" fmla="*/ 128587 h 3228975"/>
                <a:gd name="connsiteX3" fmla="*/ 871538 w 1685925"/>
                <a:gd name="connsiteY3" fmla="*/ 214312 h 3228975"/>
                <a:gd name="connsiteX4" fmla="*/ 900113 w 1685925"/>
                <a:gd name="connsiteY4" fmla="*/ 257175 h 3228975"/>
                <a:gd name="connsiteX5" fmla="*/ 957263 w 1685925"/>
                <a:gd name="connsiteY5" fmla="*/ 300037 h 3228975"/>
                <a:gd name="connsiteX6" fmla="*/ 957263 w 1685925"/>
                <a:gd name="connsiteY6" fmla="*/ 342900 h 3228975"/>
                <a:gd name="connsiteX7" fmla="*/ 985838 w 1685925"/>
                <a:gd name="connsiteY7" fmla="*/ 385762 h 3228975"/>
                <a:gd name="connsiteX8" fmla="*/ 957263 w 1685925"/>
                <a:gd name="connsiteY8" fmla="*/ 428625 h 3228975"/>
                <a:gd name="connsiteX9" fmla="*/ 1000125 w 1685925"/>
                <a:gd name="connsiteY9" fmla="*/ 442912 h 3228975"/>
                <a:gd name="connsiteX10" fmla="*/ 1028700 w 1685925"/>
                <a:gd name="connsiteY10" fmla="*/ 485775 h 3228975"/>
                <a:gd name="connsiteX11" fmla="*/ 1028700 w 1685925"/>
                <a:gd name="connsiteY11" fmla="*/ 528637 h 3228975"/>
                <a:gd name="connsiteX12" fmla="*/ 928688 w 1685925"/>
                <a:gd name="connsiteY12" fmla="*/ 542925 h 3228975"/>
                <a:gd name="connsiteX13" fmla="*/ 814388 w 1685925"/>
                <a:gd name="connsiteY13" fmla="*/ 614362 h 3228975"/>
                <a:gd name="connsiteX14" fmla="*/ 785813 w 1685925"/>
                <a:gd name="connsiteY14" fmla="*/ 685800 h 3228975"/>
                <a:gd name="connsiteX15" fmla="*/ 742950 w 1685925"/>
                <a:gd name="connsiteY15" fmla="*/ 714375 h 3228975"/>
                <a:gd name="connsiteX16" fmla="*/ 757238 w 1685925"/>
                <a:gd name="connsiteY16" fmla="*/ 785812 h 3228975"/>
                <a:gd name="connsiteX17" fmla="*/ 685800 w 1685925"/>
                <a:gd name="connsiteY17" fmla="*/ 814387 h 3228975"/>
                <a:gd name="connsiteX18" fmla="*/ 685800 w 1685925"/>
                <a:gd name="connsiteY18" fmla="*/ 914400 h 3228975"/>
                <a:gd name="connsiteX19" fmla="*/ 785813 w 1685925"/>
                <a:gd name="connsiteY19" fmla="*/ 971550 h 3228975"/>
                <a:gd name="connsiteX20" fmla="*/ 800100 w 1685925"/>
                <a:gd name="connsiteY20" fmla="*/ 1042987 h 3228975"/>
                <a:gd name="connsiteX21" fmla="*/ 771525 w 1685925"/>
                <a:gd name="connsiteY21" fmla="*/ 1143000 h 3228975"/>
                <a:gd name="connsiteX22" fmla="*/ 800100 w 1685925"/>
                <a:gd name="connsiteY22" fmla="*/ 1257300 h 3228975"/>
                <a:gd name="connsiteX23" fmla="*/ 871538 w 1685925"/>
                <a:gd name="connsiteY23" fmla="*/ 1314450 h 3228975"/>
                <a:gd name="connsiteX24" fmla="*/ 928688 w 1685925"/>
                <a:gd name="connsiteY24" fmla="*/ 1443037 h 3228975"/>
                <a:gd name="connsiteX25" fmla="*/ 900113 w 1685925"/>
                <a:gd name="connsiteY25" fmla="*/ 1471612 h 3228975"/>
                <a:gd name="connsiteX26" fmla="*/ 1014413 w 1685925"/>
                <a:gd name="connsiteY26" fmla="*/ 1500187 h 3228975"/>
                <a:gd name="connsiteX27" fmla="*/ 1085850 w 1685925"/>
                <a:gd name="connsiteY27" fmla="*/ 1543050 h 3228975"/>
                <a:gd name="connsiteX28" fmla="*/ 1085850 w 1685925"/>
                <a:gd name="connsiteY28" fmla="*/ 1600200 h 3228975"/>
                <a:gd name="connsiteX29" fmla="*/ 1157288 w 1685925"/>
                <a:gd name="connsiteY29" fmla="*/ 1671637 h 3228975"/>
                <a:gd name="connsiteX30" fmla="*/ 1243013 w 1685925"/>
                <a:gd name="connsiteY30" fmla="*/ 1685925 h 3228975"/>
                <a:gd name="connsiteX31" fmla="*/ 1343025 w 1685925"/>
                <a:gd name="connsiteY31" fmla="*/ 1743075 h 3228975"/>
                <a:gd name="connsiteX32" fmla="*/ 1471613 w 1685925"/>
                <a:gd name="connsiteY32" fmla="*/ 1757362 h 3228975"/>
                <a:gd name="connsiteX33" fmla="*/ 1571625 w 1685925"/>
                <a:gd name="connsiteY33" fmla="*/ 1814512 h 3228975"/>
                <a:gd name="connsiteX34" fmla="*/ 1643063 w 1685925"/>
                <a:gd name="connsiteY34" fmla="*/ 1885950 h 3228975"/>
                <a:gd name="connsiteX35" fmla="*/ 1685925 w 1685925"/>
                <a:gd name="connsiteY35" fmla="*/ 1914525 h 3228975"/>
                <a:gd name="connsiteX36" fmla="*/ 285750 w 1685925"/>
                <a:gd name="connsiteY36" fmla="*/ 2471737 h 3228975"/>
                <a:gd name="connsiteX37" fmla="*/ 471488 w 1685925"/>
                <a:gd name="connsiteY37" fmla="*/ 2857500 h 3228975"/>
                <a:gd name="connsiteX38" fmla="*/ 514350 w 1685925"/>
                <a:gd name="connsiteY38" fmla="*/ 3000375 h 3228975"/>
                <a:gd name="connsiteX39" fmla="*/ 557213 w 1685925"/>
                <a:gd name="connsiteY39" fmla="*/ 3100387 h 3228975"/>
                <a:gd name="connsiteX40" fmla="*/ 428625 w 1685925"/>
                <a:gd name="connsiteY40" fmla="*/ 3128962 h 3228975"/>
                <a:gd name="connsiteX41" fmla="*/ 257175 w 1685925"/>
                <a:gd name="connsiteY41" fmla="*/ 3157537 h 3228975"/>
                <a:gd name="connsiteX42" fmla="*/ 85725 w 1685925"/>
                <a:gd name="connsiteY42" fmla="*/ 3157537 h 3228975"/>
                <a:gd name="connsiteX43" fmla="*/ 0 w 1685925"/>
                <a:gd name="connsiteY43" fmla="*/ 3228975 h 3228975"/>
                <a:gd name="connsiteX0" fmla="*/ 728663 w 1685925"/>
                <a:gd name="connsiteY0" fmla="*/ 0 h 3143250"/>
                <a:gd name="connsiteX1" fmla="*/ 771525 w 1685925"/>
                <a:gd name="connsiteY1" fmla="*/ 42862 h 3143250"/>
                <a:gd name="connsiteX2" fmla="*/ 871538 w 1685925"/>
                <a:gd name="connsiteY2" fmla="*/ 128587 h 3143250"/>
                <a:gd name="connsiteX3" fmla="*/ 900113 w 1685925"/>
                <a:gd name="connsiteY3" fmla="*/ 171450 h 3143250"/>
                <a:gd name="connsiteX4" fmla="*/ 957263 w 1685925"/>
                <a:gd name="connsiteY4" fmla="*/ 214312 h 3143250"/>
                <a:gd name="connsiteX5" fmla="*/ 957263 w 1685925"/>
                <a:gd name="connsiteY5" fmla="*/ 257175 h 3143250"/>
                <a:gd name="connsiteX6" fmla="*/ 985838 w 1685925"/>
                <a:gd name="connsiteY6" fmla="*/ 300037 h 3143250"/>
                <a:gd name="connsiteX7" fmla="*/ 957263 w 1685925"/>
                <a:gd name="connsiteY7" fmla="*/ 342900 h 3143250"/>
                <a:gd name="connsiteX8" fmla="*/ 1000125 w 1685925"/>
                <a:gd name="connsiteY8" fmla="*/ 357187 h 3143250"/>
                <a:gd name="connsiteX9" fmla="*/ 1028700 w 1685925"/>
                <a:gd name="connsiteY9" fmla="*/ 400050 h 3143250"/>
                <a:gd name="connsiteX10" fmla="*/ 1028700 w 1685925"/>
                <a:gd name="connsiteY10" fmla="*/ 442912 h 3143250"/>
                <a:gd name="connsiteX11" fmla="*/ 928688 w 1685925"/>
                <a:gd name="connsiteY11" fmla="*/ 457200 h 3143250"/>
                <a:gd name="connsiteX12" fmla="*/ 814388 w 1685925"/>
                <a:gd name="connsiteY12" fmla="*/ 528637 h 3143250"/>
                <a:gd name="connsiteX13" fmla="*/ 785813 w 1685925"/>
                <a:gd name="connsiteY13" fmla="*/ 600075 h 3143250"/>
                <a:gd name="connsiteX14" fmla="*/ 742950 w 1685925"/>
                <a:gd name="connsiteY14" fmla="*/ 628650 h 3143250"/>
                <a:gd name="connsiteX15" fmla="*/ 757238 w 1685925"/>
                <a:gd name="connsiteY15" fmla="*/ 700087 h 3143250"/>
                <a:gd name="connsiteX16" fmla="*/ 685800 w 1685925"/>
                <a:gd name="connsiteY16" fmla="*/ 728662 h 3143250"/>
                <a:gd name="connsiteX17" fmla="*/ 685800 w 1685925"/>
                <a:gd name="connsiteY17" fmla="*/ 828675 h 3143250"/>
                <a:gd name="connsiteX18" fmla="*/ 785813 w 1685925"/>
                <a:gd name="connsiteY18" fmla="*/ 885825 h 3143250"/>
                <a:gd name="connsiteX19" fmla="*/ 800100 w 1685925"/>
                <a:gd name="connsiteY19" fmla="*/ 957262 h 3143250"/>
                <a:gd name="connsiteX20" fmla="*/ 771525 w 1685925"/>
                <a:gd name="connsiteY20" fmla="*/ 1057275 h 3143250"/>
                <a:gd name="connsiteX21" fmla="*/ 800100 w 1685925"/>
                <a:gd name="connsiteY21" fmla="*/ 1171575 h 3143250"/>
                <a:gd name="connsiteX22" fmla="*/ 871538 w 1685925"/>
                <a:gd name="connsiteY22" fmla="*/ 1228725 h 3143250"/>
                <a:gd name="connsiteX23" fmla="*/ 928688 w 1685925"/>
                <a:gd name="connsiteY23" fmla="*/ 1357312 h 3143250"/>
                <a:gd name="connsiteX24" fmla="*/ 900113 w 1685925"/>
                <a:gd name="connsiteY24" fmla="*/ 1385887 h 3143250"/>
                <a:gd name="connsiteX25" fmla="*/ 1014413 w 1685925"/>
                <a:gd name="connsiteY25" fmla="*/ 1414462 h 3143250"/>
                <a:gd name="connsiteX26" fmla="*/ 1085850 w 1685925"/>
                <a:gd name="connsiteY26" fmla="*/ 1457325 h 3143250"/>
                <a:gd name="connsiteX27" fmla="*/ 1085850 w 1685925"/>
                <a:gd name="connsiteY27" fmla="*/ 1514475 h 3143250"/>
                <a:gd name="connsiteX28" fmla="*/ 1157288 w 1685925"/>
                <a:gd name="connsiteY28" fmla="*/ 1585912 h 3143250"/>
                <a:gd name="connsiteX29" fmla="*/ 1243013 w 1685925"/>
                <a:gd name="connsiteY29" fmla="*/ 1600200 h 3143250"/>
                <a:gd name="connsiteX30" fmla="*/ 1343025 w 1685925"/>
                <a:gd name="connsiteY30" fmla="*/ 1657350 h 3143250"/>
                <a:gd name="connsiteX31" fmla="*/ 1471613 w 1685925"/>
                <a:gd name="connsiteY31" fmla="*/ 1671637 h 3143250"/>
                <a:gd name="connsiteX32" fmla="*/ 1571625 w 1685925"/>
                <a:gd name="connsiteY32" fmla="*/ 1728787 h 3143250"/>
                <a:gd name="connsiteX33" fmla="*/ 1643063 w 1685925"/>
                <a:gd name="connsiteY33" fmla="*/ 1800225 h 3143250"/>
                <a:gd name="connsiteX34" fmla="*/ 1685925 w 1685925"/>
                <a:gd name="connsiteY34" fmla="*/ 1828800 h 3143250"/>
                <a:gd name="connsiteX35" fmla="*/ 285750 w 1685925"/>
                <a:gd name="connsiteY35" fmla="*/ 2386012 h 3143250"/>
                <a:gd name="connsiteX36" fmla="*/ 471488 w 1685925"/>
                <a:gd name="connsiteY36" fmla="*/ 2771775 h 3143250"/>
                <a:gd name="connsiteX37" fmla="*/ 514350 w 1685925"/>
                <a:gd name="connsiteY37" fmla="*/ 2914650 h 3143250"/>
                <a:gd name="connsiteX38" fmla="*/ 557213 w 1685925"/>
                <a:gd name="connsiteY38" fmla="*/ 3014662 h 3143250"/>
                <a:gd name="connsiteX39" fmla="*/ 428625 w 1685925"/>
                <a:gd name="connsiteY39" fmla="*/ 3043237 h 3143250"/>
                <a:gd name="connsiteX40" fmla="*/ 257175 w 1685925"/>
                <a:gd name="connsiteY40" fmla="*/ 3071812 h 3143250"/>
                <a:gd name="connsiteX41" fmla="*/ 85725 w 1685925"/>
                <a:gd name="connsiteY41" fmla="*/ 3071812 h 3143250"/>
                <a:gd name="connsiteX42" fmla="*/ 0 w 1685925"/>
                <a:gd name="connsiteY42" fmla="*/ 3143250 h 3143250"/>
                <a:gd name="connsiteX0" fmla="*/ 728663 w 1685925"/>
                <a:gd name="connsiteY0" fmla="*/ 0 h 3143250"/>
                <a:gd name="connsiteX1" fmla="*/ 871538 w 1685925"/>
                <a:gd name="connsiteY1" fmla="*/ 128587 h 3143250"/>
                <a:gd name="connsiteX2" fmla="*/ 900113 w 1685925"/>
                <a:gd name="connsiteY2" fmla="*/ 171450 h 3143250"/>
                <a:gd name="connsiteX3" fmla="*/ 957263 w 1685925"/>
                <a:gd name="connsiteY3" fmla="*/ 214312 h 3143250"/>
                <a:gd name="connsiteX4" fmla="*/ 957263 w 1685925"/>
                <a:gd name="connsiteY4" fmla="*/ 257175 h 3143250"/>
                <a:gd name="connsiteX5" fmla="*/ 985838 w 1685925"/>
                <a:gd name="connsiteY5" fmla="*/ 300037 h 3143250"/>
                <a:gd name="connsiteX6" fmla="*/ 957263 w 1685925"/>
                <a:gd name="connsiteY6" fmla="*/ 342900 h 3143250"/>
                <a:gd name="connsiteX7" fmla="*/ 1000125 w 1685925"/>
                <a:gd name="connsiteY7" fmla="*/ 357187 h 3143250"/>
                <a:gd name="connsiteX8" fmla="*/ 1028700 w 1685925"/>
                <a:gd name="connsiteY8" fmla="*/ 400050 h 3143250"/>
                <a:gd name="connsiteX9" fmla="*/ 1028700 w 1685925"/>
                <a:gd name="connsiteY9" fmla="*/ 442912 h 3143250"/>
                <a:gd name="connsiteX10" fmla="*/ 928688 w 1685925"/>
                <a:gd name="connsiteY10" fmla="*/ 457200 h 3143250"/>
                <a:gd name="connsiteX11" fmla="*/ 814388 w 1685925"/>
                <a:gd name="connsiteY11" fmla="*/ 528637 h 3143250"/>
                <a:gd name="connsiteX12" fmla="*/ 785813 w 1685925"/>
                <a:gd name="connsiteY12" fmla="*/ 600075 h 3143250"/>
                <a:gd name="connsiteX13" fmla="*/ 742950 w 1685925"/>
                <a:gd name="connsiteY13" fmla="*/ 628650 h 3143250"/>
                <a:gd name="connsiteX14" fmla="*/ 757238 w 1685925"/>
                <a:gd name="connsiteY14" fmla="*/ 700087 h 3143250"/>
                <a:gd name="connsiteX15" fmla="*/ 685800 w 1685925"/>
                <a:gd name="connsiteY15" fmla="*/ 728662 h 3143250"/>
                <a:gd name="connsiteX16" fmla="*/ 685800 w 1685925"/>
                <a:gd name="connsiteY16" fmla="*/ 828675 h 3143250"/>
                <a:gd name="connsiteX17" fmla="*/ 785813 w 1685925"/>
                <a:gd name="connsiteY17" fmla="*/ 885825 h 3143250"/>
                <a:gd name="connsiteX18" fmla="*/ 800100 w 1685925"/>
                <a:gd name="connsiteY18" fmla="*/ 957262 h 3143250"/>
                <a:gd name="connsiteX19" fmla="*/ 771525 w 1685925"/>
                <a:gd name="connsiteY19" fmla="*/ 1057275 h 3143250"/>
                <a:gd name="connsiteX20" fmla="*/ 800100 w 1685925"/>
                <a:gd name="connsiteY20" fmla="*/ 1171575 h 3143250"/>
                <a:gd name="connsiteX21" fmla="*/ 871538 w 1685925"/>
                <a:gd name="connsiteY21" fmla="*/ 1228725 h 3143250"/>
                <a:gd name="connsiteX22" fmla="*/ 928688 w 1685925"/>
                <a:gd name="connsiteY22" fmla="*/ 1357312 h 3143250"/>
                <a:gd name="connsiteX23" fmla="*/ 900113 w 1685925"/>
                <a:gd name="connsiteY23" fmla="*/ 1385887 h 3143250"/>
                <a:gd name="connsiteX24" fmla="*/ 1014413 w 1685925"/>
                <a:gd name="connsiteY24" fmla="*/ 1414462 h 3143250"/>
                <a:gd name="connsiteX25" fmla="*/ 1085850 w 1685925"/>
                <a:gd name="connsiteY25" fmla="*/ 1457325 h 3143250"/>
                <a:gd name="connsiteX26" fmla="*/ 1085850 w 1685925"/>
                <a:gd name="connsiteY26" fmla="*/ 1514475 h 3143250"/>
                <a:gd name="connsiteX27" fmla="*/ 1157288 w 1685925"/>
                <a:gd name="connsiteY27" fmla="*/ 1585912 h 3143250"/>
                <a:gd name="connsiteX28" fmla="*/ 1243013 w 1685925"/>
                <a:gd name="connsiteY28" fmla="*/ 1600200 h 3143250"/>
                <a:gd name="connsiteX29" fmla="*/ 1343025 w 1685925"/>
                <a:gd name="connsiteY29" fmla="*/ 1657350 h 3143250"/>
                <a:gd name="connsiteX30" fmla="*/ 1471613 w 1685925"/>
                <a:gd name="connsiteY30" fmla="*/ 1671637 h 3143250"/>
                <a:gd name="connsiteX31" fmla="*/ 1571625 w 1685925"/>
                <a:gd name="connsiteY31" fmla="*/ 1728787 h 3143250"/>
                <a:gd name="connsiteX32" fmla="*/ 1643063 w 1685925"/>
                <a:gd name="connsiteY32" fmla="*/ 1800225 h 3143250"/>
                <a:gd name="connsiteX33" fmla="*/ 1685925 w 1685925"/>
                <a:gd name="connsiteY33" fmla="*/ 1828800 h 3143250"/>
                <a:gd name="connsiteX34" fmla="*/ 285750 w 1685925"/>
                <a:gd name="connsiteY34" fmla="*/ 2386012 h 3143250"/>
                <a:gd name="connsiteX35" fmla="*/ 471488 w 1685925"/>
                <a:gd name="connsiteY35" fmla="*/ 2771775 h 3143250"/>
                <a:gd name="connsiteX36" fmla="*/ 514350 w 1685925"/>
                <a:gd name="connsiteY36" fmla="*/ 2914650 h 3143250"/>
                <a:gd name="connsiteX37" fmla="*/ 557213 w 1685925"/>
                <a:gd name="connsiteY37" fmla="*/ 3014662 h 3143250"/>
                <a:gd name="connsiteX38" fmla="*/ 428625 w 1685925"/>
                <a:gd name="connsiteY38" fmla="*/ 3043237 h 3143250"/>
                <a:gd name="connsiteX39" fmla="*/ 257175 w 1685925"/>
                <a:gd name="connsiteY39" fmla="*/ 3071812 h 3143250"/>
                <a:gd name="connsiteX40" fmla="*/ 85725 w 1685925"/>
                <a:gd name="connsiteY40" fmla="*/ 3071812 h 3143250"/>
                <a:gd name="connsiteX41" fmla="*/ 0 w 1685925"/>
                <a:gd name="connsiteY41" fmla="*/ 3143250 h 3143250"/>
                <a:gd name="connsiteX0" fmla="*/ 871538 w 1685925"/>
                <a:gd name="connsiteY0" fmla="*/ 0 h 3014663"/>
                <a:gd name="connsiteX1" fmla="*/ 900113 w 1685925"/>
                <a:gd name="connsiteY1" fmla="*/ 42863 h 3014663"/>
                <a:gd name="connsiteX2" fmla="*/ 957263 w 1685925"/>
                <a:gd name="connsiteY2" fmla="*/ 85725 h 3014663"/>
                <a:gd name="connsiteX3" fmla="*/ 957263 w 1685925"/>
                <a:gd name="connsiteY3" fmla="*/ 128588 h 3014663"/>
                <a:gd name="connsiteX4" fmla="*/ 985838 w 1685925"/>
                <a:gd name="connsiteY4" fmla="*/ 171450 h 3014663"/>
                <a:gd name="connsiteX5" fmla="*/ 957263 w 1685925"/>
                <a:gd name="connsiteY5" fmla="*/ 214313 h 3014663"/>
                <a:gd name="connsiteX6" fmla="*/ 1000125 w 1685925"/>
                <a:gd name="connsiteY6" fmla="*/ 228600 h 3014663"/>
                <a:gd name="connsiteX7" fmla="*/ 1028700 w 1685925"/>
                <a:gd name="connsiteY7" fmla="*/ 271463 h 3014663"/>
                <a:gd name="connsiteX8" fmla="*/ 1028700 w 1685925"/>
                <a:gd name="connsiteY8" fmla="*/ 314325 h 3014663"/>
                <a:gd name="connsiteX9" fmla="*/ 928688 w 1685925"/>
                <a:gd name="connsiteY9" fmla="*/ 328613 h 3014663"/>
                <a:gd name="connsiteX10" fmla="*/ 814388 w 1685925"/>
                <a:gd name="connsiteY10" fmla="*/ 400050 h 3014663"/>
                <a:gd name="connsiteX11" fmla="*/ 785813 w 1685925"/>
                <a:gd name="connsiteY11" fmla="*/ 471488 h 3014663"/>
                <a:gd name="connsiteX12" fmla="*/ 742950 w 1685925"/>
                <a:gd name="connsiteY12" fmla="*/ 500063 h 3014663"/>
                <a:gd name="connsiteX13" fmla="*/ 757238 w 1685925"/>
                <a:gd name="connsiteY13" fmla="*/ 571500 h 3014663"/>
                <a:gd name="connsiteX14" fmla="*/ 685800 w 1685925"/>
                <a:gd name="connsiteY14" fmla="*/ 600075 h 3014663"/>
                <a:gd name="connsiteX15" fmla="*/ 685800 w 1685925"/>
                <a:gd name="connsiteY15" fmla="*/ 700088 h 3014663"/>
                <a:gd name="connsiteX16" fmla="*/ 785813 w 1685925"/>
                <a:gd name="connsiteY16" fmla="*/ 757238 h 3014663"/>
                <a:gd name="connsiteX17" fmla="*/ 800100 w 1685925"/>
                <a:gd name="connsiteY17" fmla="*/ 828675 h 3014663"/>
                <a:gd name="connsiteX18" fmla="*/ 771525 w 1685925"/>
                <a:gd name="connsiteY18" fmla="*/ 928688 h 3014663"/>
                <a:gd name="connsiteX19" fmla="*/ 800100 w 1685925"/>
                <a:gd name="connsiteY19" fmla="*/ 1042988 h 3014663"/>
                <a:gd name="connsiteX20" fmla="*/ 871538 w 1685925"/>
                <a:gd name="connsiteY20" fmla="*/ 1100138 h 3014663"/>
                <a:gd name="connsiteX21" fmla="*/ 928688 w 1685925"/>
                <a:gd name="connsiteY21" fmla="*/ 1228725 h 3014663"/>
                <a:gd name="connsiteX22" fmla="*/ 900113 w 1685925"/>
                <a:gd name="connsiteY22" fmla="*/ 1257300 h 3014663"/>
                <a:gd name="connsiteX23" fmla="*/ 1014413 w 1685925"/>
                <a:gd name="connsiteY23" fmla="*/ 1285875 h 3014663"/>
                <a:gd name="connsiteX24" fmla="*/ 1085850 w 1685925"/>
                <a:gd name="connsiteY24" fmla="*/ 1328738 h 3014663"/>
                <a:gd name="connsiteX25" fmla="*/ 1085850 w 1685925"/>
                <a:gd name="connsiteY25" fmla="*/ 1385888 h 3014663"/>
                <a:gd name="connsiteX26" fmla="*/ 1157288 w 1685925"/>
                <a:gd name="connsiteY26" fmla="*/ 1457325 h 3014663"/>
                <a:gd name="connsiteX27" fmla="*/ 1243013 w 1685925"/>
                <a:gd name="connsiteY27" fmla="*/ 1471613 h 3014663"/>
                <a:gd name="connsiteX28" fmla="*/ 1343025 w 1685925"/>
                <a:gd name="connsiteY28" fmla="*/ 1528763 h 3014663"/>
                <a:gd name="connsiteX29" fmla="*/ 1471613 w 1685925"/>
                <a:gd name="connsiteY29" fmla="*/ 1543050 h 3014663"/>
                <a:gd name="connsiteX30" fmla="*/ 1571625 w 1685925"/>
                <a:gd name="connsiteY30" fmla="*/ 1600200 h 3014663"/>
                <a:gd name="connsiteX31" fmla="*/ 1643063 w 1685925"/>
                <a:gd name="connsiteY31" fmla="*/ 1671638 h 3014663"/>
                <a:gd name="connsiteX32" fmla="*/ 1685925 w 1685925"/>
                <a:gd name="connsiteY32" fmla="*/ 1700213 h 3014663"/>
                <a:gd name="connsiteX33" fmla="*/ 285750 w 1685925"/>
                <a:gd name="connsiteY33" fmla="*/ 2257425 h 3014663"/>
                <a:gd name="connsiteX34" fmla="*/ 471488 w 1685925"/>
                <a:gd name="connsiteY34" fmla="*/ 2643188 h 3014663"/>
                <a:gd name="connsiteX35" fmla="*/ 514350 w 1685925"/>
                <a:gd name="connsiteY35" fmla="*/ 2786063 h 3014663"/>
                <a:gd name="connsiteX36" fmla="*/ 557213 w 1685925"/>
                <a:gd name="connsiteY36" fmla="*/ 2886075 h 3014663"/>
                <a:gd name="connsiteX37" fmla="*/ 428625 w 1685925"/>
                <a:gd name="connsiteY37" fmla="*/ 2914650 h 3014663"/>
                <a:gd name="connsiteX38" fmla="*/ 257175 w 1685925"/>
                <a:gd name="connsiteY38" fmla="*/ 2943225 h 3014663"/>
                <a:gd name="connsiteX39" fmla="*/ 85725 w 1685925"/>
                <a:gd name="connsiteY39" fmla="*/ 2943225 h 3014663"/>
                <a:gd name="connsiteX40" fmla="*/ 0 w 1685925"/>
                <a:gd name="connsiteY40" fmla="*/ 3014663 h 3014663"/>
                <a:gd name="connsiteX0" fmla="*/ 871538 w 1685925"/>
                <a:gd name="connsiteY0" fmla="*/ 0 h 3014663"/>
                <a:gd name="connsiteX1" fmla="*/ 957263 w 1685925"/>
                <a:gd name="connsiteY1" fmla="*/ 85725 h 3014663"/>
                <a:gd name="connsiteX2" fmla="*/ 957263 w 1685925"/>
                <a:gd name="connsiteY2" fmla="*/ 128588 h 3014663"/>
                <a:gd name="connsiteX3" fmla="*/ 985838 w 1685925"/>
                <a:gd name="connsiteY3" fmla="*/ 171450 h 3014663"/>
                <a:gd name="connsiteX4" fmla="*/ 957263 w 1685925"/>
                <a:gd name="connsiteY4" fmla="*/ 214313 h 3014663"/>
                <a:gd name="connsiteX5" fmla="*/ 1000125 w 1685925"/>
                <a:gd name="connsiteY5" fmla="*/ 228600 h 3014663"/>
                <a:gd name="connsiteX6" fmla="*/ 1028700 w 1685925"/>
                <a:gd name="connsiteY6" fmla="*/ 271463 h 3014663"/>
                <a:gd name="connsiteX7" fmla="*/ 1028700 w 1685925"/>
                <a:gd name="connsiteY7" fmla="*/ 314325 h 3014663"/>
                <a:gd name="connsiteX8" fmla="*/ 928688 w 1685925"/>
                <a:gd name="connsiteY8" fmla="*/ 328613 h 3014663"/>
                <a:gd name="connsiteX9" fmla="*/ 814388 w 1685925"/>
                <a:gd name="connsiteY9" fmla="*/ 400050 h 3014663"/>
                <a:gd name="connsiteX10" fmla="*/ 785813 w 1685925"/>
                <a:gd name="connsiteY10" fmla="*/ 471488 h 3014663"/>
                <a:gd name="connsiteX11" fmla="*/ 742950 w 1685925"/>
                <a:gd name="connsiteY11" fmla="*/ 500063 h 3014663"/>
                <a:gd name="connsiteX12" fmla="*/ 757238 w 1685925"/>
                <a:gd name="connsiteY12" fmla="*/ 571500 h 3014663"/>
                <a:gd name="connsiteX13" fmla="*/ 685800 w 1685925"/>
                <a:gd name="connsiteY13" fmla="*/ 600075 h 3014663"/>
                <a:gd name="connsiteX14" fmla="*/ 685800 w 1685925"/>
                <a:gd name="connsiteY14" fmla="*/ 700088 h 3014663"/>
                <a:gd name="connsiteX15" fmla="*/ 785813 w 1685925"/>
                <a:gd name="connsiteY15" fmla="*/ 757238 h 3014663"/>
                <a:gd name="connsiteX16" fmla="*/ 800100 w 1685925"/>
                <a:gd name="connsiteY16" fmla="*/ 828675 h 3014663"/>
                <a:gd name="connsiteX17" fmla="*/ 771525 w 1685925"/>
                <a:gd name="connsiteY17" fmla="*/ 928688 h 3014663"/>
                <a:gd name="connsiteX18" fmla="*/ 800100 w 1685925"/>
                <a:gd name="connsiteY18" fmla="*/ 1042988 h 3014663"/>
                <a:gd name="connsiteX19" fmla="*/ 871538 w 1685925"/>
                <a:gd name="connsiteY19" fmla="*/ 1100138 h 3014663"/>
                <a:gd name="connsiteX20" fmla="*/ 928688 w 1685925"/>
                <a:gd name="connsiteY20" fmla="*/ 1228725 h 3014663"/>
                <a:gd name="connsiteX21" fmla="*/ 900113 w 1685925"/>
                <a:gd name="connsiteY21" fmla="*/ 1257300 h 3014663"/>
                <a:gd name="connsiteX22" fmla="*/ 1014413 w 1685925"/>
                <a:gd name="connsiteY22" fmla="*/ 1285875 h 3014663"/>
                <a:gd name="connsiteX23" fmla="*/ 1085850 w 1685925"/>
                <a:gd name="connsiteY23" fmla="*/ 1328738 h 3014663"/>
                <a:gd name="connsiteX24" fmla="*/ 1085850 w 1685925"/>
                <a:gd name="connsiteY24" fmla="*/ 1385888 h 3014663"/>
                <a:gd name="connsiteX25" fmla="*/ 1157288 w 1685925"/>
                <a:gd name="connsiteY25" fmla="*/ 1457325 h 3014663"/>
                <a:gd name="connsiteX26" fmla="*/ 1243013 w 1685925"/>
                <a:gd name="connsiteY26" fmla="*/ 1471613 h 3014663"/>
                <a:gd name="connsiteX27" fmla="*/ 1343025 w 1685925"/>
                <a:gd name="connsiteY27" fmla="*/ 1528763 h 3014663"/>
                <a:gd name="connsiteX28" fmla="*/ 1471613 w 1685925"/>
                <a:gd name="connsiteY28" fmla="*/ 1543050 h 3014663"/>
                <a:gd name="connsiteX29" fmla="*/ 1571625 w 1685925"/>
                <a:gd name="connsiteY29" fmla="*/ 1600200 h 3014663"/>
                <a:gd name="connsiteX30" fmla="*/ 1643063 w 1685925"/>
                <a:gd name="connsiteY30" fmla="*/ 1671638 h 3014663"/>
                <a:gd name="connsiteX31" fmla="*/ 1685925 w 1685925"/>
                <a:gd name="connsiteY31" fmla="*/ 1700213 h 3014663"/>
                <a:gd name="connsiteX32" fmla="*/ 285750 w 1685925"/>
                <a:gd name="connsiteY32" fmla="*/ 2257425 h 3014663"/>
                <a:gd name="connsiteX33" fmla="*/ 471488 w 1685925"/>
                <a:gd name="connsiteY33" fmla="*/ 2643188 h 3014663"/>
                <a:gd name="connsiteX34" fmla="*/ 514350 w 1685925"/>
                <a:gd name="connsiteY34" fmla="*/ 2786063 h 3014663"/>
                <a:gd name="connsiteX35" fmla="*/ 557213 w 1685925"/>
                <a:gd name="connsiteY35" fmla="*/ 2886075 h 3014663"/>
                <a:gd name="connsiteX36" fmla="*/ 428625 w 1685925"/>
                <a:gd name="connsiteY36" fmla="*/ 2914650 h 3014663"/>
                <a:gd name="connsiteX37" fmla="*/ 257175 w 1685925"/>
                <a:gd name="connsiteY37" fmla="*/ 2943225 h 3014663"/>
                <a:gd name="connsiteX38" fmla="*/ 85725 w 1685925"/>
                <a:gd name="connsiteY38" fmla="*/ 2943225 h 3014663"/>
                <a:gd name="connsiteX39" fmla="*/ 0 w 1685925"/>
                <a:gd name="connsiteY39" fmla="*/ 3014663 h 3014663"/>
                <a:gd name="connsiteX0" fmla="*/ 957263 w 1685925"/>
                <a:gd name="connsiteY0" fmla="*/ 0 h 2928938"/>
                <a:gd name="connsiteX1" fmla="*/ 957263 w 1685925"/>
                <a:gd name="connsiteY1" fmla="*/ 42863 h 2928938"/>
                <a:gd name="connsiteX2" fmla="*/ 985838 w 1685925"/>
                <a:gd name="connsiteY2" fmla="*/ 85725 h 2928938"/>
                <a:gd name="connsiteX3" fmla="*/ 957263 w 1685925"/>
                <a:gd name="connsiteY3" fmla="*/ 128588 h 2928938"/>
                <a:gd name="connsiteX4" fmla="*/ 1000125 w 1685925"/>
                <a:gd name="connsiteY4" fmla="*/ 142875 h 2928938"/>
                <a:gd name="connsiteX5" fmla="*/ 1028700 w 1685925"/>
                <a:gd name="connsiteY5" fmla="*/ 185738 h 2928938"/>
                <a:gd name="connsiteX6" fmla="*/ 1028700 w 1685925"/>
                <a:gd name="connsiteY6" fmla="*/ 228600 h 2928938"/>
                <a:gd name="connsiteX7" fmla="*/ 928688 w 1685925"/>
                <a:gd name="connsiteY7" fmla="*/ 242888 h 2928938"/>
                <a:gd name="connsiteX8" fmla="*/ 814388 w 1685925"/>
                <a:gd name="connsiteY8" fmla="*/ 314325 h 2928938"/>
                <a:gd name="connsiteX9" fmla="*/ 785813 w 1685925"/>
                <a:gd name="connsiteY9" fmla="*/ 385763 h 2928938"/>
                <a:gd name="connsiteX10" fmla="*/ 742950 w 1685925"/>
                <a:gd name="connsiteY10" fmla="*/ 414338 h 2928938"/>
                <a:gd name="connsiteX11" fmla="*/ 757238 w 1685925"/>
                <a:gd name="connsiteY11" fmla="*/ 485775 h 2928938"/>
                <a:gd name="connsiteX12" fmla="*/ 685800 w 1685925"/>
                <a:gd name="connsiteY12" fmla="*/ 514350 h 2928938"/>
                <a:gd name="connsiteX13" fmla="*/ 685800 w 1685925"/>
                <a:gd name="connsiteY13" fmla="*/ 614363 h 2928938"/>
                <a:gd name="connsiteX14" fmla="*/ 785813 w 1685925"/>
                <a:gd name="connsiteY14" fmla="*/ 671513 h 2928938"/>
                <a:gd name="connsiteX15" fmla="*/ 800100 w 1685925"/>
                <a:gd name="connsiteY15" fmla="*/ 742950 h 2928938"/>
                <a:gd name="connsiteX16" fmla="*/ 771525 w 1685925"/>
                <a:gd name="connsiteY16" fmla="*/ 842963 h 2928938"/>
                <a:gd name="connsiteX17" fmla="*/ 800100 w 1685925"/>
                <a:gd name="connsiteY17" fmla="*/ 957263 h 2928938"/>
                <a:gd name="connsiteX18" fmla="*/ 871538 w 1685925"/>
                <a:gd name="connsiteY18" fmla="*/ 1014413 h 2928938"/>
                <a:gd name="connsiteX19" fmla="*/ 928688 w 1685925"/>
                <a:gd name="connsiteY19" fmla="*/ 1143000 h 2928938"/>
                <a:gd name="connsiteX20" fmla="*/ 900113 w 1685925"/>
                <a:gd name="connsiteY20" fmla="*/ 1171575 h 2928938"/>
                <a:gd name="connsiteX21" fmla="*/ 1014413 w 1685925"/>
                <a:gd name="connsiteY21" fmla="*/ 1200150 h 2928938"/>
                <a:gd name="connsiteX22" fmla="*/ 1085850 w 1685925"/>
                <a:gd name="connsiteY22" fmla="*/ 1243013 h 2928938"/>
                <a:gd name="connsiteX23" fmla="*/ 1085850 w 1685925"/>
                <a:gd name="connsiteY23" fmla="*/ 1300163 h 2928938"/>
                <a:gd name="connsiteX24" fmla="*/ 1157288 w 1685925"/>
                <a:gd name="connsiteY24" fmla="*/ 1371600 h 2928938"/>
                <a:gd name="connsiteX25" fmla="*/ 1243013 w 1685925"/>
                <a:gd name="connsiteY25" fmla="*/ 1385888 h 2928938"/>
                <a:gd name="connsiteX26" fmla="*/ 1343025 w 1685925"/>
                <a:gd name="connsiteY26" fmla="*/ 1443038 h 2928938"/>
                <a:gd name="connsiteX27" fmla="*/ 1471613 w 1685925"/>
                <a:gd name="connsiteY27" fmla="*/ 1457325 h 2928938"/>
                <a:gd name="connsiteX28" fmla="*/ 1571625 w 1685925"/>
                <a:gd name="connsiteY28" fmla="*/ 1514475 h 2928938"/>
                <a:gd name="connsiteX29" fmla="*/ 1643063 w 1685925"/>
                <a:gd name="connsiteY29" fmla="*/ 1585913 h 2928938"/>
                <a:gd name="connsiteX30" fmla="*/ 1685925 w 1685925"/>
                <a:gd name="connsiteY30" fmla="*/ 1614488 h 2928938"/>
                <a:gd name="connsiteX31" fmla="*/ 285750 w 1685925"/>
                <a:gd name="connsiteY31" fmla="*/ 2171700 h 2928938"/>
                <a:gd name="connsiteX32" fmla="*/ 471488 w 1685925"/>
                <a:gd name="connsiteY32" fmla="*/ 2557463 h 2928938"/>
                <a:gd name="connsiteX33" fmla="*/ 514350 w 1685925"/>
                <a:gd name="connsiteY33" fmla="*/ 2700338 h 2928938"/>
                <a:gd name="connsiteX34" fmla="*/ 557213 w 1685925"/>
                <a:gd name="connsiteY34" fmla="*/ 2800350 h 2928938"/>
                <a:gd name="connsiteX35" fmla="*/ 428625 w 1685925"/>
                <a:gd name="connsiteY35" fmla="*/ 2828925 h 2928938"/>
                <a:gd name="connsiteX36" fmla="*/ 257175 w 1685925"/>
                <a:gd name="connsiteY36" fmla="*/ 2857500 h 2928938"/>
                <a:gd name="connsiteX37" fmla="*/ 85725 w 1685925"/>
                <a:gd name="connsiteY37" fmla="*/ 2857500 h 2928938"/>
                <a:gd name="connsiteX38" fmla="*/ 0 w 1685925"/>
                <a:gd name="connsiteY38" fmla="*/ 2928938 h 2928938"/>
                <a:gd name="connsiteX0" fmla="*/ 957263 w 1685925"/>
                <a:gd name="connsiteY0" fmla="*/ 0 h 2886075"/>
                <a:gd name="connsiteX1" fmla="*/ 985838 w 1685925"/>
                <a:gd name="connsiteY1" fmla="*/ 42862 h 2886075"/>
                <a:gd name="connsiteX2" fmla="*/ 957263 w 1685925"/>
                <a:gd name="connsiteY2" fmla="*/ 85725 h 2886075"/>
                <a:gd name="connsiteX3" fmla="*/ 1000125 w 1685925"/>
                <a:gd name="connsiteY3" fmla="*/ 100012 h 2886075"/>
                <a:gd name="connsiteX4" fmla="*/ 1028700 w 1685925"/>
                <a:gd name="connsiteY4" fmla="*/ 142875 h 2886075"/>
                <a:gd name="connsiteX5" fmla="*/ 1028700 w 1685925"/>
                <a:gd name="connsiteY5" fmla="*/ 185737 h 2886075"/>
                <a:gd name="connsiteX6" fmla="*/ 928688 w 1685925"/>
                <a:gd name="connsiteY6" fmla="*/ 200025 h 2886075"/>
                <a:gd name="connsiteX7" fmla="*/ 814388 w 1685925"/>
                <a:gd name="connsiteY7" fmla="*/ 271462 h 2886075"/>
                <a:gd name="connsiteX8" fmla="*/ 785813 w 1685925"/>
                <a:gd name="connsiteY8" fmla="*/ 342900 h 2886075"/>
                <a:gd name="connsiteX9" fmla="*/ 742950 w 1685925"/>
                <a:gd name="connsiteY9" fmla="*/ 371475 h 2886075"/>
                <a:gd name="connsiteX10" fmla="*/ 757238 w 1685925"/>
                <a:gd name="connsiteY10" fmla="*/ 442912 h 2886075"/>
                <a:gd name="connsiteX11" fmla="*/ 685800 w 1685925"/>
                <a:gd name="connsiteY11" fmla="*/ 471487 h 2886075"/>
                <a:gd name="connsiteX12" fmla="*/ 685800 w 1685925"/>
                <a:gd name="connsiteY12" fmla="*/ 571500 h 2886075"/>
                <a:gd name="connsiteX13" fmla="*/ 785813 w 1685925"/>
                <a:gd name="connsiteY13" fmla="*/ 628650 h 2886075"/>
                <a:gd name="connsiteX14" fmla="*/ 800100 w 1685925"/>
                <a:gd name="connsiteY14" fmla="*/ 700087 h 2886075"/>
                <a:gd name="connsiteX15" fmla="*/ 771525 w 1685925"/>
                <a:gd name="connsiteY15" fmla="*/ 800100 h 2886075"/>
                <a:gd name="connsiteX16" fmla="*/ 800100 w 1685925"/>
                <a:gd name="connsiteY16" fmla="*/ 914400 h 2886075"/>
                <a:gd name="connsiteX17" fmla="*/ 871538 w 1685925"/>
                <a:gd name="connsiteY17" fmla="*/ 971550 h 2886075"/>
                <a:gd name="connsiteX18" fmla="*/ 928688 w 1685925"/>
                <a:gd name="connsiteY18" fmla="*/ 1100137 h 2886075"/>
                <a:gd name="connsiteX19" fmla="*/ 900113 w 1685925"/>
                <a:gd name="connsiteY19" fmla="*/ 1128712 h 2886075"/>
                <a:gd name="connsiteX20" fmla="*/ 1014413 w 1685925"/>
                <a:gd name="connsiteY20" fmla="*/ 1157287 h 2886075"/>
                <a:gd name="connsiteX21" fmla="*/ 1085850 w 1685925"/>
                <a:gd name="connsiteY21" fmla="*/ 1200150 h 2886075"/>
                <a:gd name="connsiteX22" fmla="*/ 1085850 w 1685925"/>
                <a:gd name="connsiteY22" fmla="*/ 1257300 h 2886075"/>
                <a:gd name="connsiteX23" fmla="*/ 1157288 w 1685925"/>
                <a:gd name="connsiteY23" fmla="*/ 1328737 h 2886075"/>
                <a:gd name="connsiteX24" fmla="*/ 1243013 w 1685925"/>
                <a:gd name="connsiteY24" fmla="*/ 1343025 h 2886075"/>
                <a:gd name="connsiteX25" fmla="*/ 1343025 w 1685925"/>
                <a:gd name="connsiteY25" fmla="*/ 1400175 h 2886075"/>
                <a:gd name="connsiteX26" fmla="*/ 1471613 w 1685925"/>
                <a:gd name="connsiteY26" fmla="*/ 1414462 h 2886075"/>
                <a:gd name="connsiteX27" fmla="*/ 1571625 w 1685925"/>
                <a:gd name="connsiteY27" fmla="*/ 1471612 h 2886075"/>
                <a:gd name="connsiteX28" fmla="*/ 1643063 w 1685925"/>
                <a:gd name="connsiteY28" fmla="*/ 1543050 h 2886075"/>
                <a:gd name="connsiteX29" fmla="*/ 1685925 w 1685925"/>
                <a:gd name="connsiteY29" fmla="*/ 1571625 h 2886075"/>
                <a:gd name="connsiteX30" fmla="*/ 285750 w 1685925"/>
                <a:gd name="connsiteY30" fmla="*/ 2128837 h 2886075"/>
                <a:gd name="connsiteX31" fmla="*/ 471488 w 1685925"/>
                <a:gd name="connsiteY31" fmla="*/ 2514600 h 2886075"/>
                <a:gd name="connsiteX32" fmla="*/ 514350 w 1685925"/>
                <a:gd name="connsiteY32" fmla="*/ 2657475 h 2886075"/>
                <a:gd name="connsiteX33" fmla="*/ 557213 w 1685925"/>
                <a:gd name="connsiteY33" fmla="*/ 2757487 h 2886075"/>
                <a:gd name="connsiteX34" fmla="*/ 428625 w 1685925"/>
                <a:gd name="connsiteY34" fmla="*/ 2786062 h 2886075"/>
                <a:gd name="connsiteX35" fmla="*/ 257175 w 1685925"/>
                <a:gd name="connsiteY35" fmla="*/ 2814637 h 2886075"/>
                <a:gd name="connsiteX36" fmla="*/ 85725 w 1685925"/>
                <a:gd name="connsiteY36" fmla="*/ 2814637 h 2886075"/>
                <a:gd name="connsiteX37" fmla="*/ 0 w 1685925"/>
                <a:gd name="connsiteY37" fmla="*/ 2886075 h 2886075"/>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14388 w 1685925"/>
                <a:gd name="connsiteY6" fmla="*/ 228600 h 2843213"/>
                <a:gd name="connsiteX7" fmla="*/ 785813 w 1685925"/>
                <a:gd name="connsiteY7" fmla="*/ 300038 h 2843213"/>
                <a:gd name="connsiteX8" fmla="*/ 742950 w 1685925"/>
                <a:gd name="connsiteY8" fmla="*/ 328613 h 2843213"/>
                <a:gd name="connsiteX9" fmla="*/ 757238 w 1685925"/>
                <a:gd name="connsiteY9" fmla="*/ 400050 h 2843213"/>
                <a:gd name="connsiteX10" fmla="*/ 685800 w 1685925"/>
                <a:gd name="connsiteY10" fmla="*/ 428625 h 2843213"/>
                <a:gd name="connsiteX11" fmla="*/ 685800 w 1685925"/>
                <a:gd name="connsiteY11" fmla="*/ 528638 h 2843213"/>
                <a:gd name="connsiteX12" fmla="*/ 785813 w 1685925"/>
                <a:gd name="connsiteY12" fmla="*/ 585788 h 2843213"/>
                <a:gd name="connsiteX13" fmla="*/ 800100 w 1685925"/>
                <a:gd name="connsiteY13" fmla="*/ 657225 h 2843213"/>
                <a:gd name="connsiteX14" fmla="*/ 771525 w 1685925"/>
                <a:gd name="connsiteY14" fmla="*/ 757238 h 2843213"/>
                <a:gd name="connsiteX15" fmla="*/ 800100 w 1685925"/>
                <a:gd name="connsiteY15" fmla="*/ 871538 h 2843213"/>
                <a:gd name="connsiteX16" fmla="*/ 871538 w 1685925"/>
                <a:gd name="connsiteY16" fmla="*/ 928688 h 2843213"/>
                <a:gd name="connsiteX17" fmla="*/ 928688 w 1685925"/>
                <a:gd name="connsiteY17" fmla="*/ 1057275 h 2843213"/>
                <a:gd name="connsiteX18" fmla="*/ 900113 w 1685925"/>
                <a:gd name="connsiteY18" fmla="*/ 1085850 h 2843213"/>
                <a:gd name="connsiteX19" fmla="*/ 1014413 w 1685925"/>
                <a:gd name="connsiteY19" fmla="*/ 1114425 h 2843213"/>
                <a:gd name="connsiteX20" fmla="*/ 1085850 w 1685925"/>
                <a:gd name="connsiteY20" fmla="*/ 1157288 h 2843213"/>
                <a:gd name="connsiteX21" fmla="*/ 1085850 w 1685925"/>
                <a:gd name="connsiteY21" fmla="*/ 1214438 h 2843213"/>
                <a:gd name="connsiteX22" fmla="*/ 1157288 w 1685925"/>
                <a:gd name="connsiteY22" fmla="*/ 1285875 h 2843213"/>
                <a:gd name="connsiteX23" fmla="*/ 1243013 w 1685925"/>
                <a:gd name="connsiteY23" fmla="*/ 1300163 h 2843213"/>
                <a:gd name="connsiteX24" fmla="*/ 1343025 w 1685925"/>
                <a:gd name="connsiteY24" fmla="*/ 1357313 h 2843213"/>
                <a:gd name="connsiteX25" fmla="*/ 1471613 w 1685925"/>
                <a:gd name="connsiteY25" fmla="*/ 1371600 h 2843213"/>
                <a:gd name="connsiteX26" fmla="*/ 1571625 w 1685925"/>
                <a:gd name="connsiteY26" fmla="*/ 1428750 h 2843213"/>
                <a:gd name="connsiteX27" fmla="*/ 1643063 w 1685925"/>
                <a:gd name="connsiteY27" fmla="*/ 1500188 h 2843213"/>
                <a:gd name="connsiteX28" fmla="*/ 1685925 w 1685925"/>
                <a:gd name="connsiteY28" fmla="*/ 1528763 h 2843213"/>
                <a:gd name="connsiteX29" fmla="*/ 285750 w 1685925"/>
                <a:gd name="connsiteY29" fmla="*/ 2085975 h 2843213"/>
                <a:gd name="connsiteX30" fmla="*/ 471488 w 1685925"/>
                <a:gd name="connsiteY30" fmla="*/ 2471738 h 2843213"/>
                <a:gd name="connsiteX31" fmla="*/ 514350 w 1685925"/>
                <a:gd name="connsiteY31" fmla="*/ 2614613 h 2843213"/>
                <a:gd name="connsiteX32" fmla="*/ 557213 w 1685925"/>
                <a:gd name="connsiteY32" fmla="*/ 2714625 h 2843213"/>
                <a:gd name="connsiteX33" fmla="*/ 428625 w 1685925"/>
                <a:gd name="connsiteY33" fmla="*/ 2743200 h 2843213"/>
                <a:gd name="connsiteX34" fmla="*/ 257175 w 1685925"/>
                <a:gd name="connsiteY34" fmla="*/ 2771775 h 2843213"/>
                <a:gd name="connsiteX35" fmla="*/ 85725 w 1685925"/>
                <a:gd name="connsiteY35" fmla="*/ 2771775 h 2843213"/>
                <a:gd name="connsiteX36" fmla="*/ 0 w 1685925"/>
                <a:gd name="connsiteY36"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14388 w 1685925"/>
                <a:gd name="connsiteY6" fmla="*/ 228600 h 2843213"/>
                <a:gd name="connsiteX7" fmla="*/ 785813 w 1685925"/>
                <a:gd name="connsiteY7" fmla="*/ 300038 h 2843213"/>
                <a:gd name="connsiteX8" fmla="*/ 757238 w 1685925"/>
                <a:gd name="connsiteY8" fmla="*/ 400050 h 2843213"/>
                <a:gd name="connsiteX9" fmla="*/ 685800 w 1685925"/>
                <a:gd name="connsiteY9" fmla="*/ 428625 h 2843213"/>
                <a:gd name="connsiteX10" fmla="*/ 685800 w 1685925"/>
                <a:gd name="connsiteY10" fmla="*/ 528638 h 2843213"/>
                <a:gd name="connsiteX11" fmla="*/ 785813 w 1685925"/>
                <a:gd name="connsiteY11" fmla="*/ 585788 h 2843213"/>
                <a:gd name="connsiteX12" fmla="*/ 800100 w 1685925"/>
                <a:gd name="connsiteY12" fmla="*/ 657225 h 2843213"/>
                <a:gd name="connsiteX13" fmla="*/ 771525 w 1685925"/>
                <a:gd name="connsiteY13" fmla="*/ 757238 h 2843213"/>
                <a:gd name="connsiteX14" fmla="*/ 800100 w 1685925"/>
                <a:gd name="connsiteY14" fmla="*/ 871538 h 2843213"/>
                <a:gd name="connsiteX15" fmla="*/ 871538 w 1685925"/>
                <a:gd name="connsiteY15" fmla="*/ 928688 h 2843213"/>
                <a:gd name="connsiteX16" fmla="*/ 928688 w 1685925"/>
                <a:gd name="connsiteY16" fmla="*/ 1057275 h 2843213"/>
                <a:gd name="connsiteX17" fmla="*/ 900113 w 1685925"/>
                <a:gd name="connsiteY17" fmla="*/ 1085850 h 2843213"/>
                <a:gd name="connsiteX18" fmla="*/ 1014413 w 1685925"/>
                <a:gd name="connsiteY18" fmla="*/ 1114425 h 2843213"/>
                <a:gd name="connsiteX19" fmla="*/ 1085850 w 1685925"/>
                <a:gd name="connsiteY19" fmla="*/ 1157288 h 2843213"/>
                <a:gd name="connsiteX20" fmla="*/ 1085850 w 1685925"/>
                <a:gd name="connsiteY20" fmla="*/ 1214438 h 2843213"/>
                <a:gd name="connsiteX21" fmla="*/ 1157288 w 1685925"/>
                <a:gd name="connsiteY21" fmla="*/ 1285875 h 2843213"/>
                <a:gd name="connsiteX22" fmla="*/ 1243013 w 1685925"/>
                <a:gd name="connsiteY22" fmla="*/ 1300163 h 2843213"/>
                <a:gd name="connsiteX23" fmla="*/ 1343025 w 1685925"/>
                <a:gd name="connsiteY23" fmla="*/ 1357313 h 2843213"/>
                <a:gd name="connsiteX24" fmla="*/ 1471613 w 1685925"/>
                <a:gd name="connsiteY24" fmla="*/ 1371600 h 2843213"/>
                <a:gd name="connsiteX25" fmla="*/ 1571625 w 1685925"/>
                <a:gd name="connsiteY25" fmla="*/ 1428750 h 2843213"/>
                <a:gd name="connsiteX26" fmla="*/ 1643063 w 1685925"/>
                <a:gd name="connsiteY26" fmla="*/ 1500188 h 2843213"/>
                <a:gd name="connsiteX27" fmla="*/ 1685925 w 1685925"/>
                <a:gd name="connsiteY27" fmla="*/ 1528763 h 2843213"/>
                <a:gd name="connsiteX28" fmla="*/ 285750 w 1685925"/>
                <a:gd name="connsiteY28" fmla="*/ 2085975 h 2843213"/>
                <a:gd name="connsiteX29" fmla="*/ 471488 w 1685925"/>
                <a:gd name="connsiteY29" fmla="*/ 2471738 h 2843213"/>
                <a:gd name="connsiteX30" fmla="*/ 514350 w 1685925"/>
                <a:gd name="connsiteY30" fmla="*/ 2614613 h 2843213"/>
                <a:gd name="connsiteX31" fmla="*/ 557213 w 1685925"/>
                <a:gd name="connsiteY31" fmla="*/ 2714625 h 2843213"/>
                <a:gd name="connsiteX32" fmla="*/ 428625 w 1685925"/>
                <a:gd name="connsiteY32" fmla="*/ 2743200 h 2843213"/>
                <a:gd name="connsiteX33" fmla="*/ 257175 w 1685925"/>
                <a:gd name="connsiteY33" fmla="*/ 2771775 h 2843213"/>
                <a:gd name="connsiteX34" fmla="*/ 85725 w 1685925"/>
                <a:gd name="connsiteY34" fmla="*/ 2771775 h 2843213"/>
                <a:gd name="connsiteX35" fmla="*/ 0 w 1685925"/>
                <a:gd name="connsiteY35"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66774 w 1685925"/>
                <a:gd name="connsiteY6" fmla="*/ 185735 h 2843213"/>
                <a:gd name="connsiteX7" fmla="*/ 785813 w 1685925"/>
                <a:gd name="connsiteY7" fmla="*/ 300038 h 2843213"/>
                <a:gd name="connsiteX8" fmla="*/ 757238 w 1685925"/>
                <a:gd name="connsiteY8" fmla="*/ 400050 h 2843213"/>
                <a:gd name="connsiteX9" fmla="*/ 685800 w 1685925"/>
                <a:gd name="connsiteY9" fmla="*/ 428625 h 2843213"/>
                <a:gd name="connsiteX10" fmla="*/ 685800 w 1685925"/>
                <a:gd name="connsiteY10" fmla="*/ 528638 h 2843213"/>
                <a:gd name="connsiteX11" fmla="*/ 785813 w 1685925"/>
                <a:gd name="connsiteY11" fmla="*/ 585788 h 2843213"/>
                <a:gd name="connsiteX12" fmla="*/ 800100 w 1685925"/>
                <a:gd name="connsiteY12" fmla="*/ 657225 h 2843213"/>
                <a:gd name="connsiteX13" fmla="*/ 771525 w 1685925"/>
                <a:gd name="connsiteY13" fmla="*/ 757238 h 2843213"/>
                <a:gd name="connsiteX14" fmla="*/ 800100 w 1685925"/>
                <a:gd name="connsiteY14" fmla="*/ 871538 h 2843213"/>
                <a:gd name="connsiteX15" fmla="*/ 871538 w 1685925"/>
                <a:gd name="connsiteY15" fmla="*/ 928688 h 2843213"/>
                <a:gd name="connsiteX16" fmla="*/ 928688 w 1685925"/>
                <a:gd name="connsiteY16" fmla="*/ 1057275 h 2843213"/>
                <a:gd name="connsiteX17" fmla="*/ 900113 w 1685925"/>
                <a:gd name="connsiteY17" fmla="*/ 1085850 h 2843213"/>
                <a:gd name="connsiteX18" fmla="*/ 1014413 w 1685925"/>
                <a:gd name="connsiteY18" fmla="*/ 1114425 h 2843213"/>
                <a:gd name="connsiteX19" fmla="*/ 1085850 w 1685925"/>
                <a:gd name="connsiteY19" fmla="*/ 1157288 h 2843213"/>
                <a:gd name="connsiteX20" fmla="*/ 1085850 w 1685925"/>
                <a:gd name="connsiteY20" fmla="*/ 1214438 h 2843213"/>
                <a:gd name="connsiteX21" fmla="*/ 1157288 w 1685925"/>
                <a:gd name="connsiteY21" fmla="*/ 1285875 h 2843213"/>
                <a:gd name="connsiteX22" fmla="*/ 1243013 w 1685925"/>
                <a:gd name="connsiteY22" fmla="*/ 1300163 h 2843213"/>
                <a:gd name="connsiteX23" fmla="*/ 1343025 w 1685925"/>
                <a:gd name="connsiteY23" fmla="*/ 1357313 h 2843213"/>
                <a:gd name="connsiteX24" fmla="*/ 1471613 w 1685925"/>
                <a:gd name="connsiteY24" fmla="*/ 1371600 h 2843213"/>
                <a:gd name="connsiteX25" fmla="*/ 1571625 w 1685925"/>
                <a:gd name="connsiteY25" fmla="*/ 1428750 h 2843213"/>
                <a:gd name="connsiteX26" fmla="*/ 1643063 w 1685925"/>
                <a:gd name="connsiteY26" fmla="*/ 1500188 h 2843213"/>
                <a:gd name="connsiteX27" fmla="*/ 1685925 w 1685925"/>
                <a:gd name="connsiteY27" fmla="*/ 1528763 h 2843213"/>
                <a:gd name="connsiteX28" fmla="*/ 285750 w 1685925"/>
                <a:gd name="connsiteY28" fmla="*/ 2085975 h 2843213"/>
                <a:gd name="connsiteX29" fmla="*/ 471488 w 1685925"/>
                <a:gd name="connsiteY29" fmla="*/ 2471738 h 2843213"/>
                <a:gd name="connsiteX30" fmla="*/ 514350 w 1685925"/>
                <a:gd name="connsiteY30" fmla="*/ 2614613 h 2843213"/>
                <a:gd name="connsiteX31" fmla="*/ 557213 w 1685925"/>
                <a:gd name="connsiteY31" fmla="*/ 2714625 h 2843213"/>
                <a:gd name="connsiteX32" fmla="*/ 428625 w 1685925"/>
                <a:gd name="connsiteY32" fmla="*/ 2743200 h 2843213"/>
                <a:gd name="connsiteX33" fmla="*/ 257175 w 1685925"/>
                <a:gd name="connsiteY33" fmla="*/ 2771775 h 2843213"/>
                <a:gd name="connsiteX34" fmla="*/ 85725 w 1685925"/>
                <a:gd name="connsiteY34" fmla="*/ 2771775 h 2843213"/>
                <a:gd name="connsiteX35" fmla="*/ 0 w 1685925"/>
                <a:gd name="connsiteY35"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66774 w 1685925"/>
                <a:gd name="connsiteY6" fmla="*/ 261935 h 2843213"/>
                <a:gd name="connsiteX7" fmla="*/ 785813 w 1685925"/>
                <a:gd name="connsiteY7" fmla="*/ 300038 h 2843213"/>
                <a:gd name="connsiteX8" fmla="*/ 757238 w 1685925"/>
                <a:gd name="connsiteY8" fmla="*/ 400050 h 2843213"/>
                <a:gd name="connsiteX9" fmla="*/ 685800 w 1685925"/>
                <a:gd name="connsiteY9" fmla="*/ 428625 h 2843213"/>
                <a:gd name="connsiteX10" fmla="*/ 685800 w 1685925"/>
                <a:gd name="connsiteY10" fmla="*/ 528638 h 2843213"/>
                <a:gd name="connsiteX11" fmla="*/ 785813 w 1685925"/>
                <a:gd name="connsiteY11" fmla="*/ 585788 h 2843213"/>
                <a:gd name="connsiteX12" fmla="*/ 800100 w 1685925"/>
                <a:gd name="connsiteY12" fmla="*/ 657225 h 2843213"/>
                <a:gd name="connsiteX13" fmla="*/ 771525 w 1685925"/>
                <a:gd name="connsiteY13" fmla="*/ 757238 h 2843213"/>
                <a:gd name="connsiteX14" fmla="*/ 800100 w 1685925"/>
                <a:gd name="connsiteY14" fmla="*/ 871538 h 2843213"/>
                <a:gd name="connsiteX15" fmla="*/ 871538 w 1685925"/>
                <a:gd name="connsiteY15" fmla="*/ 928688 h 2843213"/>
                <a:gd name="connsiteX16" fmla="*/ 928688 w 1685925"/>
                <a:gd name="connsiteY16" fmla="*/ 1057275 h 2843213"/>
                <a:gd name="connsiteX17" fmla="*/ 900113 w 1685925"/>
                <a:gd name="connsiteY17" fmla="*/ 1085850 h 2843213"/>
                <a:gd name="connsiteX18" fmla="*/ 1014413 w 1685925"/>
                <a:gd name="connsiteY18" fmla="*/ 1114425 h 2843213"/>
                <a:gd name="connsiteX19" fmla="*/ 1085850 w 1685925"/>
                <a:gd name="connsiteY19" fmla="*/ 1157288 h 2843213"/>
                <a:gd name="connsiteX20" fmla="*/ 1085850 w 1685925"/>
                <a:gd name="connsiteY20" fmla="*/ 1214438 h 2843213"/>
                <a:gd name="connsiteX21" fmla="*/ 1157288 w 1685925"/>
                <a:gd name="connsiteY21" fmla="*/ 1285875 h 2843213"/>
                <a:gd name="connsiteX22" fmla="*/ 1243013 w 1685925"/>
                <a:gd name="connsiteY22" fmla="*/ 1300163 h 2843213"/>
                <a:gd name="connsiteX23" fmla="*/ 1343025 w 1685925"/>
                <a:gd name="connsiteY23" fmla="*/ 1357313 h 2843213"/>
                <a:gd name="connsiteX24" fmla="*/ 1471613 w 1685925"/>
                <a:gd name="connsiteY24" fmla="*/ 1371600 h 2843213"/>
                <a:gd name="connsiteX25" fmla="*/ 1571625 w 1685925"/>
                <a:gd name="connsiteY25" fmla="*/ 1428750 h 2843213"/>
                <a:gd name="connsiteX26" fmla="*/ 1643063 w 1685925"/>
                <a:gd name="connsiteY26" fmla="*/ 1500188 h 2843213"/>
                <a:gd name="connsiteX27" fmla="*/ 1685925 w 1685925"/>
                <a:gd name="connsiteY27" fmla="*/ 1528763 h 2843213"/>
                <a:gd name="connsiteX28" fmla="*/ 285750 w 1685925"/>
                <a:gd name="connsiteY28" fmla="*/ 2085975 h 2843213"/>
                <a:gd name="connsiteX29" fmla="*/ 471488 w 1685925"/>
                <a:gd name="connsiteY29" fmla="*/ 2471738 h 2843213"/>
                <a:gd name="connsiteX30" fmla="*/ 514350 w 1685925"/>
                <a:gd name="connsiteY30" fmla="*/ 2614613 h 2843213"/>
                <a:gd name="connsiteX31" fmla="*/ 557213 w 1685925"/>
                <a:gd name="connsiteY31" fmla="*/ 2714625 h 2843213"/>
                <a:gd name="connsiteX32" fmla="*/ 428625 w 1685925"/>
                <a:gd name="connsiteY32" fmla="*/ 2743200 h 2843213"/>
                <a:gd name="connsiteX33" fmla="*/ 257175 w 1685925"/>
                <a:gd name="connsiteY33" fmla="*/ 2771775 h 2843213"/>
                <a:gd name="connsiteX34" fmla="*/ 85725 w 1685925"/>
                <a:gd name="connsiteY34" fmla="*/ 2771775 h 2843213"/>
                <a:gd name="connsiteX35" fmla="*/ 0 w 1685925"/>
                <a:gd name="connsiteY35"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66774 w 1685925"/>
                <a:gd name="connsiteY6" fmla="*/ 261935 h 2843213"/>
                <a:gd name="connsiteX7" fmla="*/ 790574 w 1685925"/>
                <a:gd name="connsiteY7" fmla="*/ 414335 h 2843213"/>
                <a:gd name="connsiteX8" fmla="*/ 757238 w 1685925"/>
                <a:gd name="connsiteY8" fmla="*/ 400050 h 2843213"/>
                <a:gd name="connsiteX9" fmla="*/ 685800 w 1685925"/>
                <a:gd name="connsiteY9" fmla="*/ 428625 h 2843213"/>
                <a:gd name="connsiteX10" fmla="*/ 685800 w 1685925"/>
                <a:gd name="connsiteY10" fmla="*/ 528638 h 2843213"/>
                <a:gd name="connsiteX11" fmla="*/ 785813 w 1685925"/>
                <a:gd name="connsiteY11" fmla="*/ 585788 h 2843213"/>
                <a:gd name="connsiteX12" fmla="*/ 800100 w 1685925"/>
                <a:gd name="connsiteY12" fmla="*/ 657225 h 2843213"/>
                <a:gd name="connsiteX13" fmla="*/ 771525 w 1685925"/>
                <a:gd name="connsiteY13" fmla="*/ 757238 h 2843213"/>
                <a:gd name="connsiteX14" fmla="*/ 800100 w 1685925"/>
                <a:gd name="connsiteY14" fmla="*/ 871538 h 2843213"/>
                <a:gd name="connsiteX15" fmla="*/ 871538 w 1685925"/>
                <a:gd name="connsiteY15" fmla="*/ 928688 h 2843213"/>
                <a:gd name="connsiteX16" fmla="*/ 928688 w 1685925"/>
                <a:gd name="connsiteY16" fmla="*/ 1057275 h 2843213"/>
                <a:gd name="connsiteX17" fmla="*/ 900113 w 1685925"/>
                <a:gd name="connsiteY17" fmla="*/ 1085850 h 2843213"/>
                <a:gd name="connsiteX18" fmla="*/ 1014413 w 1685925"/>
                <a:gd name="connsiteY18" fmla="*/ 1114425 h 2843213"/>
                <a:gd name="connsiteX19" fmla="*/ 1085850 w 1685925"/>
                <a:gd name="connsiteY19" fmla="*/ 1157288 h 2843213"/>
                <a:gd name="connsiteX20" fmla="*/ 1085850 w 1685925"/>
                <a:gd name="connsiteY20" fmla="*/ 1214438 h 2843213"/>
                <a:gd name="connsiteX21" fmla="*/ 1157288 w 1685925"/>
                <a:gd name="connsiteY21" fmla="*/ 1285875 h 2843213"/>
                <a:gd name="connsiteX22" fmla="*/ 1243013 w 1685925"/>
                <a:gd name="connsiteY22" fmla="*/ 1300163 h 2843213"/>
                <a:gd name="connsiteX23" fmla="*/ 1343025 w 1685925"/>
                <a:gd name="connsiteY23" fmla="*/ 1357313 h 2843213"/>
                <a:gd name="connsiteX24" fmla="*/ 1471613 w 1685925"/>
                <a:gd name="connsiteY24" fmla="*/ 1371600 h 2843213"/>
                <a:gd name="connsiteX25" fmla="*/ 1571625 w 1685925"/>
                <a:gd name="connsiteY25" fmla="*/ 1428750 h 2843213"/>
                <a:gd name="connsiteX26" fmla="*/ 1643063 w 1685925"/>
                <a:gd name="connsiteY26" fmla="*/ 1500188 h 2843213"/>
                <a:gd name="connsiteX27" fmla="*/ 1685925 w 1685925"/>
                <a:gd name="connsiteY27" fmla="*/ 1528763 h 2843213"/>
                <a:gd name="connsiteX28" fmla="*/ 285750 w 1685925"/>
                <a:gd name="connsiteY28" fmla="*/ 2085975 h 2843213"/>
                <a:gd name="connsiteX29" fmla="*/ 471488 w 1685925"/>
                <a:gd name="connsiteY29" fmla="*/ 2471738 h 2843213"/>
                <a:gd name="connsiteX30" fmla="*/ 514350 w 1685925"/>
                <a:gd name="connsiteY30" fmla="*/ 2614613 h 2843213"/>
                <a:gd name="connsiteX31" fmla="*/ 557213 w 1685925"/>
                <a:gd name="connsiteY31" fmla="*/ 2714625 h 2843213"/>
                <a:gd name="connsiteX32" fmla="*/ 428625 w 1685925"/>
                <a:gd name="connsiteY32" fmla="*/ 2743200 h 2843213"/>
                <a:gd name="connsiteX33" fmla="*/ 257175 w 1685925"/>
                <a:gd name="connsiteY33" fmla="*/ 2771775 h 2843213"/>
                <a:gd name="connsiteX34" fmla="*/ 85725 w 1685925"/>
                <a:gd name="connsiteY34" fmla="*/ 2771775 h 2843213"/>
                <a:gd name="connsiteX35" fmla="*/ 0 w 1685925"/>
                <a:gd name="connsiteY35"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66774 w 1685925"/>
                <a:gd name="connsiteY6" fmla="*/ 261935 h 2843213"/>
                <a:gd name="connsiteX7" fmla="*/ 790574 w 1685925"/>
                <a:gd name="connsiteY7" fmla="*/ 414335 h 2843213"/>
                <a:gd name="connsiteX8" fmla="*/ 757238 w 1685925"/>
                <a:gd name="connsiteY8" fmla="*/ 400050 h 2843213"/>
                <a:gd name="connsiteX9" fmla="*/ 685800 w 1685925"/>
                <a:gd name="connsiteY9" fmla="*/ 528638 h 2843213"/>
                <a:gd name="connsiteX10" fmla="*/ 785813 w 1685925"/>
                <a:gd name="connsiteY10" fmla="*/ 585788 h 2843213"/>
                <a:gd name="connsiteX11" fmla="*/ 800100 w 1685925"/>
                <a:gd name="connsiteY11" fmla="*/ 657225 h 2843213"/>
                <a:gd name="connsiteX12" fmla="*/ 771525 w 1685925"/>
                <a:gd name="connsiteY12" fmla="*/ 757238 h 2843213"/>
                <a:gd name="connsiteX13" fmla="*/ 800100 w 1685925"/>
                <a:gd name="connsiteY13" fmla="*/ 871538 h 2843213"/>
                <a:gd name="connsiteX14" fmla="*/ 871538 w 1685925"/>
                <a:gd name="connsiteY14" fmla="*/ 928688 h 2843213"/>
                <a:gd name="connsiteX15" fmla="*/ 928688 w 1685925"/>
                <a:gd name="connsiteY15" fmla="*/ 1057275 h 2843213"/>
                <a:gd name="connsiteX16" fmla="*/ 900113 w 1685925"/>
                <a:gd name="connsiteY16" fmla="*/ 1085850 h 2843213"/>
                <a:gd name="connsiteX17" fmla="*/ 1014413 w 1685925"/>
                <a:gd name="connsiteY17" fmla="*/ 1114425 h 2843213"/>
                <a:gd name="connsiteX18" fmla="*/ 1085850 w 1685925"/>
                <a:gd name="connsiteY18" fmla="*/ 1157288 h 2843213"/>
                <a:gd name="connsiteX19" fmla="*/ 1085850 w 1685925"/>
                <a:gd name="connsiteY19" fmla="*/ 1214438 h 2843213"/>
                <a:gd name="connsiteX20" fmla="*/ 1157288 w 1685925"/>
                <a:gd name="connsiteY20" fmla="*/ 1285875 h 2843213"/>
                <a:gd name="connsiteX21" fmla="*/ 1243013 w 1685925"/>
                <a:gd name="connsiteY21" fmla="*/ 1300163 h 2843213"/>
                <a:gd name="connsiteX22" fmla="*/ 1343025 w 1685925"/>
                <a:gd name="connsiteY22" fmla="*/ 1357313 h 2843213"/>
                <a:gd name="connsiteX23" fmla="*/ 1471613 w 1685925"/>
                <a:gd name="connsiteY23" fmla="*/ 1371600 h 2843213"/>
                <a:gd name="connsiteX24" fmla="*/ 1571625 w 1685925"/>
                <a:gd name="connsiteY24" fmla="*/ 1428750 h 2843213"/>
                <a:gd name="connsiteX25" fmla="*/ 1643063 w 1685925"/>
                <a:gd name="connsiteY25" fmla="*/ 1500188 h 2843213"/>
                <a:gd name="connsiteX26" fmla="*/ 1685925 w 1685925"/>
                <a:gd name="connsiteY26" fmla="*/ 1528763 h 2843213"/>
                <a:gd name="connsiteX27" fmla="*/ 285750 w 1685925"/>
                <a:gd name="connsiteY27" fmla="*/ 2085975 h 2843213"/>
                <a:gd name="connsiteX28" fmla="*/ 471488 w 1685925"/>
                <a:gd name="connsiteY28" fmla="*/ 2471738 h 2843213"/>
                <a:gd name="connsiteX29" fmla="*/ 514350 w 1685925"/>
                <a:gd name="connsiteY29" fmla="*/ 2614613 h 2843213"/>
                <a:gd name="connsiteX30" fmla="*/ 557213 w 1685925"/>
                <a:gd name="connsiteY30" fmla="*/ 2714625 h 2843213"/>
                <a:gd name="connsiteX31" fmla="*/ 428625 w 1685925"/>
                <a:gd name="connsiteY31" fmla="*/ 2743200 h 2843213"/>
                <a:gd name="connsiteX32" fmla="*/ 257175 w 1685925"/>
                <a:gd name="connsiteY32" fmla="*/ 2771775 h 2843213"/>
                <a:gd name="connsiteX33" fmla="*/ 85725 w 1685925"/>
                <a:gd name="connsiteY33" fmla="*/ 2771775 h 2843213"/>
                <a:gd name="connsiteX34" fmla="*/ 0 w 1685925"/>
                <a:gd name="connsiteY34" fmla="*/ 2843213 h 2843213"/>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66774 w 1685925"/>
                <a:gd name="connsiteY6" fmla="*/ 261935 h 2843213"/>
                <a:gd name="connsiteX7" fmla="*/ 790574 w 1685925"/>
                <a:gd name="connsiteY7" fmla="*/ 414335 h 2843213"/>
                <a:gd name="connsiteX8" fmla="*/ 685800 w 1685925"/>
                <a:gd name="connsiteY8" fmla="*/ 528638 h 2843213"/>
                <a:gd name="connsiteX9" fmla="*/ 785813 w 1685925"/>
                <a:gd name="connsiteY9" fmla="*/ 585788 h 2843213"/>
                <a:gd name="connsiteX10" fmla="*/ 800100 w 1685925"/>
                <a:gd name="connsiteY10" fmla="*/ 657225 h 2843213"/>
                <a:gd name="connsiteX11" fmla="*/ 771525 w 1685925"/>
                <a:gd name="connsiteY11" fmla="*/ 757238 h 2843213"/>
                <a:gd name="connsiteX12" fmla="*/ 800100 w 1685925"/>
                <a:gd name="connsiteY12" fmla="*/ 871538 h 2843213"/>
                <a:gd name="connsiteX13" fmla="*/ 871538 w 1685925"/>
                <a:gd name="connsiteY13" fmla="*/ 928688 h 2843213"/>
                <a:gd name="connsiteX14" fmla="*/ 928688 w 1685925"/>
                <a:gd name="connsiteY14" fmla="*/ 1057275 h 2843213"/>
                <a:gd name="connsiteX15" fmla="*/ 900113 w 1685925"/>
                <a:gd name="connsiteY15" fmla="*/ 1085850 h 2843213"/>
                <a:gd name="connsiteX16" fmla="*/ 1014413 w 1685925"/>
                <a:gd name="connsiteY16" fmla="*/ 1114425 h 2843213"/>
                <a:gd name="connsiteX17" fmla="*/ 1085850 w 1685925"/>
                <a:gd name="connsiteY17" fmla="*/ 1157288 h 2843213"/>
                <a:gd name="connsiteX18" fmla="*/ 1085850 w 1685925"/>
                <a:gd name="connsiteY18" fmla="*/ 1214438 h 2843213"/>
                <a:gd name="connsiteX19" fmla="*/ 1157288 w 1685925"/>
                <a:gd name="connsiteY19" fmla="*/ 1285875 h 2843213"/>
                <a:gd name="connsiteX20" fmla="*/ 1243013 w 1685925"/>
                <a:gd name="connsiteY20" fmla="*/ 1300163 h 2843213"/>
                <a:gd name="connsiteX21" fmla="*/ 1343025 w 1685925"/>
                <a:gd name="connsiteY21" fmla="*/ 1357313 h 2843213"/>
                <a:gd name="connsiteX22" fmla="*/ 1471613 w 1685925"/>
                <a:gd name="connsiteY22" fmla="*/ 1371600 h 2843213"/>
                <a:gd name="connsiteX23" fmla="*/ 1571625 w 1685925"/>
                <a:gd name="connsiteY23" fmla="*/ 1428750 h 2843213"/>
                <a:gd name="connsiteX24" fmla="*/ 1643063 w 1685925"/>
                <a:gd name="connsiteY24" fmla="*/ 1500188 h 2843213"/>
                <a:gd name="connsiteX25" fmla="*/ 1685925 w 1685925"/>
                <a:gd name="connsiteY25" fmla="*/ 1528763 h 2843213"/>
                <a:gd name="connsiteX26" fmla="*/ 285750 w 1685925"/>
                <a:gd name="connsiteY26" fmla="*/ 2085975 h 2843213"/>
                <a:gd name="connsiteX27" fmla="*/ 471488 w 1685925"/>
                <a:gd name="connsiteY27" fmla="*/ 2471738 h 2843213"/>
                <a:gd name="connsiteX28" fmla="*/ 514350 w 1685925"/>
                <a:gd name="connsiteY28" fmla="*/ 2614613 h 2843213"/>
                <a:gd name="connsiteX29" fmla="*/ 557213 w 1685925"/>
                <a:gd name="connsiteY29" fmla="*/ 2714625 h 2843213"/>
                <a:gd name="connsiteX30" fmla="*/ 428625 w 1685925"/>
                <a:gd name="connsiteY30" fmla="*/ 2743200 h 2843213"/>
                <a:gd name="connsiteX31" fmla="*/ 257175 w 1685925"/>
                <a:gd name="connsiteY31" fmla="*/ 2771775 h 2843213"/>
                <a:gd name="connsiteX32" fmla="*/ 85725 w 1685925"/>
                <a:gd name="connsiteY32" fmla="*/ 2771775 h 2843213"/>
                <a:gd name="connsiteX33" fmla="*/ 0 w 1685925"/>
                <a:gd name="connsiteY33" fmla="*/ 2843213 h 2843213"/>
                <a:gd name="connsiteX0" fmla="*/ 985838 w 1685925"/>
                <a:gd name="connsiteY0" fmla="*/ 0 h 2843213"/>
                <a:gd name="connsiteX1" fmla="*/ 957263 w 1685925"/>
                <a:gd name="connsiteY1" fmla="*/ 42863 h 2843213"/>
                <a:gd name="connsiteX2" fmla="*/ 1028700 w 1685925"/>
                <a:gd name="connsiteY2" fmla="*/ 100013 h 2843213"/>
                <a:gd name="connsiteX3" fmla="*/ 1028700 w 1685925"/>
                <a:gd name="connsiteY3" fmla="*/ 142875 h 2843213"/>
                <a:gd name="connsiteX4" fmla="*/ 928688 w 1685925"/>
                <a:gd name="connsiteY4" fmla="*/ 157163 h 2843213"/>
                <a:gd name="connsiteX5" fmla="*/ 866774 w 1685925"/>
                <a:gd name="connsiteY5" fmla="*/ 261935 h 2843213"/>
                <a:gd name="connsiteX6" fmla="*/ 790574 w 1685925"/>
                <a:gd name="connsiteY6" fmla="*/ 414335 h 2843213"/>
                <a:gd name="connsiteX7" fmla="*/ 685800 w 1685925"/>
                <a:gd name="connsiteY7" fmla="*/ 528638 h 2843213"/>
                <a:gd name="connsiteX8" fmla="*/ 785813 w 1685925"/>
                <a:gd name="connsiteY8" fmla="*/ 585788 h 2843213"/>
                <a:gd name="connsiteX9" fmla="*/ 800100 w 1685925"/>
                <a:gd name="connsiteY9" fmla="*/ 657225 h 2843213"/>
                <a:gd name="connsiteX10" fmla="*/ 771525 w 1685925"/>
                <a:gd name="connsiteY10" fmla="*/ 757238 h 2843213"/>
                <a:gd name="connsiteX11" fmla="*/ 800100 w 1685925"/>
                <a:gd name="connsiteY11" fmla="*/ 871538 h 2843213"/>
                <a:gd name="connsiteX12" fmla="*/ 871538 w 1685925"/>
                <a:gd name="connsiteY12" fmla="*/ 928688 h 2843213"/>
                <a:gd name="connsiteX13" fmla="*/ 928688 w 1685925"/>
                <a:gd name="connsiteY13" fmla="*/ 1057275 h 2843213"/>
                <a:gd name="connsiteX14" fmla="*/ 900113 w 1685925"/>
                <a:gd name="connsiteY14" fmla="*/ 1085850 h 2843213"/>
                <a:gd name="connsiteX15" fmla="*/ 1014413 w 1685925"/>
                <a:gd name="connsiteY15" fmla="*/ 1114425 h 2843213"/>
                <a:gd name="connsiteX16" fmla="*/ 1085850 w 1685925"/>
                <a:gd name="connsiteY16" fmla="*/ 1157288 h 2843213"/>
                <a:gd name="connsiteX17" fmla="*/ 1085850 w 1685925"/>
                <a:gd name="connsiteY17" fmla="*/ 1214438 h 2843213"/>
                <a:gd name="connsiteX18" fmla="*/ 1157288 w 1685925"/>
                <a:gd name="connsiteY18" fmla="*/ 1285875 h 2843213"/>
                <a:gd name="connsiteX19" fmla="*/ 1243013 w 1685925"/>
                <a:gd name="connsiteY19" fmla="*/ 1300163 h 2843213"/>
                <a:gd name="connsiteX20" fmla="*/ 1343025 w 1685925"/>
                <a:gd name="connsiteY20" fmla="*/ 1357313 h 2843213"/>
                <a:gd name="connsiteX21" fmla="*/ 1471613 w 1685925"/>
                <a:gd name="connsiteY21" fmla="*/ 1371600 h 2843213"/>
                <a:gd name="connsiteX22" fmla="*/ 1571625 w 1685925"/>
                <a:gd name="connsiteY22" fmla="*/ 1428750 h 2843213"/>
                <a:gd name="connsiteX23" fmla="*/ 1643063 w 1685925"/>
                <a:gd name="connsiteY23" fmla="*/ 1500188 h 2843213"/>
                <a:gd name="connsiteX24" fmla="*/ 1685925 w 1685925"/>
                <a:gd name="connsiteY24" fmla="*/ 1528763 h 2843213"/>
                <a:gd name="connsiteX25" fmla="*/ 285750 w 1685925"/>
                <a:gd name="connsiteY25" fmla="*/ 2085975 h 2843213"/>
                <a:gd name="connsiteX26" fmla="*/ 471488 w 1685925"/>
                <a:gd name="connsiteY26" fmla="*/ 2471738 h 2843213"/>
                <a:gd name="connsiteX27" fmla="*/ 514350 w 1685925"/>
                <a:gd name="connsiteY27" fmla="*/ 2614613 h 2843213"/>
                <a:gd name="connsiteX28" fmla="*/ 557213 w 1685925"/>
                <a:gd name="connsiteY28" fmla="*/ 2714625 h 2843213"/>
                <a:gd name="connsiteX29" fmla="*/ 428625 w 1685925"/>
                <a:gd name="connsiteY29" fmla="*/ 2743200 h 2843213"/>
                <a:gd name="connsiteX30" fmla="*/ 257175 w 1685925"/>
                <a:gd name="connsiteY30" fmla="*/ 2771775 h 2843213"/>
                <a:gd name="connsiteX31" fmla="*/ 85725 w 1685925"/>
                <a:gd name="connsiteY31" fmla="*/ 2771775 h 2843213"/>
                <a:gd name="connsiteX32" fmla="*/ 0 w 1685925"/>
                <a:gd name="connsiteY32" fmla="*/ 2843213 h 2843213"/>
                <a:gd name="connsiteX0" fmla="*/ 985838 w 1685925"/>
                <a:gd name="connsiteY0" fmla="*/ 0 h 2843213"/>
                <a:gd name="connsiteX1" fmla="*/ 1028700 w 1685925"/>
                <a:gd name="connsiteY1" fmla="*/ 100013 h 2843213"/>
                <a:gd name="connsiteX2" fmla="*/ 1028700 w 1685925"/>
                <a:gd name="connsiteY2" fmla="*/ 142875 h 2843213"/>
                <a:gd name="connsiteX3" fmla="*/ 928688 w 1685925"/>
                <a:gd name="connsiteY3" fmla="*/ 157163 h 2843213"/>
                <a:gd name="connsiteX4" fmla="*/ 866774 w 1685925"/>
                <a:gd name="connsiteY4" fmla="*/ 261935 h 2843213"/>
                <a:gd name="connsiteX5" fmla="*/ 790574 w 1685925"/>
                <a:gd name="connsiteY5" fmla="*/ 414335 h 2843213"/>
                <a:gd name="connsiteX6" fmla="*/ 685800 w 1685925"/>
                <a:gd name="connsiteY6" fmla="*/ 528638 h 2843213"/>
                <a:gd name="connsiteX7" fmla="*/ 785813 w 1685925"/>
                <a:gd name="connsiteY7" fmla="*/ 585788 h 2843213"/>
                <a:gd name="connsiteX8" fmla="*/ 800100 w 1685925"/>
                <a:gd name="connsiteY8" fmla="*/ 657225 h 2843213"/>
                <a:gd name="connsiteX9" fmla="*/ 771525 w 1685925"/>
                <a:gd name="connsiteY9" fmla="*/ 757238 h 2843213"/>
                <a:gd name="connsiteX10" fmla="*/ 800100 w 1685925"/>
                <a:gd name="connsiteY10" fmla="*/ 871538 h 2843213"/>
                <a:gd name="connsiteX11" fmla="*/ 871538 w 1685925"/>
                <a:gd name="connsiteY11" fmla="*/ 928688 h 2843213"/>
                <a:gd name="connsiteX12" fmla="*/ 928688 w 1685925"/>
                <a:gd name="connsiteY12" fmla="*/ 1057275 h 2843213"/>
                <a:gd name="connsiteX13" fmla="*/ 900113 w 1685925"/>
                <a:gd name="connsiteY13" fmla="*/ 1085850 h 2843213"/>
                <a:gd name="connsiteX14" fmla="*/ 1014413 w 1685925"/>
                <a:gd name="connsiteY14" fmla="*/ 1114425 h 2843213"/>
                <a:gd name="connsiteX15" fmla="*/ 1085850 w 1685925"/>
                <a:gd name="connsiteY15" fmla="*/ 1157288 h 2843213"/>
                <a:gd name="connsiteX16" fmla="*/ 1085850 w 1685925"/>
                <a:gd name="connsiteY16" fmla="*/ 1214438 h 2843213"/>
                <a:gd name="connsiteX17" fmla="*/ 1157288 w 1685925"/>
                <a:gd name="connsiteY17" fmla="*/ 1285875 h 2843213"/>
                <a:gd name="connsiteX18" fmla="*/ 1243013 w 1685925"/>
                <a:gd name="connsiteY18" fmla="*/ 1300163 h 2843213"/>
                <a:gd name="connsiteX19" fmla="*/ 1343025 w 1685925"/>
                <a:gd name="connsiteY19" fmla="*/ 1357313 h 2843213"/>
                <a:gd name="connsiteX20" fmla="*/ 1471613 w 1685925"/>
                <a:gd name="connsiteY20" fmla="*/ 1371600 h 2843213"/>
                <a:gd name="connsiteX21" fmla="*/ 1571625 w 1685925"/>
                <a:gd name="connsiteY21" fmla="*/ 1428750 h 2843213"/>
                <a:gd name="connsiteX22" fmla="*/ 1643063 w 1685925"/>
                <a:gd name="connsiteY22" fmla="*/ 1500188 h 2843213"/>
                <a:gd name="connsiteX23" fmla="*/ 1685925 w 1685925"/>
                <a:gd name="connsiteY23" fmla="*/ 1528763 h 2843213"/>
                <a:gd name="connsiteX24" fmla="*/ 285750 w 1685925"/>
                <a:gd name="connsiteY24" fmla="*/ 2085975 h 2843213"/>
                <a:gd name="connsiteX25" fmla="*/ 471488 w 1685925"/>
                <a:gd name="connsiteY25" fmla="*/ 2471738 h 2843213"/>
                <a:gd name="connsiteX26" fmla="*/ 514350 w 1685925"/>
                <a:gd name="connsiteY26" fmla="*/ 2614613 h 2843213"/>
                <a:gd name="connsiteX27" fmla="*/ 557213 w 1685925"/>
                <a:gd name="connsiteY27" fmla="*/ 2714625 h 2843213"/>
                <a:gd name="connsiteX28" fmla="*/ 428625 w 1685925"/>
                <a:gd name="connsiteY28" fmla="*/ 2743200 h 2843213"/>
                <a:gd name="connsiteX29" fmla="*/ 257175 w 1685925"/>
                <a:gd name="connsiteY29" fmla="*/ 2771775 h 2843213"/>
                <a:gd name="connsiteX30" fmla="*/ 85725 w 1685925"/>
                <a:gd name="connsiteY30" fmla="*/ 2771775 h 2843213"/>
                <a:gd name="connsiteX31" fmla="*/ 0 w 1685925"/>
                <a:gd name="connsiteY31" fmla="*/ 2843213 h 2843213"/>
                <a:gd name="connsiteX0" fmla="*/ 985838 w 1685925"/>
                <a:gd name="connsiteY0" fmla="*/ 0 h 2843213"/>
                <a:gd name="connsiteX1" fmla="*/ 1028700 w 1685925"/>
                <a:gd name="connsiteY1" fmla="*/ 100013 h 2843213"/>
                <a:gd name="connsiteX2" fmla="*/ 1028700 w 1685925"/>
                <a:gd name="connsiteY2" fmla="*/ 142875 h 2843213"/>
                <a:gd name="connsiteX3" fmla="*/ 928688 w 1685925"/>
                <a:gd name="connsiteY3" fmla="*/ 157163 h 2843213"/>
                <a:gd name="connsiteX4" fmla="*/ 866774 w 1685925"/>
                <a:gd name="connsiteY4" fmla="*/ 261935 h 2843213"/>
                <a:gd name="connsiteX5" fmla="*/ 790574 w 1685925"/>
                <a:gd name="connsiteY5" fmla="*/ 414335 h 2843213"/>
                <a:gd name="connsiteX6" fmla="*/ 790574 w 1685925"/>
                <a:gd name="connsiteY6" fmla="*/ 490535 h 2843213"/>
                <a:gd name="connsiteX7" fmla="*/ 785813 w 1685925"/>
                <a:gd name="connsiteY7" fmla="*/ 585788 h 2843213"/>
                <a:gd name="connsiteX8" fmla="*/ 800100 w 1685925"/>
                <a:gd name="connsiteY8" fmla="*/ 657225 h 2843213"/>
                <a:gd name="connsiteX9" fmla="*/ 771525 w 1685925"/>
                <a:gd name="connsiteY9" fmla="*/ 757238 h 2843213"/>
                <a:gd name="connsiteX10" fmla="*/ 800100 w 1685925"/>
                <a:gd name="connsiteY10" fmla="*/ 871538 h 2843213"/>
                <a:gd name="connsiteX11" fmla="*/ 871538 w 1685925"/>
                <a:gd name="connsiteY11" fmla="*/ 928688 h 2843213"/>
                <a:gd name="connsiteX12" fmla="*/ 928688 w 1685925"/>
                <a:gd name="connsiteY12" fmla="*/ 1057275 h 2843213"/>
                <a:gd name="connsiteX13" fmla="*/ 900113 w 1685925"/>
                <a:gd name="connsiteY13" fmla="*/ 1085850 h 2843213"/>
                <a:gd name="connsiteX14" fmla="*/ 1014413 w 1685925"/>
                <a:gd name="connsiteY14" fmla="*/ 1114425 h 2843213"/>
                <a:gd name="connsiteX15" fmla="*/ 1085850 w 1685925"/>
                <a:gd name="connsiteY15" fmla="*/ 1157288 h 2843213"/>
                <a:gd name="connsiteX16" fmla="*/ 1085850 w 1685925"/>
                <a:gd name="connsiteY16" fmla="*/ 1214438 h 2843213"/>
                <a:gd name="connsiteX17" fmla="*/ 1157288 w 1685925"/>
                <a:gd name="connsiteY17" fmla="*/ 1285875 h 2843213"/>
                <a:gd name="connsiteX18" fmla="*/ 1243013 w 1685925"/>
                <a:gd name="connsiteY18" fmla="*/ 1300163 h 2843213"/>
                <a:gd name="connsiteX19" fmla="*/ 1343025 w 1685925"/>
                <a:gd name="connsiteY19" fmla="*/ 1357313 h 2843213"/>
                <a:gd name="connsiteX20" fmla="*/ 1471613 w 1685925"/>
                <a:gd name="connsiteY20" fmla="*/ 1371600 h 2843213"/>
                <a:gd name="connsiteX21" fmla="*/ 1571625 w 1685925"/>
                <a:gd name="connsiteY21" fmla="*/ 1428750 h 2843213"/>
                <a:gd name="connsiteX22" fmla="*/ 1643063 w 1685925"/>
                <a:gd name="connsiteY22" fmla="*/ 1500188 h 2843213"/>
                <a:gd name="connsiteX23" fmla="*/ 1685925 w 1685925"/>
                <a:gd name="connsiteY23" fmla="*/ 1528763 h 2843213"/>
                <a:gd name="connsiteX24" fmla="*/ 285750 w 1685925"/>
                <a:gd name="connsiteY24" fmla="*/ 2085975 h 2843213"/>
                <a:gd name="connsiteX25" fmla="*/ 471488 w 1685925"/>
                <a:gd name="connsiteY25" fmla="*/ 2471738 h 2843213"/>
                <a:gd name="connsiteX26" fmla="*/ 514350 w 1685925"/>
                <a:gd name="connsiteY26" fmla="*/ 2614613 h 2843213"/>
                <a:gd name="connsiteX27" fmla="*/ 557213 w 1685925"/>
                <a:gd name="connsiteY27" fmla="*/ 2714625 h 2843213"/>
                <a:gd name="connsiteX28" fmla="*/ 428625 w 1685925"/>
                <a:gd name="connsiteY28" fmla="*/ 2743200 h 2843213"/>
                <a:gd name="connsiteX29" fmla="*/ 257175 w 1685925"/>
                <a:gd name="connsiteY29" fmla="*/ 2771775 h 2843213"/>
                <a:gd name="connsiteX30" fmla="*/ 85725 w 1685925"/>
                <a:gd name="connsiteY30" fmla="*/ 2771775 h 2843213"/>
                <a:gd name="connsiteX31" fmla="*/ 0 w 1685925"/>
                <a:gd name="connsiteY31" fmla="*/ 2843213 h 2843213"/>
                <a:gd name="connsiteX0" fmla="*/ 985838 w 1685925"/>
                <a:gd name="connsiteY0" fmla="*/ 0 h 2843213"/>
                <a:gd name="connsiteX1" fmla="*/ 1028700 w 1685925"/>
                <a:gd name="connsiteY1" fmla="*/ 100013 h 2843213"/>
                <a:gd name="connsiteX2" fmla="*/ 1028700 w 1685925"/>
                <a:gd name="connsiteY2" fmla="*/ 142875 h 2843213"/>
                <a:gd name="connsiteX3" fmla="*/ 866774 w 1685925"/>
                <a:gd name="connsiteY3" fmla="*/ 261935 h 2843213"/>
                <a:gd name="connsiteX4" fmla="*/ 790574 w 1685925"/>
                <a:gd name="connsiteY4" fmla="*/ 414335 h 2843213"/>
                <a:gd name="connsiteX5" fmla="*/ 790574 w 1685925"/>
                <a:gd name="connsiteY5" fmla="*/ 490535 h 2843213"/>
                <a:gd name="connsiteX6" fmla="*/ 785813 w 1685925"/>
                <a:gd name="connsiteY6" fmla="*/ 585788 h 2843213"/>
                <a:gd name="connsiteX7" fmla="*/ 800100 w 1685925"/>
                <a:gd name="connsiteY7" fmla="*/ 657225 h 2843213"/>
                <a:gd name="connsiteX8" fmla="*/ 771525 w 1685925"/>
                <a:gd name="connsiteY8" fmla="*/ 757238 h 2843213"/>
                <a:gd name="connsiteX9" fmla="*/ 800100 w 1685925"/>
                <a:gd name="connsiteY9" fmla="*/ 871538 h 2843213"/>
                <a:gd name="connsiteX10" fmla="*/ 871538 w 1685925"/>
                <a:gd name="connsiteY10" fmla="*/ 928688 h 2843213"/>
                <a:gd name="connsiteX11" fmla="*/ 928688 w 1685925"/>
                <a:gd name="connsiteY11" fmla="*/ 1057275 h 2843213"/>
                <a:gd name="connsiteX12" fmla="*/ 900113 w 1685925"/>
                <a:gd name="connsiteY12" fmla="*/ 1085850 h 2843213"/>
                <a:gd name="connsiteX13" fmla="*/ 1014413 w 1685925"/>
                <a:gd name="connsiteY13" fmla="*/ 1114425 h 2843213"/>
                <a:gd name="connsiteX14" fmla="*/ 1085850 w 1685925"/>
                <a:gd name="connsiteY14" fmla="*/ 1157288 h 2843213"/>
                <a:gd name="connsiteX15" fmla="*/ 1085850 w 1685925"/>
                <a:gd name="connsiteY15" fmla="*/ 1214438 h 2843213"/>
                <a:gd name="connsiteX16" fmla="*/ 1157288 w 1685925"/>
                <a:gd name="connsiteY16" fmla="*/ 1285875 h 2843213"/>
                <a:gd name="connsiteX17" fmla="*/ 1243013 w 1685925"/>
                <a:gd name="connsiteY17" fmla="*/ 1300163 h 2843213"/>
                <a:gd name="connsiteX18" fmla="*/ 1343025 w 1685925"/>
                <a:gd name="connsiteY18" fmla="*/ 1357313 h 2843213"/>
                <a:gd name="connsiteX19" fmla="*/ 1471613 w 1685925"/>
                <a:gd name="connsiteY19" fmla="*/ 1371600 h 2843213"/>
                <a:gd name="connsiteX20" fmla="*/ 1571625 w 1685925"/>
                <a:gd name="connsiteY20" fmla="*/ 1428750 h 2843213"/>
                <a:gd name="connsiteX21" fmla="*/ 1643063 w 1685925"/>
                <a:gd name="connsiteY21" fmla="*/ 1500188 h 2843213"/>
                <a:gd name="connsiteX22" fmla="*/ 1685925 w 1685925"/>
                <a:gd name="connsiteY22" fmla="*/ 1528763 h 2843213"/>
                <a:gd name="connsiteX23" fmla="*/ 285750 w 1685925"/>
                <a:gd name="connsiteY23" fmla="*/ 2085975 h 2843213"/>
                <a:gd name="connsiteX24" fmla="*/ 471488 w 1685925"/>
                <a:gd name="connsiteY24" fmla="*/ 2471738 h 2843213"/>
                <a:gd name="connsiteX25" fmla="*/ 514350 w 1685925"/>
                <a:gd name="connsiteY25" fmla="*/ 2614613 h 2843213"/>
                <a:gd name="connsiteX26" fmla="*/ 557213 w 1685925"/>
                <a:gd name="connsiteY26" fmla="*/ 2714625 h 2843213"/>
                <a:gd name="connsiteX27" fmla="*/ 428625 w 1685925"/>
                <a:gd name="connsiteY27" fmla="*/ 2743200 h 2843213"/>
                <a:gd name="connsiteX28" fmla="*/ 257175 w 1685925"/>
                <a:gd name="connsiteY28" fmla="*/ 2771775 h 2843213"/>
                <a:gd name="connsiteX29" fmla="*/ 85725 w 1685925"/>
                <a:gd name="connsiteY29" fmla="*/ 2771775 h 2843213"/>
                <a:gd name="connsiteX30" fmla="*/ 0 w 1685925"/>
                <a:gd name="connsiteY30" fmla="*/ 2843213 h 28432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685925" h="2843213">
                  <a:moveTo>
                    <a:pt x="985838" y="0"/>
                  </a:moveTo>
                  <a:cubicBezTo>
                    <a:pt x="994768" y="20836"/>
                    <a:pt x="1021556" y="76201"/>
                    <a:pt x="1028700" y="100013"/>
                  </a:cubicBezTo>
                  <a:cubicBezTo>
                    <a:pt x="1035844" y="123825"/>
                    <a:pt x="1055688" y="115888"/>
                    <a:pt x="1028700" y="142875"/>
                  </a:cubicBezTo>
                  <a:cubicBezTo>
                    <a:pt x="1001712" y="169862"/>
                    <a:pt x="906462" y="216692"/>
                    <a:pt x="866774" y="261935"/>
                  </a:cubicBezTo>
                  <a:cubicBezTo>
                    <a:pt x="827086" y="307178"/>
                    <a:pt x="803274" y="376235"/>
                    <a:pt x="790574" y="414335"/>
                  </a:cubicBezTo>
                  <a:cubicBezTo>
                    <a:pt x="777874" y="452435"/>
                    <a:pt x="791367" y="461960"/>
                    <a:pt x="790574" y="490535"/>
                  </a:cubicBezTo>
                  <a:cubicBezTo>
                    <a:pt x="789781" y="519110"/>
                    <a:pt x="784225" y="558006"/>
                    <a:pt x="785813" y="585788"/>
                  </a:cubicBezTo>
                  <a:cubicBezTo>
                    <a:pt x="787401" y="613570"/>
                    <a:pt x="802481" y="628650"/>
                    <a:pt x="800100" y="657225"/>
                  </a:cubicBezTo>
                  <a:cubicBezTo>
                    <a:pt x="797719" y="685800"/>
                    <a:pt x="771525" y="721519"/>
                    <a:pt x="771525" y="757238"/>
                  </a:cubicBezTo>
                  <a:cubicBezTo>
                    <a:pt x="771525" y="792957"/>
                    <a:pt x="783431" y="842963"/>
                    <a:pt x="800100" y="871538"/>
                  </a:cubicBezTo>
                  <a:cubicBezTo>
                    <a:pt x="816769" y="900113"/>
                    <a:pt x="850107" y="897732"/>
                    <a:pt x="871538" y="928688"/>
                  </a:cubicBezTo>
                  <a:cubicBezTo>
                    <a:pt x="892969" y="959644"/>
                    <a:pt x="923926" y="1031081"/>
                    <a:pt x="928688" y="1057275"/>
                  </a:cubicBezTo>
                  <a:cubicBezTo>
                    <a:pt x="933450" y="1083469"/>
                    <a:pt x="885826" y="1076325"/>
                    <a:pt x="900113" y="1085850"/>
                  </a:cubicBezTo>
                  <a:cubicBezTo>
                    <a:pt x="914400" y="1095375"/>
                    <a:pt x="983457" y="1102519"/>
                    <a:pt x="1014413" y="1114425"/>
                  </a:cubicBezTo>
                  <a:cubicBezTo>
                    <a:pt x="1045369" y="1126331"/>
                    <a:pt x="1073944" y="1140619"/>
                    <a:pt x="1085850" y="1157288"/>
                  </a:cubicBezTo>
                  <a:cubicBezTo>
                    <a:pt x="1097756" y="1173957"/>
                    <a:pt x="1073944" y="1193007"/>
                    <a:pt x="1085850" y="1214438"/>
                  </a:cubicBezTo>
                  <a:cubicBezTo>
                    <a:pt x="1097756" y="1235869"/>
                    <a:pt x="1131094" y="1271588"/>
                    <a:pt x="1157288" y="1285875"/>
                  </a:cubicBezTo>
                  <a:cubicBezTo>
                    <a:pt x="1183482" y="1300162"/>
                    <a:pt x="1212057" y="1288257"/>
                    <a:pt x="1243013" y="1300163"/>
                  </a:cubicBezTo>
                  <a:cubicBezTo>
                    <a:pt x="1273969" y="1312069"/>
                    <a:pt x="1304925" y="1345407"/>
                    <a:pt x="1343025" y="1357313"/>
                  </a:cubicBezTo>
                  <a:cubicBezTo>
                    <a:pt x="1381125" y="1369219"/>
                    <a:pt x="1433513" y="1359694"/>
                    <a:pt x="1471613" y="1371600"/>
                  </a:cubicBezTo>
                  <a:cubicBezTo>
                    <a:pt x="1509713" y="1383506"/>
                    <a:pt x="1543050" y="1407319"/>
                    <a:pt x="1571625" y="1428750"/>
                  </a:cubicBezTo>
                  <a:cubicBezTo>
                    <a:pt x="1600200" y="1450181"/>
                    <a:pt x="1624013" y="1483519"/>
                    <a:pt x="1643063" y="1500188"/>
                  </a:cubicBezTo>
                  <a:cubicBezTo>
                    <a:pt x="1662113" y="1516857"/>
                    <a:pt x="1635418" y="1475247"/>
                    <a:pt x="1685925" y="1528763"/>
                  </a:cubicBezTo>
                  <a:cubicBezTo>
                    <a:pt x="1459706" y="1626394"/>
                    <a:pt x="516731" y="1988344"/>
                    <a:pt x="285750" y="2085975"/>
                  </a:cubicBezTo>
                  <a:cubicBezTo>
                    <a:pt x="83344" y="2243138"/>
                    <a:pt x="433388" y="2383632"/>
                    <a:pt x="471488" y="2471738"/>
                  </a:cubicBezTo>
                  <a:cubicBezTo>
                    <a:pt x="509588" y="2559844"/>
                    <a:pt x="500063" y="2574132"/>
                    <a:pt x="514350" y="2614613"/>
                  </a:cubicBezTo>
                  <a:cubicBezTo>
                    <a:pt x="528637" y="2655094"/>
                    <a:pt x="571501" y="2693194"/>
                    <a:pt x="557213" y="2714625"/>
                  </a:cubicBezTo>
                  <a:cubicBezTo>
                    <a:pt x="542926" y="2736056"/>
                    <a:pt x="478631" y="2733675"/>
                    <a:pt x="428625" y="2743200"/>
                  </a:cubicBezTo>
                  <a:cubicBezTo>
                    <a:pt x="378619" y="2752725"/>
                    <a:pt x="314325" y="2767013"/>
                    <a:pt x="257175" y="2771775"/>
                  </a:cubicBezTo>
                  <a:cubicBezTo>
                    <a:pt x="200025" y="2776538"/>
                    <a:pt x="128587" y="2759869"/>
                    <a:pt x="85725" y="2771775"/>
                  </a:cubicBezTo>
                  <a:cubicBezTo>
                    <a:pt x="42863" y="2783681"/>
                    <a:pt x="21431" y="2813447"/>
                    <a:pt x="0" y="2843213"/>
                  </a:cubicBezTo>
                </a:path>
              </a:pathLst>
            </a:custGeom>
            <a:noFill/>
            <a:ln w="152400" cap="flat" cmpd="sng" algn="ctr">
              <a:solidFill>
                <a:srgbClr val="0066FF"/>
              </a:solidFill>
              <a:prstDash val="solid"/>
              <a:round/>
              <a:headEnd type="none" w="med" len="med"/>
              <a:tailEnd type="none" w="med" len="med"/>
            </a:ln>
            <a:effectLst>
              <a:glow rad="139700">
                <a:srgbClr val="0000FF">
                  <a:alpha val="40000"/>
                </a:srgbClr>
              </a:glow>
            </a:effectLst>
          </p:spPr>
          <p:txBody>
            <a:bodyPr anchor="ctr" anchorCtr="1"/>
            <a:lstStyle/>
            <a:p>
              <a:pPr algn="ctr" eaLnBrk="0" fontAlgn="auto" hangingPunct="0">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cxnSp>
          <p:nvCxnSpPr>
            <p:cNvPr id="13" name="Straight Connector 12"/>
            <p:cNvCxnSpPr>
              <a:stCxn id="12" idx="3"/>
              <a:endCxn id="12" idx="5"/>
            </p:cNvCxnSpPr>
            <p:nvPr/>
          </p:nvCxnSpPr>
          <p:spPr bwMode="auto">
            <a:xfrm flipH="1">
              <a:off x="5410200" y="2819400"/>
              <a:ext cx="76200" cy="228600"/>
            </a:xfrm>
            <a:prstGeom prst="line">
              <a:avLst/>
            </a:prstGeom>
            <a:gradFill rotWithShape="0">
              <a:gsLst>
                <a:gs pos="0">
                  <a:srgbClr val="003399">
                    <a:gamma/>
                    <a:shade val="15294"/>
                    <a:invGamma/>
                  </a:srgbClr>
                </a:gs>
                <a:gs pos="100000">
                  <a:srgbClr val="003399"/>
                </a:gs>
              </a:gsLst>
              <a:lin ang="5400000" scaled="1"/>
            </a:gradFill>
            <a:ln w="254000" cap="flat" cmpd="sng" algn="ctr">
              <a:solidFill>
                <a:srgbClr val="0066FF"/>
              </a:solidFill>
              <a:prstDash val="solid"/>
              <a:round/>
              <a:headEnd type="none" w="med" len="med"/>
              <a:tailEnd type="none" w="med" len="med"/>
            </a:ln>
            <a:effectLst/>
          </p:spPr>
        </p:cxnSp>
      </p:grpSp>
      <p:grpSp>
        <p:nvGrpSpPr>
          <p:cNvPr id="14" name="Group 14"/>
          <p:cNvGrpSpPr/>
          <p:nvPr/>
        </p:nvGrpSpPr>
        <p:grpSpPr>
          <a:xfrm>
            <a:off x="4572000" y="2469693"/>
            <a:ext cx="1949475" cy="2940507"/>
            <a:chOff x="4495800" y="2622093"/>
            <a:chExt cx="1949475" cy="2940507"/>
          </a:xfrm>
          <a:effectLst/>
        </p:grpSpPr>
        <p:sp>
          <p:nvSpPr>
            <p:cNvPr id="15" name="Freeform 14"/>
            <p:cNvSpPr/>
            <p:nvPr/>
          </p:nvSpPr>
          <p:spPr bwMode="auto">
            <a:xfrm>
              <a:off x="4495800" y="2622093"/>
              <a:ext cx="1685925" cy="2843213"/>
            </a:xfrm>
            <a:custGeom>
              <a:avLst/>
              <a:gdLst>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471488 w 1912144"/>
                <a:gd name="connsiteY41" fmla="*/ 3200400 h 3571875"/>
                <a:gd name="connsiteX42" fmla="*/ 514350 w 1912144"/>
                <a:gd name="connsiteY42" fmla="*/ 3343275 h 3571875"/>
                <a:gd name="connsiteX43" fmla="*/ 557213 w 1912144"/>
                <a:gd name="connsiteY43" fmla="*/ 3443287 h 3571875"/>
                <a:gd name="connsiteX44" fmla="*/ 428625 w 1912144"/>
                <a:gd name="connsiteY44" fmla="*/ 3471862 h 3571875"/>
                <a:gd name="connsiteX45" fmla="*/ 257175 w 1912144"/>
                <a:gd name="connsiteY45" fmla="*/ 3500437 h 3571875"/>
                <a:gd name="connsiteX46" fmla="*/ 85725 w 1912144"/>
                <a:gd name="connsiteY46" fmla="*/ 3500437 h 3571875"/>
                <a:gd name="connsiteX47" fmla="*/ 0 w 1912144"/>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257425 h 3571875"/>
                <a:gd name="connsiteX40" fmla="*/ 285750 w 1685925"/>
                <a:gd name="connsiteY40" fmla="*/ 2814637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571875"/>
                <a:gd name="connsiteX1" fmla="*/ 642938 w 1685925"/>
                <a:gd name="connsiteY1" fmla="*/ 200025 h 3571875"/>
                <a:gd name="connsiteX2" fmla="*/ 685800 w 1685925"/>
                <a:gd name="connsiteY2" fmla="*/ 271462 h 3571875"/>
                <a:gd name="connsiteX3" fmla="*/ 714375 w 1685925"/>
                <a:gd name="connsiteY3" fmla="*/ 342900 h 3571875"/>
                <a:gd name="connsiteX4" fmla="*/ 728663 w 1685925"/>
                <a:gd name="connsiteY4" fmla="*/ 428625 h 3571875"/>
                <a:gd name="connsiteX5" fmla="*/ 771525 w 1685925"/>
                <a:gd name="connsiteY5" fmla="*/ 471487 h 3571875"/>
                <a:gd name="connsiteX6" fmla="*/ 871538 w 1685925"/>
                <a:gd name="connsiteY6" fmla="*/ 557212 h 3571875"/>
                <a:gd name="connsiteX7" fmla="*/ 900113 w 1685925"/>
                <a:gd name="connsiteY7" fmla="*/ 600075 h 3571875"/>
                <a:gd name="connsiteX8" fmla="*/ 957263 w 1685925"/>
                <a:gd name="connsiteY8" fmla="*/ 642937 h 3571875"/>
                <a:gd name="connsiteX9" fmla="*/ 957263 w 1685925"/>
                <a:gd name="connsiteY9" fmla="*/ 685800 h 3571875"/>
                <a:gd name="connsiteX10" fmla="*/ 985838 w 1685925"/>
                <a:gd name="connsiteY10" fmla="*/ 728662 h 3571875"/>
                <a:gd name="connsiteX11" fmla="*/ 957263 w 1685925"/>
                <a:gd name="connsiteY11" fmla="*/ 771525 h 3571875"/>
                <a:gd name="connsiteX12" fmla="*/ 1000125 w 1685925"/>
                <a:gd name="connsiteY12" fmla="*/ 785812 h 3571875"/>
                <a:gd name="connsiteX13" fmla="*/ 1028700 w 1685925"/>
                <a:gd name="connsiteY13" fmla="*/ 828675 h 3571875"/>
                <a:gd name="connsiteX14" fmla="*/ 1028700 w 1685925"/>
                <a:gd name="connsiteY14" fmla="*/ 871537 h 3571875"/>
                <a:gd name="connsiteX15" fmla="*/ 928688 w 1685925"/>
                <a:gd name="connsiteY15" fmla="*/ 885825 h 3571875"/>
                <a:gd name="connsiteX16" fmla="*/ 814388 w 1685925"/>
                <a:gd name="connsiteY16" fmla="*/ 957262 h 3571875"/>
                <a:gd name="connsiteX17" fmla="*/ 785813 w 1685925"/>
                <a:gd name="connsiteY17" fmla="*/ 1028700 h 3571875"/>
                <a:gd name="connsiteX18" fmla="*/ 742950 w 1685925"/>
                <a:gd name="connsiteY18" fmla="*/ 1057275 h 3571875"/>
                <a:gd name="connsiteX19" fmla="*/ 757238 w 1685925"/>
                <a:gd name="connsiteY19" fmla="*/ 1128712 h 3571875"/>
                <a:gd name="connsiteX20" fmla="*/ 685800 w 1685925"/>
                <a:gd name="connsiteY20" fmla="*/ 1157287 h 3571875"/>
                <a:gd name="connsiteX21" fmla="*/ 685800 w 1685925"/>
                <a:gd name="connsiteY21" fmla="*/ 1257300 h 3571875"/>
                <a:gd name="connsiteX22" fmla="*/ 785813 w 1685925"/>
                <a:gd name="connsiteY22" fmla="*/ 1314450 h 3571875"/>
                <a:gd name="connsiteX23" fmla="*/ 800100 w 1685925"/>
                <a:gd name="connsiteY23" fmla="*/ 1385887 h 3571875"/>
                <a:gd name="connsiteX24" fmla="*/ 771525 w 1685925"/>
                <a:gd name="connsiteY24" fmla="*/ 1485900 h 3571875"/>
                <a:gd name="connsiteX25" fmla="*/ 800100 w 1685925"/>
                <a:gd name="connsiteY25" fmla="*/ 1600200 h 3571875"/>
                <a:gd name="connsiteX26" fmla="*/ 871538 w 1685925"/>
                <a:gd name="connsiteY26" fmla="*/ 1657350 h 3571875"/>
                <a:gd name="connsiteX27" fmla="*/ 928688 w 1685925"/>
                <a:gd name="connsiteY27" fmla="*/ 1785937 h 3571875"/>
                <a:gd name="connsiteX28" fmla="*/ 900113 w 1685925"/>
                <a:gd name="connsiteY28" fmla="*/ 1814512 h 3571875"/>
                <a:gd name="connsiteX29" fmla="*/ 1014413 w 1685925"/>
                <a:gd name="connsiteY29" fmla="*/ 1843087 h 3571875"/>
                <a:gd name="connsiteX30" fmla="*/ 1085850 w 1685925"/>
                <a:gd name="connsiteY30" fmla="*/ 1885950 h 3571875"/>
                <a:gd name="connsiteX31" fmla="*/ 1085850 w 1685925"/>
                <a:gd name="connsiteY31" fmla="*/ 1943100 h 3571875"/>
                <a:gd name="connsiteX32" fmla="*/ 1157288 w 1685925"/>
                <a:gd name="connsiteY32" fmla="*/ 2014537 h 3571875"/>
                <a:gd name="connsiteX33" fmla="*/ 1243013 w 1685925"/>
                <a:gd name="connsiteY33" fmla="*/ 2028825 h 3571875"/>
                <a:gd name="connsiteX34" fmla="*/ 1343025 w 1685925"/>
                <a:gd name="connsiteY34" fmla="*/ 2085975 h 3571875"/>
                <a:gd name="connsiteX35" fmla="*/ 1471613 w 1685925"/>
                <a:gd name="connsiteY35" fmla="*/ 2100262 h 3571875"/>
                <a:gd name="connsiteX36" fmla="*/ 1571625 w 1685925"/>
                <a:gd name="connsiteY36" fmla="*/ 2157412 h 3571875"/>
                <a:gd name="connsiteX37" fmla="*/ 1643063 w 1685925"/>
                <a:gd name="connsiteY37" fmla="*/ 2228850 h 3571875"/>
                <a:gd name="connsiteX38" fmla="*/ 1685925 w 1685925"/>
                <a:gd name="connsiteY38" fmla="*/ 2257425 h 3571875"/>
                <a:gd name="connsiteX39" fmla="*/ 285750 w 1685925"/>
                <a:gd name="connsiteY39" fmla="*/ 2814637 h 3571875"/>
                <a:gd name="connsiteX40" fmla="*/ 471488 w 1685925"/>
                <a:gd name="connsiteY40" fmla="*/ 3200400 h 3571875"/>
                <a:gd name="connsiteX41" fmla="*/ 514350 w 1685925"/>
                <a:gd name="connsiteY41" fmla="*/ 3343275 h 3571875"/>
                <a:gd name="connsiteX42" fmla="*/ 557213 w 1685925"/>
                <a:gd name="connsiteY42" fmla="*/ 3443287 h 3571875"/>
                <a:gd name="connsiteX43" fmla="*/ 428625 w 1685925"/>
                <a:gd name="connsiteY43" fmla="*/ 3471862 h 3571875"/>
                <a:gd name="connsiteX44" fmla="*/ 257175 w 1685925"/>
                <a:gd name="connsiteY44" fmla="*/ 3500437 h 3571875"/>
                <a:gd name="connsiteX45" fmla="*/ 85725 w 1685925"/>
                <a:gd name="connsiteY45" fmla="*/ 3500437 h 3571875"/>
                <a:gd name="connsiteX46" fmla="*/ 0 w 1685925"/>
                <a:gd name="connsiteY46" fmla="*/ 3571875 h 3571875"/>
                <a:gd name="connsiteX0" fmla="*/ 571500 w 1685925"/>
                <a:gd name="connsiteY0" fmla="*/ 0 h 3571875"/>
                <a:gd name="connsiteX1" fmla="*/ 642938 w 1685925"/>
                <a:gd name="connsiteY1" fmla="*/ 200025 h 3571875"/>
                <a:gd name="connsiteX2" fmla="*/ 714375 w 1685925"/>
                <a:gd name="connsiteY2" fmla="*/ 342900 h 3571875"/>
                <a:gd name="connsiteX3" fmla="*/ 728663 w 1685925"/>
                <a:gd name="connsiteY3" fmla="*/ 428625 h 3571875"/>
                <a:gd name="connsiteX4" fmla="*/ 771525 w 1685925"/>
                <a:gd name="connsiteY4" fmla="*/ 471487 h 3571875"/>
                <a:gd name="connsiteX5" fmla="*/ 871538 w 1685925"/>
                <a:gd name="connsiteY5" fmla="*/ 557212 h 3571875"/>
                <a:gd name="connsiteX6" fmla="*/ 900113 w 1685925"/>
                <a:gd name="connsiteY6" fmla="*/ 600075 h 3571875"/>
                <a:gd name="connsiteX7" fmla="*/ 957263 w 1685925"/>
                <a:gd name="connsiteY7" fmla="*/ 642937 h 3571875"/>
                <a:gd name="connsiteX8" fmla="*/ 957263 w 1685925"/>
                <a:gd name="connsiteY8" fmla="*/ 685800 h 3571875"/>
                <a:gd name="connsiteX9" fmla="*/ 985838 w 1685925"/>
                <a:gd name="connsiteY9" fmla="*/ 728662 h 3571875"/>
                <a:gd name="connsiteX10" fmla="*/ 957263 w 1685925"/>
                <a:gd name="connsiteY10" fmla="*/ 771525 h 3571875"/>
                <a:gd name="connsiteX11" fmla="*/ 1000125 w 1685925"/>
                <a:gd name="connsiteY11" fmla="*/ 785812 h 3571875"/>
                <a:gd name="connsiteX12" fmla="*/ 1028700 w 1685925"/>
                <a:gd name="connsiteY12" fmla="*/ 828675 h 3571875"/>
                <a:gd name="connsiteX13" fmla="*/ 1028700 w 1685925"/>
                <a:gd name="connsiteY13" fmla="*/ 871537 h 3571875"/>
                <a:gd name="connsiteX14" fmla="*/ 928688 w 1685925"/>
                <a:gd name="connsiteY14" fmla="*/ 885825 h 3571875"/>
                <a:gd name="connsiteX15" fmla="*/ 814388 w 1685925"/>
                <a:gd name="connsiteY15" fmla="*/ 957262 h 3571875"/>
                <a:gd name="connsiteX16" fmla="*/ 785813 w 1685925"/>
                <a:gd name="connsiteY16" fmla="*/ 1028700 h 3571875"/>
                <a:gd name="connsiteX17" fmla="*/ 742950 w 1685925"/>
                <a:gd name="connsiteY17" fmla="*/ 1057275 h 3571875"/>
                <a:gd name="connsiteX18" fmla="*/ 757238 w 1685925"/>
                <a:gd name="connsiteY18" fmla="*/ 1128712 h 3571875"/>
                <a:gd name="connsiteX19" fmla="*/ 685800 w 1685925"/>
                <a:gd name="connsiteY19" fmla="*/ 1157287 h 3571875"/>
                <a:gd name="connsiteX20" fmla="*/ 685800 w 1685925"/>
                <a:gd name="connsiteY20" fmla="*/ 1257300 h 3571875"/>
                <a:gd name="connsiteX21" fmla="*/ 785813 w 1685925"/>
                <a:gd name="connsiteY21" fmla="*/ 1314450 h 3571875"/>
                <a:gd name="connsiteX22" fmla="*/ 800100 w 1685925"/>
                <a:gd name="connsiteY22" fmla="*/ 1385887 h 3571875"/>
                <a:gd name="connsiteX23" fmla="*/ 771525 w 1685925"/>
                <a:gd name="connsiteY23" fmla="*/ 1485900 h 3571875"/>
                <a:gd name="connsiteX24" fmla="*/ 800100 w 1685925"/>
                <a:gd name="connsiteY24" fmla="*/ 1600200 h 3571875"/>
                <a:gd name="connsiteX25" fmla="*/ 871538 w 1685925"/>
                <a:gd name="connsiteY25" fmla="*/ 1657350 h 3571875"/>
                <a:gd name="connsiteX26" fmla="*/ 928688 w 1685925"/>
                <a:gd name="connsiteY26" fmla="*/ 1785937 h 3571875"/>
                <a:gd name="connsiteX27" fmla="*/ 900113 w 1685925"/>
                <a:gd name="connsiteY27" fmla="*/ 1814512 h 3571875"/>
                <a:gd name="connsiteX28" fmla="*/ 1014413 w 1685925"/>
                <a:gd name="connsiteY28" fmla="*/ 1843087 h 3571875"/>
                <a:gd name="connsiteX29" fmla="*/ 1085850 w 1685925"/>
                <a:gd name="connsiteY29" fmla="*/ 1885950 h 3571875"/>
                <a:gd name="connsiteX30" fmla="*/ 1085850 w 1685925"/>
                <a:gd name="connsiteY30" fmla="*/ 1943100 h 3571875"/>
                <a:gd name="connsiteX31" fmla="*/ 1157288 w 1685925"/>
                <a:gd name="connsiteY31" fmla="*/ 2014537 h 3571875"/>
                <a:gd name="connsiteX32" fmla="*/ 1243013 w 1685925"/>
                <a:gd name="connsiteY32" fmla="*/ 2028825 h 3571875"/>
                <a:gd name="connsiteX33" fmla="*/ 1343025 w 1685925"/>
                <a:gd name="connsiteY33" fmla="*/ 2085975 h 3571875"/>
                <a:gd name="connsiteX34" fmla="*/ 1471613 w 1685925"/>
                <a:gd name="connsiteY34" fmla="*/ 2100262 h 3571875"/>
                <a:gd name="connsiteX35" fmla="*/ 1571625 w 1685925"/>
                <a:gd name="connsiteY35" fmla="*/ 2157412 h 3571875"/>
                <a:gd name="connsiteX36" fmla="*/ 1643063 w 1685925"/>
                <a:gd name="connsiteY36" fmla="*/ 2228850 h 3571875"/>
                <a:gd name="connsiteX37" fmla="*/ 1685925 w 1685925"/>
                <a:gd name="connsiteY37" fmla="*/ 2257425 h 3571875"/>
                <a:gd name="connsiteX38" fmla="*/ 285750 w 1685925"/>
                <a:gd name="connsiteY38" fmla="*/ 2814637 h 3571875"/>
                <a:gd name="connsiteX39" fmla="*/ 471488 w 1685925"/>
                <a:gd name="connsiteY39" fmla="*/ 3200400 h 3571875"/>
                <a:gd name="connsiteX40" fmla="*/ 514350 w 1685925"/>
                <a:gd name="connsiteY40" fmla="*/ 3343275 h 3571875"/>
                <a:gd name="connsiteX41" fmla="*/ 557213 w 1685925"/>
                <a:gd name="connsiteY41" fmla="*/ 3443287 h 3571875"/>
                <a:gd name="connsiteX42" fmla="*/ 428625 w 1685925"/>
                <a:gd name="connsiteY42" fmla="*/ 3471862 h 3571875"/>
                <a:gd name="connsiteX43" fmla="*/ 257175 w 1685925"/>
                <a:gd name="connsiteY43" fmla="*/ 3500437 h 3571875"/>
                <a:gd name="connsiteX44" fmla="*/ 85725 w 1685925"/>
                <a:gd name="connsiteY44" fmla="*/ 3500437 h 3571875"/>
                <a:gd name="connsiteX45" fmla="*/ 0 w 1685925"/>
                <a:gd name="connsiteY45" fmla="*/ 3571875 h 3571875"/>
                <a:gd name="connsiteX0" fmla="*/ 571500 w 1685925"/>
                <a:gd name="connsiteY0" fmla="*/ 0 h 3571875"/>
                <a:gd name="connsiteX1" fmla="*/ 714375 w 1685925"/>
                <a:gd name="connsiteY1" fmla="*/ 342900 h 3571875"/>
                <a:gd name="connsiteX2" fmla="*/ 728663 w 1685925"/>
                <a:gd name="connsiteY2" fmla="*/ 428625 h 3571875"/>
                <a:gd name="connsiteX3" fmla="*/ 771525 w 1685925"/>
                <a:gd name="connsiteY3" fmla="*/ 471487 h 3571875"/>
                <a:gd name="connsiteX4" fmla="*/ 871538 w 1685925"/>
                <a:gd name="connsiteY4" fmla="*/ 557212 h 3571875"/>
                <a:gd name="connsiteX5" fmla="*/ 900113 w 1685925"/>
                <a:gd name="connsiteY5" fmla="*/ 600075 h 3571875"/>
                <a:gd name="connsiteX6" fmla="*/ 957263 w 1685925"/>
                <a:gd name="connsiteY6" fmla="*/ 642937 h 3571875"/>
                <a:gd name="connsiteX7" fmla="*/ 957263 w 1685925"/>
                <a:gd name="connsiteY7" fmla="*/ 685800 h 3571875"/>
                <a:gd name="connsiteX8" fmla="*/ 985838 w 1685925"/>
                <a:gd name="connsiteY8" fmla="*/ 728662 h 3571875"/>
                <a:gd name="connsiteX9" fmla="*/ 957263 w 1685925"/>
                <a:gd name="connsiteY9" fmla="*/ 771525 h 3571875"/>
                <a:gd name="connsiteX10" fmla="*/ 1000125 w 1685925"/>
                <a:gd name="connsiteY10" fmla="*/ 785812 h 3571875"/>
                <a:gd name="connsiteX11" fmla="*/ 1028700 w 1685925"/>
                <a:gd name="connsiteY11" fmla="*/ 828675 h 3571875"/>
                <a:gd name="connsiteX12" fmla="*/ 1028700 w 1685925"/>
                <a:gd name="connsiteY12" fmla="*/ 871537 h 3571875"/>
                <a:gd name="connsiteX13" fmla="*/ 928688 w 1685925"/>
                <a:gd name="connsiteY13" fmla="*/ 885825 h 3571875"/>
                <a:gd name="connsiteX14" fmla="*/ 814388 w 1685925"/>
                <a:gd name="connsiteY14" fmla="*/ 957262 h 3571875"/>
                <a:gd name="connsiteX15" fmla="*/ 785813 w 1685925"/>
                <a:gd name="connsiteY15" fmla="*/ 1028700 h 3571875"/>
                <a:gd name="connsiteX16" fmla="*/ 742950 w 1685925"/>
                <a:gd name="connsiteY16" fmla="*/ 1057275 h 3571875"/>
                <a:gd name="connsiteX17" fmla="*/ 757238 w 1685925"/>
                <a:gd name="connsiteY17" fmla="*/ 1128712 h 3571875"/>
                <a:gd name="connsiteX18" fmla="*/ 685800 w 1685925"/>
                <a:gd name="connsiteY18" fmla="*/ 1157287 h 3571875"/>
                <a:gd name="connsiteX19" fmla="*/ 685800 w 1685925"/>
                <a:gd name="connsiteY19" fmla="*/ 1257300 h 3571875"/>
                <a:gd name="connsiteX20" fmla="*/ 785813 w 1685925"/>
                <a:gd name="connsiteY20" fmla="*/ 1314450 h 3571875"/>
                <a:gd name="connsiteX21" fmla="*/ 800100 w 1685925"/>
                <a:gd name="connsiteY21" fmla="*/ 1385887 h 3571875"/>
                <a:gd name="connsiteX22" fmla="*/ 771525 w 1685925"/>
                <a:gd name="connsiteY22" fmla="*/ 1485900 h 3571875"/>
                <a:gd name="connsiteX23" fmla="*/ 800100 w 1685925"/>
                <a:gd name="connsiteY23" fmla="*/ 1600200 h 3571875"/>
                <a:gd name="connsiteX24" fmla="*/ 871538 w 1685925"/>
                <a:gd name="connsiteY24" fmla="*/ 1657350 h 3571875"/>
                <a:gd name="connsiteX25" fmla="*/ 928688 w 1685925"/>
                <a:gd name="connsiteY25" fmla="*/ 1785937 h 3571875"/>
                <a:gd name="connsiteX26" fmla="*/ 900113 w 1685925"/>
                <a:gd name="connsiteY26" fmla="*/ 1814512 h 3571875"/>
                <a:gd name="connsiteX27" fmla="*/ 1014413 w 1685925"/>
                <a:gd name="connsiteY27" fmla="*/ 1843087 h 3571875"/>
                <a:gd name="connsiteX28" fmla="*/ 1085850 w 1685925"/>
                <a:gd name="connsiteY28" fmla="*/ 1885950 h 3571875"/>
                <a:gd name="connsiteX29" fmla="*/ 1085850 w 1685925"/>
                <a:gd name="connsiteY29" fmla="*/ 1943100 h 3571875"/>
                <a:gd name="connsiteX30" fmla="*/ 1157288 w 1685925"/>
                <a:gd name="connsiteY30" fmla="*/ 2014537 h 3571875"/>
                <a:gd name="connsiteX31" fmla="*/ 1243013 w 1685925"/>
                <a:gd name="connsiteY31" fmla="*/ 2028825 h 3571875"/>
                <a:gd name="connsiteX32" fmla="*/ 1343025 w 1685925"/>
                <a:gd name="connsiteY32" fmla="*/ 2085975 h 3571875"/>
                <a:gd name="connsiteX33" fmla="*/ 1471613 w 1685925"/>
                <a:gd name="connsiteY33" fmla="*/ 2100262 h 3571875"/>
                <a:gd name="connsiteX34" fmla="*/ 1571625 w 1685925"/>
                <a:gd name="connsiteY34" fmla="*/ 2157412 h 3571875"/>
                <a:gd name="connsiteX35" fmla="*/ 1643063 w 1685925"/>
                <a:gd name="connsiteY35" fmla="*/ 2228850 h 3571875"/>
                <a:gd name="connsiteX36" fmla="*/ 1685925 w 1685925"/>
                <a:gd name="connsiteY36" fmla="*/ 2257425 h 3571875"/>
                <a:gd name="connsiteX37" fmla="*/ 285750 w 1685925"/>
                <a:gd name="connsiteY37" fmla="*/ 2814637 h 3571875"/>
                <a:gd name="connsiteX38" fmla="*/ 471488 w 1685925"/>
                <a:gd name="connsiteY38" fmla="*/ 3200400 h 3571875"/>
                <a:gd name="connsiteX39" fmla="*/ 514350 w 1685925"/>
                <a:gd name="connsiteY39" fmla="*/ 3343275 h 3571875"/>
                <a:gd name="connsiteX40" fmla="*/ 557213 w 1685925"/>
                <a:gd name="connsiteY40" fmla="*/ 3443287 h 3571875"/>
                <a:gd name="connsiteX41" fmla="*/ 428625 w 1685925"/>
                <a:gd name="connsiteY41" fmla="*/ 3471862 h 3571875"/>
                <a:gd name="connsiteX42" fmla="*/ 257175 w 1685925"/>
                <a:gd name="connsiteY42" fmla="*/ 3500437 h 3571875"/>
                <a:gd name="connsiteX43" fmla="*/ 85725 w 1685925"/>
                <a:gd name="connsiteY43" fmla="*/ 3500437 h 3571875"/>
                <a:gd name="connsiteX44" fmla="*/ 0 w 1685925"/>
                <a:gd name="connsiteY44" fmla="*/ 3571875 h 3571875"/>
                <a:gd name="connsiteX0" fmla="*/ 714375 w 1685925"/>
                <a:gd name="connsiteY0" fmla="*/ 0 h 3228975"/>
                <a:gd name="connsiteX1" fmla="*/ 728663 w 1685925"/>
                <a:gd name="connsiteY1" fmla="*/ 85725 h 3228975"/>
                <a:gd name="connsiteX2" fmla="*/ 771525 w 1685925"/>
                <a:gd name="connsiteY2" fmla="*/ 128587 h 3228975"/>
                <a:gd name="connsiteX3" fmla="*/ 871538 w 1685925"/>
                <a:gd name="connsiteY3" fmla="*/ 214312 h 3228975"/>
                <a:gd name="connsiteX4" fmla="*/ 900113 w 1685925"/>
                <a:gd name="connsiteY4" fmla="*/ 257175 h 3228975"/>
                <a:gd name="connsiteX5" fmla="*/ 957263 w 1685925"/>
                <a:gd name="connsiteY5" fmla="*/ 300037 h 3228975"/>
                <a:gd name="connsiteX6" fmla="*/ 957263 w 1685925"/>
                <a:gd name="connsiteY6" fmla="*/ 342900 h 3228975"/>
                <a:gd name="connsiteX7" fmla="*/ 985838 w 1685925"/>
                <a:gd name="connsiteY7" fmla="*/ 385762 h 3228975"/>
                <a:gd name="connsiteX8" fmla="*/ 957263 w 1685925"/>
                <a:gd name="connsiteY8" fmla="*/ 428625 h 3228975"/>
                <a:gd name="connsiteX9" fmla="*/ 1000125 w 1685925"/>
                <a:gd name="connsiteY9" fmla="*/ 442912 h 3228975"/>
                <a:gd name="connsiteX10" fmla="*/ 1028700 w 1685925"/>
                <a:gd name="connsiteY10" fmla="*/ 485775 h 3228975"/>
                <a:gd name="connsiteX11" fmla="*/ 1028700 w 1685925"/>
                <a:gd name="connsiteY11" fmla="*/ 528637 h 3228975"/>
                <a:gd name="connsiteX12" fmla="*/ 928688 w 1685925"/>
                <a:gd name="connsiteY12" fmla="*/ 542925 h 3228975"/>
                <a:gd name="connsiteX13" fmla="*/ 814388 w 1685925"/>
                <a:gd name="connsiteY13" fmla="*/ 614362 h 3228975"/>
                <a:gd name="connsiteX14" fmla="*/ 785813 w 1685925"/>
                <a:gd name="connsiteY14" fmla="*/ 685800 h 3228975"/>
                <a:gd name="connsiteX15" fmla="*/ 742950 w 1685925"/>
                <a:gd name="connsiteY15" fmla="*/ 714375 h 3228975"/>
                <a:gd name="connsiteX16" fmla="*/ 757238 w 1685925"/>
                <a:gd name="connsiteY16" fmla="*/ 785812 h 3228975"/>
                <a:gd name="connsiteX17" fmla="*/ 685800 w 1685925"/>
                <a:gd name="connsiteY17" fmla="*/ 814387 h 3228975"/>
                <a:gd name="connsiteX18" fmla="*/ 685800 w 1685925"/>
                <a:gd name="connsiteY18" fmla="*/ 914400 h 3228975"/>
                <a:gd name="connsiteX19" fmla="*/ 785813 w 1685925"/>
                <a:gd name="connsiteY19" fmla="*/ 971550 h 3228975"/>
                <a:gd name="connsiteX20" fmla="*/ 800100 w 1685925"/>
                <a:gd name="connsiteY20" fmla="*/ 1042987 h 3228975"/>
                <a:gd name="connsiteX21" fmla="*/ 771525 w 1685925"/>
                <a:gd name="connsiteY21" fmla="*/ 1143000 h 3228975"/>
                <a:gd name="connsiteX22" fmla="*/ 800100 w 1685925"/>
                <a:gd name="connsiteY22" fmla="*/ 1257300 h 3228975"/>
                <a:gd name="connsiteX23" fmla="*/ 871538 w 1685925"/>
                <a:gd name="connsiteY23" fmla="*/ 1314450 h 3228975"/>
                <a:gd name="connsiteX24" fmla="*/ 928688 w 1685925"/>
                <a:gd name="connsiteY24" fmla="*/ 1443037 h 3228975"/>
                <a:gd name="connsiteX25" fmla="*/ 900113 w 1685925"/>
                <a:gd name="connsiteY25" fmla="*/ 1471612 h 3228975"/>
                <a:gd name="connsiteX26" fmla="*/ 1014413 w 1685925"/>
                <a:gd name="connsiteY26" fmla="*/ 1500187 h 3228975"/>
                <a:gd name="connsiteX27" fmla="*/ 1085850 w 1685925"/>
                <a:gd name="connsiteY27" fmla="*/ 1543050 h 3228975"/>
                <a:gd name="connsiteX28" fmla="*/ 1085850 w 1685925"/>
                <a:gd name="connsiteY28" fmla="*/ 1600200 h 3228975"/>
                <a:gd name="connsiteX29" fmla="*/ 1157288 w 1685925"/>
                <a:gd name="connsiteY29" fmla="*/ 1671637 h 3228975"/>
                <a:gd name="connsiteX30" fmla="*/ 1243013 w 1685925"/>
                <a:gd name="connsiteY30" fmla="*/ 1685925 h 3228975"/>
                <a:gd name="connsiteX31" fmla="*/ 1343025 w 1685925"/>
                <a:gd name="connsiteY31" fmla="*/ 1743075 h 3228975"/>
                <a:gd name="connsiteX32" fmla="*/ 1471613 w 1685925"/>
                <a:gd name="connsiteY32" fmla="*/ 1757362 h 3228975"/>
                <a:gd name="connsiteX33" fmla="*/ 1571625 w 1685925"/>
                <a:gd name="connsiteY33" fmla="*/ 1814512 h 3228975"/>
                <a:gd name="connsiteX34" fmla="*/ 1643063 w 1685925"/>
                <a:gd name="connsiteY34" fmla="*/ 1885950 h 3228975"/>
                <a:gd name="connsiteX35" fmla="*/ 1685925 w 1685925"/>
                <a:gd name="connsiteY35" fmla="*/ 1914525 h 3228975"/>
                <a:gd name="connsiteX36" fmla="*/ 285750 w 1685925"/>
                <a:gd name="connsiteY36" fmla="*/ 2471737 h 3228975"/>
                <a:gd name="connsiteX37" fmla="*/ 471488 w 1685925"/>
                <a:gd name="connsiteY37" fmla="*/ 2857500 h 3228975"/>
                <a:gd name="connsiteX38" fmla="*/ 514350 w 1685925"/>
                <a:gd name="connsiteY38" fmla="*/ 3000375 h 3228975"/>
                <a:gd name="connsiteX39" fmla="*/ 557213 w 1685925"/>
                <a:gd name="connsiteY39" fmla="*/ 3100387 h 3228975"/>
                <a:gd name="connsiteX40" fmla="*/ 428625 w 1685925"/>
                <a:gd name="connsiteY40" fmla="*/ 3128962 h 3228975"/>
                <a:gd name="connsiteX41" fmla="*/ 257175 w 1685925"/>
                <a:gd name="connsiteY41" fmla="*/ 3157537 h 3228975"/>
                <a:gd name="connsiteX42" fmla="*/ 85725 w 1685925"/>
                <a:gd name="connsiteY42" fmla="*/ 3157537 h 3228975"/>
                <a:gd name="connsiteX43" fmla="*/ 0 w 1685925"/>
                <a:gd name="connsiteY43" fmla="*/ 3228975 h 3228975"/>
                <a:gd name="connsiteX0" fmla="*/ 728663 w 1685925"/>
                <a:gd name="connsiteY0" fmla="*/ 0 h 3143250"/>
                <a:gd name="connsiteX1" fmla="*/ 771525 w 1685925"/>
                <a:gd name="connsiteY1" fmla="*/ 42862 h 3143250"/>
                <a:gd name="connsiteX2" fmla="*/ 871538 w 1685925"/>
                <a:gd name="connsiteY2" fmla="*/ 128587 h 3143250"/>
                <a:gd name="connsiteX3" fmla="*/ 900113 w 1685925"/>
                <a:gd name="connsiteY3" fmla="*/ 171450 h 3143250"/>
                <a:gd name="connsiteX4" fmla="*/ 957263 w 1685925"/>
                <a:gd name="connsiteY4" fmla="*/ 214312 h 3143250"/>
                <a:gd name="connsiteX5" fmla="*/ 957263 w 1685925"/>
                <a:gd name="connsiteY5" fmla="*/ 257175 h 3143250"/>
                <a:gd name="connsiteX6" fmla="*/ 985838 w 1685925"/>
                <a:gd name="connsiteY6" fmla="*/ 300037 h 3143250"/>
                <a:gd name="connsiteX7" fmla="*/ 957263 w 1685925"/>
                <a:gd name="connsiteY7" fmla="*/ 342900 h 3143250"/>
                <a:gd name="connsiteX8" fmla="*/ 1000125 w 1685925"/>
                <a:gd name="connsiteY8" fmla="*/ 357187 h 3143250"/>
                <a:gd name="connsiteX9" fmla="*/ 1028700 w 1685925"/>
                <a:gd name="connsiteY9" fmla="*/ 400050 h 3143250"/>
                <a:gd name="connsiteX10" fmla="*/ 1028700 w 1685925"/>
                <a:gd name="connsiteY10" fmla="*/ 442912 h 3143250"/>
                <a:gd name="connsiteX11" fmla="*/ 928688 w 1685925"/>
                <a:gd name="connsiteY11" fmla="*/ 457200 h 3143250"/>
                <a:gd name="connsiteX12" fmla="*/ 814388 w 1685925"/>
                <a:gd name="connsiteY12" fmla="*/ 528637 h 3143250"/>
                <a:gd name="connsiteX13" fmla="*/ 785813 w 1685925"/>
                <a:gd name="connsiteY13" fmla="*/ 600075 h 3143250"/>
                <a:gd name="connsiteX14" fmla="*/ 742950 w 1685925"/>
                <a:gd name="connsiteY14" fmla="*/ 628650 h 3143250"/>
                <a:gd name="connsiteX15" fmla="*/ 757238 w 1685925"/>
                <a:gd name="connsiteY15" fmla="*/ 700087 h 3143250"/>
                <a:gd name="connsiteX16" fmla="*/ 685800 w 1685925"/>
                <a:gd name="connsiteY16" fmla="*/ 728662 h 3143250"/>
                <a:gd name="connsiteX17" fmla="*/ 685800 w 1685925"/>
                <a:gd name="connsiteY17" fmla="*/ 828675 h 3143250"/>
                <a:gd name="connsiteX18" fmla="*/ 785813 w 1685925"/>
                <a:gd name="connsiteY18" fmla="*/ 885825 h 3143250"/>
                <a:gd name="connsiteX19" fmla="*/ 800100 w 1685925"/>
                <a:gd name="connsiteY19" fmla="*/ 957262 h 3143250"/>
                <a:gd name="connsiteX20" fmla="*/ 771525 w 1685925"/>
                <a:gd name="connsiteY20" fmla="*/ 1057275 h 3143250"/>
                <a:gd name="connsiteX21" fmla="*/ 800100 w 1685925"/>
                <a:gd name="connsiteY21" fmla="*/ 1171575 h 3143250"/>
                <a:gd name="connsiteX22" fmla="*/ 871538 w 1685925"/>
                <a:gd name="connsiteY22" fmla="*/ 1228725 h 3143250"/>
                <a:gd name="connsiteX23" fmla="*/ 928688 w 1685925"/>
                <a:gd name="connsiteY23" fmla="*/ 1357312 h 3143250"/>
                <a:gd name="connsiteX24" fmla="*/ 900113 w 1685925"/>
                <a:gd name="connsiteY24" fmla="*/ 1385887 h 3143250"/>
                <a:gd name="connsiteX25" fmla="*/ 1014413 w 1685925"/>
                <a:gd name="connsiteY25" fmla="*/ 1414462 h 3143250"/>
                <a:gd name="connsiteX26" fmla="*/ 1085850 w 1685925"/>
                <a:gd name="connsiteY26" fmla="*/ 1457325 h 3143250"/>
                <a:gd name="connsiteX27" fmla="*/ 1085850 w 1685925"/>
                <a:gd name="connsiteY27" fmla="*/ 1514475 h 3143250"/>
                <a:gd name="connsiteX28" fmla="*/ 1157288 w 1685925"/>
                <a:gd name="connsiteY28" fmla="*/ 1585912 h 3143250"/>
                <a:gd name="connsiteX29" fmla="*/ 1243013 w 1685925"/>
                <a:gd name="connsiteY29" fmla="*/ 1600200 h 3143250"/>
                <a:gd name="connsiteX30" fmla="*/ 1343025 w 1685925"/>
                <a:gd name="connsiteY30" fmla="*/ 1657350 h 3143250"/>
                <a:gd name="connsiteX31" fmla="*/ 1471613 w 1685925"/>
                <a:gd name="connsiteY31" fmla="*/ 1671637 h 3143250"/>
                <a:gd name="connsiteX32" fmla="*/ 1571625 w 1685925"/>
                <a:gd name="connsiteY32" fmla="*/ 1728787 h 3143250"/>
                <a:gd name="connsiteX33" fmla="*/ 1643063 w 1685925"/>
                <a:gd name="connsiteY33" fmla="*/ 1800225 h 3143250"/>
                <a:gd name="connsiteX34" fmla="*/ 1685925 w 1685925"/>
                <a:gd name="connsiteY34" fmla="*/ 1828800 h 3143250"/>
                <a:gd name="connsiteX35" fmla="*/ 285750 w 1685925"/>
                <a:gd name="connsiteY35" fmla="*/ 2386012 h 3143250"/>
                <a:gd name="connsiteX36" fmla="*/ 471488 w 1685925"/>
                <a:gd name="connsiteY36" fmla="*/ 2771775 h 3143250"/>
                <a:gd name="connsiteX37" fmla="*/ 514350 w 1685925"/>
                <a:gd name="connsiteY37" fmla="*/ 2914650 h 3143250"/>
                <a:gd name="connsiteX38" fmla="*/ 557213 w 1685925"/>
                <a:gd name="connsiteY38" fmla="*/ 3014662 h 3143250"/>
                <a:gd name="connsiteX39" fmla="*/ 428625 w 1685925"/>
                <a:gd name="connsiteY39" fmla="*/ 3043237 h 3143250"/>
                <a:gd name="connsiteX40" fmla="*/ 257175 w 1685925"/>
                <a:gd name="connsiteY40" fmla="*/ 3071812 h 3143250"/>
                <a:gd name="connsiteX41" fmla="*/ 85725 w 1685925"/>
                <a:gd name="connsiteY41" fmla="*/ 3071812 h 3143250"/>
                <a:gd name="connsiteX42" fmla="*/ 0 w 1685925"/>
                <a:gd name="connsiteY42" fmla="*/ 3143250 h 3143250"/>
                <a:gd name="connsiteX0" fmla="*/ 728663 w 1685925"/>
                <a:gd name="connsiteY0" fmla="*/ 0 h 3143250"/>
                <a:gd name="connsiteX1" fmla="*/ 871538 w 1685925"/>
                <a:gd name="connsiteY1" fmla="*/ 128587 h 3143250"/>
                <a:gd name="connsiteX2" fmla="*/ 900113 w 1685925"/>
                <a:gd name="connsiteY2" fmla="*/ 171450 h 3143250"/>
                <a:gd name="connsiteX3" fmla="*/ 957263 w 1685925"/>
                <a:gd name="connsiteY3" fmla="*/ 214312 h 3143250"/>
                <a:gd name="connsiteX4" fmla="*/ 957263 w 1685925"/>
                <a:gd name="connsiteY4" fmla="*/ 257175 h 3143250"/>
                <a:gd name="connsiteX5" fmla="*/ 985838 w 1685925"/>
                <a:gd name="connsiteY5" fmla="*/ 300037 h 3143250"/>
                <a:gd name="connsiteX6" fmla="*/ 957263 w 1685925"/>
                <a:gd name="connsiteY6" fmla="*/ 342900 h 3143250"/>
                <a:gd name="connsiteX7" fmla="*/ 1000125 w 1685925"/>
                <a:gd name="connsiteY7" fmla="*/ 357187 h 3143250"/>
                <a:gd name="connsiteX8" fmla="*/ 1028700 w 1685925"/>
                <a:gd name="connsiteY8" fmla="*/ 400050 h 3143250"/>
                <a:gd name="connsiteX9" fmla="*/ 1028700 w 1685925"/>
                <a:gd name="connsiteY9" fmla="*/ 442912 h 3143250"/>
                <a:gd name="connsiteX10" fmla="*/ 928688 w 1685925"/>
                <a:gd name="connsiteY10" fmla="*/ 457200 h 3143250"/>
                <a:gd name="connsiteX11" fmla="*/ 814388 w 1685925"/>
                <a:gd name="connsiteY11" fmla="*/ 528637 h 3143250"/>
                <a:gd name="connsiteX12" fmla="*/ 785813 w 1685925"/>
                <a:gd name="connsiteY12" fmla="*/ 600075 h 3143250"/>
                <a:gd name="connsiteX13" fmla="*/ 742950 w 1685925"/>
                <a:gd name="connsiteY13" fmla="*/ 628650 h 3143250"/>
                <a:gd name="connsiteX14" fmla="*/ 757238 w 1685925"/>
                <a:gd name="connsiteY14" fmla="*/ 700087 h 3143250"/>
                <a:gd name="connsiteX15" fmla="*/ 685800 w 1685925"/>
                <a:gd name="connsiteY15" fmla="*/ 728662 h 3143250"/>
                <a:gd name="connsiteX16" fmla="*/ 685800 w 1685925"/>
                <a:gd name="connsiteY16" fmla="*/ 828675 h 3143250"/>
                <a:gd name="connsiteX17" fmla="*/ 785813 w 1685925"/>
                <a:gd name="connsiteY17" fmla="*/ 885825 h 3143250"/>
                <a:gd name="connsiteX18" fmla="*/ 800100 w 1685925"/>
                <a:gd name="connsiteY18" fmla="*/ 957262 h 3143250"/>
                <a:gd name="connsiteX19" fmla="*/ 771525 w 1685925"/>
                <a:gd name="connsiteY19" fmla="*/ 1057275 h 3143250"/>
                <a:gd name="connsiteX20" fmla="*/ 800100 w 1685925"/>
                <a:gd name="connsiteY20" fmla="*/ 1171575 h 3143250"/>
                <a:gd name="connsiteX21" fmla="*/ 871538 w 1685925"/>
                <a:gd name="connsiteY21" fmla="*/ 1228725 h 3143250"/>
                <a:gd name="connsiteX22" fmla="*/ 928688 w 1685925"/>
                <a:gd name="connsiteY22" fmla="*/ 1357312 h 3143250"/>
                <a:gd name="connsiteX23" fmla="*/ 900113 w 1685925"/>
                <a:gd name="connsiteY23" fmla="*/ 1385887 h 3143250"/>
                <a:gd name="connsiteX24" fmla="*/ 1014413 w 1685925"/>
                <a:gd name="connsiteY24" fmla="*/ 1414462 h 3143250"/>
                <a:gd name="connsiteX25" fmla="*/ 1085850 w 1685925"/>
                <a:gd name="connsiteY25" fmla="*/ 1457325 h 3143250"/>
                <a:gd name="connsiteX26" fmla="*/ 1085850 w 1685925"/>
                <a:gd name="connsiteY26" fmla="*/ 1514475 h 3143250"/>
                <a:gd name="connsiteX27" fmla="*/ 1157288 w 1685925"/>
                <a:gd name="connsiteY27" fmla="*/ 1585912 h 3143250"/>
                <a:gd name="connsiteX28" fmla="*/ 1243013 w 1685925"/>
                <a:gd name="connsiteY28" fmla="*/ 1600200 h 3143250"/>
                <a:gd name="connsiteX29" fmla="*/ 1343025 w 1685925"/>
                <a:gd name="connsiteY29" fmla="*/ 1657350 h 3143250"/>
                <a:gd name="connsiteX30" fmla="*/ 1471613 w 1685925"/>
                <a:gd name="connsiteY30" fmla="*/ 1671637 h 3143250"/>
                <a:gd name="connsiteX31" fmla="*/ 1571625 w 1685925"/>
                <a:gd name="connsiteY31" fmla="*/ 1728787 h 3143250"/>
                <a:gd name="connsiteX32" fmla="*/ 1643063 w 1685925"/>
                <a:gd name="connsiteY32" fmla="*/ 1800225 h 3143250"/>
                <a:gd name="connsiteX33" fmla="*/ 1685925 w 1685925"/>
                <a:gd name="connsiteY33" fmla="*/ 1828800 h 3143250"/>
                <a:gd name="connsiteX34" fmla="*/ 285750 w 1685925"/>
                <a:gd name="connsiteY34" fmla="*/ 2386012 h 3143250"/>
                <a:gd name="connsiteX35" fmla="*/ 471488 w 1685925"/>
                <a:gd name="connsiteY35" fmla="*/ 2771775 h 3143250"/>
                <a:gd name="connsiteX36" fmla="*/ 514350 w 1685925"/>
                <a:gd name="connsiteY36" fmla="*/ 2914650 h 3143250"/>
                <a:gd name="connsiteX37" fmla="*/ 557213 w 1685925"/>
                <a:gd name="connsiteY37" fmla="*/ 3014662 h 3143250"/>
                <a:gd name="connsiteX38" fmla="*/ 428625 w 1685925"/>
                <a:gd name="connsiteY38" fmla="*/ 3043237 h 3143250"/>
                <a:gd name="connsiteX39" fmla="*/ 257175 w 1685925"/>
                <a:gd name="connsiteY39" fmla="*/ 3071812 h 3143250"/>
                <a:gd name="connsiteX40" fmla="*/ 85725 w 1685925"/>
                <a:gd name="connsiteY40" fmla="*/ 3071812 h 3143250"/>
                <a:gd name="connsiteX41" fmla="*/ 0 w 1685925"/>
                <a:gd name="connsiteY41" fmla="*/ 3143250 h 3143250"/>
                <a:gd name="connsiteX0" fmla="*/ 871538 w 1685925"/>
                <a:gd name="connsiteY0" fmla="*/ 0 h 3014663"/>
                <a:gd name="connsiteX1" fmla="*/ 900113 w 1685925"/>
                <a:gd name="connsiteY1" fmla="*/ 42863 h 3014663"/>
                <a:gd name="connsiteX2" fmla="*/ 957263 w 1685925"/>
                <a:gd name="connsiteY2" fmla="*/ 85725 h 3014663"/>
                <a:gd name="connsiteX3" fmla="*/ 957263 w 1685925"/>
                <a:gd name="connsiteY3" fmla="*/ 128588 h 3014663"/>
                <a:gd name="connsiteX4" fmla="*/ 985838 w 1685925"/>
                <a:gd name="connsiteY4" fmla="*/ 171450 h 3014663"/>
                <a:gd name="connsiteX5" fmla="*/ 957263 w 1685925"/>
                <a:gd name="connsiteY5" fmla="*/ 214313 h 3014663"/>
                <a:gd name="connsiteX6" fmla="*/ 1000125 w 1685925"/>
                <a:gd name="connsiteY6" fmla="*/ 228600 h 3014663"/>
                <a:gd name="connsiteX7" fmla="*/ 1028700 w 1685925"/>
                <a:gd name="connsiteY7" fmla="*/ 271463 h 3014663"/>
                <a:gd name="connsiteX8" fmla="*/ 1028700 w 1685925"/>
                <a:gd name="connsiteY8" fmla="*/ 314325 h 3014663"/>
                <a:gd name="connsiteX9" fmla="*/ 928688 w 1685925"/>
                <a:gd name="connsiteY9" fmla="*/ 328613 h 3014663"/>
                <a:gd name="connsiteX10" fmla="*/ 814388 w 1685925"/>
                <a:gd name="connsiteY10" fmla="*/ 400050 h 3014663"/>
                <a:gd name="connsiteX11" fmla="*/ 785813 w 1685925"/>
                <a:gd name="connsiteY11" fmla="*/ 471488 h 3014663"/>
                <a:gd name="connsiteX12" fmla="*/ 742950 w 1685925"/>
                <a:gd name="connsiteY12" fmla="*/ 500063 h 3014663"/>
                <a:gd name="connsiteX13" fmla="*/ 757238 w 1685925"/>
                <a:gd name="connsiteY13" fmla="*/ 571500 h 3014663"/>
                <a:gd name="connsiteX14" fmla="*/ 685800 w 1685925"/>
                <a:gd name="connsiteY14" fmla="*/ 600075 h 3014663"/>
                <a:gd name="connsiteX15" fmla="*/ 685800 w 1685925"/>
                <a:gd name="connsiteY15" fmla="*/ 700088 h 3014663"/>
                <a:gd name="connsiteX16" fmla="*/ 785813 w 1685925"/>
                <a:gd name="connsiteY16" fmla="*/ 757238 h 3014663"/>
                <a:gd name="connsiteX17" fmla="*/ 800100 w 1685925"/>
                <a:gd name="connsiteY17" fmla="*/ 828675 h 3014663"/>
                <a:gd name="connsiteX18" fmla="*/ 771525 w 1685925"/>
                <a:gd name="connsiteY18" fmla="*/ 928688 h 3014663"/>
                <a:gd name="connsiteX19" fmla="*/ 800100 w 1685925"/>
                <a:gd name="connsiteY19" fmla="*/ 1042988 h 3014663"/>
                <a:gd name="connsiteX20" fmla="*/ 871538 w 1685925"/>
                <a:gd name="connsiteY20" fmla="*/ 1100138 h 3014663"/>
                <a:gd name="connsiteX21" fmla="*/ 928688 w 1685925"/>
                <a:gd name="connsiteY21" fmla="*/ 1228725 h 3014663"/>
                <a:gd name="connsiteX22" fmla="*/ 900113 w 1685925"/>
                <a:gd name="connsiteY22" fmla="*/ 1257300 h 3014663"/>
                <a:gd name="connsiteX23" fmla="*/ 1014413 w 1685925"/>
                <a:gd name="connsiteY23" fmla="*/ 1285875 h 3014663"/>
                <a:gd name="connsiteX24" fmla="*/ 1085850 w 1685925"/>
                <a:gd name="connsiteY24" fmla="*/ 1328738 h 3014663"/>
                <a:gd name="connsiteX25" fmla="*/ 1085850 w 1685925"/>
                <a:gd name="connsiteY25" fmla="*/ 1385888 h 3014663"/>
                <a:gd name="connsiteX26" fmla="*/ 1157288 w 1685925"/>
                <a:gd name="connsiteY26" fmla="*/ 1457325 h 3014663"/>
                <a:gd name="connsiteX27" fmla="*/ 1243013 w 1685925"/>
                <a:gd name="connsiteY27" fmla="*/ 1471613 h 3014663"/>
                <a:gd name="connsiteX28" fmla="*/ 1343025 w 1685925"/>
                <a:gd name="connsiteY28" fmla="*/ 1528763 h 3014663"/>
                <a:gd name="connsiteX29" fmla="*/ 1471613 w 1685925"/>
                <a:gd name="connsiteY29" fmla="*/ 1543050 h 3014663"/>
                <a:gd name="connsiteX30" fmla="*/ 1571625 w 1685925"/>
                <a:gd name="connsiteY30" fmla="*/ 1600200 h 3014663"/>
                <a:gd name="connsiteX31" fmla="*/ 1643063 w 1685925"/>
                <a:gd name="connsiteY31" fmla="*/ 1671638 h 3014663"/>
                <a:gd name="connsiteX32" fmla="*/ 1685925 w 1685925"/>
                <a:gd name="connsiteY32" fmla="*/ 1700213 h 3014663"/>
                <a:gd name="connsiteX33" fmla="*/ 285750 w 1685925"/>
                <a:gd name="connsiteY33" fmla="*/ 2257425 h 3014663"/>
                <a:gd name="connsiteX34" fmla="*/ 471488 w 1685925"/>
                <a:gd name="connsiteY34" fmla="*/ 2643188 h 3014663"/>
                <a:gd name="connsiteX35" fmla="*/ 514350 w 1685925"/>
                <a:gd name="connsiteY35" fmla="*/ 2786063 h 3014663"/>
                <a:gd name="connsiteX36" fmla="*/ 557213 w 1685925"/>
                <a:gd name="connsiteY36" fmla="*/ 2886075 h 3014663"/>
                <a:gd name="connsiteX37" fmla="*/ 428625 w 1685925"/>
                <a:gd name="connsiteY37" fmla="*/ 2914650 h 3014663"/>
                <a:gd name="connsiteX38" fmla="*/ 257175 w 1685925"/>
                <a:gd name="connsiteY38" fmla="*/ 2943225 h 3014663"/>
                <a:gd name="connsiteX39" fmla="*/ 85725 w 1685925"/>
                <a:gd name="connsiteY39" fmla="*/ 2943225 h 3014663"/>
                <a:gd name="connsiteX40" fmla="*/ 0 w 1685925"/>
                <a:gd name="connsiteY40" fmla="*/ 3014663 h 3014663"/>
                <a:gd name="connsiteX0" fmla="*/ 871538 w 1685925"/>
                <a:gd name="connsiteY0" fmla="*/ 0 h 3014663"/>
                <a:gd name="connsiteX1" fmla="*/ 957263 w 1685925"/>
                <a:gd name="connsiteY1" fmla="*/ 85725 h 3014663"/>
                <a:gd name="connsiteX2" fmla="*/ 957263 w 1685925"/>
                <a:gd name="connsiteY2" fmla="*/ 128588 h 3014663"/>
                <a:gd name="connsiteX3" fmla="*/ 985838 w 1685925"/>
                <a:gd name="connsiteY3" fmla="*/ 171450 h 3014663"/>
                <a:gd name="connsiteX4" fmla="*/ 957263 w 1685925"/>
                <a:gd name="connsiteY4" fmla="*/ 214313 h 3014663"/>
                <a:gd name="connsiteX5" fmla="*/ 1000125 w 1685925"/>
                <a:gd name="connsiteY5" fmla="*/ 228600 h 3014663"/>
                <a:gd name="connsiteX6" fmla="*/ 1028700 w 1685925"/>
                <a:gd name="connsiteY6" fmla="*/ 271463 h 3014663"/>
                <a:gd name="connsiteX7" fmla="*/ 1028700 w 1685925"/>
                <a:gd name="connsiteY7" fmla="*/ 314325 h 3014663"/>
                <a:gd name="connsiteX8" fmla="*/ 928688 w 1685925"/>
                <a:gd name="connsiteY8" fmla="*/ 328613 h 3014663"/>
                <a:gd name="connsiteX9" fmla="*/ 814388 w 1685925"/>
                <a:gd name="connsiteY9" fmla="*/ 400050 h 3014663"/>
                <a:gd name="connsiteX10" fmla="*/ 785813 w 1685925"/>
                <a:gd name="connsiteY10" fmla="*/ 471488 h 3014663"/>
                <a:gd name="connsiteX11" fmla="*/ 742950 w 1685925"/>
                <a:gd name="connsiteY11" fmla="*/ 500063 h 3014663"/>
                <a:gd name="connsiteX12" fmla="*/ 757238 w 1685925"/>
                <a:gd name="connsiteY12" fmla="*/ 571500 h 3014663"/>
                <a:gd name="connsiteX13" fmla="*/ 685800 w 1685925"/>
                <a:gd name="connsiteY13" fmla="*/ 600075 h 3014663"/>
                <a:gd name="connsiteX14" fmla="*/ 685800 w 1685925"/>
                <a:gd name="connsiteY14" fmla="*/ 700088 h 3014663"/>
                <a:gd name="connsiteX15" fmla="*/ 785813 w 1685925"/>
                <a:gd name="connsiteY15" fmla="*/ 757238 h 3014663"/>
                <a:gd name="connsiteX16" fmla="*/ 800100 w 1685925"/>
                <a:gd name="connsiteY16" fmla="*/ 828675 h 3014663"/>
                <a:gd name="connsiteX17" fmla="*/ 771525 w 1685925"/>
                <a:gd name="connsiteY17" fmla="*/ 928688 h 3014663"/>
                <a:gd name="connsiteX18" fmla="*/ 800100 w 1685925"/>
                <a:gd name="connsiteY18" fmla="*/ 1042988 h 3014663"/>
                <a:gd name="connsiteX19" fmla="*/ 871538 w 1685925"/>
                <a:gd name="connsiteY19" fmla="*/ 1100138 h 3014663"/>
                <a:gd name="connsiteX20" fmla="*/ 928688 w 1685925"/>
                <a:gd name="connsiteY20" fmla="*/ 1228725 h 3014663"/>
                <a:gd name="connsiteX21" fmla="*/ 900113 w 1685925"/>
                <a:gd name="connsiteY21" fmla="*/ 1257300 h 3014663"/>
                <a:gd name="connsiteX22" fmla="*/ 1014413 w 1685925"/>
                <a:gd name="connsiteY22" fmla="*/ 1285875 h 3014663"/>
                <a:gd name="connsiteX23" fmla="*/ 1085850 w 1685925"/>
                <a:gd name="connsiteY23" fmla="*/ 1328738 h 3014663"/>
                <a:gd name="connsiteX24" fmla="*/ 1085850 w 1685925"/>
                <a:gd name="connsiteY24" fmla="*/ 1385888 h 3014663"/>
                <a:gd name="connsiteX25" fmla="*/ 1157288 w 1685925"/>
                <a:gd name="connsiteY25" fmla="*/ 1457325 h 3014663"/>
                <a:gd name="connsiteX26" fmla="*/ 1243013 w 1685925"/>
                <a:gd name="connsiteY26" fmla="*/ 1471613 h 3014663"/>
                <a:gd name="connsiteX27" fmla="*/ 1343025 w 1685925"/>
                <a:gd name="connsiteY27" fmla="*/ 1528763 h 3014663"/>
                <a:gd name="connsiteX28" fmla="*/ 1471613 w 1685925"/>
                <a:gd name="connsiteY28" fmla="*/ 1543050 h 3014663"/>
                <a:gd name="connsiteX29" fmla="*/ 1571625 w 1685925"/>
                <a:gd name="connsiteY29" fmla="*/ 1600200 h 3014663"/>
                <a:gd name="connsiteX30" fmla="*/ 1643063 w 1685925"/>
                <a:gd name="connsiteY30" fmla="*/ 1671638 h 3014663"/>
                <a:gd name="connsiteX31" fmla="*/ 1685925 w 1685925"/>
                <a:gd name="connsiteY31" fmla="*/ 1700213 h 3014663"/>
                <a:gd name="connsiteX32" fmla="*/ 285750 w 1685925"/>
                <a:gd name="connsiteY32" fmla="*/ 2257425 h 3014663"/>
                <a:gd name="connsiteX33" fmla="*/ 471488 w 1685925"/>
                <a:gd name="connsiteY33" fmla="*/ 2643188 h 3014663"/>
                <a:gd name="connsiteX34" fmla="*/ 514350 w 1685925"/>
                <a:gd name="connsiteY34" fmla="*/ 2786063 h 3014663"/>
                <a:gd name="connsiteX35" fmla="*/ 557213 w 1685925"/>
                <a:gd name="connsiteY35" fmla="*/ 2886075 h 3014663"/>
                <a:gd name="connsiteX36" fmla="*/ 428625 w 1685925"/>
                <a:gd name="connsiteY36" fmla="*/ 2914650 h 3014663"/>
                <a:gd name="connsiteX37" fmla="*/ 257175 w 1685925"/>
                <a:gd name="connsiteY37" fmla="*/ 2943225 h 3014663"/>
                <a:gd name="connsiteX38" fmla="*/ 85725 w 1685925"/>
                <a:gd name="connsiteY38" fmla="*/ 2943225 h 3014663"/>
                <a:gd name="connsiteX39" fmla="*/ 0 w 1685925"/>
                <a:gd name="connsiteY39" fmla="*/ 3014663 h 3014663"/>
                <a:gd name="connsiteX0" fmla="*/ 957263 w 1685925"/>
                <a:gd name="connsiteY0" fmla="*/ 0 h 2928938"/>
                <a:gd name="connsiteX1" fmla="*/ 957263 w 1685925"/>
                <a:gd name="connsiteY1" fmla="*/ 42863 h 2928938"/>
                <a:gd name="connsiteX2" fmla="*/ 985838 w 1685925"/>
                <a:gd name="connsiteY2" fmla="*/ 85725 h 2928938"/>
                <a:gd name="connsiteX3" fmla="*/ 957263 w 1685925"/>
                <a:gd name="connsiteY3" fmla="*/ 128588 h 2928938"/>
                <a:gd name="connsiteX4" fmla="*/ 1000125 w 1685925"/>
                <a:gd name="connsiteY4" fmla="*/ 142875 h 2928938"/>
                <a:gd name="connsiteX5" fmla="*/ 1028700 w 1685925"/>
                <a:gd name="connsiteY5" fmla="*/ 185738 h 2928938"/>
                <a:gd name="connsiteX6" fmla="*/ 1028700 w 1685925"/>
                <a:gd name="connsiteY6" fmla="*/ 228600 h 2928938"/>
                <a:gd name="connsiteX7" fmla="*/ 928688 w 1685925"/>
                <a:gd name="connsiteY7" fmla="*/ 242888 h 2928938"/>
                <a:gd name="connsiteX8" fmla="*/ 814388 w 1685925"/>
                <a:gd name="connsiteY8" fmla="*/ 314325 h 2928938"/>
                <a:gd name="connsiteX9" fmla="*/ 785813 w 1685925"/>
                <a:gd name="connsiteY9" fmla="*/ 385763 h 2928938"/>
                <a:gd name="connsiteX10" fmla="*/ 742950 w 1685925"/>
                <a:gd name="connsiteY10" fmla="*/ 414338 h 2928938"/>
                <a:gd name="connsiteX11" fmla="*/ 757238 w 1685925"/>
                <a:gd name="connsiteY11" fmla="*/ 485775 h 2928938"/>
                <a:gd name="connsiteX12" fmla="*/ 685800 w 1685925"/>
                <a:gd name="connsiteY12" fmla="*/ 514350 h 2928938"/>
                <a:gd name="connsiteX13" fmla="*/ 685800 w 1685925"/>
                <a:gd name="connsiteY13" fmla="*/ 614363 h 2928938"/>
                <a:gd name="connsiteX14" fmla="*/ 785813 w 1685925"/>
                <a:gd name="connsiteY14" fmla="*/ 671513 h 2928938"/>
                <a:gd name="connsiteX15" fmla="*/ 800100 w 1685925"/>
                <a:gd name="connsiteY15" fmla="*/ 742950 h 2928938"/>
                <a:gd name="connsiteX16" fmla="*/ 771525 w 1685925"/>
                <a:gd name="connsiteY16" fmla="*/ 842963 h 2928938"/>
                <a:gd name="connsiteX17" fmla="*/ 800100 w 1685925"/>
                <a:gd name="connsiteY17" fmla="*/ 957263 h 2928938"/>
                <a:gd name="connsiteX18" fmla="*/ 871538 w 1685925"/>
                <a:gd name="connsiteY18" fmla="*/ 1014413 h 2928938"/>
                <a:gd name="connsiteX19" fmla="*/ 928688 w 1685925"/>
                <a:gd name="connsiteY19" fmla="*/ 1143000 h 2928938"/>
                <a:gd name="connsiteX20" fmla="*/ 900113 w 1685925"/>
                <a:gd name="connsiteY20" fmla="*/ 1171575 h 2928938"/>
                <a:gd name="connsiteX21" fmla="*/ 1014413 w 1685925"/>
                <a:gd name="connsiteY21" fmla="*/ 1200150 h 2928938"/>
                <a:gd name="connsiteX22" fmla="*/ 1085850 w 1685925"/>
                <a:gd name="connsiteY22" fmla="*/ 1243013 h 2928938"/>
                <a:gd name="connsiteX23" fmla="*/ 1085850 w 1685925"/>
                <a:gd name="connsiteY23" fmla="*/ 1300163 h 2928938"/>
                <a:gd name="connsiteX24" fmla="*/ 1157288 w 1685925"/>
                <a:gd name="connsiteY24" fmla="*/ 1371600 h 2928938"/>
                <a:gd name="connsiteX25" fmla="*/ 1243013 w 1685925"/>
                <a:gd name="connsiteY25" fmla="*/ 1385888 h 2928938"/>
                <a:gd name="connsiteX26" fmla="*/ 1343025 w 1685925"/>
                <a:gd name="connsiteY26" fmla="*/ 1443038 h 2928938"/>
                <a:gd name="connsiteX27" fmla="*/ 1471613 w 1685925"/>
                <a:gd name="connsiteY27" fmla="*/ 1457325 h 2928938"/>
                <a:gd name="connsiteX28" fmla="*/ 1571625 w 1685925"/>
                <a:gd name="connsiteY28" fmla="*/ 1514475 h 2928938"/>
                <a:gd name="connsiteX29" fmla="*/ 1643063 w 1685925"/>
                <a:gd name="connsiteY29" fmla="*/ 1585913 h 2928938"/>
                <a:gd name="connsiteX30" fmla="*/ 1685925 w 1685925"/>
                <a:gd name="connsiteY30" fmla="*/ 1614488 h 2928938"/>
                <a:gd name="connsiteX31" fmla="*/ 285750 w 1685925"/>
                <a:gd name="connsiteY31" fmla="*/ 2171700 h 2928938"/>
                <a:gd name="connsiteX32" fmla="*/ 471488 w 1685925"/>
                <a:gd name="connsiteY32" fmla="*/ 2557463 h 2928938"/>
                <a:gd name="connsiteX33" fmla="*/ 514350 w 1685925"/>
                <a:gd name="connsiteY33" fmla="*/ 2700338 h 2928938"/>
                <a:gd name="connsiteX34" fmla="*/ 557213 w 1685925"/>
                <a:gd name="connsiteY34" fmla="*/ 2800350 h 2928938"/>
                <a:gd name="connsiteX35" fmla="*/ 428625 w 1685925"/>
                <a:gd name="connsiteY35" fmla="*/ 2828925 h 2928938"/>
                <a:gd name="connsiteX36" fmla="*/ 257175 w 1685925"/>
                <a:gd name="connsiteY36" fmla="*/ 2857500 h 2928938"/>
                <a:gd name="connsiteX37" fmla="*/ 85725 w 1685925"/>
                <a:gd name="connsiteY37" fmla="*/ 2857500 h 2928938"/>
                <a:gd name="connsiteX38" fmla="*/ 0 w 1685925"/>
                <a:gd name="connsiteY38" fmla="*/ 2928938 h 2928938"/>
                <a:gd name="connsiteX0" fmla="*/ 957263 w 1685925"/>
                <a:gd name="connsiteY0" fmla="*/ 0 h 2928938"/>
                <a:gd name="connsiteX1" fmla="*/ 985838 w 1685925"/>
                <a:gd name="connsiteY1" fmla="*/ 85725 h 2928938"/>
                <a:gd name="connsiteX2" fmla="*/ 957263 w 1685925"/>
                <a:gd name="connsiteY2" fmla="*/ 128588 h 2928938"/>
                <a:gd name="connsiteX3" fmla="*/ 1000125 w 1685925"/>
                <a:gd name="connsiteY3" fmla="*/ 142875 h 2928938"/>
                <a:gd name="connsiteX4" fmla="*/ 1028700 w 1685925"/>
                <a:gd name="connsiteY4" fmla="*/ 185738 h 2928938"/>
                <a:gd name="connsiteX5" fmla="*/ 1028700 w 1685925"/>
                <a:gd name="connsiteY5" fmla="*/ 228600 h 2928938"/>
                <a:gd name="connsiteX6" fmla="*/ 928688 w 1685925"/>
                <a:gd name="connsiteY6" fmla="*/ 242888 h 2928938"/>
                <a:gd name="connsiteX7" fmla="*/ 814388 w 1685925"/>
                <a:gd name="connsiteY7" fmla="*/ 314325 h 2928938"/>
                <a:gd name="connsiteX8" fmla="*/ 785813 w 1685925"/>
                <a:gd name="connsiteY8" fmla="*/ 385763 h 2928938"/>
                <a:gd name="connsiteX9" fmla="*/ 742950 w 1685925"/>
                <a:gd name="connsiteY9" fmla="*/ 414338 h 2928938"/>
                <a:gd name="connsiteX10" fmla="*/ 757238 w 1685925"/>
                <a:gd name="connsiteY10" fmla="*/ 485775 h 2928938"/>
                <a:gd name="connsiteX11" fmla="*/ 685800 w 1685925"/>
                <a:gd name="connsiteY11" fmla="*/ 514350 h 2928938"/>
                <a:gd name="connsiteX12" fmla="*/ 685800 w 1685925"/>
                <a:gd name="connsiteY12" fmla="*/ 614363 h 2928938"/>
                <a:gd name="connsiteX13" fmla="*/ 785813 w 1685925"/>
                <a:gd name="connsiteY13" fmla="*/ 671513 h 2928938"/>
                <a:gd name="connsiteX14" fmla="*/ 800100 w 1685925"/>
                <a:gd name="connsiteY14" fmla="*/ 742950 h 2928938"/>
                <a:gd name="connsiteX15" fmla="*/ 771525 w 1685925"/>
                <a:gd name="connsiteY15" fmla="*/ 842963 h 2928938"/>
                <a:gd name="connsiteX16" fmla="*/ 800100 w 1685925"/>
                <a:gd name="connsiteY16" fmla="*/ 957263 h 2928938"/>
                <a:gd name="connsiteX17" fmla="*/ 871538 w 1685925"/>
                <a:gd name="connsiteY17" fmla="*/ 1014413 h 2928938"/>
                <a:gd name="connsiteX18" fmla="*/ 928688 w 1685925"/>
                <a:gd name="connsiteY18" fmla="*/ 1143000 h 2928938"/>
                <a:gd name="connsiteX19" fmla="*/ 900113 w 1685925"/>
                <a:gd name="connsiteY19" fmla="*/ 1171575 h 2928938"/>
                <a:gd name="connsiteX20" fmla="*/ 1014413 w 1685925"/>
                <a:gd name="connsiteY20" fmla="*/ 1200150 h 2928938"/>
                <a:gd name="connsiteX21" fmla="*/ 1085850 w 1685925"/>
                <a:gd name="connsiteY21" fmla="*/ 1243013 h 2928938"/>
                <a:gd name="connsiteX22" fmla="*/ 1085850 w 1685925"/>
                <a:gd name="connsiteY22" fmla="*/ 1300163 h 2928938"/>
                <a:gd name="connsiteX23" fmla="*/ 1157288 w 1685925"/>
                <a:gd name="connsiteY23" fmla="*/ 1371600 h 2928938"/>
                <a:gd name="connsiteX24" fmla="*/ 1243013 w 1685925"/>
                <a:gd name="connsiteY24" fmla="*/ 1385888 h 2928938"/>
                <a:gd name="connsiteX25" fmla="*/ 1343025 w 1685925"/>
                <a:gd name="connsiteY25" fmla="*/ 1443038 h 2928938"/>
                <a:gd name="connsiteX26" fmla="*/ 1471613 w 1685925"/>
                <a:gd name="connsiteY26" fmla="*/ 1457325 h 2928938"/>
                <a:gd name="connsiteX27" fmla="*/ 1571625 w 1685925"/>
                <a:gd name="connsiteY27" fmla="*/ 1514475 h 2928938"/>
                <a:gd name="connsiteX28" fmla="*/ 1643063 w 1685925"/>
                <a:gd name="connsiteY28" fmla="*/ 1585913 h 2928938"/>
                <a:gd name="connsiteX29" fmla="*/ 1685925 w 1685925"/>
                <a:gd name="connsiteY29" fmla="*/ 1614488 h 2928938"/>
                <a:gd name="connsiteX30" fmla="*/ 285750 w 1685925"/>
                <a:gd name="connsiteY30" fmla="*/ 2171700 h 2928938"/>
                <a:gd name="connsiteX31" fmla="*/ 471488 w 1685925"/>
                <a:gd name="connsiteY31" fmla="*/ 2557463 h 2928938"/>
                <a:gd name="connsiteX32" fmla="*/ 514350 w 1685925"/>
                <a:gd name="connsiteY32" fmla="*/ 2700338 h 2928938"/>
                <a:gd name="connsiteX33" fmla="*/ 557213 w 1685925"/>
                <a:gd name="connsiteY33" fmla="*/ 2800350 h 2928938"/>
                <a:gd name="connsiteX34" fmla="*/ 428625 w 1685925"/>
                <a:gd name="connsiteY34" fmla="*/ 2828925 h 2928938"/>
                <a:gd name="connsiteX35" fmla="*/ 257175 w 1685925"/>
                <a:gd name="connsiteY35" fmla="*/ 2857500 h 2928938"/>
                <a:gd name="connsiteX36" fmla="*/ 85725 w 1685925"/>
                <a:gd name="connsiteY36" fmla="*/ 2857500 h 2928938"/>
                <a:gd name="connsiteX37" fmla="*/ 0 w 1685925"/>
                <a:gd name="connsiteY37" fmla="*/ 2928938 h 2928938"/>
                <a:gd name="connsiteX0" fmla="*/ 985838 w 1685925"/>
                <a:gd name="connsiteY0" fmla="*/ 0 h 2843213"/>
                <a:gd name="connsiteX1" fmla="*/ 957263 w 1685925"/>
                <a:gd name="connsiteY1" fmla="*/ 42863 h 2843213"/>
                <a:gd name="connsiteX2" fmla="*/ 1000125 w 1685925"/>
                <a:gd name="connsiteY2" fmla="*/ 57150 h 2843213"/>
                <a:gd name="connsiteX3" fmla="*/ 1028700 w 1685925"/>
                <a:gd name="connsiteY3" fmla="*/ 100013 h 2843213"/>
                <a:gd name="connsiteX4" fmla="*/ 1028700 w 1685925"/>
                <a:gd name="connsiteY4" fmla="*/ 142875 h 2843213"/>
                <a:gd name="connsiteX5" fmla="*/ 928688 w 1685925"/>
                <a:gd name="connsiteY5" fmla="*/ 157163 h 2843213"/>
                <a:gd name="connsiteX6" fmla="*/ 814388 w 1685925"/>
                <a:gd name="connsiteY6" fmla="*/ 228600 h 2843213"/>
                <a:gd name="connsiteX7" fmla="*/ 785813 w 1685925"/>
                <a:gd name="connsiteY7" fmla="*/ 300038 h 2843213"/>
                <a:gd name="connsiteX8" fmla="*/ 742950 w 1685925"/>
                <a:gd name="connsiteY8" fmla="*/ 328613 h 2843213"/>
                <a:gd name="connsiteX9" fmla="*/ 757238 w 1685925"/>
                <a:gd name="connsiteY9" fmla="*/ 400050 h 2843213"/>
                <a:gd name="connsiteX10" fmla="*/ 685800 w 1685925"/>
                <a:gd name="connsiteY10" fmla="*/ 428625 h 2843213"/>
                <a:gd name="connsiteX11" fmla="*/ 685800 w 1685925"/>
                <a:gd name="connsiteY11" fmla="*/ 528638 h 2843213"/>
                <a:gd name="connsiteX12" fmla="*/ 785813 w 1685925"/>
                <a:gd name="connsiteY12" fmla="*/ 585788 h 2843213"/>
                <a:gd name="connsiteX13" fmla="*/ 800100 w 1685925"/>
                <a:gd name="connsiteY13" fmla="*/ 657225 h 2843213"/>
                <a:gd name="connsiteX14" fmla="*/ 771525 w 1685925"/>
                <a:gd name="connsiteY14" fmla="*/ 757238 h 2843213"/>
                <a:gd name="connsiteX15" fmla="*/ 800100 w 1685925"/>
                <a:gd name="connsiteY15" fmla="*/ 871538 h 2843213"/>
                <a:gd name="connsiteX16" fmla="*/ 871538 w 1685925"/>
                <a:gd name="connsiteY16" fmla="*/ 928688 h 2843213"/>
                <a:gd name="connsiteX17" fmla="*/ 928688 w 1685925"/>
                <a:gd name="connsiteY17" fmla="*/ 1057275 h 2843213"/>
                <a:gd name="connsiteX18" fmla="*/ 900113 w 1685925"/>
                <a:gd name="connsiteY18" fmla="*/ 1085850 h 2843213"/>
                <a:gd name="connsiteX19" fmla="*/ 1014413 w 1685925"/>
                <a:gd name="connsiteY19" fmla="*/ 1114425 h 2843213"/>
                <a:gd name="connsiteX20" fmla="*/ 1085850 w 1685925"/>
                <a:gd name="connsiteY20" fmla="*/ 1157288 h 2843213"/>
                <a:gd name="connsiteX21" fmla="*/ 1085850 w 1685925"/>
                <a:gd name="connsiteY21" fmla="*/ 1214438 h 2843213"/>
                <a:gd name="connsiteX22" fmla="*/ 1157288 w 1685925"/>
                <a:gd name="connsiteY22" fmla="*/ 1285875 h 2843213"/>
                <a:gd name="connsiteX23" fmla="*/ 1243013 w 1685925"/>
                <a:gd name="connsiteY23" fmla="*/ 1300163 h 2843213"/>
                <a:gd name="connsiteX24" fmla="*/ 1343025 w 1685925"/>
                <a:gd name="connsiteY24" fmla="*/ 1357313 h 2843213"/>
                <a:gd name="connsiteX25" fmla="*/ 1471613 w 1685925"/>
                <a:gd name="connsiteY25" fmla="*/ 1371600 h 2843213"/>
                <a:gd name="connsiteX26" fmla="*/ 1571625 w 1685925"/>
                <a:gd name="connsiteY26" fmla="*/ 1428750 h 2843213"/>
                <a:gd name="connsiteX27" fmla="*/ 1643063 w 1685925"/>
                <a:gd name="connsiteY27" fmla="*/ 1500188 h 2843213"/>
                <a:gd name="connsiteX28" fmla="*/ 1685925 w 1685925"/>
                <a:gd name="connsiteY28" fmla="*/ 1528763 h 2843213"/>
                <a:gd name="connsiteX29" fmla="*/ 285750 w 1685925"/>
                <a:gd name="connsiteY29" fmla="*/ 2085975 h 2843213"/>
                <a:gd name="connsiteX30" fmla="*/ 471488 w 1685925"/>
                <a:gd name="connsiteY30" fmla="*/ 2471738 h 2843213"/>
                <a:gd name="connsiteX31" fmla="*/ 514350 w 1685925"/>
                <a:gd name="connsiteY31" fmla="*/ 2614613 h 2843213"/>
                <a:gd name="connsiteX32" fmla="*/ 557213 w 1685925"/>
                <a:gd name="connsiteY32" fmla="*/ 2714625 h 2843213"/>
                <a:gd name="connsiteX33" fmla="*/ 428625 w 1685925"/>
                <a:gd name="connsiteY33" fmla="*/ 2743200 h 2843213"/>
                <a:gd name="connsiteX34" fmla="*/ 257175 w 1685925"/>
                <a:gd name="connsiteY34" fmla="*/ 2771775 h 2843213"/>
                <a:gd name="connsiteX35" fmla="*/ 85725 w 1685925"/>
                <a:gd name="connsiteY35" fmla="*/ 2771775 h 2843213"/>
                <a:gd name="connsiteX36" fmla="*/ 0 w 1685925"/>
                <a:gd name="connsiteY36" fmla="*/ 2843213 h 2843213"/>
                <a:gd name="connsiteX0" fmla="*/ 985838 w 1685925"/>
                <a:gd name="connsiteY0" fmla="*/ 0 h 2843213"/>
                <a:gd name="connsiteX1" fmla="*/ 957263 w 1685925"/>
                <a:gd name="connsiteY1" fmla="*/ 42863 h 2843213"/>
                <a:gd name="connsiteX2" fmla="*/ 1028700 w 1685925"/>
                <a:gd name="connsiteY2" fmla="*/ 100013 h 2843213"/>
                <a:gd name="connsiteX3" fmla="*/ 1028700 w 1685925"/>
                <a:gd name="connsiteY3" fmla="*/ 142875 h 2843213"/>
                <a:gd name="connsiteX4" fmla="*/ 928688 w 1685925"/>
                <a:gd name="connsiteY4" fmla="*/ 157163 h 2843213"/>
                <a:gd name="connsiteX5" fmla="*/ 814388 w 1685925"/>
                <a:gd name="connsiteY5" fmla="*/ 228600 h 2843213"/>
                <a:gd name="connsiteX6" fmla="*/ 785813 w 1685925"/>
                <a:gd name="connsiteY6" fmla="*/ 300038 h 2843213"/>
                <a:gd name="connsiteX7" fmla="*/ 742950 w 1685925"/>
                <a:gd name="connsiteY7" fmla="*/ 328613 h 2843213"/>
                <a:gd name="connsiteX8" fmla="*/ 757238 w 1685925"/>
                <a:gd name="connsiteY8" fmla="*/ 400050 h 2843213"/>
                <a:gd name="connsiteX9" fmla="*/ 685800 w 1685925"/>
                <a:gd name="connsiteY9" fmla="*/ 428625 h 2843213"/>
                <a:gd name="connsiteX10" fmla="*/ 685800 w 1685925"/>
                <a:gd name="connsiteY10" fmla="*/ 528638 h 2843213"/>
                <a:gd name="connsiteX11" fmla="*/ 785813 w 1685925"/>
                <a:gd name="connsiteY11" fmla="*/ 585788 h 2843213"/>
                <a:gd name="connsiteX12" fmla="*/ 800100 w 1685925"/>
                <a:gd name="connsiteY12" fmla="*/ 657225 h 2843213"/>
                <a:gd name="connsiteX13" fmla="*/ 771525 w 1685925"/>
                <a:gd name="connsiteY13" fmla="*/ 757238 h 2843213"/>
                <a:gd name="connsiteX14" fmla="*/ 800100 w 1685925"/>
                <a:gd name="connsiteY14" fmla="*/ 871538 h 2843213"/>
                <a:gd name="connsiteX15" fmla="*/ 871538 w 1685925"/>
                <a:gd name="connsiteY15" fmla="*/ 928688 h 2843213"/>
                <a:gd name="connsiteX16" fmla="*/ 928688 w 1685925"/>
                <a:gd name="connsiteY16" fmla="*/ 1057275 h 2843213"/>
                <a:gd name="connsiteX17" fmla="*/ 900113 w 1685925"/>
                <a:gd name="connsiteY17" fmla="*/ 1085850 h 2843213"/>
                <a:gd name="connsiteX18" fmla="*/ 1014413 w 1685925"/>
                <a:gd name="connsiteY18" fmla="*/ 1114425 h 2843213"/>
                <a:gd name="connsiteX19" fmla="*/ 1085850 w 1685925"/>
                <a:gd name="connsiteY19" fmla="*/ 1157288 h 2843213"/>
                <a:gd name="connsiteX20" fmla="*/ 1085850 w 1685925"/>
                <a:gd name="connsiteY20" fmla="*/ 1214438 h 2843213"/>
                <a:gd name="connsiteX21" fmla="*/ 1157288 w 1685925"/>
                <a:gd name="connsiteY21" fmla="*/ 1285875 h 2843213"/>
                <a:gd name="connsiteX22" fmla="*/ 1243013 w 1685925"/>
                <a:gd name="connsiteY22" fmla="*/ 1300163 h 2843213"/>
                <a:gd name="connsiteX23" fmla="*/ 1343025 w 1685925"/>
                <a:gd name="connsiteY23" fmla="*/ 1357313 h 2843213"/>
                <a:gd name="connsiteX24" fmla="*/ 1471613 w 1685925"/>
                <a:gd name="connsiteY24" fmla="*/ 1371600 h 2843213"/>
                <a:gd name="connsiteX25" fmla="*/ 1571625 w 1685925"/>
                <a:gd name="connsiteY25" fmla="*/ 1428750 h 2843213"/>
                <a:gd name="connsiteX26" fmla="*/ 1643063 w 1685925"/>
                <a:gd name="connsiteY26" fmla="*/ 1500188 h 2843213"/>
                <a:gd name="connsiteX27" fmla="*/ 1685925 w 1685925"/>
                <a:gd name="connsiteY27" fmla="*/ 1528763 h 2843213"/>
                <a:gd name="connsiteX28" fmla="*/ 285750 w 1685925"/>
                <a:gd name="connsiteY28" fmla="*/ 2085975 h 2843213"/>
                <a:gd name="connsiteX29" fmla="*/ 471488 w 1685925"/>
                <a:gd name="connsiteY29" fmla="*/ 2471738 h 2843213"/>
                <a:gd name="connsiteX30" fmla="*/ 514350 w 1685925"/>
                <a:gd name="connsiteY30" fmla="*/ 2614613 h 2843213"/>
                <a:gd name="connsiteX31" fmla="*/ 557213 w 1685925"/>
                <a:gd name="connsiteY31" fmla="*/ 2714625 h 2843213"/>
                <a:gd name="connsiteX32" fmla="*/ 428625 w 1685925"/>
                <a:gd name="connsiteY32" fmla="*/ 2743200 h 2843213"/>
                <a:gd name="connsiteX33" fmla="*/ 257175 w 1685925"/>
                <a:gd name="connsiteY33" fmla="*/ 2771775 h 2843213"/>
                <a:gd name="connsiteX34" fmla="*/ 85725 w 1685925"/>
                <a:gd name="connsiteY34" fmla="*/ 2771775 h 2843213"/>
                <a:gd name="connsiteX35" fmla="*/ 0 w 1685925"/>
                <a:gd name="connsiteY35" fmla="*/ 2843213 h 2843213"/>
                <a:gd name="connsiteX0" fmla="*/ 985838 w 1685925"/>
                <a:gd name="connsiteY0" fmla="*/ 0 h 2843213"/>
                <a:gd name="connsiteX1" fmla="*/ 1028700 w 1685925"/>
                <a:gd name="connsiteY1" fmla="*/ 100013 h 2843213"/>
                <a:gd name="connsiteX2" fmla="*/ 1028700 w 1685925"/>
                <a:gd name="connsiteY2" fmla="*/ 142875 h 2843213"/>
                <a:gd name="connsiteX3" fmla="*/ 928688 w 1685925"/>
                <a:gd name="connsiteY3" fmla="*/ 157163 h 2843213"/>
                <a:gd name="connsiteX4" fmla="*/ 814388 w 1685925"/>
                <a:gd name="connsiteY4" fmla="*/ 228600 h 2843213"/>
                <a:gd name="connsiteX5" fmla="*/ 785813 w 1685925"/>
                <a:gd name="connsiteY5" fmla="*/ 300038 h 2843213"/>
                <a:gd name="connsiteX6" fmla="*/ 742950 w 1685925"/>
                <a:gd name="connsiteY6" fmla="*/ 328613 h 2843213"/>
                <a:gd name="connsiteX7" fmla="*/ 757238 w 1685925"/>
                <a:gd name="connsiteY7" fmla="*/ 400050 h 2843213"/>
                <a:gd name="connsiteX8" fmla="*/ 685800 w 1685925"/>
                <a:gd name="connsiteY8" fmla="*/ 428625 h 2843213"/>
                <a:gd name="connsiteX9" fmla="*/ 685800 w 1685925"/>
                <a:gd name="connsiteY9" fmla="*/ 528638 h 2843213"/>
                <a:gd name="connsiteX10" fmla="*/ 785813 w 1685925"/>
                <a:gd name="connsiteY10" fmla="*/ 585788 h 2843213"/>
                <a:gd name="connsiteX11" fmla="*/ 800100 w 1685925"/>
                <a:gd name="connsiteY11" fmla="*/ 657225 h 2843213"/>
                <a:gd name="connsiteX12" fmla="*/ 771525 w 1685925"/>
                <a:gd name="connsiteY12" fmla="*/ 757238 h 2843213"/>
                <a:gd name="connsiteX13" fmla="*/ 800100 w 1685925"/>
                <a:gd name="connsiteY13" fmla="*/ 871538 h 2843213"/>
                <a:gd name="connsiteX14" fmla="*/ 871538 w 1685925"/>
                <a:gd name="connsiteY14" fmla="*/ 928688 h 2843213"/>
                <a:gd name="connsiteX15" fmla="*/ 928688 w 1685925"/>
                <a:gd name="connsiteY15" fmla="*/ 1057275 h 2843213"/>
                <a:gd name="connsiteX16" fmla="*/ 900113 w 1685925"/>
                <a:gd name="connsiteY16" fmla="*/ 1085850 h 2843213"/>
                <a:gd name="connsiteX17" fmla="*/ 1014413 w 1685925"/>
                <a:gd name="connsiteY17" fmla="*/ 1114425 h 2843213"/>
                <a:gd name="connsiteX18" fmla="*/ 1085850 w 1685925"/>
                <a:gd name="connsiteY18" fmla="*/ 1157288 h 2843213"/>
                <a:gd name="connsiteX19" fmla="*/ 1085850 w 1685925"/>
                <a:gd name="connsiteY19" fmla="*/ 1214438 h 2843213"/>
                <a:gd name="connsiteX20" fmla="*/ 1157288 w 1685925"/>
                <a:gd name="connsiteY20" fmla="*/ 1285875 h 2843213"/>
                <a:gd name="connsiteX21" fmla="*/ 1243013 w 1685925"/>
                <a:gd name="connsiteY21" fmla="*/ 1300163 h 2843213"/>
                <a:gd name="connsiteX22" fmla="*/ 1343025 w 1685925"/>
                <a:gd name="connsiteY22" fmla="*/ 1357313 h 2843213"/>
                <a:gd name="connsiteX23" fmla="*/ 1471613 w 1685925"/>
                <a:gd name="connsiteY23" fmla="*/ 1371600 h 2843213"/>
                <a:gd name="connsiteX24" fmla="*/ 1571625 w 1685925"/>
                <a:gd name="connsiteY24" fmla="*/ 1428750 h 2843213"/>
                <a:gd name="connsiteX25" fmla="*/ 1643063 w 1685925"/>
                <a:gd name="connsiteY25" fmla="*/ 1500188 h 2843213"/>
                <a:gd name="connsiteX26" fmla="*/ 1685925 w 1685925"/>
                <a:gd name="connsiteY26" fmla="*/ 1528763 h 2843213"/>
                <a:gd name="connsiteX27" fmla="*/ 285750 w 1685925"/>
                <a:gd name="connsiteY27" fmla="*/ 2085975 h 2843213"/>
                <a:gd name="connsiteX28" fmla="*/ 471488 w 1685925"/>
                <a:gd name="connsiteY28" fmla="*/ 2471738 h 2843213"/>
                <a:gd name="connsiteX29" fmla="*/ 514350 w 1685925"/>
                <a:gd name="connsiteY29" fmla="*/ 2614613 h 2843213"/>
                <a:gd name="connsiteX30" fmla="*/ 557213 w 1685925"/>
                <a:gd name="connsiteY30" fmla="*/ 2714625 h 2843213"/>
                <a:gd name="connsiteX31" fmla="*/ 428625 w 1685925"/>
                <a:gd name="connsiteY31" fmla="*/ 2743200 h 2843213"/>
                <a:gd name="connsiteX32" fmla="*/ 257175 w 1685925"/>
                <a:gd name="connsiteY32" fmla="*/ 2771775 h 2843213"/>
                <a:gd name="connsiteX33" fmla="*/ 85725 w 1685925"/>
                <a:gd name="connsiteY33" fmla="*/ 2771775 h 2843213"/>
                <a:gd name="connsiteX34" fmla="*/ 0 w 1685925"/>
                <a:gd name="connsiteY34" fmla="*/ 2843213 h 2843213"/>
                <a:gd name="connsiteX0" fmla="*/ 985838 w 1685925"/>
                <a:gd name="connsiteY0" fmla="*/ 0 h 2843213"/>
                <a:gd name="connsiteX1" fmla="*/ 1028700 w 1685925"/>
                <a:gd name="connsiteY1" fmla="*/ 100013 h 2843213"/>
                <a:gd name="connsiteX2" fmla="*/ 928688 w 1685925"/>
                <a:gd name="connsiteY2" fmla="*/ 157163 h 2843213"/>
                <a:gd name="connsiteX3" fmla="*/ 814388 w 1685925"/>
                <a:gd name="connsiteY3" fmla="*/ 228600 h 2843213"/>
                <a:gd name="connsiteX4" fmla="*/ 785813 w 1685925"/>
                <a:gd name="connsiteY4" fmla="*/ 300038 h 2843213"/>
                <a:gd name="connsiteX5" fmla="*/ 742950 w 1685925"/>
                <a:gd name="connsiteY5" fmla="*/ 328613 h 2843213"/>
                <a:gd name="connsiteX6" fmla="*/ 757238 w 1685925"/>
                <a:gd name="connsiteY6" fmla="*/ 400050 h 2843213"/>
                <a:gd name="connsiteX7" fmla="*/ 685800 w 1685925"/>
                <a:gd name="connsiteY7" fmla="*/ 428625 h 2843213"/>
                <a:gd name="connsiteX8" fmla="*/ 685800 w 1685925"/>
                <a:gd name="connsiteY8" fmla="*/ 528638 h 2843213"/>
                <a:gd name="connsiteX9" fmla="*/ 785813 w 1685925"/>
                <a:gd name="connsiteY9" fmla="*/ 585788 h 2843213"/>
                <a:gd name="connsiteX10" fmla="*/ 800100 w 1685925"/>
                <a:gd name="connsiteY10" fmla="*/ 657225 h 2843213"/>
                <a:gd name="connsiteX11" fmla="*/ 771525 w 1685925"/>
                <a:gd name="connsiteY11" fmla="*/ 757238 h 2843213"/>
                <a:gd name="connsiteX12" fmla="*/ 800100 w 1685925"/>
                <a:gd name="connsiteY12" fmla="*/ 871538 h 2843213"/>
                <a:gd name="connsiteX13" fmla="*/ 871538 w 1685925"/>
                <a:gd name="connsiteY13" fmla="*/ 928688 h 2843213"/>
                <a:gd name="connsiteX14" fmla="*/ 928688 w 1685925"/>
                <a:gd name="connsiteY14" fmla="*/ 1057275 h 2843213"/>
                <a:gd name="connsiteX15" fmla="*/ 900113 w 1685925"/>
                <a:gd name="connsiteY15" fmla="*/ 1085850 h 2843213"/>
                <a:gd name="connsiteX16" fmla="*/ 1014413 w 1685925"/>
                <a:gd name="connsiteY16" fmla="*/ 1114425 h 2843213"/>
                <a:gd name="connsiteX17" fmla="*/ 1085850 w 1685925"/>
                <a:gd name="connsiteY17" fmla="*/ 1157288 h 2843213"/>
                <a:gd name="connsiteX18" fmla="*/ 1085850 w 1685925"/>
                <a:gd name="connsiteY18" fmla="*/ 1214438 h 2843213"/>
                <a:gd name="connsiteX19" fmla="*/ 1157288 w 1685925"/>
                <a:gd name="connsiteY19" fmla="*/ 1285875 h 2843213"/>
                <a:gd name="connsiteX20" fmla="*/ 1243013 w 1685925"/>
                <a:gd name="connsiteY20" fmla="*/ 1300163 h 2843213"/>
                <a:gd name="connsiteX21" fmla="*/ 1343025 w 1685925"/>
                <a:gd name="connsiteY21" fmla="*/ 1357313 h 2843213"/>
                <a:gd name="connsiteX22" fmla="*/ 1471613 w 1685925"/>
                <a:gd name="connsiteY22" fmla="*/ 1371600 h 2843213"/>
                <a:gd name="connsiteX23" fmla="*/ 1571625 w 1685925"/>
                <a:gd name="connsiteY23" fmla="*/ 1428750 h 2843213"/>
                <a:gd name="connsiteX24" fmla="*/ 1643063 w 1685925"/>
                <a:gd name="connsiteY24" fmla="*/ 1500188 h 2843213"/>
                <a:gd name="connsiteX25" fmla="*/ 1685925 w 1685925"/>
                <a:gd name="connsiteY25" fmla="*/ 1528763 h 2843213"/>
                <a:gd name="connsiteX26" fmla="*/ 285750 w 1685925"/>
                <a:gd name="connsiteY26" fmla="*/ 2085975 h 2843213"/>
                <a:gd name="connsiteX27" fmla="*/ 471488 w 1685925"/>
                <a:gd name="connsiteY27" fmla="*/ 2471738 h 2843213"/>
                <a:gd name="connsiteX28" fmla="*/ 514350 w 1685925"/>
                <a:gd name="connsiteY28" fmla="*/ 2614613 h 2843213"/>
                <a:gd name="connsiteX29" fmla="*/ 557213 w 1685925"/>
                <a:gd name="connsiteY29" fmla="*/ 2714625 h 2843213"/>
                <a:gd name="connsiteX30" fmla="*/ 428625 w 1685925"/>
                <a:gd name="connsiteY30" fmla="*/ 2743200 h 2843213"/>
                <a:gd name="connsiteX31" fmla="*/ 257175 w 1685925"/>
                <a:gd name="connsiteY31" fmla="*/ 2771775 h 2843213"/>
                <a:gd name="connsiteX32" fmla="*/ 85725 w 1685925"/>
                <a:gd name="connsiteY32" fmla="*/ 2771775 h 2843213"/>
                <a:gd name="connsiteX33" fmla="*/ 0 w 1685925"/>
                <a:gd name="connsiteY33" fmla="*/ 2843213 h 28432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685925" h="2843213">
                  <a:moveTo>
                    <a:pt x="985838" y="0"/>
                  </a:moveTo>
                  <a:cubicBezTo>
                    <a:pt x="994768" y="20836"/>
                    <a:pt x="1038225" y="73819"/>
                    <a:pt x="1028700" y="100013"/>
                  </a:cubicBezTo>
                  <a:cubicBezTo>
                    <a:pt x="1019175" y="126207"/>
                    <a:pt x="964407" y="135732"/>
                    <a:pt x="928688" y="157163"/>
                  </a:cubicBezTo>
                  <a:cubicBezTo>
                    <a:pt x="892969" y="178594"/>
                    <a:pt x="838200" y="204788"/>
                    <a:pt x="814388" y="228600"/>
                  </a:cubicBezTo>
                  <a:cubicBezTo>
                    <a:pt x="790576" y="252412"/>
                    <a:pt x="797719" y="283369"/>
                    <a:pt x="785813" y="300038"/>
                  </a:cubicBezTo>
                  <a:cubicBezTo>
                    <a:pt x="773907" y="316707"/>
                    <a:pt x="747713" y="311944"/>
                    <a:pt x="742950" y="328613"/>
                  </a:cubicBezTo>
                  <a:cubicBezTo>
                    <a:pt x="738188" y="345282"/>
                    <a:pt x="766763" y="383381"/>
                    <a:pt x="757238" y="400050"/>
                  </a:cubicBezTo>
                  <a:cubicBezTo>
                    <a:pt x="747713" y="416719"/>
                    <a:pt x="697706" y="407194"/>
                    <a:pt x="685800" y="428625"/>
                  </a:cubicBezTo>
                  <a:cubicBezTo>
                    <a:pt x="673894" y="450056"/>
                    <a:pt x="669131" y="502444"/>
                    <a:pt x="685800" y="528638"/>
                  </a:cubicBezTo>
                  <a:cubicBezTo>
                    <a:pt x="702469" y="554832"/>
                    <a:pt x="766763" y="564357"/>
                    <a:pt x="785813" y="585788"/>
                  </a:cubicBezTo>
                  <a:cubicBezTo>
                    <a:pt x="804863" y="607219"/>
                    <a:pt x="802481" y="628650"/>
                    <a:pt x="800100" y="657225"/>
                  </a:cubicBezTo>
                  <a:cubicBezTo>
                    <a:pt x="797719" y="685800"/>
                    <a:pt x="771525" y="721519"/>
                    <a:pt x="771525" y="757238"/>
                  </a:cubicBezTo>
                  <a:cubicBezTo>
                    <a:pt x="771525" y="792957"/>
                    <a:pt x="783431" y="842963"/>
                    <a:pt x="800100" y="871538"/>
                  </a:cubicBezTo>
                  <a:cubicBezTo>
                    <a:pt x="816769" y="900113"/>
                    <a:pt x="850107" y="897732"/>
                    <a:pt x="871538" y="928688"/>
                  </a:cubicBezTo>
                  <a:cubicBezTo>
                    <a:pt x="892969" y="959644"/>
                    <a:pt x="923926" y="1031081"/>
                    <a:pt x="928688" y="1057275"/>
                  </a:cubicBezTo>
                  <a:cubicBezTo>
                    <a:pt x="933450" y="1083469"/>
                    <a:pt x="885826" y="1076325"/>
                    <a:pt x="900113" y="1085850"/>
                  </a:cubicBezTo>
                  <a:cubicBezTo>
                    <a:pt x="914400" y="1095375"/>
                    <a:pt x="983457" y="1102519"/>
                    <a:pt x="1014413" y="1114425"/>
                  </a:cubicBezTo>
                  <a:cubicBezTo>
                    <a:pt x="1045369" y="1126331"/>
                    <a:pt x="1073944" y="1140619"/>
                    <a:pt x="1085850" y="1157288"/>
                  </a:cubicBezTo>
                  <a:cubicBezTo>
                    <a:pt x="1097756" y="1173957"/>
                    <a:pt x="1073944" y="1193007"/>
                    <a:pt x="1085850" y="1214438"/>
                  </a:cubicBezTo>
                  <a:cubicBezTo>
                    <a:pt x="1097756" y="1235869"/>
                    <a:pt x="1131094" y="1271588"/>
                    <a:pt x="1157288" y="1285875"/>
                  </a:cubicBezTo>
                  <a:cubicBezTo>
                    <a:pt x="1183482" y="1300162"/>
                    <a:pt x="1212057" y="1288257"/>
                    <a:pt x="1243013" y="1300163"/>
                  </a:cubicBezTo>
                  <a:cubicBezTo>
                    <a:pt x="1273969" y="1312069"/>
                    <a:pt x="1304925" y="1345407"/>
                    <a:pt x="1343025" y="1357313"/>
                  </a:cubicBezTo>
                  <a:cubicBezTo>
                    <a:pt x="1381125" y="1369219"/>
                    <a:pt x="1433513" y="1359694"/>
                    <a:pt x="1471613" y="1371600"/>
                  </a:cubicBezTo>
                  <a:cubicBezTo>
                    <a:pt x="1509713" y="1383506"/>
                    <a:pt x="1543050" y="1407319"/>
                    <a:pt x="1571625" y="1428750"/>
                  </a:cubicBezTo>
                  <a:cubicBezTo>
                    <a:pt x="1600200" y="1450181"/>
                    <a:pt x="1624013" y="1483519"/>
                    <a:pt x="1643063" y="1500188"/>
                  </a:cubicBezTo>
                  <a:cubicBezTo>
                    <a:pt x="1662113" y="1516857"/>
                    <a:pt x="1635418" y="1475247"/>
                    <a:pt x="1685925" y="1528763"/>
                  </a:cubicBezTo>
                  <a:cubicBezTo>
                    <a:pt x="1459706" y="1626394"/>
                    <a:pt x="516731" y="1988344"/>
                    <a:pt x="285750" y="2085975"/>
                  </a:cubicBezTo>
                  <a:cubicBezTo>
                    <a:pt x="83344" y="2243138"/>
                    <a:pt x="433388" y="2383632"/>
                    <a:pt x="471488" y="2471738"/>
                  </a:cubicBezTo>
                  <a:cubicBezTo>
                    <a:pt x="509588" y="2559844"/>
                    <a:pt x="500063" y="2574132"/>
                    <a:pt x="514350" y="2614613"/>
                  </a:cubicBezTo>
                  <a:cubicBezTo>
                    <a:pt x="528637" y="2655094"/>
                    <a:pt x="571501" y="2693194"/>
                    <a:pt x="557213" y="2714625"/>
                  </a:cubicBezTo>
                  <a:cubicBezTo>
                    <a:pt x="542926" y="2736056"/>
                    <a:pt x="478631" y="2733675"/>
                    <a:pt x="428625" y="2743200"/>
                  </a:cubicBezTo>
                  <a:cubicBezTo>
                    <a:pt x="378619" y="2752725"/>
                    <a:pt x="314325" y="2767013"/>
                    <a:pt x="257175" y="2771775"/>
                  </a:cubicBezTo>
                  <a:cubicBezTo>
                    <a:pt x="200025" y="2776538"/>
                    <a:pt x="128587" y="2759869"/>
                    <a:pt x="85725" y="2771775"/>
                  </a:cubicBezTo>
                  <a:cubicBezTo>
                    <a:pt x="42863" y="2783681"/>
                    <a:pt x="21431" y="2813447"/>
                    <a:pt x="0" y="2843213"/>
                  </a:cubicBezTo>
                </a:path>
              </a:pathLst>
            </a:custGeom>
            <a:noFill/>
            <a:ln w="57150" cap="flat" cmpd="sng" algn="ctr">
              <a:solidFill>
                <a:schemeClr val="tx1"/>
              </a:solidFill>
              <a:prstDash val="sysDash"/>
              <a:round/>
              <a:headEnd type="none" w="med" len="med"/>
              <a:tailEnd type="none" w="med" len="med"/>
            </a:ln>
            <a:effectLst>
              <a:glow rad="101600">
                <a:schemeClr val="accent4">
                  <a:satMod val="175000"/>
                  <a:alpha val="40000"/>
                </a:schemeClr>
              </a:glow>
            </a:effectLst>
          </p:spPr>
          <p:txBody>
            <a:bodyPr anchor="ctr" anchorCtr="1"/>
            <a:lstStyle/>
            <a:p>
              <a:pPr algn="ctr" eaLnBrk="0" fontAlgn="auto" hangingPunct="0">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6" name="Freeform 15"/>
            <p:cNvSpPr/>
            <p:nvPr/>
          </p:nvSpPr>
          <p:spPr bwMode="auto">
            <a:xfrm>
              <a:off x="4544568" y="2650665"/>
              <a:ext cx="1900707" cy="2911935"/>
            </a:xfrm>
            <a:custGeom>
              <a:avLst/>
              <a:gdLst>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300038 w 1912144"/>
                <a:gd name="connsiteY41" fmla="*/ 2843212 h 3571875"/>
                <a:gd name="connsiteX42" fmla="*/ 471488 w 1912144"/>
                <a:gd name="connsiteY42" fmla="*/ 3200400 h 3571875"/>
                <a:gd name="connsiteX43" fmla="*/ 514350 w 1912144"/>
                <a:gd name="connsiteY43" fmla="*/ 3343275 h 3571875"/>
                <a:gd name="connsiteX44" fmla="*/ 557213 w 1912144"/>
                <a:gd name="connsiteY44" fmla="*/ 3443287 h 3571875"/>
                <a:gd name="connsiteX45" fmla="*/ 428625 w 1912144"/>
                <a:gd name="connsiteY45" fmla="*/ 3471862 h 3571875"/>
                <a:gd name="connsiteX46" fmla="*/ 257175 w 1912144"/>
                <a:gd name="connsiteY46" fmla="*/ 3500437 h 3571875"/>
                <a:gd name="connsiteX47" fmla="*/ 85725 w 1912144"/>
                <a:gd name="connsiteY47" fmla="*/ 3500437 h 3571875"/>
                <a:gd name="connsiteX48" fmla="*/ 0 w 1912144"/>
                <a:gd name="connsiteY48" fmla="*/ 3571875 h 3571875"/>
                <a:gd name="connsiteX0" fmla="*/ 571500 w 1912144"/>
                <a:gd name="connsiteY0" fmla="*/ 0 h 3571875"/>
                <a:gd name="connsiteX1" fmla="*/ 585788 w 1912144"/>
                <a:gd name="connsiteY1" fmla="*/ 114300 h 3571875"/>
                <a:gd name="connsiteX2" fmla="*/ 642938 w 1912144"/>
                <a:gd name="connsiteY2" fmla="*/ 200025 h 3571875"/>
                <a:gd name="connsiteX3" fmla="*/ 685800 w 1912144"/>
                <a:gd name="connsiteY3" fmla="*/ 271462 h 3571875"/>
                <a:gd name="connsiteX4" fmla="*/ 714375 w 1912144"/>
                <a:gd name="connsiteY4" fmla="*/ 342900 h 3571875"/>
                <a:gd name="connsiteX5" fmla="*/ 728663 w 1912144"/>
                <a:gd name="connsiteY5" fmla="*/ 428625 h 3571875"/>
                <a:gd name="connsiteX6" fmla="*/ 771525 w 1912144"/>
                <a:gd name="connsiteY6" fmla="*/ 471487 h 3571875"/>
                <a:gd name="connsiteX7" fmla="*/ 871538 w 1912144"/>
                <a:gd name="connsiteY7" fmla="*/ 557212 h 3571875"/>
                <a:gd name="connsiteX8" fmla="*/ 900113 w 1912144"/>
                <a:gd name="connsiteY8" fmla="*/ 600075 h 3571875"/>
                <a:gd name="connsiteX9" fmla="*/ 957263 w 1912144"/>
                <a:gd name="connsiteY9" fmla="*/ 642937 h 3571875"/>
                <a:gd name="connsiteX10" fmla="*/ 957263 w 1912144"/>
                <a:gd name="connsiteY10" fmla="*/ 685800 h 3571875"/>
                <a:gd name="connsiteX11" fmla="*/ 985838 w 1912144"/>
                <a:gd name="connsiteY11" fmla="*/ 728662 h 3571875"/>
                <a:gd name="connsiteX12" fmla="*/ 957263 w 1912144"/>
                <a:gd name="connsiteY12" fmla="*/ 771525 h 3571875"/>
                <a:gd name="connsiteX13" fmla="*/ 1000125 w 1912144"/>
                <a:gd name="connsiteY13" fmla="*/ 785812 h 3571875"/>
                <a:gd name="connsiteX14" fmla="*/ 1028700 w 1912144"/>
                <a:gd name="connsiteY14" fmla="*/ 828675 h 3571875"/>
                <a:gd name="connsiteX15" fmla="*/ 1028700 w 1912144"/>
                <a:gd name="connsiteY15" fmla="*/ 871537 h 3571875"/>
                <a:gd name="connsiteX16" fmla="*/ 928688 w 1912144"/>
                <a:gd name="connsiteY16" fmla="*/ 885825 h 3571875"/>
                <a:gd name="connsiteX17" fmla="*/ 814388 w 1912144"/>
                <a:gd name="connsiteY17" fmla="*/ 957262 h 3571875"/>
                <a:gd name="connsiteX18" fmla="*/ 785813 w 1912144"/>
                <a:gd name="connsiteY18" fmla="*/ 1028700 h 3571875"/>
                <a:gd name="connsiteX19" fmla="*/ 742950 w 1912144"/>
                <a:gd name="connsiteY19" fmla="*/ 1057275 h 3571875"/>
                <a:gd name="connsiteX20" fmla="*/ 757238 w 1912144"/>
                <a:gd name="connsiteY20" fmla="*/ 1128712 h 3571875"/>
                <a:gd name="connsiteX21" fmla="*/ 685800 w 1912144"/>
                <a:gd name="connsiteY21" fmla="*/ 1157287 h 3571875"/>
                <a:gd name="connsiteX22" fmla="*/ 685800 w 1912144"/>
                <a:gd name="connsiteY22" fmla="*/ 1257300 h 3571875"/>
                <a:gd name="connsiteX23" fmla="*/ 785813 w 1912144"/>
                <a:gd name="connsiteY23" fmla="*/ 1314450 h 3571875"/>
                <a:gd name="connsiteX24" fmla="*/ 800100 w 1912144"/>
                <a:gd name="connsiteY24" fmla="*/ 1385887 h 3571875"/>
                <a:gd name="connsiteX25" fmla="*/ 771525 w 1912144"/>
                <a:gd name="connsiteY25" fmla="*/ 1485900 h 3571875"/>
                <a:gd name="connsiteX26" fmla="*/ 800100 w 1912144"/>
                <a:gd name="connsiteY26" fmla="*/ 1600200 h 3571875"/>
                <a:gd name="connsiteX27" fmla="*/ 871538 w 1912144"/>
                <a:gd name="connsiteY27" fmla="*/ 1657350 h 3571875"/>
                <a:gd name="connsiteX28" fmla="*/ 928688 w 1912144"/>
                <a:gd name="connsiteY28" fmla="*/ 1785937 h 3571875"/>
                <a:gd name="connsiteX29" fmla="*/ 900113 w 1912144"/>
                <a:gd name="connsiteY29" fmla="*/ 1814512 h 3571875"/>
                <a:gd name="connsiteX30" fmla="*/ 1014413 w 1912144"/>
                <a:gd name="connsiteY30" fmla="*/ 1843087 h 3571875"/>
                <a:gd name="connsiteX31" fmla="*/ 1085850 w 1912144"/>
                <a:gd name="connsiteY31" fmla="*/ 1885950 h 3571875"/>
                <a:gd name="connsiteX32" fmla="*/ 1085850 w 1912144"/>
                <a:gd name="connsiteY32" fmla="*/ 1943100 h 3571875"/>
                <a:gd name="connsiteX33" fmla="*/ 1157288 w 1912144"/>
                <a:gd name="connsiteY33" fmla="*/ 2014537 h 3571875"/>
                <a:gd name="connsiteX34" fmla="*/ 1243013 w 1912144"/>
                <a:gd name="connsiteY34" fmla="*/ 2028825 h 3571875"/>
                <a:gd name="connsiteX35" fmla="*/ 1343025 w 1912144"/>
                <a:gd name="connsiteY35" fmla="*/ 2085975 h 3571875"/>
                <a:gd name="connsiteX36" fmla="*/ 1471613 w 1912144"/>
                <a:gd name="connsiteY36" fmla="*/ 2100262 h 3571875"/>
                <a:gd name="connsiteX37" fmla="*/ 1571625 w 1912144"/>
                <a:gd name="connsiteY37" fmla="*/ 2157412 h 3571875"/>
                <a:gd name="connsiteX38" fmla="*/ 1643063 w 1912144"/>
                <a:gd name="connsiteY38" fmla="*/ 2228850 h 3571875"/>
                <a:gd name="connsiteX39" fmla="*/ 1685925 w 1912144"/>
                <a:gd name="connsiteY39" fmla="*/ 2257425 h 3571875"/>
                <a:gd name="connsiteX40" fmla="*/ 285750 w 1912144"/>
                <a:gd name="connsiteY40" fmla="*/ 2814637 h 3571875"/>
                <a:gd name="connsiteX41" fmla="*/ 471488 w 1912144"/>
                <a:gd name="connsiteY41" fmla="*/ 3200400 h 3571875"/>
                <a:gd name="connsiteX42" fmla="*/ 514350 w 1912144"/>
                <a:gd name="connsiteY42" fmla="*/ 3343275 h 3571875"/>
                <a:gd name="connsiteX43" fmla="*/ 557213 w 1912144"/>
                <a:gd name="connsiteY43" fmla="*/ 3443287 h 3571875"/>
                <a:gd name="connsiteX44" fmla="*/ 428625 w 1912144"/>
                <a:gd name="connsiteY44" fmla="*/ 3471862 h 3571875"/>
                <a:gd name="connsiteX45" fmla="*/ 257175 w 1912144"/>
                <a:gd name="connsiteY45" fmla="*/ 3500437 h 3571875"/>
                <a:gd name="connsiteX46" fmla="*/ 85725 w 1912144"/>
                <a:gd name="connsiteY46" fmla="*/ 3500437 h 3571875"/>
                <a:gd name="connsiteX47" fmla="*/ 0 w 1912144"/>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257425 h 3571875"/>
                <a:gd name="connsiteX40" fmla="*/ 285750 w 1685925"/>
                <a:gd name="connsiteY40" fmla="*/ 2814637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8 w 1685925"/>
                <a:gd name="connsiteY41" fmla="*/ 2925489 h 3571875"/>
                <a:gd name="connsiteX42" fmla="*/ 471488 w 1685925"/>
                <a:gd name="connsiteY42" fmla="*/ 3200400 h 3571875"/>
                <a:gd name="connsiteX43" fmla="*/ 514350 w 1685925"/>
                <a:gd name="connsiteY43" fmla="*/ 3343275 h 3571875"/>
                <a:gd name="connsiteX44" fmla="*/ 557213 w 1685925"/>
                <a:gd name="connsiteY44" fmla="*/ 3443287 h 3571875"/>
                <a:gd name="connsiteX45" fmla="*/ 428625 w 1685925"/>
                <a:gd name="connsiteY45" fmla="*/ 3471862 h 3571875"/>
                <a:gd name="connsiteX46" fmla="*/ 257175 w 1685925"/>
                <a:gd name="connsiteY46" fmla="*/ 3500437 h 3571875"/>
                <a:gd name="connsiteX47" fmla="*/ 85725 w 1685925"/>
                <a:gd name="connsiteY47" fmla="*/ 3500437 h 3571875"/>
                <a:gd name="connsiteX48" fmla="*/ 0 w 1685925"/>
                <a:gd name="connsiteY48"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8 w 1685925"/>
                <a:gd name="connsiteY41" fmla="*/ 2925489 h 3571875"/>
                <a:gd name="connsiteX42" fmla="*/ 229518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229518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229518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229519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229519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229519 w 1685925"/>
                <a:gd name="connsiteY42" fmla="*/ 2989229 h 3571875"/>
                <a:gd name="connsiteX43" fmla="*/ 471488 w 1685925"/>
                <a:gd name="connsiteY43" fmla="*/ 3200400 h 3571875"/>
                <a:gd name="connsiteX44" fmla="*/ 514350 w 1685925"/>
                <a:gd name="connsiteY44" fmla="*/ 3343275 h 3571875"/>
                <a:gd name="connsiteX45" fmla="*/ 557213 w 1685925"/>
                <a:gd name="connsiteY45" fmla="*/ 3443287 h 3571875"/>
                <a:gd name="connsiteX46" fmla="*/ 428625 w 1685925"/>
                <a:gd name="connsiteY46" fmla="*/ 3471862 h 3571875"/>
                <a:gd name="connsiteX47" fmla="*/ 257175 w 1685925"/>
                <a:gd name="connsiteY47" fmla="*/ 3500437 h 3571875"/>
                <a:gd name="connsiteX48" fmla="*/ 85725 w 1685925"/>
                <a:gd name="connsiteY48" fmla="*/ 3500437 h 3571875"/>
                <a:gd name="connsiteX49" fmla="*/ 0 w 1685925"/>
                <a:gd name="connsiteY49"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229519 w 1685925"/>
                <a:gd name="connsiteY41" fmla="*/ 3028454 h 3571875"/>
                <a:gd name="connsiteX42" fmla="*/ 471488 w 1685925"/>
                <a:gd name="connsiteY42" fmla="*/ 3200400 h 3571875"/>
                <a:gd name="connsiteX43" fmla="*/ 514350 w 1685925"/>
                <a:gd name="connsiteY43" fmla="*/ 3343275 h 3571875"/>
                <a:gd name="connsiteX44" fmla="*/ 557213 w 1685925"/>
                <a:gd name="connsiteY44" fmla="*/ 3443287 h 3571875"/>
                <a:gd name="connsiteX45" fmla="*/ 428625 w 1685925"/>
                <a:gd name="connsiteY45" fmla="*/ 3471862 h 3571875"/>
                <a:gd name="connsiteX46" fmla="*/ 257175 w 1685925"/>
                <a:gd name="connsiteY46" fmla="*/ 3500437 h 3571875"/>
                <a:gd name="connsiteX47" fmla="*/ 85725 w 1685925"/>
                <a:gd name="connsiteY47" fmla="*/ 3500437 h 3571875"/>
                <a:gd name="connsiteX48" fmla="*/ 0 w 1685925"/>
                <a:gd name="connsiteY48"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85750 w 1685925"/>
                <a:gd name="connsiteY40" fmla="*/ 2814637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10468 w 1685925"/>
                <a:gd name="connsiteY40" fmla="*/ 2920996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571875"/>
                <a:gd name="connsiteX1" fmla="*/ 585788 w 1685925"/>
                <a:gd name="connsiteY1" fmla="*/ 114300 h 3571875"/>
                <a:gd name="connsiteX2" fmla="*/ 642938 w 1685925"/>
                <a:gd name="connsiteY2" fmla="*/ 200025 h 3571875"/>
                <a:gd name="connsiteX3" fmla="*/ 685800 w 1685925"/>
                <a:gd name="connsiteY3" fmla="*/ 271462 h 3571875"/>
                <a:gd name="connsiteX4" fmla="*/ 714375 w 1685925"/>
                <a:gd name="connsiteY4" fmla="*/ 342900 h 3571875"/>
                <a:gd name="connsiteX5" fmla="*/ 728663 w 1685925"/>
                <a:gd name="connsiteY5" fmla="*/ 428625 h 3571875"/>
                <a:gd name="connsiteX6" fmla="*/ 771525 w 1685925"/>
                <a:gd name="connsiteY6" fmla="*/ 471487 h 3571875"/>
                <a:gd name="connsiteX7" fmla="*/ 871538 w 1685925"/>
                <a:gd name="connsiteY7" fmla="*/ 557212 h 3571875"/>
                <a:gd name="connsiteX8" fmla="*/ 900113 w 1685925"/>
                <a:gd name="connsiteY8" fmla="*/ 600075 h 3571875"/>
                <a:gd name="connsiteX9" fmla="*/ 957263 w 1685925"/>
                <a:gd name="connsiteY9" fmla="*/ 642937 h 3571875"/>
                <a:gd name="connsiteX10" fmla="*/ 957263 w 1685925"/>
                <a:gd name="connsiteY10" fmla="*/ 685800 h 3571875"/>
                <a:gd name="connsiteX11" fmla="*/ 985838 w 1685925"/>
                <a:gd name="connsiteY11" fmla="*/ 728662 h 3571875"/>
                <a:gd name="connsiteX12" fmla="*/ 957263 w 1685925"/>
                <a:gd name="connsiteY12" fmla="*/ 771525 h 3571875"/>
                <a:gd name="connsiteX13" fmla="*/ 1000125 w 1685925"/>
                <a:gd name="connsiteY13" fmla="*/ 785812 h 3571875"/>
                <a:gd name="connsiteX14" fmla="*/ 1028700 w 1685925"/>
                <a:gd name="connsiteY14" fmla="*/ 828675 h 3571875"/>
                <a:gd name="connsiteX15" fmla="*/ 1028700 w 1685925"/>
                <a:gd name="connsiteY15" fmla="*/ 871537 h 3571875"/>
                <a:gd name="connsiteX16" fmla="*/ 928688 w 1685925"/>
                <a:gd name="connsiteY16" fmla="*/ 885825 h 3571875"/>
                <a:gd name="connsiteX17" fmla="*/ 814388 w 1685925"/>
                <a:gd name="connsiteY17" fmla="*/ 957262 h 3571875"/>
                <a:gd name="connsiteX18" fmla="*/ 785813 w 1685925"/>
                <a:gd name="connsiteY18" fmla="*/ 1028700 h 3571875"/>
                <a:gd name="connsiteX19" fmla="*/ 742950 w 1685925"/>
                <a:gd name="connsiteY19" fmla="*/ 1057275 h 3571875"/>
                <a:gd name="connsiteX20" fmla="*/ 757238 w 1685925"/>
                <a:gd name="connsiteY20" fmla="*/ 1128712 h 3571875"/>
                <a:gd name="connsiteX21" fmla="*/ 685800 w 1685925"/>
                <a:gd name="connsiteY21" fmla="*/ 1157287 h 3571875"/>
                <a:gd name="connsiteX22" fmla="*/ 685800 w 1685925"/>
                <a:gd name="connsiteY22" fmla="*/ 1257300 h 3571875"/>
                <a:gd name="connsiteX23" fmla="*/ 785813 w 1685925"/>
                <a:gd name="connsiteY23" fmla="*/ 1314450 h 3571875"/>
                <a:gd name="connsiteX24" fmla="*/ 800100 w 1685925"/>
                <a:gd name="connsiteY24" fmla="*/ 1385887 h 3571875"/>
                <a:gd name="connsiteX25" fmla="*/ 771525 w 1685925"/>
                <a:gd name="connsiteY25" fmla="*/ 1485900 h 3571875"/>
                <a:gd name="connsiteX26" fmla="*/ 800100 w 1685925"/>
                <a:gd name="connsiteY26" fmla="*/ 1600200 h 3571875"/>
                <a:gd name="connsiteX27" fmla="*/ 871538 w 1685925"/>
                <a:gd name="connsiteY27" fmla="*/ 1657350 h 3571875"/>
                <a:gd name="connsiteX28" fmla="*/ 928688 w 1685925"/>
                <a:gd name="connsiteY28" fmla="*/ 1785937 h 3571875"/>
                <a:gd name="connsiteX29" fmla="*/ 900113 w 1685925"/>
                <a:gd name="connsiteY29" fmla="*/ 1814512 h 3571875"/>
                <a:gd name="connsiteX30" fmla="*/ 1014413 w 1685925"/>
                <a:gd name="connsiteY30" fmla="*/ 1843087 h 3571875"/>
                <a:gd name="connsiteX31" fmla="*/ 1085850 w 1685925"/>
                <a:gd name="connsiteY31" fmla="*/ 1885950 h 3571875"/>
                <a:gd name="connsiteX32" fmla="*/ 1085850 w 1685925"/>
                <a:gd name="connsiteY32" fmla="*/ 1943100 h 3571875"/>
                <a:gd name="connsiteX33" fmla="*/ 1157288 w 1685925"/>
                <a:gd name="connsiteY33" fmla="*/ 2014537 h 3571875"/>
                <a:gd name="connsiteX34" fmla="*/ 1243013 w 1685925"/>
                <a:gd name="connsiteY34" fmla="*/ 2028825 h 3571875"/>
                <a:gd name="connsiteX35" fmla="*/ 1343025 w 1685925"/>
                <a:gd name="connsiteY35" fmla="*/ 2085975 h 3571875"/>
                <a:gd name="connsiteX36" fmla="*/ 1471613 w 1685925"/>
                <a:gd name="connsiteY36" fmla="*/ 2100262 h 3571875"/>
                <a:gd name="connsiteX37" fmla="*/ 1571625 w 1685925"/>
                <a:gd name="connsiteY37" fmla="*/ 2157412 h 3571875"/>
                <a:gd name="connsiteX38" fmla="*/ 1643063 w 1685925"/>
                <a:gd name="connsiteY38" fmla="*/ 2228850 h 3571875"/>
                <a:gd name="connsiteX39" fmla="*/ 1685925 w 1685925"/>
                <a:gd name="connsiteY39" fmla="*/ 2334239 h 3571875"/>
                <a:gd name="connsiteX40" fmla="*/ 210468 w 1685925"/>
                <a:gd name="connsiteY40" fmla="*/ 2920996 h 3571875"/>
                <a:gd name="connsiteX41" fmla="*/ 471488 w 1685925"/>
                <a:gd name="connsiteY41" fmla="*/ 3200400 h 3571875"/>
                <a:gd name="connsiteX42" fmla="*/ 514350 w 1685925"/>
                <a:gd name="connsiteY42" fmla="*/ 3343275 h 3571875"/>
                <a:gd name="connsiteX43" fmla="*/ 557213 w 1685925"/>
                <a:gd name="connsiteY43" fmla="*/ 3443287 h 3571875"/>
                <a:gd name="connsiteX44" fmla="*/ 428625 w 1685925"/>
                <a:gd name="connsiteY44" fmla="*/ 3471862 h 3571875"/>
                <a:gd name="connsiteX45" fmla="*/ 257175 w 1685925"/>
                <a:gd name="connsiteY45" fmla="*/ 3500437 h 3571875"/>
                <a:gd name="connsiteX46" fmla="*/ 85725 w 1685925"/>
                <a:gd name="connsiteY46" fmla="*/ 3500437 h 3571875"/>
                <a:gd name="connsiteX47" fmla="*/ 0 w 1685925"/>
                <a:gd name="connsiteY47" fmla="*/ 3571875 h 3571875"/>
                <a:gd name="connsiteX0" fmla="*/ 571500 w 1685925"/>
                <a:gd name="connsiteY0" fmla="*/ 0 h 3620422"/>
                <a:gd name="connsiteX1" fmla="*/ 585788 w 1685925"/>
                <a:gd name="connsiteY1" fmla="*/ 114300 h 3620422"/>
                <a:gd name="connsiteX2" fmla="*/ 642938 w 1685925"/>
                <a:gd name="connsiteY2" fmla="*/ 200025 h 3620422"/>
                <a:gd name="connsiteX3" fmla="*/ 685800 w 1685925"/>
                <a:gd name="connsiteY3" fmla="*/ 271462 h 3620422"/>
                <a:gd name="connsiteX4" fmla="*/ 714375 w 1685925"/>
                <a:gd name="connsiteY4" fmla="*/ 342900 h 3620422"/>
                <a:gd name="connsiteX5" fmla="*/ 728663 w 1685925"/>
                <a:gd name="connsiteY5" fmla="*/ 428625 h 3620422"/>
                <a:gd name="connsiteX6" fmla="*/ 771525 w 1685925"/>
                <a:gd name="connsiteY6" fmla="*/ 471487 h 3620422"/>
                <a:gd name="connsiteX7" fmla="*/ 871538 w 1685925"/>
                <a:gd name="connsiteY7" fmla="*/ 557212 h 3620422"/>
                <a:gd name="connsiteX8" fmla="*/ 900113 w 1685925"/>
                <a:gd name="connsiteY8" fmla="*/ 600075 h 3620422"/>
                <a:gd name="connsiteX9" fmla="*/ 957263 w 1685925"/>
                <a:gd name="connsiteY9" fmla="*/ 642937 h 3620422"/>
                <a:gd name="connsiteX10" fmla="*/ 957263 w 1685925"/>
                <a:gd name="connsiteY10" fmla="*/ 685800 h 3620422"/>
                <a:gd name="connsiteX11" fmla="*/ 985838 w 1685925"/>
                <a:gd name="connsiteY11" fmla="*/ 728662 h 3620422"/>
                <a:gd name="connsiteX12" fmla="*/ 957263 w 1685925"/>
                <a:gd name="connsiteY12" fmla="*/ 771525 h 3620422"/>
                <a:gd name="connsiteX13" fmla="*/ 1000125 w 1685925"/>
                <a:gd name="connsiteY13" fmla="*/ 785812 h 3620422"/>
                <a:gd name="connsiteX14" fmla="*/ 1028700 w 1685925"/>
                <a:gd name="connsiteY14" fmla="*/ 828675 h 3620422"/>
                <a:gd name="connsiteX15" fmla="*/ 1028700 w 1685925"/>
                <a:gd name="connsiteY15" fmla="*/ 871537 h 3620422"/>
                <a:gd name="connsiteX16" fmla="*/ 928688 w 1685925"/>
                <a:gd name="connsiteY16" fmla="*/ 885825 h 3620422"/>
                <a:gd name="connsiteX17" fmla="*/ 814388 w 1685925"/>
                <a:gd name="connsiteY17" fmla="*/ 957262 h 3620422"/>
                <a:gd name="connsiteX18" fmla="*/ 785813 w 1685925"/>
                <a:gd name="connsiteY18" fmla="*/ 1028700 h 3620422"/>
                <a:gd name="connsiteX19" fmla="*/ 742950 w 1685925"/>
                <a:gd name="connsiteY19" fmla="*/ 1057275 h 3620422"/>
                <a:gd name="connsiteX20" fmla="*/ 757238 w 1685925"/>
                <a:gd name="connsiteY20" fmla="*/ 1128712 h 3620422"/>
                <a:gd name="connsiteX21" fmla="*/ 685800 w 1685925"/>
                <a:gd name="connsiteY21" fmla="*/ 1157287 h 3620422"/>
                <a:gd name="connsiteX22" fmla="*/ 685800 w 1685925"/>
                <a:gd name="connsiteY22" fmla="*/ 1257300 h 3620422"/>
                <a:gd name="connsiteX23" fmla="*/ 785813 w 1685925"/>
                <a:gd name="connsiteY23" fmla="*/ 1314450 h 3620422"/>
                <a:gd name="connsiteX24" fmla="*/ 800100 w 1685925"/>
                <a:gd name="connsiteY24" fmla="*/ 1385887 h 3620422"/>
                <a:gd name="connsiteX25" fmla="*/ 771525 w 1685925"/>
                <a:gd name="connsiteY25" fmla="*/ 1485900 h 3620422"/>
                <a:gd name="connsiteX26" fmla="*/ 800100 w 1685925"/>
                <a:gd name="connsiteY26" fmla="*/ 1600200 h 3620422"/>
                <a:gd name="connsiteX27" fmla="*/ 871538 w 1685925"/>
                <a:gd name="connsiteY27" fmla="*/ 1657350 h 3620422"/>
                <a:gd name="connsiteX28" fmla="*/ 928688 w 1685925"/>
                <a:gd name="connsiteY28" fmla="*/ 1785937 h 3620422"/>
                <a:gd name="connsiteX29" fmla="*/ 900113 w 1685925"/>
                <a:gd name="connsiteY29" fmla="*/ 1814512 h 3620422"/>
                <a:gd name="connsiteX30" fmla="*/ 1014413 w 1685925"/>
                <a:gd name="connsiteY30" fmla="*/ 1843087 h 3620422"/>
                <a:gd name="connsiteX31" fmla="*/ 1085850 w 1685925"/>
                <a:gd name="connsiteY31" fmla="*/ 1885950 h 3620422"/>
                <a:gd name="connsiteX32" fmla="*/ 1085850 w 1685925"/>
                <a:gd name="connsiteY32" fmla="*/ 1943100 h 3620422"/>
                <a:gd name="connsiteX33" fmla="*/ 1157288 w 1685925"/>
                <a:gd name="connsiteY33" fmla="*/ 2014537 h 3620422"/>
                <a:gd name="connsiteX34" fmla="*/ 1243013 w 1685925"/>
                <a:gd name="connsiteY34" fmla="*/ 2028825 h 3620422"/>
                <a:gd name="connsiteX35" fmla="*/ 1343025 w 1685925"/>
                <a:gd name="connsiteY35" fmla="*/ 2085975 h 3620422"/>
                <a:gd name="connsiteX36" fmla="*/ 1471613 w 1685925"/>
                <a:gd name="connsiteY36" fmla="*/ 2100262 h 3620422"/>
                <a:gd name="connsiteX37" fmla="*/ 1571625 w 1685925"/>
                <a:gd name="connsiteY37" fmla="*/ 2157412 h 3620422"/>
                <a:gd name="connsiteX38" fmla="*/ 1643063 w 1685925"/>
                <a:gd name="connsiteY38" fmla="*/ 2228850 h 3620422"/>
                <a:gd name="connsiteX39" fmla="*/ 1685925 w 1685925"/>
                <a:gd name="connsiteY39" fmla="*/ 2334239 h 3620422"/>
                <a:gd name="connsiteX40" fmla="*/ 210468 w 1685925"/>
                <a:gd name="connsiteY40" fmla="*/ 2920996 h 3620422"/>
                <a:gd name="connsiteX41" fmla="*/ 471488 w 1685925"/>
                <a:gd name="connsiteY41" fmla="*/ 3200400 h 3620422"/>
                <a:gd name="connsiteX42" fmla="*/ 514350 w 1685925"/>
                <a:gd name="connsiteY42" fmla="*/ 3343275 h 3620422"/>
                <a:gd name="connsiteX43" fmla="*/ 557213 w 1685925"/>
                <a:gd name="connsiteY43" fmla="*/ 3443287 h 3620422"/>
                <a:gd name="connsiteX44" fmla="*/ 428625 w 1685925"/>
                <a:gd name="connsiteY44" fmla="*/ 3471862 h 3620422"/>
                <a:gd name="connsiteX45" fmla="*/ 257176 w 1685925"/>
                <a:gd name="connsiteY45" fmla="*/ 3615659 h 3620422"/>
                <a:gd name="connsiteX46" fmla="*/ 85725 w 1685925"/>
                <a:gd name="connsiteY46" fmla="*/ 3500437 h 3620422"/>
                <a:gd name="connsiteX47" fmla="*/ 0 w 1685925"/>
                <a:gd name="connsiteY47" fmla="*/ 3571875 h 3620422"/>
                <a:gd name="connsiteX0" fmla="*/ 571500 w 1685925"/>
                <a:gd name="connsiteY0" fmla="*/ 0 h 3623699"/>
                <a:gd name="connsiteX1" fmla="*/ 585788 w 1685925"/>
                <a:gd name="connsiteY1" fmla="*/ 114300 h 3623699"/>
                <a:gd name="connsiteX2" fmla="*/ 642938 w 1685925"/>
                <a:gd name="connsiteY2" fmla="*/ 200025 h 3623699"/>
                <a:gd name="connsiteX3" fmla="*/ 685800 w 1685925"/>
                <a:gd name="connsiteY3" fmla="*/ 271462 h 3623699"/>
                <a:gd name="connsiteX4" fmla="*/ 714375 w 1685925"/>
                <a:gd name="connsiteY4" fmla="*/ 342900 h 3623699"/>
                <a:gd name="connsiteX5" fmla="*/ 728663 w 1685925"/>
                <a:gd name="connsiteY5" fmla="*/ 428625 h 3623699"/>
                <a:gd name="connsiteX6" fmla="*/ 771525 w 1685925"/>
                <a:gd name="connsiteY6" fmla="*/ 471487 h 3623699"/>
                <a:gd name="connsiteX7" fmla="*/ 871538 w 1685925"/>
                <a:gd name="connsiteY7" fmla="*/ 557212 h 3623699"/>
                <a:gd name="connsiteX8" fmla="*/ 900113 w 1685925"/>
                <a:gd name="connsiteY8" fmla="*/ 600075 h 3623699"/>
                <a:gd name="connsiteX9" fmla="*/ 957263 w 1685925"/>
                <a:gd name="connsiteY9" fmla="*/ 642937 h 3623699"/>
                <a:gd name="connsiteX10" fmla="*/ 957263 w 1685925"/>
                <a:gd name="connsiteY10" fmla="*/ 685800 h 3623699"/>
                <a:gd name="connsiteX11" fmla="*/ 985838 w 1685925"/>
                <a:gd name="connsiteY11" fmla="*/ 728662 h 3623699"/>
                <a:gd name="connsiteX12" fmla="*/ 957263 w 1685925"/>
                <a:gd name="connsiteY12" fmla="*/ 771525 h 3623699"/>
                <a:gd name="connsiteX13" fmla="*/ 1000125 w 1685925"/>
                <a:gd name="connsiteY13" fmla="*/ 785812 h 3623699"/>
                <a:gd name="connsiteX14" fmla="*/ 1028700 w 1685925"/>
                <a:gd name="connsiteY14" fmla="*/ 828675 h 3623699"/>
                <a:gd name="connsiteX15" fmla="*/ 1028700 w 1685925"/>
                <a:gd name="connsiteY15" fmla="*/ 871537 h 3623699"/>
                <a:gd name="connsiteX16" fmla="*/ 928688 w 1685925"/>
                <a:gd name="connsiteY16" fmla="*/ 885825 h 3623699"/>
                <a:gd name="connsiteX17" fmla="*/ 814388 w 1685925"/>
                <a:gd name="connsiteY17" fmla="*/ 957262 h 3623699"/>
                <a:gd name="connsiteX18" fmla="*/ 785813 w 1685925"/>
                <a:gd name="connsiteY18" fmla="*/ 1028700 h 3623699"/>
                <a:gd name="connsiteX19" fmla="*/ 742950 w 1685925"/>
                <a:gd name="connsiteY19" fmla="*/ 1057275 h 3623699"/>
                <a:gd name="connsiteX20" fmla="*/ 757238 w 1685925"/>
                <a:gd name="connsiteY20" fmla="*/ 1128712 h 3623699"/>
                <a:gd name="connsiteX21" fmla="*/ 685800 w 1685925"/>
                <a:gd name="connsiteY21" fmla="*/ 1157287 h 3623699"/>
                <a:gd name="connsiteX22" fmla="*/ 685800 w 1685925"/>
                <a:gd name="connsiteY22" fmla="*/ 1257300 h 3623699"/>
                <a:gd name="connsiteX23" fmla="*/ 785813 w 1685925"/>
                <a:gd name="connsiteY23" fmla="*/ 1314450 h 3623699"/>
                <a:gd name="connsiteX24" fmla="*/ 800100 w 1685925"/>
                <a:gd name="connsiteY24" fmla="*/ 1385887 h 3623699"/>
                <a:gd name="connsiteX25" fmla="*/ 771525 w 1685925"/>
                <a:gd name="connsiteY25" fmla="*/ 1485900 h 3623699"/>
                <a:gd name="connsiteX26" fmla="*/ 800100 w 1685925"/>
                <a:gd name="connsiteY26" fmla="*/ 1600200 h 3623699"/>
                <a:gd name="connsiteX27" fmla="*/ 871538 w 1685925"/>
                <a:gd name="connsiteY27" fmla="*/ 1657350 h 3623699"/>
                <a:gd name="connsiteX28" fmla="*/ 928688 w 1685925"/>
                <a:gd name="connsiteY28" fmla="*/ 1785937 h 3623699"/>
                <a:gd name="connsiteX29" fmla="*/ 900113 w 1685925"/>
                <a:gd name="connsiteY29" fmla="*/ 1814512 h 3623699"/>
                <a:gd name="connsiteX30" fmla="*/ 1014413 w 1685925"/>
                <a:gd name="connsiteY30" fmla="*/ 1843087 h 3623699"/>
                <a:gd name="connsiteX31" fmla="*/ 1085850 w 1685925"/>
                <a:gd name="connsiteY31" fmla="*/ 1885950 h 3623699"/>
                <a:gd name="connsiteX32" fmla="*/ 1085850 w 1685925"/>
                <a:gd name="connsiteY32" fmla="*/ 1943100 h 3623699"/>
                <a:gd name="connsiteX33" fmla="*/ 1157288 w 1685925"/>
                <a:gd name="connsiteY33" fmla="*/ 2014537 h 3623699"/>
                <a:gd name="connsiteX34" fmla="*/ 1243013 w 1685925"/>
                <a:gd name="connsiteY34" fmla="*/ 2028825 h 3623699"/>
                <a:gd name="connsiteX35" fmla="*/ 1343025 w 1685925"/>
                <a:gd name="connsiteY35" fmla="*/ 2085975 h 3623699"/>
                <a:gd name="connsiteX36" fmla="*/ 1471613 w 1685925"/>
                <a:gd name="connsiteY36" fmla="*/ 2100262 h 3623699"/>
                <a:gd name="connsiteX37" fmla="*/ 1571625 w 1685925"/>
                <a:gd name="connsiteY37" fmla="*/ 2157412 h 3623699"/>
                <a:gd name="connsiteX38" fmla="*/ 1643063 w 1685925"/>
                <a:gd name="connsiteY38" fmla="*/ 2228850 h 3623699"/>
                <a:gd name="connsiteX39" fmla="*/ 1685925 w 1685925"/>
                <a:gd name="connsiteY39" fmla="*/ 2334239 h 3623699"/>
                <a:gd name="connsiteX40" fmla="*/ 210468 w 1685925"/>
                <a:gd name="connsiteY40" fmla="*/ 2920996 h 3623699"/>
                <a:gd name="connsiteX41" fmla="*/ 471488 w 1685925"/>
                <a:gd name="connsiteY41" fmla="*/ 3200400 h 3623699"/>
                <a:gd name="connsiteX42" fmla="*/ 514350 w 1685925"/>
                <a:gd name="connsiteY42" fmla="*/ 3343275 h 3623699"/>
                <a:gd name="connsiteX43" fmla="*/ 557213 w 1685925"/>
                <a:gd name="connsiteY43" fmla="*/ 3443287 h 3623699"/>
                <a:gd name="connsiteX44" fmla="*/ 428625 w 1685925"/>
                <a:gd name="connsiteY44" fmla="*/ 3548677 h 3623699"/>
                <a:gd name="connsiteX45" fmla="*/ 257176 w 1685925"/>
                <a:gd name="connsiteY45" fmla="*/ 3615659 h 3623699"/>
                <a:gd name="connsiteX46" fmla="*/ 85725 w 1685925"/>
                <a:gd name="connsiteY46" fmla="*/ 3500437 h 3623699"/>
                <a:gd name="connsiteX47" fmla="*/ 0 w 1685925"/>
                <a:gd name="connsiteY47" fmla="*/ 3571875 h 3623699"/>
                <a:gd name="connsiteX0" fmla="*/ 665603 w 1780028"/>
                <a:gd name="connsiteY0" fmla="*/ 0 h 3703558"/>
                <a:gd name="connsiteX1" fmla="*/ 679891 w 1780028"/>
                <a:gd name="connsiteY1" fmla="*/ 114300 h 3703558"/>
                <a:gd name="connsiteX2" fmla="*/ 737041 w 1780028"/>
                <a:gd name="connsiteY2" fmla="*/ 200025 h 3703558"/>
                <a:gd name="connsiteX3" fmla="*/ 779903 w 1780028"/>
                <a:gd name="connsiteY3" fmla="*/ 271462 h 3703558"/>
                <a:gd name="connsiteX4" fmla="*/ 808478 w 1780028"/>
                <a:gd name="connsiteY4" fmla="*/ 342900 h 3703558"/>
                <a:gd name="connsiteX5" fmla="*/ 822766 w 1780028"/>
                <a:gd name="connsiteY5" fmla="*/ 428625 h 3703558"/>
                <a:gd name="connsiteX6" fmla="*/ 865628 w 1780028"/>
                <a:gd name="connsiteY6" fmla="*/ 471487 h 3703558"/>
                <a:gd name="connsiteX7" fmla="*/ 965641 w 1780028"/>
                <a:gd name="connsiteY7" fmla="*/ 557212 h 3703558"/>
                <a:gd name="connsiteX8" fmla="*/ 994216 w 1780028"/>
                <a:gd name="connsiteY8" fmla="*/ 600075 h 3703558"/>
                <a:gd name="connsiteX9" fmla="*/ 1051366 w 1780028"/>
                <a:gd name="connsiteY9" fmla="*/ 642937 h 3703558"/>
                <a:gd name="connsiteX10" fmla="*/ 1051366 w 1780028"/>
                <a:gd name="connsiteY10" fmla="*/ 685800 h 3703558"/>
                <a:gd name="connsiteX11" fmla="*/ 1079941 w 1780028"/>
                <a:gd name="connsiteY11" fmla="*/ 728662 h 3703558"/>
                <a:gd name="connsiteX12" fmla="*/ 1051366 w 1780028"/>
                <a:gd name="connsiteY12" fmla="*/ 771525 h 3703558"/>
                <a:gd name="connsiteX13" fmla="*/ 1094228 w 1780028"/>
                <a:gd name="connsiteY13" fmla="*/ 785812 h 3703558"/>
                <a:gd name="connsiteX14" fmla="*/ 1122803 w 1780028"/>
                <a:gd name="connsiteY14" fmla="*/ 828675 h 3703558"/>
                <a:gd name="connsiteX15" fmla="*/ 1122803 w 1780028"/>
                <a:gd name="connsiteY15" fmla="*/ 871537 h 3703558"/>
                <a:gd name="connsiteX16" fmla="*/ 1022791 w 1780028"/>
                <a:gd name="connsiteY16" fmla="*/ 885825 h 3703558"/>
                <a:gd name="connsiteX17" fmla="*/ 908491 w 1780028"/>
                <a:gd name="connsiteY17" fmla="*/ 957262 h 3703558"/>
                <a:gd name="connsiteX18" fmla="*/ 879916 w 1780028"/>
                <a:gd name="connsiteY18" fmla="*/ 1028700 h 3703558"/>
                <a:gd name="connsiteX19" fmla="*/ 837053 w 1780028"/>
                <a:gd name="connsiteY19" fmla="*/ 1057275 h 3703558"/>
                <a:gd name="connsiteX20" fmla="*/ 851341 w 1780028"/>
                <a:gd name="connsiteY20" fmla="*/ 1128712 h 3703558"/>
                <a:gd name="connsiteX21" fmla="*/ 779903 w 1780028"/>
                <a:gd name="connsiteY21" fmla="*/ 1157287 h 3703558"/>
                <a:gd name="connsiteX22" fmla="*/ 779903 w 1780028"/>
                <a:gd name="connsiteY22" fmla="*/ 1257300 h 3703558"/>
                <a:gd name="connsiteX23" fmla="*/ 879916 w 1780028"/>
                <a:gd name="connsiteY23" fmla="*/ 1314450 h 3703558"/>
                <a:gd name="connsiteX24" fmla="*/ 894203 w 1780028"/>
                <a:gd name="connsiteY24" fmla="*/ 1385887 h 3703558"/>
                <a:gd name="connsiteX25" fmla="*/ 865628 w 1780028"/>
                <a:gd name="connsiteY25" fmla="*/ 1485900 h 3703558"/>
                <a:gd name="connsiteX26" fmla="*/ 894203 w 1780028"/>
                <a:gd name="connsiteY26" fmla="*/ 1600200 h 3703558"/>
                <a:gd name="connsiteX27" fmla="*/ 965641 w 1780028"/>
                <a:gd name="connsiteY27" fmla="*/ 1657350 h 3703558"/>
                <a:gd name="connsiteX28" fmla="*/ 1022791 w 1780028"/>
                <a:gd name="connsiteY28" fmla="*/ 1785937 h 3703558"/>
                <a:gd name="connsiteX29" fmla="*/ 994216 w 1780028"/>
                <a:gd name="connsiteY29" fmla="*/ 1814512 h 3703558"/>
                <a:gd name="connsiteX30" fmla="*/ 1108516 w 1780028"/>
                <a:gd name="connsiteY30" fmla="*/ 1843087 h 3703558"/>
                <a:gd name="connsiteX31" fmla="*/ 1179953 w 1780028"/>
                <a:gd name="connsiteY31" fmla="*/ 1885950 h 3703558"/>
                <a:gd name="connsiteX32" fmla="*/ 1179953 w 1780028"/>
                <a:gd name="connsiteY32" fmla="*/ 1943100 h 3703558"/>
                <a:gd name="connsiteX33" fmla="*/ 1251391 w 1780028"/>
                <a:gd name="connsiteY33" fmla="*/ 2014537 h 3703558"/>
                <a:gd name="connsiteX34" fmla="*/ 1337116 w 1780028"/>
                <a:gd name="connsiteY34" fmla="*/ 2028825 h 3703558"/>
                <a:gd name="connsiteX35" fmla="*/ 1437128 w 1780028"/>
                <a:gd name="connsiteY35" fmla="*/ 2085975 h 3703558"/>
                <a:gd name="connsiteX36" fmla="*/ 1565716 w 1780028"/>
                <a:gd name="connsiteY36" fmla="*/ 2100262 h 3703558"/>
                <a:gd name="connsiteX37" fmla="*/ 1665728 w 1780028"/>
                <a:gd name="connsiteY37" fmla="*/ 2157412 h 3703558"/>
                <a:gd name="connsiteX38" fmla="*/ 1737166 w 1780028"/>
                <a:gd name="connsiteY38" fmla="*/ 2228850 h 3703558"/>
                <a:gd name="connsiteX39" fmla="*/ 1780028 w 1780028"/>
                <a:gd name="connsiteY39" fmla="*/ 2334239 h 3703558"/>
                <a:gd name="connsiteX40" fmla="*/ 304571 w 1780028"/>
                <a:gd name="connsiteY40" fmla="*/ 2920996 h 3703558"/>
                <a:gd name="connsiteX41" fmla="*/ 565591 w 1780028"/>
                <a:gd name="connsiteY41" fmla="*/ 3200400 h 3703558"/>
                <a:gd name="connsiteX42" fmla="*/ 608453 w 1780028"/>
                <a:gd name="connsiteY42" fmla="*/ 3343275 h 3703558"/>
                <a:gd name="connsiteX43" fmla="*/ 651316 w 1780028"/>
                <a:gd name="connsiteY43" fmla="*/ 3443287 h 3703558"/>
                <a:gd name="connsiteX44" fmla="*/ 522728 w 1780028"/>
                <a:gd name="connsiteY44" fmla="*/ 3548677 h 3703558"/>
                <a:gd name="connsiteX45" fmla="*/ 351279 w 1780028"/>
                <a:gd name="connsiteY45" fmla="*/ 3615659 h 3703558"/>
                <a:gd name="connsiteX46" fmla="*/ 179828 w 1780028"/>
                <a:gd name="connsiteY46" fmla="*/ 3500437 h 3703558"/>
                <a:gd name="connsiteX47" fmla="*/ 0 w 1780028"/>
                <a:gd name="connsiteY47" fmla="*/ 3703558 h 3703558"/>
                <a:gd name="connsiteX0" fmla="*/ 665603 w 1780028"/>
                <a:gd name="connsiteY0" fmla="*/ 0 h 3703558"/>
                <a:gd name="connsiteX1" fmla="*/ 679891 w 1780028"/>
                <a:gd name="connsiteY1" fmla="*/ 114300 h 3703558"/>
                <a:gd name="connsiteX2" fmla="*/ 737041 w 1780028"/>
                <a:gd name="connsiteY2" fmla="*/ 200025 h 3703558"/>
                <a:gd name="connsiteX3" fmla="*/ 779903 w 1780028"/>
                <a:gd name="connsiteY3" fmla="*/ 271462 h 3703558"/>
                <a:gd name="connsiteX4" fmla="*/ 808478 w 1780028"/>
                <a:gd name="connsiteY4" fmla="*/ 342900 h 3703558"/>
                <a:gd name="connsiteX5" fmla="*/ 822766 w 1780028"/>
                <a:gd name="connsiteY5" fmla="*/ 428625 h 3703558"/>
                <a:gd name="connsiteX6" fmla="*/ 865628 w 1780028"/>
                <a:gd name="connsiteY6" fmla="*/ 471487 h 3703558"/>
                <a:gd name="connsiteX7" fmla="*/ 965641 w 1780028"/>
                <a:gd name="connsiteY7" fmla="*/ 557212 h 3703558"/>
                <a:gd name="connsiteX8" fmla="*/ 994216 w 1780028"/>
                <a:gd name="connsiteY8" fmla="*/ 600075 h 3703558"/>
                <a:gd name="connsiteX9" fmla="*/ 1051366 w 1780028"/>
                <a:gd name="connsiteY9" fmla="*/ 642937 h 3703558"/>
                <a:gd name="connsiteX10" fmla="*/ 1051366 w 1780028"/>
                <a:gd name="connsiteY10" fmla="*/ 685800 h 3703558"/>
                <a:gd name="connsiteX11" fmla="*/ 1079941 w 1780028"/>
                <a:gd name="connsiteY11" fmla="*/ 728662 h 3703558"/>
                <a:gd name="connsiteX12" fmla="*/ 1051366 w 1780028"/>
                <a:gd name="connsiteY12" fmla="*/ 771525 h 3703558"/>
                <a:gd name="connsiteX13" fmla="*/ 1094228 w 1780028"/>
                <a:gd name="connsiteY13" fmla="*/ 785812 h 3703558"/>
                <a:gd name="connsiteX14" fmla="*/ 1122803 w 1780028"/>
                <a:gd name="connsiteY14" fmla="*/ 828675 h 3703558"/>
                <a:gd name="connsiteX15" fmla="*/ 1122803 w 1780028"/>
                <a:gd name="connsiteY15" fmla="*/ 871537 h 3703558"/>
                <a:gd name="connsiteX16" fmla="*/ 1022791 w 1780028"/>
                <a:gd name="connsiteY16" fmla="*/ 885825 h 3703558"/>
                <a:gd name="connsiteX17" fmla="*/ 908491 w 1780028"/>
                <a:gd name="connsiteY17" fmla="*/ 957262 h 3703558"/>
                <a:gd name="connsiteX18" fmla="*/ 879916 w 1780028"/>
                <a:gd name="connsiteY18" fmla="*/ 1028700 h 3703558"/>
                <a:gd name="connsiteX19" fmla="*/ 837053 w 1780028"/>
                <a:gd name="connsiteY19" fmla="*/ 1057275 h 3703558"/>
                <a:gd name="connsiteX20" fmla="*/ 851341 w 1780028"/>
                <a:gd name="connsiteY20" fmla="*/ 1128712 h 3703558"/>
                <a:gd name="connsiteX21" fmla="*/ 779903 w 1780028"/>
                <a:gd name="connsiteY21" fmla="*/ 1157287 h 3703558"/>
                <a:gd name="connsiteX22" fmla="*/ 779903 w 1780028"/>
                <a:gd name="connsiteY22" fmla="*/ 1257300 h 3703558"/>
                <a:gd name="connsiteX23" fmla="*/ 879916 w 1780028"/>
                <a:gd name="connsiteY23" fmla="*/ 1314450 h 3703558"/>
                <a:gd name="connsiteX24" fmla="*/ 894203 w 1780028"/>
                <a:gd name="connsiteY24" fmla="*/ 1385887 h 3703558"/>
                <a:gd name="connsiteX25" fmla="*/ 865628 w 1780028"/>
                <a:gd name="connsiteY25" fmla="*/ 1485900 h 3703558"/>
                <a:gd name="connsiteX26" fmla="*/ 894203 w 1780028"/>
                <a:gd name="connsiteY26" fmla="*/ 1600200 h 3703558"/>
                <a:gd name="connsiteX27" fmla="*/ 965641 w 1780028"/>
                <a:gd name="connsiteY27" fmla="*/ 1657350 h 3703558"/>
                <a:gd name="connsiteX28" fmla="*/ 1022791 w 1780028"/>
                <a:gd name="connsiteY28" fmla="*/ 1785937 h 3703558"/>
                <a:gd name="connsiteX29" fmla="*/ 994216 w 1780028"/>
                <a:gd name="connsiteY29" fmla="*/ 1814512 h 3703558"/>
                <a:gd name="connsiteX30" fmla="*/ 1108516 w 1780028"/>
                <a:gd name="connsiteY30" fmla="*/ 1843087 h 3703558"/>
                <a:gd name="connsiteX31" fmla="*/ 1179953 w 1780028"/>
                <a:gd name="connsiteY31" fmla="*/ 1885950 h 3703558"/>
                <a:gd name="connsiteX32" fmla="*/ 1179953 w 1780028"/>
                <a:gd name="connsiteY32" fmla="*/ 1943100 h 3703558"/>
                <a:gd name="connsiteX33" fmla="*/ 1251391 w 1780028"/>
                <a:gd name="connsiteY33" fmla="*/ 2014537 h 3703558"/>
                <a:gd name="connsiteX34" fmla="*/ 1337116 w 1780028"/>
                <a:gd name="connsiteY34" fmla="*/ 2028825 h 3703558"/>
                <a:gd name="connsiteX35" fmla="*/ 1437128 w 1780028"/>
                <a:gd name="connsiteY35" fmla="*/ 2085975 h 3703558"/>
                <a:gd name="connsiteX36" fmla="*/ 1565716 w 1780028"/>
                <a:gd name="connsiteY36" fmla="*/ 2100262 h 3703558"/>
                <a:gd name="connsiteX37" fmla="*/ 1665728 w 1780028"/>
                <a:gd name="connsiteY37" fmla="*/ 2157412 h 3703558"/>
                <a:gd name="connsiteX38" fmla="*/ 1737166 w 1780028"/>
                <a:gd name="connsiteY38" fmla="*/ 2228850 h 3703558"/>
                <a:gd name="connsiteX39" fmla="*/ 1780028 w 1780028"/>
                <a:gd name="connsiteY39" fmla="*/ 2334239 h 3703558"/>
                <a:gd name="connsiteX40" fmla="*/ 304571 w 1780028"/>
                <a:gd name="connsiteY40" fmla="*/ 2920996 h 3703558"/>
                <a:gd name="connsiteX41" fmla="*/ 565591 w 1780028"/>
                <a:gd name="connsiteY41" fmla="*/ 3200400 h 3703558"/>
                <a:gd name="connsiteX42" fmla="*/ 608453 w 1780028"/>
                <a:gd name="connsiteY42" fmla="*/ 3343275 h 3703558"/>
                <a:gd name="connsiteX43" fmla="*/ 651316 w 1780028"/>
                <a:gd name="connsiteY43" fmla="*/ 3443287 h 3703558"/>
                <a:gd name="connsiteX44" fmla="*/ 522728 w 1780028"/>
                <a:gd name="connsiteY44" fmla="*/ 3548677 h 3703558"/>
                <a:gd name="connsiteX45" fmla="*/ 351279 w 1780028"/>
                <a:gd name="connsiteY45" fmla="*/ 3615659 h 3703558"/>
                <a:gd name="connsiteX46" fmla="*/ 215509 w 1780028"/>
                <a:gd name="connsiteY46" fmla="*/ 3654066 h 3703558"/>
                <a:gd name="connsiteX47" fmla="*/ 0 w 1780028"/>
                <a:gd name="connsiteY47" fmla="*/ 3703558 h 3703558"/>
                <a:gd name="connsiteX0" fmla="*/ 665603 w 1780028"/>
                <a:gd name="connsiteY0" fmla="*/ 0 h 3703558"/>
                <a:gd name="connsiteX1" fmla="*/ 679891 w 1780028"/>
                <a:gd name="connsiteY1" fmla="*/ 114300 h 3703558"/>
                <a:gd name="connsiteX2" fmla="*/ 737041 w 1780028"/>
                <a:gd name="connsiteY2" fmla="*/ 200025 h 3703558"/>
                <a:gd name="connsiteX3" fmla="*/ 779903 w 1780028"/>
                <a:gd name="connsiteY3" fmla="*/ 271462 h 3703558"/>
                <a:gd name="connsiteX4" fmla="*/ 808478 w 1780028"/>
                <a:gd name="connsiteY4" fmla="*/ 342900 h 3703558"/>
                <a:gd name="connsiteX5" fmla="*/ 822766 w 1780028"/>
                <a:gd name="connsiteY5" fmla="*/ 428625 h 3703558"/>
                <a:gd name="connsiteX6" fmla="*/ 865628 w 1780028"/>
                <a:gd name="connsiteY6" fmla="*/ 471487 h 3703558"/>
                <a:gd name="connsiteX7" fmla="*/ 965641 w 1780028"/>
                <a:gd name="connsiteY7" fmla="*/ 557212 h 3703558"/>
                <a:gd name="connsiteX8" fmla="*/ 994216 w 1780028"/>
                <a:gd name="connsiteY8" fmla="*/ 600075 h 3703558"/>
                <a:gd name="connsiteX9" fmla="*/ 1051366 w 1780028"/>
                <a:gd name="connsiteY9" fmla="*/ 642937 h 3703558"/>
                <a:gd name="connsiteX10" fmla="*/ 1051366 w 1780028"/>
                <a:gd name="connsiteY10" fmla="*/ 685800 h 3703558"/>
                <a:gd name="connsiteX11" fmla="*/ 1079941 w 1780028"/>
                <a:gd name="connsiteY11" fmla="*/ 728662 h 3703558"/>
                <a:gd name="connsiteX12" fmla="*/ 1051366 w 1780028"/>
                <a:gd name="connsiteY12" fmla="*/ 771525 h 3703558"/>
                <a:gd name="connsiteX13" fmla="*/ 1094228 w 1780028"/>
                <a:gd name="connsiteY13" fmla="*/ 785812 h 3703558"/>
                <a:gd name="connsiteX14" fmla="*/ 1122803 w 1780028"/>
                <a:gd name="connsiteY14" fmla="*/ 828675 h 3703558"/>
                <a:gd name="connsiteX15" fmla="*/ 1122803 w 1780028"/>
                <a:gd name="connsiteY15" fmla="*/ 871537 h 3703558"/>
                <a:gd name="connsiteX16" fmla="*/ 1022791 w 1780028"/>
                <a:gd name="connsiteY16" fmla="*/ 885825 h 3703558"/>
                <a:gd name="connsiteX17" fmla="*/ 908491 w 1780028"/>
                <a:gd name="connsiteY17" fmla="*/ 957262 h 3703558"/>
                <a:gd name="connsiteX18" fmla="*/ 879916 w 1780028"/>
                <a:gd name="connsiteY18" fmla="*/ 1028700 h 3703558"/>
                <a:gd name="connsiteX19" fmla="*/ 837053 w 1780028"/>
                <a:gd name="connsiteY19" fmla="*/ 1057275 h 3703558"/>
                <a:gd name="connsiteX20" fmla="*/ 851341 w 1780028"/>
                <a:gd name="connsiteY20" fmla="*/ 1128712 h 3703558"/>
                <a:gd name="connsiteX21" fmla="*/ 779903 w 1780028"/>
                <a:gd name="connsiteY21" fmla="*/ 1157287 h 3703558"/>
                <a:gd name="connsiteX22" fmla="*/ 779903 w 1780028"/>
                <a:gd name="connsiteY22" fmla="*/ 1257300 h 3703558"/>
                <a:gd name="connsiteX23" fmla="*/ 879916 w 1780028"/>
                <a:gd name="connsiteY23" fmla="*/ 1314450 h 3703558"/>
                <a:gd name="connsiteX24" fmla="*/ 894203 w 1780028"/>
                <a:gd name="connsiteY24" fmla="*/ 1385887 h 3703558"/>
                <a:gd name="connsiteX25" fmla="*/ 865628 w 1780028"/>
                <a:gd name="connsiteY25" fmla="*/ 1485900 h 3703558"/>
                <a:gd name="connsiteX26" fmla="*/ 894203 w 1780028"/>
                <a:gd name="connsiteY26" fmla="*/ 1600200 h 3703558"/>
                <a:gd name="connsiteX27" fmla="*/ 965641 w 1780028"/>
                <a:gd name="connsiteY27" fmla="*/ 1657350 h 3703558"/>
                <a:gd name="connsiteX28" fmla="*/ 1022791 w 1780028"/>
                <a:gd name="connsiteY28" fmla="*/ 1785937 h 3703558"/>
                <a:gd name="connsiteX29" fmla="*/ 994216 w 1780028"/>
                <a:gd name="connsiteY29" fmla="*/ 1814512 h 3703558"/>
                <a:gd name="connsiteX30" fmla="*/ 1108516 w 1780028"/>
                <a:gd name="connsiteY30" fmla="*/ 1843087 h 3703558"/>
                <a:gd name="connsiteX31" fmla="*/ 1179953 w 1780028"/>
                <a:gd name="connsiteY31" fmla="*/ 1885950 h 3703558"/>
                <a:gd name="connsiteX32" fmla="*/ 1179953 w 1780028"/>
                <a:gd name="connsiteY32" fmla="*/ 1943100 h 3703558"/>
                <a:gd name="connsiteX33" fmla="*/ 1251391 w 1780028"/>
                <a:gd name="connsiteY33" fmla="*/ 2014537 h 3703558"/>
                <a:gd name="connsiteX34" fmla="*/ 1337116 w 1780028"/>
                <a:gd name="connsiteY34" fmla="*/ 2028825 h 3703558"/>
                <a:gd name="connsiteX35" fmla="*/ 1437128 w 1780028"/>
                <a:gd name="connsiteY35" fmla="*/ 2085975 h 3703558"/>
                <a:gd name="connsiteX36" fmla="*/ 1565716 w 1780028"/>
                <a:gd name="connsiteY36" fmla="*/ 2100262 h 3703558"/>
                <a:gd name="connsiteX37" fmla="*/ 1665728 w 1780028"/>
                <a:gd name="connsiteY37" fmla="*/ 2157412 h 3703558"/>
                <a:gd name="connsiteX38" fmla="*/ 1737166 w 1780028"/>
                <a:gd name="connsiteY38" fmla="*/ 2228850 h 3703558"/>
                <a:gd name="connsiteX39" fmla="*/ 1780028 w 1780028"/>
                <a:gd name="connsiteY39" fmla="*/ 2334239 h 3703558"/>
                <a:gd name="connsiteX40" fmla="*/ 304571 w 1780028"/>
                <a:gd name="connsiteY40" fmla="*/ 2920996 h 3703558"/>
                <a:gd name="connsiteX41" fmla="*/ 565591 w 1780028"/>
                <a:gd name="connsiteY41" fmla="*/ 3200400 h 3703558"/>
                <a:gd name="connsiteX42" fmla="*/ 608453 w 1780028"/>
                <a:gd name="connsiteY42" fmla="*/ 3343275 h 3703558"/>
                <a:gd name="connsiteX43" fmla="*/ 651316 w 1780028"/>
                <a:gd name="connsiteY43" fmla="*/ 3443287 h 3703558"/>
                <a:gd name="connsiteX44" fmla="*/ 522728 w 1780028"/>
                <a:gd name="connsiteY44" fmla="*/ 3587084 h 3703558"/>
                <a:gd name="connsiteX45" fmla="*/ 351279 w 1780028"/>
                <a:gd name="connsiteY45" fmla="*/ 3615659 h 3703558"/>
                <a:gd name="connsiteX46" fmla="*/ 215509 w 1780028"/>
                <a:gd name="connsiteY46" fmla="*/ 3654066 h 3703558"/>
                <a:gd name="connsiteX47" fmla="*/ 0 w 1780028"/>
                <a:gd name="connsiteY47" fmla="*/ 3703558 h 3703558"/>
                <a:gd name="connsiteX0" fmla="*/ 665603 w 1780028"/>
                <a:gd name="connsiteY0" fmla="*/ 0 h 3703558"/>
                <a:gd name="connsiteX1" fmla="*/ 679891 w 1780028"/>
                <a:gd name="connsiteY1" fmla="*/ 114300 h 3703558"/>
                <a:gd name="connsiteX2" fmla="*/ 737041 w 1780028"/>
                <a:gd name="connsiteY2" fmla="*/ 200025 h 3703558"/>
                <a:gd name="connsiteX3" fmla="*/ 779903 w 1780028"/>
                <a:gd name="connsiteY3" fmla="*/ 271462 h 3703558"/>
                <a:gd name="connsiteX4" fmla="*/ 808478 w 1780028"/>
                <a:gd name="connsiteY4" fmla="*/ 342900 h 3703558"/>
                <a:gd name="connsiteX5" fmla="*/ 822766 w 1780028"/>
                <a:gd name="connsiteY5" fmla="*/ 428625 h 3703558"/>
                <a:gd name="connsiteX6" fmla="*/ 865628 w 1780028"/>
                <a:gd name="connsiteY6" fmla="*/ 471487 h 3703558"/>
                <a:gd name="connsiteX7" fmla="*/ 965641 w 1780028"/>
                <a:gd name="connsiteY7" fmla="*/ 557212 h 3703558"/>
                <a:gd name="connsiteX8" fmla="*/ 994216 w 1780028"/>
                <a:gd name="connsiteY8" fmla="*/ 600075 h 3703558"/>
                <a:gd name="connsiteX9" fmla="*/ 1051366 w 1780028"/>
                <a:gd name="connsiteY9" fmla="*/ 642937 h 3703558"/>
                <a:gd name="connsiteX10" fmla="*/ 1051366 w 1780028"/>
                <a:gd name="connsiteY10" fmla="*/ 685800 h 3703558"/>
                <a:gd name="connsiteX11" fmla="*/ 1079941 w 1780028"/>
                <a:gd name="connsiteY11" fmla="*/ 728662 h 3703558"/>
                <a:gd name="connsiteX12" fmla="*/ 1051366 w 1780028"/>
                <a:gd name="connsiteY12" fmla="*/ 771525 h 3703558"/>
                <a:gd name="connsiteX13" fmla="*/ 1094228 w 1780028"/>
                <a:gd name="connsiteY13" fmla="*/ 785812 h 3703558"/>
                <a:gd name="connsiteX14" fmla="*/ 1122803 w 1780028"/>
                <a:gd name="connsiteY14" fmla="*/ 828675 h 3703558"/>
                <a:gd name="connsiteX15" fmla="*/ 1122803 w 1780028"/>
                <a:gd name="connsiteY15" fmla="*/ 871537 h 3703558"/>
                <a:gd name="connsiteX16" fmla="*/ 1022791 w 1780028"/>
                <a:gd name="connsiteY16" fmla="*/ 885825 h 3703558"/>
                <a:gd name="connsiteX17" fmla="*/ 908491 w 1780028"/>
                <a:gd name="connsiteY17" fmla="*/ 957262 h 3703558"/>
                <a:gd name="connsiteX18" fmla="*/ 879916 w 1780028"/>
                <a:gd name="connsiteY18" fmla="*/ 1028700 h 3703558"/>
                <a:gd name="connsiteX19" fmla="*/ 837053 w 1780028"/>
                <a:gd name="connsiteY19" fmla="*/ 1057275 h 3703558"/>
                <a:gd name="connsiteX20" fmla="*/ 851341 w 1780028"/>
                <a:gd name="connsiteY20" fmla="*/ 1128712 h 3703558"/>
                <a:gd name="connsiteX21" fmla="*/ 779903 w 1780028"/>
                <a:gd name="connsiteY21" fmla="*/ 1157287 h 3703558"/>
                <a:gd name="connsiteX22" fmla="*/ 779903 w 1780028"/>
                <a:gd name="connsiteY22" fmla="*/ 1257300 h 3703558"/>
                <a:gd name="connsiteX23" fmla="*/ 879916 w 1780028"/>
                <a:gd name="connsiteY23" fmla="*/ 1314450 h 3703558"/>
                <a:gd name="connsiteX24" fmla="*/ 894203 w 1780028"/>
                <a:gd name="connsiteY24" fmla="*/ 1385887 h 3703558"/>
                <a:gd name="connsiteX25" fmla="*/ 865628 w 1780028"/>
                <a:gd name="connsiteY25" fmla="*/ 1485900 h 3703558"/>
                <a:gd name="connsiteX26" fmla="*/ 894203 w 1780028"/>
                <a:gd name="connsiteY26" fmla="*/ 1600200 h 3703558"/>
                <a:gd name="connsiteX27" fmla="*/ 965641 w 1780028"/>
                <a:gd name="connsiteY27" fmla="*/ 1657350 h 3703558"/>
                <a:gd name="connsiteX28" fmla="*/ 1022791 w 1780028"/>
                <a:gd name="connsiteY28" fmla="*/ 1785937 h 3703558"/>
                <a:gd name="connsiteX29" fmla="*/ 994216 w 1780028"/>
                <a:gd name="connsiteY29" fmla="*/ 1814512 h 3703558"/>
                <a:gd name="connsiteX30" fmla="*/ 1108516 w 1780028"/>
                <a:gd name="connsiteY30" fmla="*/ 1843087 h 3703558"/>
                <a:gd name="connsiteX31" fmla="*/ 1179953 w 1780028"/>
                <a:gd name="connsiteY31" fmla="*/ 1885950 h 3703558"/>
                <a:gd name="connsiteX32" fmla="*/ 1179953 w 1780028"/>
                <a:gd name="connsiteY32" fmla="*/ 1943100 h 3703558"/>
                <a:gd name="connsiteX33" fmla="*/ 1251391 w 1780028"/>
                <a:gd name="connsiteY33" fmla="*/ 2014537 h 3703558"/>
                <a:gd name="connsiteX34" fmla="*/ 1337116 w 1780028"/>
                <a:gd name="connsiteY34" fmla="*/ 2028825 h 3703558"/>
                <a:gd name="connsiteX35" fmla="*/ 1437128 w 1780028"/>
                <a:gd name="connsiteY35" fmla="*/ 2085975 h 3703558"/>
                <a:gd name="connsiteX36" fmla="*/ 1565716 w 1780028"/>
                <a:gd name="connsiteY36" fmla="*/ 2100262 h 3703558"/>
                <a:gd name="connsiteX37" fmla="*/ 1665728 w 1780028"/>
                <a:gd name="connsiteY37" fmla="*/ 2157412 h 3703558"/>
                <a:gd name="connsiteX38" fmla="*/ 1737166 w 1780028"/>
                <a:gd name="connsiteY38" fmla="*/ 2228850 h 3703558"/>
                <a:gd name="connsiteX39" fmla="*/ 1780028 w 1780028"/>
                <a:gd name="connsiteY39" fmla="*/ 2334239 h 3703558"/>
                <a:gd name="connsiteX40" fmla="*/ 304571 w 1780028"/>
                <a:gd name="connsiteY40" fmla="*/ 2920996 h 3703558"/>
                <a:gd name="connsiteX41" fmla="*/ 494229 w 1780028"/>
                <a:gd name="connsiteY41" fmla="*/ 3161993 h 3703558"/>
                <a:gd name="connsiteX42" fmla="*/ 608453 w 1780028"/>
                <a:gd name="connsiteY42" fmla="*/ 3343275 h 3703558"/>
                <a:gd name="connsiteX43" fmla="*/ 651316 w 1780028"/>
                <a:gd name="connsiteY43" fmla="*/ 3443287 h 3703558"/>
                <a:gd name="connsiteX44" fmla="*/ 522728 w 1780028"/>
                <a:gd name="connsiteY44" fmla="*/ 3587084 h 3703558"/>
                <a:gd name="connsiteX45" fmla="*/ 351279 w 1780028"/>
                <a:gd name="connsiteY45" fmla="*/ 3615659 h 3703558"/>
                <a:gd name="connsiteX46" fmla="*/ 215509 w 1780028"/>
                <a:gd name="connsiteY46" fmla="*/ 3654066 h 3703558"/>
                <a:gd name="connsiteX47" fmla="*/ 0 w 1780028"/>
                <a:gd name="connsiteY47" fmla="*/ 3703558 h 3703558"/>
                <a:gd name="connsiteX0" fmla="*/ 665603 w 1780028"/>
                <a:gd name="connsiteY0" fmla="*/ 0 h 3703558"/>
                <a:gd name="connsiteX1" fmla="*/ 679891 w 1780028"/>
                <a:gd name="connsiteY1" fmla="*/ 114300 h 3703558"/>
                <a:gd name="connsiteX2" fmla="*/ 737041 w 1780028"/>
                <a:gd name="connsiteY2" fmla="*/ 200025 h 3703558"/>
                <a:gd name="connsiteX3" fmla="*/ 779903 w 1780028"/>
                <a:gd name="connsiteY3" fmla="*/ 271462 h 3703558"/>
                <a:gd name="connsiteX4" fmla="*/ 808478 w 1780028"/>
                <a:gd name="connsiteY4" fmla="*/ 342900 h 3703558"/>
                <a:gd name="connsiteX5" fmla="*/ 822766 w 1780028"/>
                <a:gd name="connsiteY5" fmla="*/ 428625 h 3703558"/>
                <a:gd name="connsiteX6" fmla="*/ 865628 w 1780028"/>
                <a:gd name="connsiteY6" fmla="*/ 471487 h 3703558"/>
                <a:gd name="connsiteX7" fmla="*/ 965641 w 1780028"/>
                <a:gd name="connsiteY7" fmla="*/ 557212 h 3703558"/>
                <a:gd name="connsiteX8" fmla="*/ 994216 w 1780028"/>
                <a:gd name="connsiteY8" fmla="*/ 600075 h 3703558"/>
                <a:gd name="connsiteX9" fmla="*/ 1051366 w 1780028"/>
                <a:gd name="connsiteY9" fmla="*/ 642937 h 3703558"/>
                <a:gd name="connsiteX10" fmla="*/ 1051366 w 1780028"/>
                <a:gd name="connsiteY10" fmla="*/ 685800 h 3703558"/>
                <a:gd name="connsiteX11" fmla="*/ 1079941 w 1780028"/>
                <a:gd name="connsiteY11" fmla="*/ 728662 h 3703558"/>
                <a:gd name="connsiteX12" fmla="*/ 1051366 w 1780028"/>
                <a:gd name="connsiteY12" fmla="*/ 771525 h 3703558"/>
                <a:gd name="connsiteX13" fmla="*/ 1094228 w 1780028"/>
                <a:gd name="connsiteY13" fmla="*/ 785812 h 3703558"/>
                <a:gd name="connsiteX14" fmla="*/ 1122803 w 1780028"/>
                <a:gd name="connsiteY14" fmla="*/ 828675 h 3703558"/>
                <a:gd name="connsiteX15" fmla="*/ 1122803 w 1780028"/>
                <a:gd name="connsiteY15" fmla="*/ 871537 h 3703558"/>
                <a:gd name="connsiteX16" fmla="*/ 1022791 w 1780028"/>
                <a:gd name="connsiteY16" fmla="*/ 885825 h 3703558"/>
                <a:gd name="connsiteX17" fmla="*/ 908491 w 1780028"/>
                <a:gd name="connsiteY17" fmla="*/ 957262 h 3703558"/>
                <a:gd name="connsiteX18" fmla="*/ 879916 w 1780028"/>
                <a:gd name="connsiteY18" fmla="*/ 1028700 h 3703558"/>
                <a:gd name="connsiteX19" fmla="*/ 837053 w 1780028"/>
                <a:gd name="connsiteY19" fmla="*/ 1057275 h 3703558"/>
                <a:gd name="connsiteX20" fmla="*/ 851341 w 1780028"/>
                <a:gd name="connsiteY20" fmla="*/ 1128712 h 3703558"/>
                <a:gd name="connsiteX21" fmla="*/ 779903 w 1780028"/>
                <a:gd name="connsiteY21" fmla="*/ 1157287 h 3703558"/>
                <a:gd name="connsiteX22" fmla="*/ 779903 w 1780028"/>
                <a:gd name="connsiteY22" fmla="*/ 1257300 h 3703558"/>
                <a:gd name="connsiteX23" fmla="*/ 879916 w 1780028"/>
                <a:gd name="connsiteY23" fmla="*/ 1314450 h 3703558"/>
                <a:gd name="connsiteX24" fmla="*/ 894203 w 1780028"/>
                <a:gd name="connsiteY24" fmla="*/ 1385887 h 3703558"/>
                <a:gd name="connsiteX25" fmla="*/ 865628 w 1780028"/>
                <a:gd name="connsiteY25" fmla="*/ 1485900 h 3703558"/>
                <a:gd name="connsiteX26" fmla="*/ 894203 w 1780028"/>
                <a:gd name="connsiteY26" fmla="*/ 1600200 h 3703558"/>
                <a:gd name="connsiteX27" fmla="*/ 965641 w 1780028"/>
                <a:gd name="connsiteY27" fmla="*/ 1657350 h 3703558"/>
                <a:gd name="connsiteX28" fmla="*/ 1022791 w 1780028"/>
                <a:gd name="connsiteY28" fmla="*/ 1785937 h 3703558"/>
                <a:gd name="connsiteX29" fmla="*/ 994216 w 1780028"/>
                <a:gd name="connsiteY29" fmla="*/ 1814512 h 3703558"/>
                <a:gd name="connsiteX30" fmla="*/ 1108516 w 1780028"/>
                <a:gd name="connsiteY30" fmla="*/ 1843087 h 3703558"/>
                <a:gd name="connsiteX31" fmla="*/ 1179953 w 1780028"/>
                <a:gd name="connsiteY31" fmla="*/ 1885950 h 3703558"/>
                <a:gd name="connsiteX32" fmla="*/ 1179953 w 1780028"/>
                <a:gd name="connsiteY32" fmla="*/ 1943100 h 3703558"/>
                <a:gd name="connsiteX33" fmla="*/ 1251391 w 1780028"/>
                <a:gd name="connsiteY33" fmla="*/ 2014537 h 3703558"/>
                <a:gd name="connsiteX34" fmla="*/ 1337116 w 1780028"/>
                <a:gd name="connsiteY34" fmla="*/ 2028825 h 3703558"/>
                <a:gd name="connsiteX35" fmla="*/ 1437128 w 1780028"/>
                <a:gd name="connsiteY35" fmla="*/ 2085975 h 3703558"/>
                <a:gd name="connsiteX36" fmla="*/ 1565716 w 1780028"/>
                <a:gd name="connsiteY36" fmla="*/ 2100262 h 3703558"/>
                <a:gd name="connsiteX37" fmla="*/ 1665728 w 1780028"/>
                <a:gd name="connsiteY37" fmla="*/ 2157412 h 3703558"/>
                <a:gd name="connsiteX38" fmla="*/ 1737166 w 1780028"/>
                <a:gd name="connsiteY38" fmla="*/ 2228850 h 3703558"/>
                <a:gd name="connsiteX39" fmla="*/ 1780028 w 1780028"/>
                <a:gd name="connsiteY39" fmla="*/ 2334239 h 3703558"/>
                <a:gd name="connsiteX40" fmla="*/ 304571 w 1780028"/>
                <a:gd name="connsiteY40" fmla="*/ 2920996 h 3703558"/>
                <a:gd name="connsiteX41" fmla="*/ 494229 w 1780028"/>
                <a:gd name="connsiteY41" fmla="*/ 3161993 h 3703558"/>
                <a:gd name="connsiteX42" fmla="*/ 608453 w 1780028"/>
                <a:gd name="connsiteY42" fmla="*/ 3343275 h 3703558"/>
                <a:gd name="connsiteX43" fmla="*/ 579954 w 1780028"/>
                <a:gd name="connsiteY43" fmla="*/ 3443287 h 3703558"/>
                <a:gd name="connsiteX44" fmla="*/ 522728 w 1780028"/>
                <a:gd name="connsiteY44" fmla="*/ 3587084 h 3703558"/>
                <a:gd name="connsiteX45" fmla="*/ 351279 w 1780028"/>
                <a:gd name="connsiteY45" fmla="*/ 3615659 h 3703558"/>
                <a:gd name="connsiteX46" fmla="*/ 215509 w 1780028"/>
                <a:gd name="connsiteY46" fmla="*/ 3654066 h 3703558"/>
                <a:gd name="connsiteX47" fmla="*/ 0 w 1780028"/>
                <a:gd name="connsiteY47" fmla="*/ 3703558 h 3703558"/>
                <a:gd name="connsiteX0" fmla="*/ 679891 w 1780028"/>
                <a:gd name="connsiteY0" fmla="*/ 0 h 3589258"/>
                <a:gd name="connsiteX1" fmla="*/ 737041 w 1780028"/>
                <a:gd name="connsiteY1" fmla="*/ 85725 h 3589258"/>
                <a:gd name="connsiteX2" fmla="*/ 779903 w 1780028"/>
                <a:gd name="connsiteY2" fmla="*/ 157162 h 3589258"/>
                <a:gd name="connsiteX3" fmla="*/ 808478 w 1780028"/>
                <a:gd name="connsiteY3" fmla="*/ 228600 h 3589258"/>
                <a:gd name="connsiteX4" fmla="*/ 822766 w 1780028"/>
                <a:gd name="connsiteY4" fmla="*/ 314325 h 3589258"/>
                <a:gd name="connsiteX5" fmla="*/ 865628 w 1780028"/>
                <a:gd name="connsiteY5" fmla="*/ 357187 h 3589258"/>
                <a:gd name="connsiteX6" fmla="*/ 965641 w 1780028"/>
                <a:gd name="connsiteY6" fmla="*/ 442912 h 3589258"/>
                <a:gd name="connsiteX7" fmla="*/ 994216 w 1780028"/>
                <a:gd name="connsiteY7" fmla="*/ 485775 h 3589258"/>
                <a:gd name="connsiteX8" fmla="*/ 1051366 w 1780028"/>
                <a:gd name="connsiteY8" fmla="*/ 528637 h 3589258"/>
                <a:gd name="connsiteX9" fmla="*/ 1051366 w 1780028"/>
                <a:gd name="connsiteY9" fmla="*/ 571500 h 3589258"/>
                <a:gd name="connsiteX10" fmla="*/ 1079941 w 1780028"/>
                <a:gd name="connsiteY10" fmla="*/ 614362 h 3589258"/>
                <a:gd name="connsiteX11" fmla="*/ 1051366 w 1780028"/>
                <a:gd name="connsiteY11" fmla="*/ 657225 h 3589258"/>
                <a:gd name="connsiteX12" fmla="*/ 1094228 w 1780028"/>
                <a:gd name="connsiteY12" fmla="*/ 671512 h 3589258"/>
                <a:gd name="connsiteX13" fmla="*/ 1122803 w 1780028"/>
                <a:gd name="connsiteY13" fmla="*/ 714375 h 3589258"/>
                <a:gd name="connsiteX14" fmla="*/ 1122803 w 1780028"/>
                <a:gd name="connsiteY14" fmla="*/ 757237 h 3589258"/>
                <a:gd name="connsiteX15" fmla="*/ 1022791 w 1780028"/>
                <a:gd name="connsiteY15" fmla="*/ 771525 h 3589258"/>
                <a:gd name="connsiteX16" fmla="*/ 908491 w 1780028"/>
                <a:gd name="connsiteY16" fmla="*/ 842962 h 3589258"/>
                <a:gd name="connsiteX17" fmla="*/ 879916 w 1780028"/>
                <a:gd name="connsiteY17" fmla="*/ 914400 h 3589258"/>
                <a:gd name="connsiteX18" fmla="*/ 837053 w 1780028"/>
                <a:gd name="connsiteY18" fmla="*/ 942975 h 3589258"/>
                <a:gd name="connsiteX19" fmla="*/ 851341 w 1780028"/>
                <a:gd name="connsiteY19" fmla="*/ 1014412 h 3589258"/>
                <a:gd name="connsiteX20" fmla="*/ 779903 w 1780028"/>
                <a:gd name="connsiteY20" fmla="*/ 1042987 h 3589258"/>
                <a:gd name="connsiteX21" fmla="*/ 779903 w 1780028"/>
                <a:gd name="connsiteY21" fmla="*/ 1143000 h 3589258"/>
                <a:gd name="connsiteX22" fmla="*/ 879916 w 1780028"/>
                <a:gd name="connsiteY22" fmla="*/ 1200150 h 3589258"/>
                <a:gd name="connsiteX23" fmla="*/ 894203 w 1780028"/>
                <a:gd name="connsiteY23" fmla="*/ 1271587 h 3589258"/>
                <a:gd name="connsiteX24" fmla="*/ 865628 w 1780028"/>
                <a:gd name="connsiteY24" fmla="*/ 1371600 h 3589258"/>
                <a:gd name="connsiteX25" fmla="*/ 894203 w 1780028"/>
                <a:gd name="connsiteY25" fmla="*/ 1485900 h 3589258"/>
                <a:gd name="connsiteX26" fmla="*/ 965641 w 1780028"/>
                <a:gd name="connsiteY26" fmla="*/ 1543050 h 3589258"/>
                <a:gd name="connsiteX27" fmla="*/ 1022791 w 1780028"/>
                <a:gd name="connsiteY27" fmla="*/ 1671637 h 3589258"/>
                <a:gd name="connsiteX28" fmla="*/ 994216 w 1780028"/>
                <a:gd name="connsiteY28" fmla="*/ 1700212 h 3589258"/>
                <a:gd name="connsiteX29" fmla="*/ 1108516 w 1780028"/>
                <a:gd name="connsiteY29" fmla="*/ 1728787 h 3589258"/>
                <a:gd name="connsiteX30" fmla="*/ 1179953 w 1780028"/>
                <a:gd name="connsiteY30" fmla="*/ 1771650 h 3589258"/>
                <a:gd name="connsiteX31" fmla="*/ 1179953 w 1780028"/>
                <a:gd name="connsiteY31" fmla="*/ 1828800 h 3589258"/>
                <a:gd name="connsiteX32" fmla="*/ 1251391 w 1780028"/>
                <a:gd name="connsiteY32" fmla="*/ 1900237 h 3589258"/>
                <a:gd name="connsiteX33" fmla="*/ 1337116 w 1780028"/>
                <a:gd name="connsiteY33" fmla="*/ 1914525 h 3589258"/>
                <a:gd name="connsiteX34" fmla="*/ 1437128 w 1780028"/>
                <a:gd name="connsiteY34" fmla="*/ 1971675 h 3589258"/>
                <a:gd name="connsiteX35" fmla="*/ 1565716 w 1780028"/>
                <a:gd name="connsiteY35" fmla="*/ 1985962 h 3589258"/>
                <a:gd name="connsiteX36" fmla="*/ 1665728 w 1780028"/>
                <a:gd name="connsiteY36" fmla="*/ 2043112 h 3589258"/>
                <a:gd name="connsiteX37" fmla="*/ 1737166 w 1780028"/>
                <a:gd name="connsiteY37" fmla="*/ 2114550 h 3589258"/>
                <a:gd name="connsiteX38" fmla="*/ 1780028 w 1780028"/>
                <a:gd name="connsiteY38" fmla="*/ 2219939 h 3589258"/>
                <a:gd name="connsiteX39" fmla="*/ 304571 w 1780028"/>
                <a:gd name="connsiteY39" fmla="*/ 2806696 h 3589258"/>
                <a:gd name="connsiteX40" fmla="*/ 494229 w 1780028"/>
                <a:gd name="connsiteY40" fmla="*/ 3047693 h 3589258"/>
                <a:gd name="connsiteX41" fmla="*/ 608453 w 1780028"/>
                <a:gd name="connsiteY41" fmla="*/ 3228975 h 3589258"/>
                <a:gd name="connsiteX42" fmla="*/ 579954 w 1780028"/>
                <a:gd name="connsiteY42" fmla="*/ 3328987 h 3589258"/>
                <a:gd name="connsiteX43" fmla="*/ 522728 w 1780028"/>
                <a:gd name="connsiteY43" fmla="*/ 3472784 h 3589258"/>
                <a:gd name="connsiteX44" fmla="*/ 351279 w 1780028"/>
                <a:gd name="connsiteY44" fmla="*/ 3501359 h 3589258"/>
                <a:gd name="connsiteX45" fmla="*/ 215509 w 1780028"/>
                <a:gd name="connsiteY45" fmla="*/ 3539766 h 3589258"/>
                <a:gd name="connsiteX46" fmla="*/ 0 w 1780028"/>
                <a:gd name="connsiteY46" fmla="*/ 3589258 h 3589258"/>
                <a:gd name="connsiteX0" fmla="*/ 737041 w 1780028"/>
                <a:gd name="connsiteY0" fmla="*/ 0 h 3503533"/>
                <a:gd name="connsiteX1" fmla="*/ 779903 w 1780028"/>
                <a:gd name="connsiteY1" fmla="*/ 71437 h 3503533"/>
                <a:gd name="connsiteX2" fmla="*/ 808478 w 1780028"/>
                <a:gd name="connsiteY2" fmla="*/ 142875 h 3503533"/>
                <a:gd name="connsiteX3" fmla="*/ 822766 w 1780028"/>
                <a:gd name="connsiteY3" fmla="*/ 228600 h 3503533"/>
                <a:gd name="connsiteX4" fmla="*/ 865628 w 1780028"/>
                <a:gd name="connsiteY4" fmla="*/ 271462 h 3503533"/>
                <a:gd name="connsiteX5" fmla="*/ 965641 w 1780028"/>
                <a:gd name="connsiteY5" fmla="*/ 357187 h 3503533"/>
                <a:gd name="connsiteX6" fmla="*/ 994216 w 1780028"/>
                <a:gd name="connsiteY6" fmla="*/ 400050 h 3503533"/>
                <a:gd name="connsiteX7" fmla="*/ 1051366 w 1780028"/>
                <a:gd name="connsiteY7" fmla="*/ 442912 h 3503533"/>
                <a:gd name="connsiteX8" fmla="*/ 1051366 w 1780028"/>
                <a:gd name="connsiteY8" fmla="*/ 485775 h 3503533"/>
                <a:gd name="connsiteX9" fmla="*/ 1079941 w 1780028"/>
                <a:gd name="connsiteY9" fmla="*/ 528637 h 3503533"/>
                <a:gd name="connsiteX10" fmla="*/ 1051366 w 1780028"/>
                <a:gd name="connsiteY10" fmla="*/ 571500 h 3503533"/>
                <a:gd name="connsiteX11" fmla="*/ 1094228 w 1780028"/>
                <a:gd name="connsiteY11" fmla="*/ 585787 h 3503533"/>
                <a:gd name="connsiteX12" fmla="*/ 1122803 w 1780028"/>
                <a:gd name="connsiteY12" fmla="*/ 628650 h 3503533"/>
                <a:gd name="connsiteX13" fmla="*/ 1122803 w 1780028"/>
                <a:gd name="connsiteY13" fmla="*/ 671512 h 3503533"/>
                <a:gd name="connsiteX14" fmla="*/ 1022791 w 1780028"/>
                <a:gd name="connsiteY14" fmla="*/ 685800 h 3503533"/>
                <a:gd name="connsiteX15" fmla="*/ 908491 w 1780028"/>
                <a:gd name="connsiteY15" fmla="*/ 757237 h 3503533"/>
                <a:gd name="connsiteX16" fmla="*/ 879916 w 1780028"/>
                <a:gd name="connsiteY16" fmla="*/ 828675 h 3503533"/>
                <a:gd name="connsiteX17" fmla="*/ 837053 w 1780028"/>
                <a:gd name="connsiteY17" fmla="*/ 857250 h 3503533"/>
                <a:gd name="connsiteX18" fmla="*/ 851341 w 1780028"/>
                <a:gd name="connsiteY18" fmla="*/ 928687 h 3503533"/>
                <a:gd name="connsiteX19" fmla="*/ 779903 w 1780028"/>
                <a:gd name="connsiteY19" fmla="*/ 957262 h 3503533"/>
                <a:gd name="connsiteX20" fmla="*/ 779903 w 1780028"/>
                <a:gd name="connsiteY20" fmla="*/ 1057275 h 3503533"/>
                <a:gd name="connsiteX21" fmla="*/ 879916 w 1780028"/>
                <a:gd name="connsiteY21" fmla="*/ 1114425 h 3503533"/>
                <a:gd name="connsiteX22" fmla="*/ 894203 w 1780028"/>
                <a:gd name="connsiteY22" fmla="*/ 1185862 h 3503533"/>
                <a:gd name="connsiteX23" fmla="*/ 865628 w 1780028"/>
                <a:gd name="connsiteY23" fmla="*/ 1285875 h 3503533"/>
                <a:gd name="connsiteX24" fmla="*/ 894203 w 1780028"/>
                <a:gd name="connsiteY24" fmla="*/ 1400175 h 3503533"/>
                <a:gd name="connsiteX25" fmla="*/ 965641 w 1780028"/>
                <a:gd name="connsiteY25" fmla="*/ 1457325 h 3503533"/>
                <a:gd name="connsiteX26" fmla="*/ 1022791 w 1780028"/>
                <a:gd name="connsiteY26" fmla="*/ 1585912 h 3503533"/>
                <a:gd name="connsiteX27" fmla="*/ 994216 w 1780028"/>
                <a:gd name="connsiteY27" fmla="*/ 1614487 h 3503533"/>
                <a:gd name="connsiteX28" fmla="*/ 1108516 w 1780028"/>
                <a:gd name="connsiteY28" fmla="*/ 1643062 h 3503533"/>
                <a:gd name="connsiteX29" fmla="*/ 1179953 w 1780028"/>
                <a:gd name="connsiteY29" fmla="*/ 1685925 h 3503533"/>
                <a:gd name="connsiteX30" fmla="*/ 1179953 w 1780028"/>
                <a:gd name="connsiteY30" fmla="*/ 1743075 h 3503533"/>
                <a:gd name="connsiteX31" fmla="*/ 1251391 w 1780028"/>
                <a:gd name="connsiteY31" fmla="*/ 1814512 h 3503533"/>
                <a:gd name="connsiteX32" fmla="*/ 1337116 w 1780028"/>
                <a:gd name="connsiteY32" fmla="*/ 1828800 h 3503533"/>
                <a:gd name="connsiteX33" fmla="*/ 1437128 w 1780028"/>
                <a:gd name="connsiteY33" fmla="*/ 1885950 h 3503533"/>
                <a:gd name="connsiteX34" fmla="*/ 1565716 w 1780028"/>
                <a:gd name="connsiteY34" fmla="*/ 1900237 h 3503533"/>
                <a:gd name="connsiteX35" fmla="*/ 1665728 w 1780028"/>
                <a:gd name="connsiteY35" fmla="*/ 1957387 h 3503533"/>
                <a:gd name="connsiteX36" fmla="*/ 1737166 w 1780028"/>
                <a:gd name="connsiteY36" fmla="*/ 2028825 h 3503533"/>
                <a:gd name="connsiteX37" fmla="*/ 1780028 w 1780028"/>
                <a:gd name="connsiteY37" fmla="*/ 2134214 h 3503533"/>
                <a:gd name="connsiteX38" fmla="*/ 304571 w 1780028"/>
                <a:gd name="connsiteY38" fmla="*/ 2720971 h 3503533"/>
                <a:gd name="connsiteX39" fmla="*/ 494229 w 1780028"/>
                <a:gd name="connsiteY39" fmla="*/ 2961968 h 3503533"/>
                <a:gd name="connsiteX40" fmla="*/ 608453 w 1780028"/>
                <a:gd name="connsiteY40" fmla="*/ 3143250 h 3503533"/>
                <a:gd name="connsiteX41" fmla="*/ 579954 w 1780028"/>
                <a:gd name="connsiteY41" fmla="*/ 3243262 h 3503533"/>
                <a:gd name="connsiteX42" fmla="*/ 522728 w 1780028"/>
                <a:gd name="connsiteY42" fmla="*/ 3387059 h 3503533"/>
                <a:gd name="connsiteX43" fmla="*/ 351279 w 1780028"/>
                <a:gd name="connsiteY43" fmla="*/ 3415634 h 3503533"/>
                <a:gd name="connsiteX44" fmla="*/ 215509 w 1780028"/>
                <a:gd name="connsiteY44" fmla="*/ 3454041 h 3503533"/>
                <a:gd name="connsiteX45" fmla="*/ 0 w 1780028"/>
                <a:gd name="connsiteY45" fmla="*/ 3503533 h 3503533"/>
                <a:gd name="connsiteX0" fmla="*/ 779903 w 1780028"/>
                <a:gd name="connsiteY0" fmla="*/ 0 h 3432096"/>
                <a:gd name="connsiteX1" fmla="*/ 808478 w 1780028"/>
                <a:gd name="connsiteY1" fmla="*/ 71438 h 3432096"/>
                <a:gd name="connsiteX2" fmla="*/ 822766 w 1780028"/>
                <a:gd name="connsiteY2" fmla="*/ 157163 h 3432096"/>
                <a:gd name="connsiteX3" fmla="*/ 865628 w 1780028"/>
                <a:gd name="connsiteY3" fmla="*/ 200025 h 3432096"/>
                <a:gd name="connsiteX4" fmla="*/ 965641 w 1780028"/>
                <a:gd name="connsiteY4" fmla="*/ 285750 h 3432096"/>
                <a:gd name="connsiteX5" fmla="*/ 994216 w 1780028"/>
                <a:gd name="connsiteY5" fmla="*/ 328613 h 3432096"/>
                <a:gd name="connsiteX6" fmla="*/ 1051366 w 1780028"/>
                <a:gd name="connsiteY6" fmla="*/ 371475 h 3432096"/>
                <a:gd name="connsiteX7" fmla="*/ 1051366 w 1780028"/>
                <a:gd name="connsiteY7" fmla="*/ 414338 h 3432096"/>
                <a:gd name="connsiteX8" fmla="*/ 1079941 w 1780028"/>
                <a:gd name="connsiteY8" fmla="*/ 457200 h 3432096"/>
                <a:gd name="connsiteX9" fmla="*/ 1051366 w 1780028"/>
                <a:gd name="connsiteY9" fmla="*/ 500063 h 3432096"/>
                <a:gd name="connsiteX10" fmla="*/ 1094228 w 1780028"/>
                <a:gd name="connsiteY10" fmla="*/ 514350 h 3432096"/>
                <a:gd name="connsiteX11" fmla="*/ 1122803 w 1780028"/>
                <a:gd name="connsiteY11" fmla="*/ 557213 h 3432096"/>
                <a:gd name="connsiteX12" fmla="*/ 1122803 w 1780028"/>
                <a:gd name="connsiteY12" fmla="*/ 600075 h 3432096"/>
                <a:gd name="connsiteX13" fmla="*/ 1022791 w 1780028"/>
                <a:gd name="connsiteY13" fmla="*/ 614363 h 3432096"/>
                <a:gd name="connsiteX14" fmla="*/ 908491 w 1780028"/>
                <a:gd name="connsiteY14" fmla="*/ 685800 h 3432096"/>
                <a:gd name="connsiteX15" fmla="*/ 879916 w 1780028"/>
                <a:gd name="connsiteY15" fmla="*/ 757238 h 3432096"/>
                <a:gd name="connsiteX16" fmla="*/ 837053 w 1780028"/>
                <a:gd name="connsiteY16" fmla="*/ 785813 h 3432096"/>
                <a:gd name="connsiteX17" fmla="*/ 851341 w 1780028"/>
                <a:gd name="connsiteY17" fmla="*/ 857250 h 3432096"/>
                <a:gd name="connsiteX18" fmla="*/ 779903 w 1780028"/>
                <a:gd name="connsiteY18" fmla="*/ 885825 h 3432096"/>
                <a:gd name="connsiteX19" fmla="*/ 779903 w 1780028"/>
                <a:gd name="connsiteY19" fmla="*/ 985838 h 3432096"/>
                <a:gd name="connsiteX20" fmla="*/ 879916 w 1780028"/>
                <a:gd name="connsiteY20" fmla="*/ 1042988 h 3432096"/>
                <a:gd name="connsiteX21" fmla="*/ 894203 w 1780028"/>
                <a:gd name="connsiteY21" fmla="*/ 1114425 h 3432096"/>
                <a:gd name="connsiteX22" fmla="*/ 865628 w 1780028"/>
                <a:gd name="connsiteY22" fmla="*/ 1214438 h 3432096"/>
                <a:gd name="connsiteX23" fmla="*/ 894203 w 1780028"/>
                <a:gd name="connsiteY23" fmla="*/ 1328738 h 3432096"/>
                <a:gd name="connsiteX24" fmla="*/ 965641 w 1780028"/>
                <a:gd name="connsiteY24" fmla="*/ 1385888 h 3432096"/>
                <a:gd name="connsiteX25" fmla="*/ 1022791 w 1780028"/>
                <a:gd name="connsiteY25" fmla="*/ 1514475 h 3432096"/>
                <a:gd name="connsiteX26" fmla="*/ 994216 w 1780028"/>
                <a:gd name="connsiteY26" fmla="*/ 1543050 h 3432096"/>
                <a:gd name="connsiteX27" fmla="*/ 1108516 w 1780028"/>
                <a:gd name="connsiteY27" fmla="*/ 1571625 h 3432096"/>
                <a:gd name="connsiteX28" fmla="*/ 1179953 w 1780028"/>
                <a:gd name="connsiteY28" fmla="*/ 1614488 h 3432096"/>
                <a:gd name="connsiteX29" fmla="*/ 1179953 w 1780028"/>
                <a:gd name="connsiteY29" fmla="*/ 1671638 h 3432096"/>
                <a:gd name="connsiteX30" fmla="*/ 1251391 w 1780028"/>
                <a:gd name="connsiteY30" fmla="*/ 1743075 h 3432096"/>
                <a:gd name="connsiteX31" fmla="*/ 1337116 w 1780028"/>
                <a:gd name="connsiteY31" fmla="*/ 1757363 h 3432096"/>
                <a:gd name="connsiteX32" fmla="*/ 1437128 w 1780028"/>
                <a:gd name="connsiteY32" fmla="*/ 1814513 h 3432096"/>
                <a:gd name="connsiteX33" fmla="*/ 1565716 w 1780028"/>
                <a:gd name="connsiteY33" fmla="*/ 1828800 h 3432096"/>
                <a:gd name="connsiteX34" fmla="*/ 1665728 w 1780028"/>
                <a:gd name="connsiteY34" fmla="*/ 1885950 h 3432096"/>
                <a:gd name="connsiteX35" fmla="*/ 1737166 w 1780028"/>
                <a:gd name="connsiteY35" fmla="*/ 1957388 h 3432096"/>
                <a:gd name="connsiteX36" fmla="*/ 1780028 w 1780028"/>
                <a:gd name="connsiteY36" fmla="*/ 2062777 h 3432096"/>
                <a:gd name="connsiteX37" fmla="*/ 304571 w 1780028"/>
                <a:gd name="connsiteY37" fmla="*/ 2649534 h 3432096"/>
                <a:gd name="connsiteX38" fmla="*/ 494229 w 1780028"/>
                <a:gd name="connsiteY38" fmla="*/ 2890531 h 3432096"/>
                <a:gd name="connsiteX39" fmla="*/ 608453 w 1780028"/>
                <a:gd name="connsiteY39" fmla="*/ 3071813 h 3432096"/>
                <a:gd name="connsiteX40" fmla="*/ 579954 w 1780028"/>
                <a:gd name="connsiteY40" fmla="*/ 3171825 h 3432096"/>
                <a:gd name="connsiteX41" fmla="*/ 522728 w 1780028"/>
                <a:gd name="connsiteY41" fmla="*/ 3315622 h 3432096"/>
                <a:gd name="connsiteX42" fmla="*/ 351279 w 1780028"/>
                <a:gd name="connsiteY42" fmla="*/ 3344197 h 3432096"/>
                <a:gd name="connsiteX43" fmla="*/ 215509 w 1780028"/>
                <a:gd name="connsiteY43" fmla="*/ 3382604 h 3432096"/>
                <a:gd name="connsiteX44" fmla="*/ 0 w 1780028"/>
                <a:gd name="connsiteY44" fmla="*/ 3432096 h 3432096"/>
                <a:gd name="connsiteX0" fmla="*/ 808478 w 1780028"/>
                <a:gd name="connsiteY0" fmla="*/ 0 h 3360658"/>
                <a:gd name="connsiteX1" fmla="*/ 822766 w 1780028"/>
                <a:gd name="connsiteY1" fmla="*/ 85725 h 3360658"/>
                <a:gd name="connsiteX2" fmla="*/ 865628 w 1780028"/>
                <a:gd name="connsiteY2" fmla="*/ 128587 h 3360658"/>
                <a:gd name="connsiteX3" fmla="*/ 965641 w 1780028"/>
                <a:gd name="connsiteY3" fmla="*/ 214312 h 3360658"/>
                <a:gd name="connsiteX4" fmla="*/ 994216 w 1780028"/>
                <a:gd name="connsiteY4" fmla="*/ 257175 h 3360658"/>
                <a:gd name="connsiteX5" fmla="*/ 1051366 w 1780028"/>
                <a:gd name="connsiteY5" fmla="*/ 300037 h 3360658"/>
                <a:gd name="connsiteX6" fmla="*/ 1051366 w 1780028"/>
                <a:gd name="connsiteY6" fmla="*/ 342900 h 3360658"/>
                <a:gd name="connsiteX7" fmla="*/ 1079941 w 1780028"/>
                <a:gd name="connsiteY7" fmla="*/ 385762 h 3360658"/>
                <a:gd name="connsiteX8" fmla="*/ 1051366 w 1780028"/>
                <a:gd name="connsiteY8" fmla="*/ 428625 h 3360658"/>
                <a:gd name="connsiteX9" fmla="*/ 1094228 w 1780028"/>
                <a:gd name="connsiteY9" fmla="*/ 442912 h 3360658"/>
                <a:gd name="connsiteX10" fmla="*/ 1122803 w 1780028"/>
                <a:gd name="connsiteY10" fmla="*/ 485775 h 3360658"/>
                <a:gd name="connsiteX11" fmla="*/ 1122803 w 1780028"/>
                <a:gd name="connsiteY11" fmla="*/ 528637 h 3360658"/>
                <a:gd name="connsiteX12" fmla="*/ 1022791 w 1780028"/>
                <a:gd name="connsiteY12" fmla="*/ 542925 h 3360658"/>
                <a:gd name="connsiteX13" fmla="*/ 908491 w 1780028"/>
                <a:gd name="connsiteY13" fmla="*/ 614362 h 3360658"/>
                <a:gd name="connsiteX14" fmla="*/ 879916 w 1780028"/>
                <a:gd name="connsiteY14" fmla="*/ 685800 h 3360658"/>
                <a:gd name="connsiteX15" fmla="*/ 837053 w 1780028"/>
                <a:gd name="connsiteY15" fmla="*/ 714375 h 3360658"/>
                <a:gd name="connsiteX16" fmla="*/ 851341 w 1780028"/>
                <a:gd name="connsiteY16" fmla="*/ 785812 h 3360658"/>
                <a:gd name="connsiteX17" fmla="*/ 779903 w 1780028"/>
                <a:gd name="connsiteY17" fmla="*/ 814387 h 3360658"/>
                <a:gd name="connsiteX18" fmla="*/ 779903 w 1780028"/>
                <a:gd name="connsiteY18" fmla="*/ 914400 h 3360658"/>
                <a:gd name="connsiteX19" fmla="*/ 879916 w 1780028"/>
                <a:gd name="connsiteY19" fmla="*/ 971550 h 3360658"/>
                <a:gd name="connsiteX20" fmla="*/ 894203 w 1780028"/>
                <a:gd name="connsiteY20" fmla="*/ 1042987 h 3360658"/>
                <a:gd name="connsiteX21" fmla="*/ 865628 w 1780028"/>
                <a:gd name="connsiteY21" fmla="*/ 1143000 h 3360658"/>
                <a:gd name="connsiteX22" fmla="*/ 894203 w 1780028"/>
                <a:gd name="connsiteY22" fmla="*/ 1257300 h 3360658"/>
                <a:gd name="connsiteX23" fmla="*/ 965641 w 1780028"/>
                <a:gd name="connsiteY23" fmla="*/ 1314450 h 3360658"/>
                <a:gd name="connsiteX24" fmla="*/ 1022791 w 1780028"/>
                <a:gd name="connsiteY24" fmla="*/ 1443037 h 3360658"/>
                <a:gd name="connsiteX25" fmla="*/ 994216 w 1780028"/>
                <a:gd name="connsiteY25" fmla="*/ 1471612 h 3360658"/>
                <a:gd name="connsiteX26" fmla="*/ 1108516 w 1780028"/>
                <a:gd name="connsiteY26" fmla="*/ 1500187 h 3360658"/>
                <a:gd name="connsiteX27" fmla="*/ 1179953 w 1780028"/>
                <a:gd name="connsiteY27" fmla="*/ 1543050 h 3360658"/>
                <a:gd name="connsiteX28" fmla="*/ 1179953 w 1780028"/>
                <a:gd name="connsiteY28" fmla="*/ 1600200 h 3360658"/>
                <a:gd name="connsiteX29" fmla="*/ 1251391 w 1780028"/>
                <a:gd name="connsiteY29" fmla="*/ 1671637 h 3360658"/>
                <a:gd name="connsiteX30" fmla="*/ 1337116 w 1780028"/>
                <a:gd name="connsiteY30" fmla="*/ 1685925 h 3360658"/>
                <a:gd name="connsiteX31" fmla="*/ 1437128 w 1780028"/>
                <a:gd name="connsiteY31" fmla="*/ 1743075 h 3360658"/>
                <a:gd name="connsiteX32" fmla="*/ 1565716 w 1780028"/>
                <a:gd name="connsiteY32" fmla="*/ 1757362 h 3360658"/>
                <a:gd name="connsiteX33" fmla="*/ 1665728 w 1780028"/>
                <a:gd name="connsiteY33" fmla="*/ 1814512 h 3360658"/>
                <a:gd name="connsiteX34" fmla="*/ 1737166 w 1780028"/>
                <a:gd name="connsiteY34" fmla="*/ 1885950 h 3360658"/>
                <a:gd name="connsiteX35" fmla="*/ 1780028 w 1780028"/>
                <a:gd name="connsiteY35" fmla="*/ 1991339 h 3360658"/>
                <a:gd name="connsiteX36" fmla="*/ 304571 w 1780028"/>
                <a:gd name="connsiteY36" fmla="*/ 2578096 h 3360658"/>
                <a:gd name="connsiteX37" fmla="*/ 494229 w 1780028"/>
                <a:gd name="connsiteY37" fmla="*/ 2819093 h 3360658"/>
                <a:gd name="connsiteX38" fmla="*/ 608453 w 1780028"/>
                <a:gd name="connsiteY38" fmla="*/ 3000375 h 3360658"/>
                <a:gd name="connsiteX39" fmla="*/ 579954 w 1780028"/>
                <a:gd name="connsiteY39" fmla="*/ 3100387 h 3360658"/>
                <a:gd name="connsiteX40" fmla="*/ 522728 w 1780028"/>
                <a:gd name="connsiteY40" fmla="*/ 3244184 h 3360658"/>
                <a:gd name="connsiteX41" fmla="*/ 351279 w 1780028"/>
                <a:gd name="connsiteY41" fmla="*/ 3272759 h 3360658"/>
                <a:gd name="connsiteX42" fmla="*/ 215509 w 1780028"/>
                <a:gd name="connsiteY42" fmla="*/ 3311166 h 3360658"/>
                <a:gd name="connsiteX43" fmla="*/ 0 w 1780028"/>
                <a:gd name="connsiteY43" fmla="*/ 3360658 h 3360658"/>
                <a:gd name="connsiteX0" fmla="*/ 822766 w 1780028"/>
                <a:gd name="connsiteY0" fmla="*/ 0 h 3274933"/>
                <a:gd name="connsiteX1" fmla="*/ 865628 w 1780028"/>
                <a:gd name="connsiteY1" fmla="*/ 42862 h 3274933"/>
                <a:gd name="connsiteX2" fmla="*/ 965641 w 1780028"/>
                <a:gd name="connsiteY2" fmla="*/ 128587 h 3274933"/>
                <a:gd name="connsiteX3" fmla="*/ 994216 w 1780028"/>
                <a:gd name="connsiteY3" fmla="*/ 171450 h 3274933"/>
                <a:gd name="connsiteX4" fmla="*/ 1051366 w 1780028"/>
                <a:gd name="connsiteY4" fmla="*/ 214312 h 3274933"/>
                <a:gd name="connsiteX5" fmla="*/ 1051366 w 1780028"/>
                <a:gd name="connsiteY5" fmla="*/ 257175 h 3274933"/>
                <a:gd name="connsiteX6" fmla="*/ 1079941 w 1780028"/>
                <a:gd name="connsiteY6" fmla="*/ 300037 h 3274933"/>
                <a:gd name="connsiteX7" fmla="*/ 1051366 w 1780028"/>
                <a:gd name="connsiteY7" fmla="*/ 342900 h 3274933"/>
                <a:gd name="connsiteX8" fmla="*/ 1094228 w 1780028"/>
                <a:gd name="connsiteY8" fmla="*/ 357187 h 3274933"/>
                <a:gd name="connsiteX9" fmla="*/ 1122803 w 1780028"/>
                <a:gd name="connsiteY9" fmla="*/ 400050 h 3274933"/>
                <a:gd name="connsiteX10" fmla="*/ 1122803 w 1780028"/>
                <a:gd name="connsiteY10" fmla="*/ 442912 h 3274933"/>
                <a:gd name="connsiteX11" fmla="*/ 1022791 w 1780028"/>
                <a:gd name="connsiteY11" fmla="*/ 457200 h 3274933"/>
                <a:gd name="connsiteX12" fmla="*/ 908491 w 1780028"/>
                <a:gd name="connsiteY12" fmla="*/ 528637 h 3274933"/>
                <a:gd name="connsiteX13" fmla="*/ 879916 w 1780028"/>
                <a:gd name="connsiteY13" fmla="*/ 600075 h 3274933"/>
                <a:gd name="connsiteX14" fmla="*/ 837053 w 1780028"/>
                <a:gd name="connsiteY14" fmla="*/ 628650 h 3274933"/>
                <a:gd name="connsiteX15" fmla="*/ 851341 w 1780028"/>
                <a:gd name="connsiteY15" fmla="*/ 700087 h 3274933"/>
                <a:gd name="connsiteX16" fmla="*/ 779903 w 1780028"/>
                <a:gd name="connsiteY16" fmla="*/ 728662 h 3274933"/>
                <a:gd name="connsiteX17" fmla="*/ 779903 w 1780028"/>
                <a:gd name="connsiteY17" fmla="*/ 828675 h 3274933"/>
                <a:gd name="connsiteX18" fmla="*/ 879916 w 1780028"/>
                <a:gd name="connsiteY18" fmla="*/ 885825 h 3274933"/>
                <a:gd name="connsiteX19" fmla="*/ 894203 w 1780028"/>
                <a:gd name="connsiteY19" fmla="*/ 957262 h 3274933"/>
                <a:gd name="connsiteX20" fmla="*/ 865628 w 1780028"/>
                <a:gd name="connsiteY20" fmla="*/ 1057275 h 3274933"/>
                <a:gd name="connsiteX21" fmla="*/ 894203 w 1780028"/>
                <a:gd name="connsiteY21" fmla="*/ 1171575 h 3274933"/>
                <a:gd name="connsiteX22" fmla="*/ 965641 w 1780028"/>
                <a:gd name="connsiteY22" fmla="*/ 1228725 h 3274933"/>
                <a:gd name="connsiteX23" fmla="*/ 1022791 w 1780028"/>
                <a:gd name="connsiteY23" fmla="*/ 1357312 h 3274933"/>
                <a:gd name="connsiteX24" fmla="*/ 994216 w 1780028"/>
                <a:gd name="connsiteY24" fmla="*/ 1385887 h 3274933"/>
                <a:gd name="connsiteX25" fmla="*/ 1108516 w 1780028"/>
                <a:gd name="connsiteY25" fmla="*/ 1414462 h 3274933"/>
                <a:gd name="connsiteX26" fmla="*/ 1179953 w 1780028"/>
                <a:gd name="connsiteY26" fmla="*/ 1457325 h 3274933"/>
                <a:gd name="connsiteX27" fmla="*/ 1179953 w 1780028"/>
                <a:gd name="connsiteY27" fmla="*/ 1514475 h 3274933"/>
                <a:gd name="connsiteX28" fmla="*/ 1251391 w 1780028"/>
                <a:gd name="connsiteY28" fmla="*/ 1585912 h 3274933"/>
                <a:gd name="connsiteX29" fmla="*/ 1337116 w 1780028"/>
                <a:gd name="connsiteY29" fmla="*/ 1600200 h 3274933"/>
                <a:gd name="connsiteX30" fmla="*/ 1437128 w 1780028"/>
                <a:gd name="connsiteY30" fmla="*/ 1657350 h 3274933"/>
                <a:gd name="connsiteX31" fmla="*/ 1565716 w 1780028"/>
                <a:gd name="connsiteY31" fmla="*/ 1671637 h 3274933"/>
                <a:gd name="connsiteX32" fmla="*/ 1665728 w 1780028"/>
                <a:gd name="connsiteY32" fmla="*/ 1728787 h 3274933"/>
                <a:gd name="connsiteX33" fmla="*/ 1737166 w 1780028"/>
                <a:gd name="connsiteY33" fmla="*/ 1800225 h 3274933"/>
                <a:gd name="connsiteX34" fmla="*/ 1780028 w 1780028"/>
                <a:gd name="connsiteY34" fmla="*/ 1905614 h 3274933"/>
                <a:gd name="connsiteX35" fmla="*/ 304571 w 1780028"/>
                <a:gd name="connsiteY35" fmla="*/ 2492371 h 3274933"/>
                <a:gd name="connsiteX36" fmla="*/ 494229 w 1780028"/>
                <a:gd name="connsiteY36" fmla="*/ 2733368 h 3274933"/>
                <a:gd name="connsiteX37" fmla="*/ 608453 w 1780028"/>
                <a:gd name="connsiteY37" fmla="*/ 2914650 h 3274933"/>
                <a:gd name="connsiteX38" fmla="*/ 579954 w 1780028"/>
                <a:gd name="connsiteY38" fmla="*/ 3014662 h 3274933"/>
                <a:gd name="connsiteX39" fmla="*/ 522728 w 1780028"/>
                <a:gd name="connsiteY39" fmla="*/ 3158459 h 3274933"/>
                <a:gd name="connsiteX40" fmla="*/ 351279 w 1780028"/>
                <a:gd name="connsiteY40" fmla="*/ 3187034 h 3274933"/>
                <a:gd name="connsiteX41" fmla="*/ 215509 w 1780028"/>
                <a:gd name="connsiteY41" fmla="*/ 3225441 h 3274933"/>
                <a:gd name="connsiteX42" fmla="*/ 0 w 1780028"/>
                <a:gd name="connsiteY42" fmla="*/ 3274933 h 3274933"/>
                <a:gd name="connsiteX0" fmla="*/ 822766 w 1780028"/>
                <a:gd name="connsiteY0" fmla="*/ 0 h 3274933"/>
                <a:gd name="connsiteX1" fmla="*/ 965641 w 1780028"/>
                <a:gd name="connsiteY1" fmla="*/ 128587 h 3274933"/>
                <a:gd name="connsiteX2" fmla="*/ 994216 w 1780028"/>
                <a:gd name="connsiteY2" fmla="*/ 171450 h 3274933"/>
                <a:gd name="connsiteX3" fmla="*/ 1051366 w 1780028"/>
                <a:gd name="connsiteY3" fmla="*/ 214312 h 3274933"/>
                <a:gd name="connsiteX4" fmla="*/ 1051366 w 1780028"/>
                <a:gd name="connsiteY4" fmla="*/ 257175 h 3274933"/>
                <a:gd name="connsiteX5" fmla="*/ 1079941 w 1780028"/>
                <a:gd name="connsiteY5" fmla="*/ 300037 h 3274933"/>
                <a:gd name="connsiteX6" fmla="*/ 1051366 w 1780028"/>
                <a:gd name="connsiteY6" fmla="*/ 342900 h 3274933"/>
                <a:gd name="connsiteX7" fmla="*/ 1094228 w 1780028"/>
                <a:gd name="connsiteY7" fmla="*/ 357187 h 3274933"/>
                <a:gd name="connsiteX8" fmla="*/ 1122803 w 1780028"/>
                <a:gd name="connsiteY8" fmla="*/ 400050 h 3274933"/>
                <a:gd name="connsiteX9" fmla="*/ 1122803 w 1780028"/>
                <a:gd name="connsiteY9" fmla="*/ 442912 h 3274933"/>
                <a:gd name="connsiteX10" fmla="*/ 1022791 w 1780028"/>
                <a:gd name="connsiteY10" fmla="*/ 457200 h 3274933"/>
                <a:gd name="connsiteX11" fmla="*/ 908491 w 1780028"/>
                <a:gd name="connsiteY11" fmla="*/ 528637 h 3274933"/>
                <a:gd name="connsiteX12" fmla="*/ 879916 w 1780028"/>
                <a:gd name="connsiteY12" fmla="*/ 600075 h 3274933"/>
                <a:gd name="connsiteX13" fmla="*/ 837053 w 1780028"/>
                <a:gd name="connsiteY13" fmla="*/ 628650 h 3274933"/>
                <a:gd name="connsiteX14" fmla="*/ 851341 w 1780028"/>
                <a:gd name="connsiteY14" fmla="*/ 700087 h 3274933"/>
                <a:gd name="connsiteX15" fmla="*/ 779903 w 1780028"/>
                <a:gd name="connsiteY15" fmla="*/ 728662 h 3274933"/>
                <a:gd name="connsiteX16" fmla="*/ 779903 w 1780028"/>
                <a:gd name="connsiteY16" fmla="*/ 828675 h 3274933"/>
                <a:gd name="connsiteX17" fmla="*/ 879916 w 1780028"/>
                <a:gd name="connsiteY17" fmla="*/ 885825 h 3274933"/>
                <a:gd name="connsiteX18" fmla="*/ 894203 w 1780028"/>
                <a:gd name="connsiteY18" fmla="*/ 957262 h 3274933"/>
                <a:gd name="connsiteX19" fmla="*/ 865628 w 1780028"/>
                <a:gd name="connsiteY19" fmla="*/ 1057275 h 3274933"/>
                <a:gd name="connsiteX20" fmla="*/ 894203 w 1780028"/>
                <a:gd name="connsiteY20" fmla="*/ 1171575 h 3274933"/>
                <a:gd name="connsiteX21" fmla="*/ 965641 w 1780028"/>
                <a:gd name="connsiteY21" fmla="*/ 1228725 h 3274933"/>
                <a:gd name="connsiteX22" fmla="*/ 1022791 w 1780028"/>
                <a:gd name="connsiteY22" fmla="*/ 1357312 h 3274933"/>
                <a:gd name="connsiteX23" fmla="*/ 994216 w 1780028"/>
                <a:gd name="connsiteY23" fmla="*/ 1385887 h 3274933"/>
                <a:gd name="connsiteX24" fmla="*/ 1108516 w 1780028"/>
                <a:gd name="connsiteY24" fmla="*/ 1414462 h 3274933"/>
                <a:gd name="connsiteX25" fmla="*/ 1179953 w 1780028"/>
                <a:gd name="connsiteY25" fmla="*/ 1457325 h 3274933"/>
                <a:gd name="connsiteX26" fmla="*/ 1179953 w 1780028"/>
                <a:gd name="connsiteY26" fmla="*/ 1514475 h 3274933"/>
                <a:gd name="connsiteX27" fmla="*/ 1251391 w 1780028"/>
                <a:gd name="connsiteY27" fmla="*/ 1585912 h 3274933"/>
                <a:gd name="connsiteX28" fmla="*/ 1337116 w 1780028"/>
                <a:gd name="connsiteY28" fmla="*/ 1600200 h 3274933"/>
                <a:gd name="connsiteX29" fmla="*/ 1437128 w 1780028"/>
                <a:gd name="connsiteY29" fmla="*/ 1657350 h 3274933"/>
                <a:gd name="connsiteX30" fmla="*/ 1565716 w 1780028"/>
                <a:gd name="connsiteY30" fmla="*/ 1671637 h 3274933"/>
                <a:gd name="connsiteX31" fmla="*/ 1665728 w 1780028"/>
                <a:gd name="connsiteY31" fmla="*/ 1728787 h 3274933"/>
                <a:gd name="connsiteX32" fmla="*/ 1737166 w 1780028"/>
                <a:gd name="connsiteY32" fmla="*/ 1800225 h 3274933"/>
                <a:gd name="connsiteX33" fmla="*/ 1780028 w 1780028"/>
                <a:gd name="connsiteY33" fmla="*/ 1905614 h 3274933"/>
                <a:gd name="connsiteX34" fmla="*/ 304571 w 1780028"/>
                <a:gd name="connsiteY34" fmla="*/ 2492371 h 3274933"/>
                <a:gd name="connsiteX35" fmla="*/ 494229 w 1780028"/>
                <a:gd name="connsiteY35" fmla="*/ 2733368 h 3274933"/>
                <a:gd name="connsiteX36" fmla="*/ 608453 w 1780028"/>
                <a:gd name="connsiteY36" fmla="*/ 2914650 h 3274933"/>
                <a:gd name="connsiteX37" fmla="*/ 579954 w 1780028"/>
                <a:gd name="connsiteY37" fmla="*/ 3014662 h 3274933"/>
                <a:gd name="connsiteX38" fmla="*/ 522728 w 1780028"/>
                <a:gd name="connsiteY38" fmla="*/ 3158459 h 3274933"/>
                <a:gd name="connsiteX39" fmla="*/ 351279 w 1780028"/>
                <a:gd name="connsiteY39" fmla="*/ 3187034 h 3274933"/>
                <a:gd name="connsiteX40" fmla="*/ 215509 w 1780028"/>
                <a:gd name="connsiteY40" fmla="*/ 3225441 h 3274933"/>
                <a:gd name="connsiteX41" fmla="*/ 0 w 1780028"/>
                <a:gd name="connsiteY41" fmla="*/ 3274933 h 3274933"/>
                <a:gd name="connsiteX0" fmla="*/ 965641 w 1780028"/>
                <a:gd name="connsiteY0" fmla="*/ 0 h 3146346"/>
                <a:gd name="connsiteX1" fmla="*/ 994216 w 1780028"/>
                <a:gd name="connsiteY1" fmla="*/ 42863 h 3146346"/>
                <a:gd name="connsiteX2" fmla="*/ 1051366 w 1780028"/>
                <a:gd name="connsiteY2" fmla="*/ 85725 h 3146346"/>
                <a:gd name="connsiteX3" fmla="*/ 1051366 w 1780028"/>
                <a:gd name="connsiteY3" fmla="*/ 128588 h 3146346"/>
                <a:gd name="connsiteX4" fmla="*/ 1079941 w 1780028"/>
                <a:gd name="connsiteY4" fmla="*/ 171450 h 3146346"/>
                <a:gd name="connsiteX5" fmla="*/ 1051366 w 1780028"/>
                <a:gd name="connsiteY5" fmla="*/ 214313 h 3146346"/>
                <a:gd name="connsiteX6" fmla="*/ 1094228 w 1780028"/>
                <a:gd name="connsiteY6" fmla="*/ 228600 h 3146346"/>
                <a:gd name="connsiteX7" fmla="*/ 1122803 w 1780028"/>
                <a:gd name="connsiteY7" fmla="*/ 271463 h 3146346"/>
                <a:gd name="connsiteX8" fmla="*/ 1122803 w 1780028"/>
                <a:gd name="connsiteY8" fmla="*/ 314325 h 3146346"/>
                <a:gd name="connsiteX9" fmla="*/ 1022791 w 1780028"/>
                <a:gd name="connsiteY9" fmla="*/ 328613 h 3146346"/>
                <a:gd name="connsiteX10" fmla="*/ 908491 w 1780028"/>
                <a:gd name="connsiteY10" fmla="*/ 400050 h 3146346"/>
                <a:gd name="connsiteX11" fmla="*/ 879916 w 1780028"/>
                <a:gd name="connsiteY11" fmla="*/ 471488 h 3146346"/>
                <a:gd name="connsiteX12" fmla="*/ 837053 w 1780028"/>
                <a:gd name="connsiteY12" fmla="*/ 500063 h 3146346"/>
                <a:gd name="connsiteX13" fmla="*/ 851341 w 1780028"/>
                <a:gd name="connsiteY13" fmla="*/ 571500 h 3146346"/>
                <a:gd name="connsiteX14" fmla="*/ 779903 w 1780028"/>
                <a:gd name="connsiteY14" fmla="*/ 600075 h 3146346"/>
                <a:gd name="connsiteX15" fmla="*/ 779903 w 1780028"/>
                <a:gd name="connsiteY15" fmla="*/ 700088 h 3146346"/>
                <a:gd name="connsiteX16" fmla="*/ 879916 w 1780028"/>
                <a:gd name="connsiteY16" fmla="*/ 757238 h 3146346"/>
                <a:gd name="connsiteX17" fmla="*/ 894203 w 1780028"/>
                <a:gd name="connsiteY17" fmla="*/ 828675 h 3146346"/>
                <a:gd name="connsiteX18" fmla="*/ 865628 w 1780028"/>
                <a:gd name="connsiteY18" fmla="*/ 928688 h 3146346"/>
                <a:gd name="connsiteX19" fmla="*/ 894203 w 1780028"/>
                <a:gd name="connsiteY19" fmla="*/ 1042988 h 3146346"/>
                <a:gd name="connsiteX20" fmla="*/ 965641 w 1780028"/>
                <a:gd name="connsiteY20" fmla="*/ 1100138 h 3146346"/>
                <a:gd name="connsiteX21" fmla="*/ 1022791 w 1780028"/>
                <a:gd name="connsiteY21" fmla="*/ 1228725 h 3146346"/>
                <a:gd name="connsiteX22" fmla="*/ 994216 w 1780028"/>
                <a:gd name="connsiteY22" fmla="*/ 1257300 h 3146346"/>
                <a:gd name="connsiteX23" fmla="*/ 1108516 w 1780028"/>
                <a:gd name="connsiteY23" fmla="*/ 1285875 h 3146346"/>
                <a:gd name="connsiteX24" fmla="*/ 1179953 w 1780028"/>
                <a:gd name="connsiteY24" fmla="*/ 1328738 h 3146346"/>
                <a:gd name="connsiteX25" fmla="*/ 1179953 w 1780028"/>
                <a:gd name="connsiteY25" fmla="*/ 1385888 h 3146346"/>
                <a:gd name="connsiteX26" fmla="*/ 1251391 w 1780028"/>
                <a:gd name="connsiteY26" fmla="*/ 1457325 h 3146346"/>
                <a:gd name="connsiteX27" fmla="*/ 1337116 w 1780028"/>
                <a:gd name="connsiteY27" fmla="*/ 1471613 h 3146346"/>
                <a:gd name="connsiteX28" fmla="*/ 1437128 w 1780028"/>
                <a:gd name="connsiteY28" fmla="*/ 1528763 h 3146346"/>
                <a:gd name="connsiteX29" fmla="*/ 1565716 w 1780028"/>
                <a:gd name="connsiteY29" fmla="*/ 1543050 h 3146346"/>
                <a:gd name="connsiteX30" fmla="*/ 1665728 w 1780028"/>
                <a:gd name="connsiteY30" fmla="*/ 1600200 h 3146346"/>
                <a:gd name="connsiteX31" fmla="*/ 1737166 w 1780028"/>
                <a:gd name="connsiteY31" fmla="*/ 1671638 h 3146346"/>
                <a:gd name="connsiteX32" fmla="*/ 1780028 w 1780028"/>
                <a:gd name="connsiteY32" fmla="*/ 1777027 h 3146346"/>
                <a:gd name="connsiteX33" fmla="*/ 304571 w 1780028"/>
                <a:gd name="connsiteY33" fmla="*/ 2363784 h 3146346"/>
                <a:gd name="connsiteX34" fmla="*/ 494229 w 1780028"/>
                <a:gd name="connsiteY34" fmla="*/ 2604781 h 3146346"/>
                <a:gd name="connsiteX35" fmla="*/ 608453 w 1780028"/>
                <a:gd name="connsiteY35" fmla="*/ 2786063 h 3146346"/>
                <a:gd name="connsiteX36" fmla="*/ 579954 w 1780028"/>
                <a:gd name="connsiteY36" fmla="*/ 2886075 h 3146346"/>
                <a:gd name="connsiteX37" fmla="*/ 522728 w 1780028"/>
                <a:gd name="connsiteY37" fmla="*/ 3029872 h 3146346"/>
                <a:gd name="connsiteX38" fmla="*/ 351279 w 1780028"/>
                <a:gd name="connsiteY38" fmla="*/ 3058447 h 3146346"/>
                <a:gd name="connsiteX39" fmla="*/ 215509 w 1780028"/>
                <a:gd name="connsiteY39" fmla="*/ 3096854 h 3146346"/>
                <a:gd name="connsiteX40" fmla="*/ 0 w 1780028"/>
                <a:gd name="connsiteY40" fmla="*/ 3146346 h 3146346"/>
                <a:gd name="connsiteX0" fmla="*/ 965641 w 1780028"/>
                <a:gd name="connsiteY0" fmla="*/ 0 h 3146346"/>
                <a:gd name="connsiteX1" fmla="*/ 1051366 w 1780028"/>
                <a:gd name="connsiteY1" fmla="*/ 85725 h 3146346"/>
                <a:gd name="connsiteX2" fmla="*/ 1051366 w 1780028"/>
                <a:gd name="connsiteY2" fmla="*/ 128588 h 3146346"/>
                <a:gd name="connsiteX3" fmla="*/ 1079941 w 1780028"/>
                <a:gd name="connsiteY3" fmla="*/ 171450 h 3146346"/>
                <a:gd name="connsiteX4" fmla="*/ 1051366 w 1780028"/>
                <a:gd name="connsiteY4" fmla="*/ 214313 h 3146346"/>
                <a:gd name="connsiteX5" fmla="*/ 1094228 w 1780028"/>
                <a:gd name="connsiteY5" fmla="*/ 228600 h 3146346"/>
                <a:gd name="connsiteX6" fmla="*/ 1122803 w 1780028"/>
                <a:gd name="connsiteY6" fmla="*/ 271463 h 3146346"/>
                <a:gd name="connsiteX7" fmla="*/ 1122803 w 1780028"/>
                <a:gd name="connsiteY7" fmla="*/ 314325 h 3146346"/>
                <a:gd name="connsiteX8" fmla="*/ 1022791 w 1780028"/>
                <a:gd name="connsiteY8" fmla="*/ 328613 h 3146346"/>
                <a:gd name="connsiteX9" fmla="*/ 908491 w 1780028"/>
                <a:gd name="connsiteY9" fmla="*/ 400050 h 3146346"/>
                <a:gd name="connsiteX10" fmla="*/ 879916 w 1780028"/>
                <a:gd name="connsiteY10" fmla="*/ 471488 h 3146346"/>
                <a:gd name="connsiteX11" fmla="*/ 837053 w 1780028"/>
                <a:gd name="connsiteY11" fmla="*/ 500063 h 3146346"/>
                <a:gd name="connsiteX12" fmla="*/ 851341 w 1780028"/>
                <a:gd name="connsiteY12" fmla="*/ 571500 h 3146346"/>
                <a:gd name="connsiteX13" fmla="*/ 779903 w 1780028"/>
                <a:gd name="connsiteY13" fmla="*/ 600075 h 3146346"/>
                <a:gd name="connsiteX14" fmla="*/ 779903 w 1780028"/>
                <a:gd name="connsiteY14" fmla="*/ 700088 h 3146346"/>
                <a:gd name="connsiteX15" fmla="*/ 879916 w 1780028"/>
                <a:gd name="connsiteY15" fmla="*/ 757238 h 3146346"/>
                <a:gd name="connsiteX16" fmla="*/ 894203 w 1780028"/>
                <a:gd name="connsiteY16" fmla="*/ 828675 h 3146346"/>
                <a:gd name="connsiteX17" fmla="*/ 865628 w 1780028"/>
                <a:gd name="connsiteY17" fmla="*/ 928688 h 3146346"/>
                <a:gd name="connsiteX18" fmla="*/ 894203 w 1780028"/>
                <a:gd name="connsiteY18" fmla="*/ 1042988 h 3146346"/>
                <a:gd name="connsiteX19" fmla="*/ 965641 w 1780028"/>
                <a:gd name="connsiteY19" fmla="*/ 1100138 h 3146346"/>
                <a:gd name="connsiteX20" fmla="*/ 1022791 w 1780028"/>
                <a:gd name="connsiteY20" fmla="*/ 1228725 h 3146346"/>
                <a:gd name="connsiteX21" fmla="*/ 994216 w 1780028"/>
                <a:gd name="connsiteY21" fmla="*/ 1257300 h 3146346"/>
                <a:gd name="connsiteX22" fmla="*/ 1108516 w 1780028"/>
                <a:gd name="connsiteY22" fmla="*/ 1285875 h 3146346"/>
                <a:gd name="connsiteX23" fmla="*/ 1179953 w 1780028"/>
                <a:gd name="connsiteY23" fmla="*/ 1328738 h 3146346"/>
                <a:gd name="connsiteX24" fmla="*/ 1179953 w 1780028"/>
                <a:gd name="connsiteY24" fmla="*/ 1385888 h 3146346"/>
                <a:gd name="connsiteX25" fmla="*/ 1251391 w 1780028"/>
                <a:gd name="connsiteY25" fmla="*/ 1457325 h 3146346"/>
                <a:gd name="connsiteX26" fmla="*/ 1337116 w 1780028"/>
                <a:gd name="connsiteY26" fmla="*/ 1471613 h 3146346"/>
                <a:gd name="connsiteX27" fmla="*/ 1437128 w 1780028"/>
                <a:gd name="connsiteY27" fmla="*/ 1528763 h 3146346"/>
                <a:gd name="connsiteX28" fmla="*/ 1565716 w 1780028"/>
                <a:gd name="connsiteY28" fmla="*/ 1543050 h 3146346"/>
                <a:gd name="connsiteX29" fmla="*/ 1665728 w 1780028"/>
                <a:gd name="connsiteY29" fmla="*/ 1600200 h 3146346"/>
                <a:gd name="connsiteX30" fmla="*/ 1737166 w 1780028"/>
                <a:gd name="connsiteY30" fmla="*/ 1671638 h 3146346"/>
                <a:gd name="connsiteX31" fmla="*/ 1780028 w 1780028"/>
                <a:gd name="connsiteY31" fmla="*/ 1777027 h 3146346"/>
                <a:gd name="connsiteX32" fmla="*/ 304571 w 1780028"/>
                <a:gd name="connsiteY32" fmla="*/ 2363784 h 3146346"/>
                <a:gd name="connsiteX33" fmla="*/ 494229 w 1780028"/>
                <a:gd name="connsiteY33" fmla="*/ 2604781 h 3146346"/>
                <a:gd name="connsiteX34" fmla="*/ 608453 w 1780028"/>
                <a:gd name="connsiteY34" fmla="*/ 2786063 h 3146346"/>
                <a:gd name="connsiteX35" fmla="*/ 579954 w 1780028"/>
                <a:gd name="connsiteY35" fmla="*/ 2886075 h 3146346"/>
                <a:gd name="connsiteX36" fmla="*/ 522728 w 1780028"/>
                <a:gd name="connsiteY36" fmla="*/ 3029872 h 3146346"/>
                <a:gd name="connsiteX37" fmla="*/ 351279 w 1780028"/>
                <a:gd name="connsiteY37" fmla="*/ 3058447 h 3146346"/>
                <a:gd name="connsiteX38" fmla="*/ 215509 w 1780028"/>
                <a:gd name="connsiteY38" fmla="*/ 3096854 h 3146346"/>
                <a:gd name="connsiteX39" fmla="*/ 0 w 1780028"/>
                <a:gd name="connsiteY39" fmla="*/ 3146346 h 3146346"/>
                <a:gd name="connsiteX0" fmla="*/ 1051366 w 1780028"/>
                <a:gd name="connsiteY0" fmla="*/ 0 h 3060621"/>
                <a:gd name="connsiteX1" fmla="*/ 1051366 w 1780028"/>
                <a:gd name="connsiteY1" fmla="*/ 42863 h 3060621"/>
                <a:gd name="connsiteX2" fmla="*/ 1079941 w 1780028"/>
                <a:gd name="connsiteY2" fmla="*/ 85725 h 3060621"/>
                <a:gd name="connsiteX3" fmla="*/ 1051366 w 1780028"/>
                <a:gd name="connsiteY3" fmla="*/ 128588 h 3060621"/>
                <a:gd name="connsiteX4" fmla="*/ 1094228 w 1780028"/>
                <a:gd name="connsiteY4" fmla="*/ 142875 h 3060621"/>
                <a:gd name="connsiteX5" fmla="*/ 1122803 w 1780028"/>
                <a:gd name="connsiteY5" fmla="*/ 185738 h 3060621"/>
                <a:gd name="connsiteX6" fmla="*/ 1122803 w 1780028"/>
                <a:gd name="connsiteY6" fmla="*/ 228600 h 3060621"/>
                <a:gd name="connsiteX7" fmla="*/ 1022791 w 1780028"/>
                <a:gd name="connsiteY7" fmla="*/ 242888 h 3060621"/>
                <a:gd name="connsiteX8" fmla="*/ 908491 w 1780028"/>
                <a:gd name="connsiteY8" fmla="*/ 314325 h 3060621"/>
                <a:gd name="connsiteX9" fmla="*/ 879916 w 1780028"/>
                <a:gd name="connsiteY9" fmla="*/ 385763 h 3060621"/>
                <a:gd name="connsiteX10" fmla="*/ 837053 w 1780028"/>
                <a:gd name="connsiteY10" fmla="*/ 414338 h 3060621"/>
                <a:gd name="connsiteX11" fmla="*/ 851341 w 1780028"/>
                <a:gd name="connsiteY11" fmla="*/ 485775 h 3060621"/>
                <a:gd name="connsiteX12" fmla="*/ 779903 w 1780028"/>
                <a:gd name="connsiteY12" fmla="*/ 514350 h 3060621"/>
                <a:gd name="connsiteX13" fmla="*/ 779903 w 1780028"/>
                <a:gd name="connsiteY13" fmla="*/ 614363 h 3060621"/>
                <a:gd name="connsiteX14" fmla="*/ 879916 w 1780028"/>
                <a:gd name="connsiteY14" fmla="*/ 671513 h 3060621"/>
                <a:gd name="connsiteX15" fmla="*/ 894203 w 1780028"/>
                <a:gd name="connsiteY15" fmla="*/ 742950 h 3060621"/>
                <a:gd name="connsiteX16" fmla="*/ 865628 w 1780028"/>
                <a:gd name="connsiteY16" fmla="*/ 842963 h 3060621"/>
                <a:gd name="connsiteX17" fmla="*/ 894203 w 1780028"/>
                <a:gd name="connsiteY17" fmla="*/ 957263 h 3060621"/>
                <a:gd name="connsiteX18" fmla="*/ 965641 w 1780028"/>
                <a:gd name="connsiteY18" fmla="*/ 1014413 h 3060621"/>
                <a:gd name="connsiteX19" fmla="*/ 1022791 w 1780028"/>
                <a:gd name="connsiteY19" fmla="*/ 1143000 h 3060621"/>
                <a:gd name="connsiteX20" fmla="*/ 994216 w 1780028"/>
                <a:gd name="connsiteY20" fmla="*/ 1171575 h 3060621"/>
                <a:gd name="connsiteX21" fmla="*/ 1108516 w 1780028"/>
                <a:gd name="connsiteY21" fmla="*/ 1200150 h 3060621"/>
                <a:gd name="connsiteX22" fmla="*/ 1179953 w 1780028"/>
                <a:gd name="connsiteY22" fmla="*/ 1243013 h 3060621"/>
                <a:gd name="connsiteX23" fmla="*/ 1179953 w 1780028"/>
                <a:gd name="connsiteY23" fmla="*/ 1300163 h 3060621"/>
                <a:gd name="connsiteX24" fmla="*/ 1251391 w 1780028"/>
                <a:gd name="connsiteY24" fmla="*/ 1371600 h 3060621"/>
                <a:gd name="connsiteX25" fmla="*/ 1337116 w 1780028"/>
                <a:gd name="connsiteY25" fmla="*/ 1385888 h 3060621"/>
                <a:gd name="connsiteX26" fmla="*/ 1437128 w 1780028"/>
                <a:gd name="connsiteY26" fmla="*/ 1443038 h 3060621"/>
                <a:gd name="connsiteX27" fmla="*/ 1565716 w 1780028"/>
                <a:gd name="connsiteY27" fmla="*/ 1457325 h 3060621"/>
                <a:gd name="connsiteX28" fmla="*/ 1665728 w 1780028"/>
                <a:gd name="connsiteY28" fmla="*/ 1514475 h 3060621"/>
                <a:gd name="connsiteX29" fmla="*/ 1737166 w 1780028"/>
                <a:gd name="connsiteY29" fmla="*/ 1585913 h 3060621"/>
                <a:gd name="connsiteX30" fmla="*/ 1780028 w 1780028"/>
                <a:gd name="connsiteY30" fmla="*/ 1691302 h 3060621"/>
                <a:gd name="connsiteX31" fmla="*/ 304571 w 1780028"/>
                <a:gd name="connsiteY31" fmla="*/ 2278059 h 3060621"/>
                <a:gd name="connsiteX32" fmla="*/ 494229 w 1780028"/>
                <a:gd name="connsiteY32" fmla="*/ 2519056 h 3060621"/>
                <a:gd name="connsiteX33" fmla="*/ 608453 w 1780028"/>
                <a:gd name="connsiteY33" fmla="*/ 2700338 h 3060621"/>
                <a:gd name="connsiteX34" fmla="*/ 579954 w 1780028"/>
                <a:gd name="connsiteY34" fmla="*/ 2800350 h 3060621"/>
                <a:gd name="connsiteX35" fmla="*/ 522728 w 1780028"/>
                <a:gd name="connsiteY35" fmla="*/ 2944147 h 3060621"/>
                <a:gd name="connsiteX36" fmla="*/ 351279 w 1780028"/>
                <a:gd name="connsiteY36" fmla="*/ 2972722 h 3060621"/>
                <a:gd name="connsiteX37" fmla="*/ 215509 w 1780028"/>
                <a:gd name="connsiteY37" fmla="*/ 3011129 h 3060621"/>
                <a:gd name="connsiteX38" fmla="*/ 0 w 1780028"/>
                <a:gd name="connsiteY38" fmla="*/ 3060621 h 3060621"/>
                <a:gd name="connsiteX0" fmla="*/ 1051366 w 1780028"/>
                <a:gd name="connsiteY0" fmla="*/ 0 h 3060621"/>
                <a:gd name="connsiteX1" fmla="*/ 1079941 w 1780028"/>
                <a:gd name="connsiteY1" fmla="*/ 85725 h 3060621"/>
                <a:gd name="connsiteX2" fmla="*/ 1051366 w 1780028"/>
                <a:gd name="connsiteY2" fmla="*/ 128588 h 3060621"/>
                <a:gd name="connsiteX3" fmla="*/ 1094228 w 1780028"/>
                <a:gd name="connsiteY3" fmla="*/ 142875 h 3060621"/>
                <a:gd name="connsiteX4" fmla="*/ 1122803 w 1780028"/>
                <a:gd name="connsiteY4" fmla="*/ 185738 h 3060621"/>
                <a:gd name="connsiteX5" fmla="*/ 1122803 w 1780028"/>
                <a:gd name="connsiteY5" fmla="*/ 228600 h 3060621"/>
                <a:gd name="connsiteX6" fmla="*/ 1022791 w 1780028"/>
                <a:gd name="connsiteY6" fmla="*/ 242888 h 3060621"/>
                <a:gd name="connsiteX7" fmla="*/ 908491 w 1780028"/>
                <a:gd name="connsiteY7" fmla="*/ 314325 h 3060621"/>
                <a:gd name="connsiteX8" fmla="*/ 879916 w 1780028"/>
                <a:gd name="connsiteY8" fmla="*/ 385763 h 3060621"/>
                <a:gd name="connsiteX9" fmla="*/ 837053 w 1780028"/>
                <a:gd name="connsiteY9" fmla="*/ 414338 h 3060621"/>
                <a:gd name="connsiteX10" fmla="*/ 851341 w 1780028"/>
                <a:gd name="connsiteY10" fmla="*/ 485775 h 3060621"/>
                <a:gd name="connsiteX11" fmla="*/ 779903 w 1780028"/>
                <a:gd name="connsiteY11" fmla="*/ 514350 h 3060621"/>
                <a:gd name="connsiteX12" fmla="*/ 779903 w 1780028"/>
                <a:gd name="connsiteY12" fmla="*/ 614363 h 3060621"/>
                <a:gd name="connsiteX13" fmla="*/ 879916 w 1780028"/>
                <a:gd name="connsiteY13" fmla="*/ 671513 h 3060621"/>
                <a:gd name="connsiteX14" fmla="*/ 894203 w 1780028"/>
                <a:gd name="connsiteY14" fmla="*/ 742950 h 3060621"/>
                <a:gd name="connsiteX15" fmla="*/ 865628 w 1780028"/>
                <a:gd name="connsiteY15" fmla="*/ 842963 h 3060621"/>
                <a:gd name="connsiteX16" fmla="*/ 894203 w 1780028"/>
                <a:gd name="connsiteY16" fmla="*/ 957263 h 3060621"/>
                <a:gd name="connsiteX17" fmla="*/ 965641 w 1780028"/>
                <a:gd name="connsiteY17" fmla="*/ 1014413 h 3060621"/>
                <a:gd name="connsiteX18" fmla="*/ 1022791 w 1780028"/>
                <a:gd name="connsiteY18" fmla="*/ 1143000 h 3060621"/>
                <a:gd name="connsiteX19" fmla="*/ 994216 w 1780028"/>
                <a:gd name="connsiteY19" fmla="*/ 1171575 h 3060621"/>
                <a:gd name="connsiteX20" fmla="*/ 1108516 w 1780028"/>
                <a:gd name="connsiteY20" fmla="*/ 1200150 h 3060621"/>
                <a:gd name="connsiteX21" fmla="*/ 1179953 w 1780028"/>
                <a:gd name="connsiteY21" fmla="*/ 1243013 h 3060621"/>
                <a:gd name="connsiteX22" fmla="*/ 1179953 w 1780028"/>
                <a:gd name="connsiteY22" fmla="*/ 1300163 h 3060621"/>
                <a:gd name="connsiteX23" fmla="*/ 1251391 w 1780028"/>
                <a:gd name="connsiteY23" fmla="*/ 1371600 h 3060621"/>
                <a:gd name="connsiteX24" fmla="*/ 1337116 w 1780028"/>
                <a:gd name="connsiteY24" fmla="*/ 1385888 h 3060621"/>
                <a:gd name="connsiteX25" fmla="*/ 1437128 w 1780028"/>
                <a:gd name="connsiteY25" fmla="*/ 1443038 h 3060621"/>
                <a:gd name="connsiteX26" fmla="*/ 1565716 w 1780028"/>
                <a:gd name="connsiteY26" fmla="*/ 1457325 h 3060621"/>
                <a:gd name="connsiteX27" fmla="*/ 1665728 w 1780028"/>
                <a:gd name="connsiteY27" fmla="*/ 1514475 h 3060621"/>
                <a:gd name="connsiteX28" fmla="*/ 1737166 w 1780028"/>
                <a:gd name="connsiteY28" fmla="*/ 1585913 h 3060621"/>
                <a:gd name="connsiteX29" fmla="*/ 1780028 w 1780028"/>
                <a:gd name="connsiteY29" fmla="*/ 1691302 h 3060621"/>
                <a:gd name="connsiteX30" fmla="*/ 304571 w 1780028"/>
                <a:gd name="connsiteY30" fmla="*/ 2278059 h 3060621"/>
                <a:gd name="connsiteX31" fmla="*/ 494229 w 1780028"/>
                <a:gd name="connsiteY31" fmla="*/ 2519056 h 3060621"/>
                <a:gd name="connsiteX32" fmla="*/ 608453 w 1780028"/>
                <a:gd name="connsiteY32" fmla="*/ 2700338 h 3060621"/>
                <a:gd name="connsiteX33" fmla="*/ 579954 w 1780028"/>
                <a:gd name="connsiteY33" fmla="*/ 2800350 h 3060621"/>
                <a:gd name="connsiteX34" fmla="*/ 522728 w 1780028"/>
                <a:gd name="connsiteY34" fmla="*/ 2944147 h 3060621"/>
                <a:gd name="connsiteX35" fmla="*/ 351279 w 1780028"/>
                <a:gd name="connsiteY35" fmla="*/ 2972722 h 3060621"/>
                <a:gd name="connsiteX36" fmla="*/ 215509 w 1780028"/>
                <a:gd name="connsiteY36" fmla="*/ 3011129 h 3060621"/>
                <a:gd name="connsiteX37" fmla="*/ 0 w 1780028"/>
                <a:gd name="connsiteY37" fmla="*/ 3060621 h 3060621"/>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837053 w 1780028"/>
                <a:gd name="connsiteY8" fmla="*/ 328613 h 2974896"/>
                <a:gd name="connsiteX9" fmla="*/ 851341 w 1780028"/>
                <a:gd name="connsiteY9" fmla="*/ 400050 h 2974896"/>
                <a:gd name="connsiteX10" fmla="*/ 779903 w 1780028"/>
                <a:gd name="connsiteY10" fmla="*/ 428625 h 2974896"/>
                <a:gd name="connsiteX11" fmla="*/ 779903 w 1780028"/>
                <a:gd name="connsiteY11" fmla="*/ 528638 h 2974896"/>
                <a:gd name="connsiteX12" fmla="*/ 879916 w 1780028"/>
                <a:gd name="connsiteY12" fmla="*/ 585788 h 2974896"/>
                <a:gd name="connsiteX13" fmla="*/ 894203 w 1780028"/>
                <a:gd name="connsiteY13" fmla="*/ 657225 h 2974896"/>
                <a:gd name="connsiteX14" fmla="*/ 865628 w 1780028"/>
                <a:gd name="connsiteY14" fmla="*/ 757238 h 2974896"/>
                <a:gd name="connsiteX15" fmla="*/ 894203 w 1780028"/>
                <a:gd name="connsiteY15" fmla="*/ 871538 h 2974896"/>
                <a:gd name="connsiteX16" fmla="*/ 965641 w 1780028"/>
                <a:gd name="connsiteY16" fmla="*/ 928688 h 2974896"/>
                <a:gd name="connsiteX17" fmla="*/ 1022791 w 1780028"/>
                <a:gd name="connsiteY17" fmla="*/ 1057275 h 2974896"/>
                <a:gd name="connsiteX18" fmla="*/ 994216 w 1780028"/>
                <a:gd name="connsiteY18" fmla="*/ 1085850 h 2974896"/>
                <a:gd name="connsiteX19" fmla="*/ 1108516 w 1780028"/>
                <a:gd name="connsiteY19" fmla="*/ 1114425 h 2974896"/>
                <a:gd name="connsiteX20" fmla="*/ 1179953 w 1780028"/>
                <a:gd name="connsiteY20" fmla="*/ 1157288 h 2974896"/>
                <a:gd name="connsiteX21" fmla="*/ 1179953 w 1780028"/>
                <a:gd name="connsiteY21" fmla="*/ 1214438 h 2974896"/>
                <a:gd name="connsiteX22" fmla="*/ 1251391 w 1780028"/>
                <a:gd name="connsiteY22" fmla="*/ 1285875 h 2974896"/>
                <a:gd name="connsiteX23" fmla="*/ 1337116 w 1780028"/>
                <a:gd name="connsiteY23" fmla="*/ 1300163 h 2974896"/>
                <a:gd name="connsiteX24" fmla="*/ 1437128 w 1780028"/>
                <a:gd name="connsiteY24" fmla="*/ 1357313 h 2974896"/>
                <a:gd name="connsiteX25" fmla="*/ 1565716 w 1780028"/>
                <a:gd name="connsiteY25" fmla="*/ 1371600 h 2974896"/>
                <a:gd name="connsiteX26" fmla="*/ 1665728 w 1780028"/>
                <a:gd name="connsiteY26" fmla="*/ 1428750 h 2974896"/>
                <a:gd name="connsiteX27" fmla="*/ 1737166 w 1780028"/>
                <a:gd name="connsiteY27" fmla="*/ 1500188 h 2974896"/>
                <a:gd name="connsiteX28" fmla="*/ 1780028 w 1780028"/>
                <a:gd name="connsiteY28" fmla="*/ 1605577 h 2974896"/>
                <a:gd name="connsiteX29" fmla="*/ 304571 w 1780028"/>
                <a:gd name="connsiteY29" fmla="*/ 2192334 h 2974896"/>
                <a:gd name="connsiteX30" fmla="*/ 494229 w 1780028"/>
                <a:gd name="connsiteY30" fmla="*/ 2433331 h 2974896"/>
                <a:gd name="connsiteX31" fmla="*/ 608453 w 1780028"/>
                <a:gd name="connsiteY31" fmla="*/ 2614613 h 2974896"/>
                <a:gd name="connsiteX32" fmla="*/ 579954 w 1780028"/>
                <a:gd name="connsiteY32" fmla="*/ 2714625 h 2974896"/>
                <a:gd name="connsiteX33" fmla="*/ 522728 w 1780028"/>
                <a:gd name="connsiteY33" fmla="*/ 2858422 h 2974896"/>
                <a:gd name="connsiteX34" fmla="*/ 351279 w 1780028"/>
                <a:gd name="connsiteY34" fmla="*/ 2886997 h 2974896"/>
                <a:gd name="connsiteX35" fmla="*/ 215509 w 1780028"/>
                <a:gd name="connsiteY35" fmla="*/ 2925404 h 2974896"/>
                <a:gd name="connsiteX36" fmla="*/ 0 w 1780028"/>
                <a:gd name="connsiteY36"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837053 w 1780028"/>
                <a:gd name="connsiteY8" fmla="*/ 328613 h 2974896"/>
                <a:gd name="connsiteX9" fmla="*/ 851341 w 1780028"/>
                <a:gd name="connsiteY9" fmla="*/ 400050 h 2974896"/>
                <a:gd name="connsiteX10" fmla="*/ 779903 w 1780028"/>
                <a:gd name="connsiteY10" fmla="*/ 428625 h 2974896"/>
                <a:gd name="connsiteX11" fmla="*/ 779903 w 1780028"/>
                <a:gd name="connsiteY11" fmla="*/ 528638 h 2974896"/>
                <a:gd name="connsiteX12" fmla="*/ 1025094 w 1780028"/>
                <a:gd name="connsiteY12" fmla="*/ 577180 h 2974896"/>
                <a:gd name="connsiteX13" fmla="*/ 894203 w 1780028"/>
                <a:gd name="connsiteY13" fmla="*/ 657225 h 2974896"/>
                <a:gd name="connsiteX14" fmla="*/ 865628 w 1780028"/>
                <a:gd name="connsiteY14" fmla="*/ 757238 h 2974896"/>
                <a:gd name="connsiteX15" fmla="*/ 894203 w 1780028"/>
                <a:gd name="connsiteY15" fmla="*/ 871538 h 2974896"/>
                <a:gd name="connsiteX16" fmla="*/ 965641 w 1780028"/>
                <a:gd name="connsiteY16" fmla="*/ 928688 h 2974896"/>
                <a:gd name="connsiteX17" fmla="*/ 1022791 w 1780028"/>
                <a:gd name="connsiteY17" fmla="*/ 1057275 h 2974896"/>
                <a:gd name="connsiteX18" fmla="*/ 994216 w 1780028"/>
                <a:gd name="connsiteY18" fmla="*/ 1085850 h 2974896"/>
                <a:gd name="connsiteX19" fmla="*/ 1108516 w 1780028"/>
                <a:gd name="connsiteY19" fmla="*/ 1114425 h 2974896"/>
                <a:gd name="connsiteX20" fmla="*/ 1179953 w 1780028"/>
                <a:gd name="connsiteY20" fmla="*/ 1157288 h 2974896"/>
                <a:gd name="connsiteX21" fmla="*/ 1179953 w 1780028"/>
                <a:gd name="connsiteY21" fmla="*/ 1214438 h 2974896"/>
                <a:gd name="connsiteX22" fmla="*/ 1251391 w 1780028"/>
                <a:gd name="connsiteY22" fmla="*/ 1285875 h 2974896"/>
                <a:gd name="connsiteX23" fmla="*/ 1337116 w 1780028"/>
                <a:gd name="connsiteY23" fmla="*/ 1300163 h 2974896"/>
                <a:gd name="connsiteX24" fmla="*/ 1437128 w 1780028"/>
                <a:gd name="connsiteY24" fmla="*/ 1357313 h 2974896"/>
                <a:gd name="connsiteX25" fmla="*/ 1565716 w 1780028"/>
                <a:gd name="connsiteY25" fmla="*/ 1371600 h 2974896"/>
                <a:gd name="connsiteX26" fmla="*/ 1665728 w 1780028"/>
                <a:gd name="connsiteY26" fmla="*/ 1428750 h 2974896"/>
                <a:gd name="connsiteX27" fmla="*/ 1737166 w 1780028"/>
                <a:gd name="connsiteY27" fmla="*/ 1500188 h 2974896"/>
                <a:gd name="connsiteX28" fmla="*/ 1780028 w 1780028"/>
                <a:gd name="connsiteY28" fmla="*/ 1605577 h 2974896"/>
                <a:gd name="connsiteX29" fmla="*/ 304571 w 1780028"/>
                <a:gd name="connsiteY29" fmla="*/ 2192334 h 2974896"/>
                <a:gd name="connsiteX30" fmla="*/ 494229 w 1780028"/>
                <a:gd name="connsiteY30" fmla="*/ 2433331 h 2974896"/>
                <a:gd name="connsiteX31" fmla="*/ 608453 w 1780028"/>
                <a:gd name="connsiteY31" fmla="*/ 2614613 h 2974896"/>
                <a:gd name="connsiteX32" fmla="*/ 579954 w 1780028"/>
                <a:gd name="connsiteY32" fmla="*/ 2714625 h 2974896"/>
                <a:gd name="connsiteX33" fmla="*/ 522728 w 1780028"/>
                <a:gd name="connsiteY33" fmla="*/ 2858422 h 2974896"/>
                <a:gd name="connsiteX34" fmla="*/ 351279 w 1780028"/>
                <a:gd name="connsiteY34" fmla="*/ 2886997 h 2974896"/>
                <a:gd name="connsiteX35" fmla="*/ 215509 w 1780028"/>
                <a:gd name="connsiteY35" fmla="*/ 2925404 h 2974896"/>
                <a:gd name="connsiteX36" fmla="*/ 0 w 1780028"/>
                <a:gd name="connsiteY36"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837053 w 1780028"/>
                <a:gd name="connsiteY8" fmla="*/ 328613 h 2974896"/>
                <a:gd name="connsiteX9" fmla="*/ 851341 w 1780028"/>
                <a:gd name="connsiteY9" fmla="*/ 400050 h 2974896"/>
                <a:gd name="connsiteX10" fmla="*/ 779903 w 1780028"/>
                <a:gd name="connsiteY10" fmla="*/ 428625 h 2974896"/>
                <a:gd name="connsiteX11" fmla="*/ 953732 w 1780028"/>
                <a:gd name="connsiteY11" fmla="*/ 500366 h 2974896"/>
                <a:gd name="connsiteX12" fmla="*/ 1025094 w 1780028"/>
                <a:gd name="connsiteY12" fmla="*/ 577180 h 2974896"/>
                <a:gd name="connsiteX13" fmla="*/ 894203 w 1780028"/>
                <a:gd name="connsiteY13" fmla="*/ 657225 h 2974896"/>
                <a:gd name="connsiteX14" fmla="*/ 865628 w 1780028"/>
                <a:gd name="connsiteY14" fmla="*/ 757238 h 2974896"/>
                <a:gd name="connsiteX15" fmla="*/ 894203 w 1780028"/>
                <a:gd name="connsiteY15" fmla="*/ 871538 h 2974896"/>
                <a:gd name="connsiteX16" fmla="*/ 965641 w 1780028"/>
                <a:gd name="connsiteY16" fmla="*/ 928688 h 2974896"/>
                <a:gd name="connsiteX17" fmla="*/ 1022791 w 1780028"/>
                <a:gd name="connsiteY17" fmla="*/ 1057275 h 2974896"/>
                <a:gd name="connsiteX18" fmla="*/ 994216 w 1780028"/>
                <a:gd name="connsiteY18" fmla="*/ 1085850 h 2974896"/>
                <a:gd name="connsiteX19" fmla="*/ 1108516 w 1780028"/>
                <a:gd name="connsiteY19" fmla="*/ 1114425 h 2974896"/>
                <a:gd name="connsiteX20" fmla="*/ 1179953 w 1780028"/>
                <a:gd name="connsiteY20" fmla="*/ 1157288 h 2974896"/>
                <a:gd name="connsiteX21" fmla="*/ 1179953 w 1780028"/>
                <a:gd name="connsiteY21" fmla="*/ 1214438 h 2974896"/>
                <a:gd name="connsiteX22" fmla="*/ 1251391 w 1780028"/>
                <a:gd name="connsiteY22" fmla="*/ 1285875 h 2974896"/>
                <a:gd name="connsiteX23" fmla="*/ 1337116 w 1780028"/>
                <a:gd name="connsiteY23" fmla="*/ 1300163 h 2974896"/>
                <a:gd name="connsiteX24" fmla="*/ 1437128 w 1780028"/>
                <a:gd name="connsiteY24" fmla="*/ 1357313 h 2974896"/>
                <a:gd name="connsiteX25" fmla="*/ 1565716 w 1780028"/>
                <a:gd name="connsiteY25" fmla="*/ 1371600 h 2974896"/>
                <a:gd name="connsiteX26" fmla="*/ 1665728 w 1780028"/>
                <a:gd name="connsiteY26" fmla="*/ 1428750 h 2974896"/>
                <a:gd name="connsiteX27" fmla="*/ 1737166 w 1780028"/>
                <a:gd name="connsiteY27" fmla="*/ 1500188 h 2974896"/>
                <a:gd name="connsiteX28" fmla="*/ 1780028 w 1780028"/>
                <a:gd name="connsiteY28" fmla="*/ 1605577 h 2974896"/>
                <a:gd name="connsiteX29" fmla="*/ 304571 w 1780028"/>
                <a:gd name="connsiteY29" fmla="*/ 2192334 h 2974896"/>
                <a:gd name="connsiteX30" fmla="*/ 494229 w 1780028"/>
                <a:gd name="connsiteY30" fmla="*/ 2433331 h 2974896"/>
                <a:gd name="connsiteX31" fmla="*/ 608453 w 1780028"/>
                <a:gd name="connsiteY31" fmla="*/ 2614613 h 2974896"/>
                <a:gd name="connsiteX32" fmla="*/ 579954 w 1780028"/>
                <a:gd name="connsiteY32" fmla="*/ 2714625 h 2974896"/>
                <a:gd name="connsiteX33" fmla="*/ 522728 w 1780028"/>
                <a:gd name="connsiteY33" fmla="*/ 2858422 h 2974896"/>
                <a:gd name="connsiteX34" fmla="*/ 351279 w 1780028"/>
                <a:gd name="connsiteY34" fmla="*/ 2886997 h 2974896"/>
                <a:gd name="connsiteX35" fmla="*/ 215509 w 1780028"/>
                <a:gd name="connsiteY35" fmla="*/ 2925404 h 2974896"/>
                <a:gd name="connsiteX36" fmla="*/ 0 w 1780028"/>
                <a:gd name="connsiteY36"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837053 w 1780028"/>
                <a:gd name="connsiteY8" fmla="*/ 328613 h 2974896"/>
                <a:gd name="connsiteX9" fmla="*/ 851341 w 1780028"/>
                <a:gd name="connsiteY9" fmla="*/ 400050 h 2974896"/>
                <a:gd name="connsiteX10" fmla="*/ 1096456 w 1780028"/>
                <a:gd name="connsiteY10" fmla="*/ 423551 h 2974896"/>
                <a:gd name="connsiteX11" fmla="*/ 953732 w 1780028"/>
                <a:gd name="connsiteY11" fmla="*/ 500366 h 2974896"/>
                <a:gd name="connsiteX12" fmla="*/ 1025094 w 1780028"/>
                <a:gd name="connsiteY12" fmla="*/ 577180 h 2974896"/>
                <a:gd name="connsiteX13" fmla="*/ 894203 w 1780028"/>
                <a:gd name="connsiteY13" fmla="*/ 657225 h 2974896"/>
                <a:gd name="connsiteX14" fmla="*/ 865628 w 1780028"/>
                <a:gd name="connsiteY14" fmla="*/ 757238 h 2974896"/>
                <a:gd name="connsiteX15" fmla="*/ 894203 w 1780028"/>
                <a:gd name="connsiteY15" fmla="*/ 871538 h 2974896"/>
                <a:gd name="connsiteX16" fmla="*/ 965641 w 1780028"/>
                <a:gd name="connsiteY16" fmla="*/ 928688 h 2974896"/>
                <a:gd name="connsiteX17" fmla="*/ 1022791 w 1780028"/>
                <a:gd name="connsiteY17" fmla="*/ 1057275 h 2974896"/>
                <a:gd name="connsiteX18" fmla="*/ 994216 w 1780028"/>
                <a:gd name="connsiteY18" fmla="*/ 1085850 h 2974896"/>
                <a:gd name="connsiteX19" fmla="*/ 1108516 w 1780028"/>
                <a:gd name="connsiteY19" fmla="*/ 1114425 h 2974896"/>
                <a:gd name="connsiteX20" fmla="*/ 1179953 w 1780028"/>
                <a:gd name="connsiteY20" fmla="*/ 1157288 h 2974896"/>
                <a:gd name="connsiteX21" fmla="*/ 1179953 w 1780028"/>
                <a:gd name="connsiteY21" fmla="*/ 1214438 h 2974896"/>
                <a:gd name="connsiteX22" fmla="*/ 1251391 w 1780028"/>
                <a:gd name="connsiteY22" fmla="*/ 1285875 h 2974896"/>
                <a:gd name="connsiteX23" fmla="*/ 1337116 w 1780028"/>
                <a:gd name="connsiteY23" fmla="*/ 1300163 h 2974896"/>
                <a:gd name="connsiteX24" fmla="*/ 1437128 w 1780028"/>
                <a:gd name="connsiteY24" fmla="*/ 1357313 h 2974896"/>
                <a:gd name="connsiteX25" fmla="*/ 1565716 w 1780028"/>
                <a:gd name="connsiteY25" fmla="*/ 1371600 h 2974896"/>
                <a:gd name="connsiteX26" fmla="*/ 1665728 w 1780028"/>
                <a:gd name="connsiteY26" fmla="*/ 1428750 h 2974896"/>
                <a:gd name="connsiteX27" fmla="*/ 1737166 w 1780028"/>
                <a:gd name="connsiteY27" fmla="*/ 1500188 h 2974896"/>
                <a:gd name="connsiteX28" fmla="*/ 1780028 w 1780028"/>
                <a:gd name="connsiteY28" fmla="*/ 1605577 h 2974896"/>
                <a:gd name="connsiteX29" fmla="*/ 304571 w 1780028"/>
                <a:gd name="connsiteY29" fmla="*/ 2192334 h 2974896"/>
                <a:gd name="connsiteX30" fmla="*/ 494229 w 1780028"/>
                <a:gd name="connsiteY30" fmla="*/ 2433331 h 2974896"/>
                <a:gd name="connsiteX31" fmla="*/ 608453 w 1780028"/>
                <a:gd name="connsiteY31" fmla="*/ 2614613 h 2974896"/>
                <a:gd name="connsiteX32" fmla="*/ 579954 w 1780028"/>
                <a:gd name="connsiteY32" fmla="*/ 2714625 h 2974896"/>
                <a:gd name="connsiteX33" fmla="*/ 522728 w 1780028"/>
                <a:gd name="connsiteY33" fmla="*/ 2858422 h 2974896"/>
                <a:gd name="connsiteX34" fmla="*/ 351279 w 1780028"/>
                <a:gd name="connsiteY34" fmla="*/ 2886997 h 2974896"/>
                <a:gd name="connsiteX35" fmla="*/ 215509 w 1780028"/>
                <a:gd name="connsiteY35" fmla="*/ 2925404 h 2974896"/>
                <a:gd name="connsiteX36" fmla="*/ 0 w 1780028"/>
                <a:gd name="connsiteY36"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837053 w 1780028"/>
                <a:gd name="connsiteY8" fmla="*/ 328613 h 2974896"/>
                <a:gd name="connsiteX9" fmla="*/ 953732 w 1780028"/>
                <a:gd name="connsiteY9" fmla="*/ 346737 h 2974896"/>
                <a:gd name="connsiteX10" fmla="*/ 1096456 w 1780028"/>
                <a:gd name="connsiteY10" fmla="*/ 423551 h 2974896"/>
                <a:gd name="connsiteX11" fmla="*/ 953732 w 1780028"/>
                <a:gd name="connsiteY11" fmla="*/ 500366 h 2974896"/>
                <a:gd name="connsiteX12" fmla="*/ 1025094 w 1780028"/>
                <a:gd name="connsiteY12" fmla="*/ 577180 h 2974896"/>
                <a:gd name="connsiteX13" fmla="*/ 894203 w 1780028"/>
                <a:gd name="connsiteY13" fmla="*/ 657225 h 2974896"/>
                <a:gd name="connsiteX14" fmla="*/ 865628 w 1780028"/>
                <a:gd name="connsiteY14" fmla="*/ 757238 h 2974896"/>
                <a:gd name="connsiteX15" fmla="*/ 894203 w 1780028"/>
                <a:gd name="connsiteY15" fmla="*/ 871538 h 2974896"/>
                <a:gd name="connsiteX16" fmla="*/ 965641 w 1780028"/>
                <a:gd name="connsiteY16" fmla="*/ 928688 h 2974896"/>
                <a:gd name="connsiteX17" fmla="*/ 1022791 w 1780028"/>
                <a:gd name="connsiteY17" fmla="*/ 1057275 h 2974896"/>
                <a:gd name="connsiteX18" fmla="*/ 994216 w 1780028"/>
                <a:gd name="connsiteY18" fmla="*/ 1085850 h 2974896"/>
                <a:gd name="connsiteX19" fmla="*/ 1108516 w 1780028"/>
                <a:gd name="connsiteY19" fmla="*/ 1114425 h 2974896"/>
                <a:gd name="connsiteX20" fmla="*/ 1179953 w 1780028"/>
                <a:gd name="connsiteY20" fmla="*/ 1157288 h 2974896"/>
                <a:gd name="connsiteX21" fmla="*/ 1179953 w 1780028"/>
                <a:gd name="connsiteY21" fmla="*/ 1214438 h 2974896"/>
                <a:gd name="connsiteX22" fmla="*/ 1251391 w 1780028"/>
                <a:gd name="connsiteY22" fmla="*/ 1285875 h 2974896"/>
                <a:gd name="connsiteX23" fmla="*/ 1337116 w 1780028"/>
                <a:gd name="connsiteY23" fmla="*/ 1300163 h 2974896"/>
                <a:gd name="connsiteX24" fmla="*/ 1437128 w 1780028"/>
                <a:gd name="connsiteY24" fmla="*/ 1357313 h 2974896"/>
                <a:gd name="connsiteX25" fmla="*/ 1565716 w 1780028"/>
                <a:gd name="connsiteY25" fmla="*/ 1371600 h 2974896"/>
                <a:gd name="connsiteX26" fmla="*/ 1665728 w 1780028"/>
                <a:gd name="connsiteY26" fmla="*/ 1428750 h 2974896"/>
                <a:gd name="connsiteX27" fmla="*/ 1737166 w 1780028"/>
                <a:gd name="connsiteY27" fmla="*/ 1500188 h 2974896"/>
                <a:gd name="connsiteX28" fmla="*/ 1780028 w 1780028"/>
                <a:gd name="connsiteY28" fmla="*/ 1605577 h 2974896"/>
                <a:gd name="connsiteX29" fmla="*/ 304571 w 1780028"/>
                <a:gd name="connsiteY29" fmla="*/ 2192334 h 2974896"/>
                <a:gd name="connsiteX30" fmla="*/ 494229 w 1780028"/>
                <a:gd name="connsiteY30" fmla="*/ 2433331 h 2974896"/>
                <a:gd name="connsiteX31" fmla="*/ 608453 w 1780028"/>
                <a:gd name="connsiteY31" fmla="*/ 2614613 h 2974896"/>
                <a:gd name="connsiteX32" fmla="*/ 579954 w 1780028"/>
                <a:gd name="connsiteY32" fmla="*/ 2714625 h 2974896"/>
                <a:gd name="connsiteX33" fmla="*/ 522728 w 1780028"/>
                <a:gd name="connsiteY33" fmla="*/ 2858422 h 2974896"/>
                <a:gd name="connsiteX34" fmla="*/ 351279 w 1780028"/>
                <a:gd name="connsiteY34" fmla="*/ 2886997 h 2974896"/>
                <a:gd name="connsiteX35" fmla="*/ 215509 w 1780028"/>
                <a:gd name="connsiteY35" fmla="*/ 2925404 h 2974896"/>
                <a:gd name="connsiteX36" fmla="*/ 0 w 1780028"/>
                <a:gd name="connsiteY36"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953732 w 1780028"/>
                <a:gd name="connsiteY8" fmla="*/ 346737 h 2974896"/>
                <a:gd name="connsiteX9" fmla="*/ 1096456 w 1780028"/>
                <a:gd name="connsiteY9" fmla="*/ 423551 h 2974896"/>
                <a:gd name="connsiteX10" fmla="*/ 953732 w 1780028"/>
                <a:gd name="connsiteY10" fmla="*/ 500366 h 2974896"/>
                <a:gd name="connsiteX11" fmla="*/ 1025094 w 1780028"/>
                <a:gd name="connsiteY11" fmla="*/ 577180 h 2974896"/>
                <a:gd name="connsiteX12" fmla="*/ 894203 w 1780028"/>
                <a:gd name="connsiteY12" fmla="*/ 657225 h 2974896"/>
                <a:gd name="connsiteX13" fmla="*/ 865628 w 1780028"/>
                <a:gd name="connsiteY13" fmla="*/ 757238 h 2974896"/>
                <a:gd name="connsiteX14" fmla="*/ 894203 w 1780028"/>
                <a:gd name="connsiteY14" fmla="*/ 871538 h 2974896"/>
                <a:gd name="connsiteX15" fmla="*/ 965641 w 1780028"/>
                <a:gd name="connsiteY15" fmla="*/ 928688 h 2974896"/>
                <a:gd name="connsiteX16" fmla="*/ 1022791 w 1780028"/>
                <a:gd name="connsiteY16" fmla="*/ 1057275 h 2974896"/>
                <a:gd name="connsiteX17" fmla="*/ 994216 w 1780028"/>
                <a:gd name="connsiteY17" fmla="*/ 1085850 h 2974896"/>
                <a:gd name="connsiteX18" fmla="*/ 1108516 w 1780028"/>
                <a:gd name="connsiteY18" fmla="*/ 1114425 h 2974896"/>
                <a:gd name="connsiteX19" fmla="*/ 1179953 w 1780028"/>
                <a:gd name="connsiteY19" fmla="*/ 1157288 h 2974896"/>
                <a:gd name="connsiteX20" fmla="*/ 1179953 w 1780028"/>
                <a:gd name="connsiteY20" fmla="*/ 1214438 h 2974896"/>
                <a:gd name="connsiteX21" fmla="*/ 1251391 w 1780028"/>
                <a:gd name="connsiteY21" fmla="*/ 1285875 h 2974896"/>
                <a:gd name="connsiteX22" fmla="*/ 1337116 w 1780028"/>
                <a:gd name="connsiteY22" fmla="*/ 1300163 h 2974896"/>
                <a:gd name="connsiteX23" fmla="*/ 1437128 w 1780028"/>
                <a:gd name="connsiteY23" fmla="*/ 1357313 h 2974896"/>
                <a:gd name="connsiteX24" fmla="*/ 1565716 w 1780028"/>
                <a:gd name="connsiteY24" fmla="*/ 1371600 h 2974896"/>
                <a:gd name="connsiteX25" fmla="*/ 1665728 w 1780028"/>
                <a:gd name="connsiteY25" fmla="*/ 1428750 h 2974896"/>
                <a:gd name="connsiteX26" fmla="*/ 1737166 w 1780028"/>
                <a:gd name="connsiteY26" fmla="*/ 1500188 h 2974896"/>
                <a:gd name="connsiteX27" fmla="*/ 1780028 w 1780028"/>
                <a:gd name="connsiteY27" fmla="*/ 1605577 h 2974896"/>
                <a:gd name="connsiteX28" fmla="*/ 304571 w 1780028"/>
                <a:gd name="connsiteY28" fmla="*/ 2192334 h 2974896"/>
                <a:gd name="connsiteX29" fmla="*/ 494229 w 1780028"/>
                <a:gd name="connsiteY29" fmla="*/ 2433331 h 2974896"/>
                <a:gd name="connsiteX30" fmla="*/ 608453 w 1780028"/>
                <a:gd name="connsiteY30" fmla="*/ 2614613 h 2974896"/>
                <a:gd name="connsiteX31" fmla="*/ 579954 w 1780028"/>
                <a:gd name="connsiteY31" fmla="*/ 2714625 h 2974896"/>
                <a:gd name="connsiteX32" fmla="*/ 522728 w 1780028"/>
                <a:gd name="connsiteY32" fmla="*/ 2858422 h 2974896"/>
                <a:gd name="connsiteX33" fmla="*/ 351279 w 1780028"/>
                <a:gd name="connsiteY33" fmla="*/ 2886997 h 2974896"/>
                <a:gd name="connsiteX34" fmla="*/ 215509 w 1780028"/>
                <a:gd name="connsiteY34" fmla="*/ 2925404 h 2974896"/>
                <a:gd name="connsiteX35" fmla="*/ 0 w 1780028"/>
                <a:gd name="connsiteY35"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879916 w 1780028"/>
                <a:gd name="connsiteY7" fmla="*/ 300038 h 2974896"/>
                <a:gd name="connsiteX8" fmla="*/ 1025094 w 1780028"/>
                <a:gd name="connsiteY8" fmla="*/ 346737 h 2974896"/>
                <a:gd name="connsiteX9" fmla="*/ 1096456 w 1780028"/>
                <a:gd name="connsiteY9" fmla="*/ 423551 h 2974896"/>
                <a:gd name="connsiteX10" fmla="*/ 953732 w 1780028"/>
                <a:gd name="connsiteY10" fmla="*/ 500366 h 2974896"/>
                <a:gd name="connsiteX11" fmla="*/ 1025094 w 1780028"/>
                <a:gd name="connsiteY11" fmla="*/ 577180 h 2974896"/>
                <a:gd name="connsiteX12" fmla="*/ 894203 w 1780028"/>
                <a:gd name="connsiteY12" fmla="*/ 657225 h 2974896"/>
                <a:gd name="connsiteX13" fmla="*/ 865628 w 1780028"/>
                <a:gd name="connsiteY13" fmla="*/ 757238 h 2974896"/>
                <a:gd name="connsiteX14" fmla="*/ 894203 w 1780028"/>
                <a:gd name="connsiteY14" fmla="*/ 871538 h 2974896"/>
                <a:gd name="connsiteX15" fmla="*/ 965641 w 1780028"/>
                <a:gd name="connsiteY15" fmla="*/ 928688 h 2974896"/>
                <a:gd name="connsiteX16" fmla="*/ 1022791 w 1780028"/>
                <a:gd name="connsiteY16" fmla="*/ 1057275 h 2974896"/>
                <a:gd name="connsiteX17" fmla="*/ 994216 w 1780028"/>
                <a:gd name="connsiteY17" fmla="*/ 1085850 h 2974896"/>
                <a:gd name="connsiteX18" fmla="*/ 1108516 w 1780028"/>
                <a:gd name="connsiteY18" fmla="*/ 1114425 h 2974896"/>
                <a:gd name="connsiteX19" fmla="*/ 1179953 w 1780028"/>
                <a:gd name="connsiteY19" fmla="*/ 1157288 h 2974896"/>
                <a:gd name="connsiteX20" fmla="*/ 1179953 w 1780028"/>
                <a:gd name="connsiteY20" fmla="*/ 1214438 h 2974896"/>
                <a:gd name="connsiteX21" fmla="*/ 1251391 w 1780028"/>
                <a:gd name="connsiteY21" fmla="*/ 1285875 h 2974896"/>
                <a:gd name="connsiteX22" fmla="*/ 1337116 w 1780028"/>
                <a:gd name="connsiteY22" fmla="*/ 1300163 h 2974896"/>
                <a:gd name="connsiteX23" fmla="*/ 1437128 w 1780028"/>
                <a:gd name="connsiteY23" fmla="*/ 1357313 h 2974896"/>
                <a:gd name="connsiteX24" fmla="*/ 1565716 w 1780028"/>
                <a:gd name="connsiteY24" fmla="*/ 1371600 h 2974896"/>
                <a:gd name="connsiteX25" fmla="*/ 1665728 w 1780028"/>
                <a:gd name="connsiteY25" fmla="*/ 1428750 h 2974896"/>
                <a:gd name="connsiteX26" fmla="*/ 1737166 w 1780028"/>
                <a:gd name="connsiteY26" fmla="*/ 1500188 h 2974896"/>
                <a:gd name="connsiteX27" fmla="*/ 1780028 w 1780028"/>
                <a:gd name="connsiteY27" fmla="*/ 1605577 h 2974896"/>
                <a:gd name="connsiteX28" fmla="*/ 304571 w 1780028"/>
                <a:gd name="connsiteY28" fmla="*/ 2192334 h 2974896"/>
                <a:gd name="connsiteX29" fmla="*/ 494229 w 1780028"/>
                <a:gd name="connsiteY29" fmla="*/ 2433331 h 2974896"/>
                <a:gd name="connsiteX30" fmla="*/ 608453 w 1780028"/>
                <a:gd name="connsiteY30" fmla="*/ 2614613 h 2974896"/>
                <a:gd name="connsiteX31" fmla="*/ 579954 w 1780028"/>
                <a:gd name="connsiteY31" fmla="*/ 2714625 h 2974896"/>
                <a:gd name="connsiteX32" fmla="*/ 522728 w 1780028"/>
                <a:gd name="connsiteY32" fmla="*/ 2858422 h 2974896"/>
                <a:gd name="connsiteX33" fmla="*/ 351279 w 1780028"/>
                <a:gd name="connsiteY33" fmla="*/ 2886997 h 2974896"/>
                <a:gd name="connsiteX34" fmla="*/ 215509 w 1780028"/>
                <a:gd name="connsiteY34" fmla="*/ 2925404 h 2974896"/>
                <a:gd name="connsiteX35" fmla="*/ 0 w 1780028"/>
                <a:gd name="connsiteY35"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08491 w 1780028"/>
                <a:gd name="connsiteY6" fmla="*/ 228600 h 2974896"/>
                <a:gd name="connsiteX7" fmla="*/ 1025094 w 1780028"/>
                <a:gd name="connsiteY7" fmla="*/ 346737 h 2974896"/>
                <a:gd name="connsiteX8" fmla="*/ 1096456 w 1780028"/>
                <a:gd name="connsiteY8" fmla="*/ 423551 h 2974896"/>
                <a:gd name="connsiteX9" fmla="*/ 953732 w 1780028"/>
                <a:gd name="connsiteY9" fmla="*/ 500366 h 2974896"/>
                <a:gd name="connsiteX10" fmla="*/ 1025094 w 1780028"/>
                <a:gd name="connsiteY10" fmla="*/ 577180 h 2974896"/>
                <a:gd name="connsiteX11" fmla="*/ 894203 w 1780028"/>
                <a:gd name="connsiteY11" fmla="*/ 657225 h 2974896"/>
                <a:gd name="connsiteX12" fmla="*/ 865628 w 1780028"/>
                <a:gd name="connsiteY12" fmla="*/ 757238 h 2974896"/>
                <a:gd name="connsiteX13" fmla="*/ 894203 w 1780028"/>
                <a:gd name="connsiteY13" fmla="*/ 871538 h 2974896"/>
                <a:gd name="connsiteX14" fmla="*/ 965641 w 1780028"/>
                <a:gd name="connsiteY14" fmla="*/ 928688 h 2974896"/>
                <a:gd name="connsiteX15" fmla="*/ 1022791 w 1780028"/>
                <a:gd name="connsiteY15" fmla="*/ 1057275 h 2974896"/>
                <a:gd name="connsiteX16" fmla="*/ 994216 w 1780028"/>
                <a:gd name="connsiteY16" fmla="*/ 1085850 h 2974896"/>
                <a:gd name="connsiteX17" fmla="*/ 1108516 w 1780028"/>
                <a:gd name="connsiteY17" fmla="*/ 1114425 h 2974896"/>
                <a:gd name="connsiteX18" fmla="*/ 1179953 w 1780028"/>
                <a:gd name="connsiteY18" fmla="*/ 1157288 h 2974896"/>
                <a:gd name="connsiteX19" fmla="*/ 1179953 w 1780028"/>
                <a:gd name="connsiteY19" fmla="*/ 1214438 h 2974896"/>
                <a:gd name="connsiteX20" fmla="*/ 1251391 w 1780028"/>
                <a:gd name="connsiteY20" fmla="*/ 1285875 h 2974896"/>
                <a:gd name="connsiteX21" fmla="*/ 1337116 w 1780028"/>
                <a:gd name="connsiteY21" fmla="*/ 1300163 h 2974896"/>
                <a:gd name="connsiteX22" fmla="*/ 1437128 w 1780028"/>
                <a:gd name="connsiteY22" fmla="*/ 1357313 h 2974896"/>
                <a:gd name="connsiteX23" fmla="*/ 1565716 w 1780028"/>
                <a:gd name="connsiteY23" fmla="*/ 1371600 h 2974896"/>
                <a:gd name="connsiteX24" fmla="*/ 1665728 w 1780028"/>
                <a:gd name="connsiteY24" fmla="*/ 1428750 h 2974896"/>
                <a:gd name="connsiteX25" fmla="*/ 1737166 w 1780028"/>
                <a:gd name="connsiteY25" fmla="*/ 1500188 h 2974896"/>
                <a:gd name="connsiteX26" fmla="*/ 1780028 w 1780028"/>
                <a:gd name="connsiteY26" fmla="*/ 1605577 h 2974896"/>
                <a:gd name="connsiteX27" fmla="*/ 304571 w 1780028"/>
                <a:gd name="connsiteY27" fmla="*/ 2192334 h 2974896"/>
                <a:gd name="connsiteX28" fmla="*/ 494229 w 1780028"/>
                <a:gd name="connsiteY28" fmla="*/ 2433331 h 2974896"/>
                <a:gd name="connsiteX29" fmla="*/ 608453 w 1780028"/>
                <a:gd name="connsiteY29" fmla="*/ 2614613 h 2974896"/>
                <a:gd name="connsiteX30" fmla="*/ 579954 w 1780028"/>
                <a:gd name="connsiteY30" fmla="*/ 2714625 h 2974896"/>
                <a:gd name="connsiteX31" fmla="*/ 522728 w 1780028"/>
                <a:gd name="connsiteY31" fmla="*/ 2858422 h 2974896"/>
                <a:gd name="connsiteX32" fmla="*/ 351279 w 1780028"/>
                <a:gd name="connsiteY32" fmla="*/ 2886997 h 2974896"/>
                <a:gd name="connsiteX33" fmla="*/ 215509 w 1780028"/>
                <a:gd name="connsiteY33" fmla="*/ 2925404 h 2974896"/>
                <a:gd name="connsiteX34" fmla="*/ 0 w 1780028"/>
                <a:gd name="connsiteY34"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953732 w 1780028"/>
                <a:gd name="connsiteY6" fmla="*/ 193108 h 2974896"/>
                <a:gd name="connsiteX7" fmla="*/ 1025094 w 1780028"/>
                <a:gd name="connsiteY7" fmla="*/ 346737 h 2974896"/>
                <a:gd name="connsiteX8" fmla="*/ 1096456 w 1780028"/>
                <a:gd name="connsiteY8" fmla="*/ 423551 h 2974896"/>
                <a:gd name="connsiteX9" fmla="*/ 953732 w 1780028"/>
                <a:gd name="connsiteY9" fmla="*/ 500366 h 2974896"/>
                <a:gd name="connsiteX10" fmla="*/ 1025094 w 1780028"/>
                <a:gd name="connsiteY10" fmla="*/ 577180 h 2974896"/>
                <a:gd name="connsiteX11" fmla="*/ 894203 w 1780028"/>
                <a:gd name="connsiteY11" fmla="*/ 657225 h 2974896"/>
                <a:gd name="connsiteX12" fmla="*/ 865628 w 1780028"/>
                <a:gd name="connsiteY12" fmla="*/ 757238 h 2974896"/>
                <a:gd name="connsiteX13" fmla="*/ 894203 w 1780028"/>
                <a:gd name="connsiteY13" fmla="*/ 871538 h 2974896"/>
                <a:gd name="connsiteX14" fmla="*/ 965641 w 1780028"/>
                <a:gd name="connsiteY14" fmla="*/ 928688 h 2974896"/>
                <a:gd name="connsiteX15" fmla="*/ 1022791 w 1780028"/>
                <a:gd name="connsiteY15" fmla="*/ 1057275 h 2974896"/>
                <a:gd name="connsiteX16" fmla="*/ 994216 w 1780028"/>
                <a:gd name="connsiteY16" fmla="*/ 1085850 h 2974896"/>
                <a:gd name="connsiteX17" fmla="*/ 1108516 w 1780028"/>
                <a:gd name="connsiteY17" fmla="*/ 1114425 h 2974896"/>
                <a:gd name="connsiteX18" fmla="*/ 1179953 w 1780028"/>
                <a:gd name="connsiteY18" fmla="*/ 1157288 h 2974896"/>
                <a:gd name="connsiteX19" fmla="*/ 1179953 w 1780028"/>
                <a:gd name="connsiteY19" fmla="*/ 1214438 h 2974896"/>
                <a:gd name="connsiteX20" fmla="*/ 1251391 w 1780028"/>
                <a:gd name="connsiteY20" fmla="*/ 1285875 h 2974896"/>
                <a:gd name="connsiteX21" fmla="*/ 1337116 w 1780028"/>
                <a:gd name="connsiteY21" fmla="*/ 1300163 h 2974896"/>
                <a:gd name="connsiteX22" fmla="*/ 1437128 w 1780028"/>
                <a:gd name="connsiteY22" fmla="*/ 1357313 h 2974896"/>
                <a:gd name="connsiteX23" fmla="*/ 1565716 w 1780028"/>
                <a:gd name="connsiteY23" fmla="*/ 1371600 h 2974896"/>
                <a:gd name="connsiteX24" fmla="*/ 1665728 w 1780028"/>
                <a:gd name="connsiteY24" fmla="*/ 1428750 h 2974896"/>
                <a:gd name="connsiteX25" fmla="*/ 1737166 w 1780028"/>
                <a:gd name="connsiteY25" fmla="*/ 1500188 h 2974896"/>
                <a:gd name="connsiteX26" fmla="*/ 1780028 w 1780028"/>
                <a:gd name="connsiteY26" fmla="*/ 1605577 h 2974896"/>
                <a:gd name="connsiteX27" fmla="*/ 304571 w 1780028"/>
                <a:gd name="connsiteY27" fmla="*/ 2192334 h 2974896"/>
                <a:gd name="connsiteX28" fmla="*/ 494229 w 1780028"/>
                <a:gd name="connsiteY28" fmla="*/ 2433331 h 2974896"/>
                <a:gd name="connsiteX29" fmla="*/ 608453 w 1780028"/>
                <a:gd name="connsiteY29" fmla="*/ 2614613 h 2974896"/>
                <a:gd name="connsiteX30" fmla="*/ 579954 w 1780028"/>
                <a:gd name="connsiteY30" fmla="*/ 2714625 h 2974896"/>
                <a:gd name="connsiteX31" fmla="*/ 522728 w 1780028"/>
                <a:gd name="connsiteY31" fmla="*/ 2858422 h 2974896"/>
                <a:gd name="connsiteX32" fmla="*/ 351279 w 1780028"/>
                <a:gd name="connsiteY32" fmla="*/ 2886997 h 2974896"/>
                <a:gd name="connsiteX33" fmla="*/ 215509 w 1780028"/>
                <a:gd name="connsiteY33" fmla="*/ 2925404 h 2974896"/>
                <a:gd name="connsiteX34" fmla="*/ 0 w 1780028"/>
                <a:gd name="connsiteY34" fmla="*/ 2974896 h 2974896"/>
                <a:gd name="connsiteX0" fmla="*/ 1079941 w 1780028"/>
                <a:gd name="connsiteY0" fmla="*/ 0 h 2974896"/>
                <a:gd name="connsiteX1" fmla="*/ 1051366 w 1780028"/>
                <a:gd name="connsiteY1" fmla="*/ 42863 h 2974896"/>
                <a:gd name="connsiteX2" fmla="*/ 1094228 w 1780028"/>
                <a:gd name="connsiteY2" fmla="*/ 57150 h 2974896"/>
                <a:gd name="connsiteX3" fmla="*/ 1122803 w 1780028"/>
                <a:gd name="connsiteY3" fmla="*/ 100013 h 2974896"/>
                <a:gd name="connsiteX4" fmla="*/ 1122803 w 1780028"/>
                <a:gd name="connsiteY4" fmla="*/ 142875 h 2974896"/>
                <a:gd name="connsiteX5" fmla="*/ 1022791 w 1780028"/>
                <a:gd name="connsiteY5" fmla="*/ 157163 h 2974896"/>
                <a:gd name="connsiteX6" fmla="*/ 1025094 w 1780028"/>
                <a:gd name="connsiteY6" fmla="*/ 346737 h 2974896"/>
                <a:gd name="connsiteX7" fmla="*/ 1096456 w 1780028"/>
                <a:gd name="connsiteY7" fmla="*/ 423551 h 2974896"/>
                <a:gd name="connsiteX8" fmla="*/ 953732 w 1780028"/>
                <a:gd name="connsiteY8" fmla="*/ 500366 h 2974896"/>
                <a:gd name="connsiteX9" fmla="*/ 1025094 w 1780028"/>
                <a:gd name="connsiteY9" fmla="*/ 577180 h 2974896"/>
                <a:gd name="connsiteX10" fmla="*/ 894203 w 1780028"/>
                <a:gd name="connsiteY10" fmla="*/ 657225 h 2974896"/>
                <a:gd name="connsiteX11" fmla="*/ 865628 w 1780028"/>
                <a:gd name="connsiteY11" fmla="*/ 757238 h 2974896"/>
                <a:gd name="connsiteX12" fmla="*/ 894203 w 1780028"/>
                <a:gd name="connsiteY12" fmla="*/ 871538 h 2974896"/>
                <a:gd name="connsiteX13" fmla="*/ 965641 w 1780028"/>
                <a:gd name="connsiteY13" fmla="*/ 928688 h 2974896"/>
                <a:gd name="connsiteX14" fmla="*/ 1022791 w 1780028"/>
                <a:gd name="connsiteY14" fmla="*/ 1057275 h 2974896"/>
                <a:gd name="connsiteX15" fmla="*/ 994216 w 1780028"/>
                <a:gd name="connsiteY15" fmla="*/ 1085850 h 2974896"/>
                <a:gd name="connsiteX16" fmla="*/ 1108516 w 1780028"/>
                <a:gd name="connsiteY16" fmla="*/ 1114425 h 2974896"/>
                <a:gd name="connsiteX17" fmla="*/ 1179953 w 1780028"/>
                <a:gd name="connsiteY17" fmla="*/ 1157288 h 2974896"/>
                <a:gd name="connsiteX18" fmla="*/ 1179953 w 1780028"/>
                <a:gd name="connsiteY18" fmla="*/ 1214438 h 2974896"/>
                <a:gd name="connsiteX19" fmla="*/ 1251391 w 1780028"/>
                <a:gd name="connsiteY19" fmla="*/ 1285875 h 2974896"/>
                <a:gd name="connsiteX20" fmla="*/ 1337116 w 1780028"/>
                <a:gd name="connsiteY20" fmla="*/ 1300163 h 2974896"/>
                <a:gd name="connsiteX21" fmla="*/ 1437128 w 1780028"/>
                <a:gd name="connsiteY21" fmla="*/ 1357313 h 2974896"/>
                <a:gd name="connsiteX22" fmla="*/ 1565716 w 1780028"/>
                <a:gd name="connsiteY22" fmla="*/ 1371600 h 2974896"/>
                <a:gd name="connsiteX23" fmla="*/ 1665728 w 1780028"/>
                <a:gd name="connsiteY23" fmla="*/ 1428750 h 2974896"/>
                <a:gd name="connsiteX24" fmla="*/ 1737166 w 1780028"/>
                <a:gd name="connsiteY24" fmla="*/ 1500188 h 2974896"/>
                <a:gd name="connsiteX25" fmla="*/ 1780028 w 1780028"/>
                <a:gd name="connsiteY25" fmla="*/ 1605577 h 2974896"/>
                <a:gd name="connsiteX26" fmla="*/ 304571 w 1780028"/>
                <a:gd name="connsiteY26" fmla="*/ 2192334 h 2974896"/>
                <a:gd name="connsiteX27" fmla="*/ 494229 w 1780028"/>
                <a:gd name="connsiteY27" fmla="*/ 2433331 h 2974896"/>
                <a:gd name="connsiteX28" fmla="*/ 608453 w 1780028"/>
                <a:gd name="connsiteY28" fmla="*/ 2614613 h 2974896"/>
                <a:gd name="connsiteX29" fmla="*/ 579954 w 1780028"/>
                <a:gd name="connsiteY29" fmla="*/ 2714625 h 2974896"/>
                <a:gd name="connsiteX30" fmla="*/ 522728 w 1780028"/>
                <a:gd name="connsiteY30" fmla="*/ 2858422 h 2974896"/>
                <a:gd name="connsiteX31" fmla="*/ 351279 w 1780028"/>
                <a:gd name="connsiteY31" fmla="*/ 2886997 h 2974896"/>
                <a:gd name="connsiteX32" fmla="*/ 215509 w 1780028"/>
                <a:gd name="connsiteY32" fmla="*/ 2925404 h 2974896"/>
                <a:gd name="connsiteX33" fmla="*/ 0 w 1780028"/>
                <a:gd name="connsiteY33" fmla="*/ 2974896 h 2974896"/>
                <a:gd name="connsiteX0" fmla="*/ 1051366 w 1780028"/>
                <a:gd name="connsiteY0" fmla="*/ 0 h 2932033"/>
                <a:gd name="connsiteX1" fmla="*/ 1094228 w 1780028"/>
                <a:gd name="connsiteY1" fmla="*/ 14287 h 2932033"/>
                <a:gd name="connsiteX2" fmla="*/ 1122803 w 1780028"/>
                <a:gd name="connsiteY2" fmla="*/ 57150 h 2932033"/>
                <a:gd name="connsiteX3" fmla="*/ 1122803 w 1780028"/>
                <a:gd name="connsiteY3" fmla="*/ 100012 h 2932033"/>
                <a:gd name="connsiteX4" fmla="*/ 1022791 w 1780028"/>
                <a:gd name="connsiteY4" fmla="*/ 114300 h 2932033"/>
                <a:gd name="connsiteX5" fmla="*/ 1025094 w 1780028"/>
                <a:gd name="connsiteY5" fmla="*/ 303874 h 2932033"/>
                <a:gd name="connsiteX6" fmla="*/ 1096456 w 1780028"/>
                <a:gd name="connsiteY6" fmla="*/ 380688 h 2932033"/>
                <a:gd name="connsiteX7" fmla="*/ 953732 w 1780028"/>
                <a:gd name="connsiteY7" fmla="*/ 457503 h 2932033"/>
                <a:gd name="connsiteX8" fmla="*/ 1025094 w 1780028"/>
                <a:gd name="connsiteY8" fmla="*/ 534317 h 2932033"/>
                <a:gd name="connsiteX9" fmla="*/ 894203 w 1780028"/>
                <a:gd name="connsiteY9" fmla="*/ 614362 h 2932033"/>
                <a:gd name="connsiteX10" fmla="*/ 865628 w 1780028"/>
                <a:gd name="connsiteY10" fmla="*/ 714375 h 2932033"/>
                <a:gd name="connsiteX11" fmla="*/ 894203 w 1780028"/>
                <a:gd name="connsiteY11" fmla="*/ 828675 h 2932033"/>
                <a:gd name="connsiteX12" fmla="*/ 965641 w 1780028"/>
                <a:gd name="connsiteY12" fmla="*/ 885825 h 2932033"/>
                <a:gd name="connsiteX13" fmla="*/ 1022791 w 1780028"/>
                <a:gd name="connsiteY13" fmla="*/ 1014412 h 2932033"/>
                <a:gd name="connsiteX14" fmla="*/ 994216 w 1780028"/>
                <a:gd name="connsiteY14" fmla="*/ 1042987 h 2932033"/>
                <a:gd name="connsiteX15" fmla="*/ 1108516 w 1780028"/>
                <a:gd name="connsiteY15" fmla="*/ 1071562 h 2932033"/>
                <a:gd name="connsiteX16" fmla="*/ 1179953 w 1780028"/>
                <a:gd name="connsiteY16" fmla="*/ 1114425 h 2932033"/>
                <a:gd name="connsiteX17" fmla="*/ 1179953 w 1780028"/>
                <a:gd name="connsiteY17" fmla="*/ 1171575 h 2932033"/>
                <a:gd name="connsiteX18" fmla="*/ 1251391 w 1780028"/>
                <a:gd name="connsiteY18" fmla="*/ 1243012 h 2932033"/>
                <a:gd name="connsiteX19" fmla="*/ 1337116 w 1780028"/>
                <a:gd name="connsiteY19" fmla="*/ 1257300 h 2932033"/>
                <a:gd name="connsiteX20" fmla="*/ 1437128 w 1780028"/>
                <a:gd name="connsiteY20" fmla="*/ 1314450 h 2932033"/>
                <a:gd name="connsiteX21" fmla="*/ 1565716 w 1780028"/>
                <a:gd name="connsiteY21" fmla="*/ 1328737 h 2932033"/>
                <a:gd name="connsiteX22" fmla="*/ 1665728 w 1780028"/>
                <a:gd name="connsiteY22" fmla="*/ 1385887 h 2932033"/>
                <a:gd name="connsiteX23" fmla="*/ 1737166 w 1780028"/>
                <a:gd name="connsiteY23" fmla="*/ 1457325 h 2932033"/>
                <a:gd name="connsiteX24" fmla="*/ 1780028 w 1780028"/>
                <a:gd name="connsiteY24" fmla="*/ 1562714 h 2932033"/>
                <a:gd name="connsiteX25" fmla="*/ 304571 w 1780028"/>
                <a:gd name="connsiteY25" fmla="*/ 2149471 h 2932033"/>
                <a:gd name="connsiteX26" fmla="*/ 494229 w 1780028"/>
                <a:gd name="connsiteY26" fmla="*/ 2390468 h 2932033"/>
                <a:gd name="connsiteX27" fmla="*/ 608453 w 1780028"/>
                <a:gd name="connsiteY27" fmla="*/ 2571750 h 2932033"/>
                <a:gd name="connsiteX28" fmla="*/ 579954 w 1780028"/>
                <a:gd name="connsiteY28" fmla="*/ 2671762 h 2932033"/>
                <a:gd name="connsiteX29" fmla="*/ 522728 w 1780028"/>
                <a:gd name="connsiteY29" fmla="*/ 2815559 h 2932033"/>
                <a:gd name="connsiteX30" fmla="*/ 351279 w 1780028"/>
                <a:gd name="connsiteY30" fmla="*/ 2844134 h 2932033"/>
                <a:gd name="connsiteX31" fmla="*/ 215509 w 1780028"/>
                <a:gd name="connsiteY31" fmla="*/ 2882541 h 2932033"/>
                <a:gd name="connsiteX32" fmla="*/ 0 w 1780028"/>
                <a:gd name="connsiteY32" fmla="*/ 2932033 h 2932033"/>
                <a:gd name="connsiteX0" fmla="*/ 1051366 w 1780028"/>
                <a:gd name="connsiteY0" fmla="*/ 0 h 2932033"/>
                <a:gd name="connsiteX1" fmla="*/ 1094228 w 1780028"/>
                <a:gd name="connsiteY1" fmla="*/ 14287 h 2932033"/>
                <a:gd name="connsiteX2" fmla="*/ 1122803 w 1780028"/>
                <a:gd name="connsiteY2" fmla="*/ 57150 h 2932033"/>
                <a:gd name="connsiteX3" fmla="*/ 1022791 w 1780028"/>
                <a:gd name="connsiteY3" fmla="*/ 114300 h 2932033"/>
                <a:gd name="connsiteX4" fmla="*/ 1025094 w 1780028"/>
                <a:gd name="connsiteY4" fmla="*/ 303874 h 2932033"/>
                <a:gd name="connsiteX5" fmla="*/ 1096456 w 1780028"/>
                <a:gd name="connsiteY5" fmla="*/ 380688 h 2932033"/>
                <a:gd name="connsiteX6" fmla="*/ 953732 w 1780028"/>
                <a:gd name="connsiteY6" fmla="*/ 457503 h 2932033"/>
                <a:gd name="connsiteX7" fmla="*/ 1025094 w 1780028"/>
                <a:gd name="connsiteY7" fmla="*/ 534317 h 2932033"/>
                <a:gd name="connsiteX8" fmla="*/ 894203 w 1780028"/>
                <a:gd name="connsiteY8" fmla="*/ 614362 h 2932033"/>
                <a:gd name="connsiteX9" fmla="*/ 865628 w 1780028"/>
                <a:gd name="connsiteY9" fmla="*/ 714375 h 2932033"/>
                <a:gd name="connsiteX10" fmla="*/ 894203 w 1780028"/>
                <a:gd name="connsiteY10" fmla="*/ 828675 h 2932033"/>
                <a:gd name="connsiteX11" fmla="*/ 965641 w 1780028"/>
                <a:gd name="connsiteY11" fmla="*/ 885825 h 2932033"/>
                <a:gd name="connsiteX12" fmla="*/ 1022791 w 1780028"/>
                <a:gd name="connsiteY12" fmla="*/ 1014412 h 2932033"/>
                <a:gd name="connsiteX13" fmla="*/ 994216 w 1780028"/>
                <a:gd name="connsiteY13" fmla="*/ 1042987 h 2932033"/>
                <a:gd name="connsiteX14" fmla="*/ 1108516 w 1780028"/>
                <a:gd name="connsiteY14" fmla="*/ 1071562 h 2932033"/>
                <a:gd name="connsiteX15" fmla="*/ 1179953 w 1780028"/>
                <a:gd name="connsiteY15" fmla="*/ 1114425 h 2932033"/>
                <a:gd name="connsiteX16" fmla="*/ 1179953 w 1780028"/>
                <a:gd name="connsiteY16" fmla="*/ 1171575 h 2932033"/>
                <a:gd name="connsiteX17" fmla="*/ 1251391 w 1780028"/>
                <a:gd name="connsiteY17" fmla="*/ 1243012 h 2932033"/>
                <a:gd name="connsiteX18" fmla="*/ 1337116 w 1780028"/>
                <a:gd name="connsiteY18" fmla="*/ 1257300 h 2932033"/>
                <a:gd name="connsiteX19" fmla="*/ 1437128 w 1780028"/>
                <a:gd name="connsiteY19" fmla="*/ 1314450 h 2932033"/>
                <a:gd name="connsiteX20" fmla="*/ 1565716 w 1780028"/>
                <a:gd name="connsiteY20" fmla="*/ 1328737 h 2932033"/>
                <a:gd name="connsiteX21" fmla="*/ 1665728 w 1780028"/>
                <a:gd name="connsiteY21" fmla="*/ 1385887 h 2932033"/>
                <a:gd name="connsiteX22" fmla="*/ 1737166 w 1780028"/>
                <a:gd name="connsiteY22" fmla="*/ 1457325 h 2932033"/>
                <a:gd name="connsiteX23" fmla="*/ 1780028 w 1780028"/>
                <a:gd name="connsiteY23" fmla="*/ 1562714 h 2932033"/>
                <a:gd name="connsiteX24" fmla="*/ 304571 w 1780028"/>
                <a:gd name="connsiteY24" fmla="*/ 2149471 h 2932033"/>
                <a:gd name="connsiteX25" fmla="*/ 494229 w 1780028"/>
                <a:gd name="connsiteY25" fmla="*/ 2390468 h 2932033"/>
                <a:gd name="connsiteX26" fmla="*/ 608453 w 1780028"/>
                <a:gd name="connsiteY26" fmla="*/ 2571750 h 2932033"/>
                <a:gd name="connsiteX27" fmla="*/ 579954 w 1780028"/>
                <a:gd name="connsiteY27" fmla="*/ 2671762 h 2932033"/>
                <a:gd name="connsiteX28" fmla="*/ 522728 w 1780028"/>
                <a:gd name="connsiteY28" fmla="*/ 2815559 h 2932033"/>
                <a:gd name="connsiteX29" fmla="*/ 351279 w 1780028"/>
                <a:gd name="connsiteY29" fmla="*/ 2844134 h 2932033"/>
                <a:gd name="connsiteX30" fmla="*/ 215509 w 1780028"/>
                <a:gd name="connsiteY30" fmla="*/ 2882541 h 2932033"/>
                <a:gd name="connsiteX31" fmla="*/ 0 w 1780028"/>
                <a:gd name="connsiteY31" fmla="*/ 2932033 h 2932033"/>
                <a:gd name="connsiteX0" fmla="*/ 1051366 w 1780028"/>
                <a:gd name="connsiteY0" fmla="*/ 4763 h 2936796"/>
                <a:gd name="connsiteX1" fmla="*/ 1094228 w 1780028"/>
                <a:gd name="connsiteY1" fmla="*/ 19050 h 2936796"/>
                <a:gd name="connsiteX2" fmla="*/ 1022791 w 1780028"/>
                <a:gd name="connsiteY2" fmla="*/ 119063 h 2936796"/>
                <a:gd name="connsiteX3" fmla="*/ 1025094 w 1780028"/>
                <a:gd name="connsiteY3" fmla="*/ 308637 h 2936796"/>
                <a:gd name="connsiteX4" fmla="*/ 1096456 w 1780028"/>
                <a:gd name="connsiteY4" fmla="*/ 385451 h 2936796"/>
                <a:gd name="connsiteX5" fmla="*/ 953732 w 1780028"/>
                <a:gd name="connsiteY5" fmla="*/ 462266 h 2936796"/>
                <a:gd name="connsiteX6" fmla="*/ 1025094 w 1780028"/>
                <a:gd name="connsiteY6" fmla="*/ 539080 h 2936796"/>
                <a:gd name="connsiteX7" fmla="*/ 894203 w 1780028"/>
                <a:gd name="connsiteY7" fmla="*/ 619125 h 2936796"/>
                <a:gd name="connsiteX8" fmla="*/ 865628 w 1780028"/>
                <a:gd name="connsiteY8" fmla="*/ 719138 h 2936796"/>
                <a:gd name="connsiteX9" fmla="*/ 894203 w 1780028"/>
                <a:gd name="connsiteY9" fmla="*/ 833438 h 2936796"/>
                <a:gd name="connsiteX10" fmla="*/ 965641 w 1780028"/>
                <a:gd name="connsiteY10" fmla="*/ 890588 h 2936796"/>
                <a:gd name="connsiteX11" fmla="*/ 1022791 w 1780028"/>
                <a:gd name="connsiteY11" fmla="*/ 1019175 h 2936796"/>
                <a:gd name="connsiteX12" fmla="*/ 994216 w 1780028"/>
                <a:gd name="connsiteY12" fmla="*/ 1047750 h 2936796"/>
                <a:gd name="connsiteX13" fmla="*/ 1108516 w 1780028"/>
                <a:gd name="connsiteY13" fmla="*/ 1076325 h 2936796"/>
                <a:gd name="connsiteX14" fmla="*/ 1179953 w 1780028"/>
                <a:gd name="connsiteY14" fmla="*/ 1119188 h 2936796"/>
                <a:gd name="connsiteX15" fmla="*/ 1179953 w 1780028"/>
                <a:gd name="connsiteY15" fmla="*/ 1176338 h 2936796"/>
                <a:gd name="connsiteX16" fmla="*/ 1251391 w 1780028"/>
                <a:gd name="connsiteY16" fmla="*/ 1247775 h 2936796"/>
                <a:gd name="connsiteX17" fmla="*/ 1337116 w 1780028"/>
                <a:gd name="connsiteY17" fmla="*/ 1262063 h 2936796"/>
                <a:gd name="connsiteX18" fmla="*/ 1437128 w 1780028"/>
                <a:gd name="connsiteY18" fmla="*/ 1319213 h 2936796"/>
                <a:gd name="connsiteX19" fmla="*/ 1565716 w 1780028"/>
                <a:gd name="connsiteY19" fmla="*/ 1333500 h 2936796"/>
                <a:gd name="connsiteX20" fmla="*/ 1665728 w 1780028"/>
                <a:gd name="connsiteY20" fmla="*/ 1390650 h 2936796"/>
                <a:gd name="connsiteX21" fmla="*/ 1737166 w 1780028"/>
                <a:gd name="connsiteY21" fmla="*/ 1462088 h 2936796"/>
                <a:gd name="connsiteX22" fmla="*/ 1780028 w 1780028"/>
                <a:gd name="connsiteY22" fmla="*/ 1567477 h 2936796"/>
                <a:gd name="connsiteX23" fmla="*/ 304571 w 1780028"/>
                <a:gd name="connsiteY23" fmla="*/ 2154234 h 2936796"/>
                <a:gd name="connsiteX24" fmla="*/ 494229 w 1780028"/>
                <a:gd name="connsiteY24" fmla="*/ 2395231 h 2936796"/>
                <a:gd name="connsiteX25" fmla="*/ 608453 w 1780028"/>
                <a:gd name="connsiteY25" fmla="*/ 2576513 h 2936796"/>
                <a:gd name="connsiteX26" fmla="*/ 579954 w 1780028"/>
                <a:gd name="connsiteY26" fmla="*/ 2676525 h 2936796"/>
                <a:gd name="connsiteX27" fmla="*/ 522728 w 1780028"/>
                <a:gd name="connsiteY27" fmla="*/ 2820322 h 2936796"/>
                <a:gd name="connsiteX28" fmla="*/ 351279 w 1780028"/>
                <a:gd name="connsiteY28" fmla="*/ 2848897 h 2936796"/>
                <a:gd name="connsiteX29" fmla="*/ 215509 w 1780028"/>
                <a:gd name="connsiteY29" fmla="*/ 2887304 h 2936796"/>
                <a:gd name="connsiteX30" fmla="*/ 0 w 1780028"/>
                <a:gd name="connsiteY30" fmla="*/ 2936796 h 2936796"/>
                <a:gd name="connsiteX0" fmla="*/ 1051366 w 1780028"/>
                <a:gd name="connsiteY0" fmla="*/ 0 h 2932033"/>
                <a:gd name="connsiteX1" fmla="*/ 1022791 w 1780028"/>
                <a:gd name="connsiteY1" fmla="*/ 114300 h 2932033"/>
                <a:gd name="connsiteX2" fmla="*/ 1025094 w 1780028"/>
                <a:gd name="connsiteY2" fmla="*/ 303874 h 2932033"/>
                <a:gd name="connsiteX3" fmla="*/ 1096456 w 1780028"/>
                <a:gd name="connsiteY3" fmla="*/ 380688 h 2932033"/>
                <a:gd name="connsiteX4" fmla="*/ 953732 w 1780028"/>
                <a:gd name="connsiteY4" fmla="*/ 457503 h 2932033"/>
                <a:gd name="connsiteX5" fmla="*/ 1025094 w 1780028"/>
                <a:gd name="connsiteY5" fmla="*/ 534317 h 2932033"/>
                <a:gd name="connsiteX6" fmla="*/ 894203 w 1780028"/>
                <a:gd name="connsiteY6" fmla="*/ 614362 h 2932033"/>
                <a:gd name="connsiteX7" fmla="*/ 865628 w 1780028"/>
                <a:gd name="connsiteY7" fmla="*/ 714375 h 2932033"/>
                <a:gd name="connsiteX8" fmla="*/ 894203 w 1780028"/>
                <a:gd name="connsiteY8" fmla="*/ 828675 h 2932033"/>
                <a:gd name="connsiteX9" fmla="*/ 965641 w 1780028"/>
                <a:gd name="connsiteY9" fmla="*/ 885825 h 2932033"/>
                <a:gd name="connsiteX10" fmla="*/ 1022791 w 1780028"/>
                <a:gd name="connsiteY10" fmla="*/ 1014412 h 2932033"/>
                <a:gd name="connsiteX11" fmla="*/ 994216 w 1780028"/>
                <a:gd name="connsiteY11" fmla="*/ 1042987 h 2932033"/>
                <a:gd name="connsiteX12" fmla="*/ 1108516 w 1780028"/>
                <a:gd name="connsiteY12" fmla="*/ 1071562 h 2932033"/>
                <a:gd name="connsiteX13" fmla="*/ 1179953 w 1780028"/>
                <a:gd name="connsiteY13" fmla="*/ 1114425 h 2932033"/>
                <a:gd name="connsiteX14" fmla="*/ 1179953 w 1780028"/>
                <a:gd name="connsiteY14" fmla="*/ 1171575 h 2932033"/>
                <a:gd name="connsiteX15" fmla="*/ 1251391 w 1780028"/>
                <a:gd name="connsiteY15" fmla="*/ 1243012 h 2932033"/>
                <a:gd name="connsiteX16" fmla="*/ 1337116 w 1780028"/>
                <a:gd name="connsiteY16" fmla="*/ 1257300 h 2932033"/>
                <a:gd name="connsiteX17" fmla="*/ 1437128 w 1780028"/>
                <a:gd name="connsiteY17" fmla="*/ 1314450 h 2932033"/>
                <a:gd name="connsiteX18" fmla="*/ 1565716 w 1780028"/>
                <a:gd name="connsiteY18" fmla="*/ 1328737 h 2932033"/>
                <a:gd name="connsiteX19" fmla="*/ 1665728 w 1780028"/>
                <a:gd name="connsiteY19" fmla="*/ 1385887 h 2932033"/>
                <a:gd name="connsiteX20" fmla="*/ 1737166 w 1780028"/>
                <a:gd name="connsiteY20" fmla="*/ 1457325 h 2932033"/>
                <a:gd name="connsiteX21" fmla="*/ 1780028 w 1780028"/>
                <a:gd name="connsiteY21" fmla="*/ 1562714 h 2932033"/>
                <a:gd name="connsiteX22" fmla="*/ 304571 w 1780028"/>
                <a:gd name="connsiteY22" fmla="*/ 2149471 h 2932033"/>
                <a:gd name="connsiteX23" fmla="*/ 494229 w 1780028"/>
                <a:gd name="connsiteY23" fmla="*/ 2390468 h 2932033"/>
                <a:gd name="connsiteX24" fmla="*/ 608453 w 1780028"/>
                <a:gd name="connsiteY24" fmla="*/ 2571750 h 2932033"/>
                <a:gd name="connsiteX25" fmla="*/ 579954 w 1780028"/>
                <a:gd name="connsiteY25" fmla="*/ 2671762 h 2932033"/>
                <a:gd name="connsiteX26" fmla="*/ 522728 w 1780028"/>
                <a:gd name="connsiteY26" fmla="*/ 2815559 h 2932033"/>
                <a:gd name="connsiteX27" fmla="*/ 351279 w 1780028"/>
                <a:gd name="connsiteY27" fmla="*/ 2844134 h 2932033"/>
                <a:gd name="connsiteX28" fmla="*/ 215509 w 1780028"/>
                <a:gd name="connsiteY28" fmla="*/ 2882541 h 2932033"/>
                <a:gd name="connsiteX29" fmla="*/ 0 w 1780028"/>
                <a:gd name="connsiteY29" fmla="*/ 2932033 h 2932033"/>
                <a:gd name="connsiteX0" fmla="*/ 1051366 w 1780028"/>
                <a:gd name="connsiteY0" fmla="*/ 0 h 2932033"/>
                <a:gd name="connsiteX1" fmla="*/ 1022791 w 1780028"/>
                <a:gd name="connsiteY1" fmla="*/ 114300 h 2932033"/>
                <a:gd name="connsiteX2" fmla="*/ 1024757 w 1780028"/>
                <a:gd name="connsiteY2" fmla="*/ 227059 h 2932033"/>
                <a:gd name="connsiteX3" fmla="*/ 1096456 w 1780028"/>
                <a:gd name="connsiteY3" fmla="*/ 380688 h 2932033"/>
                <a:gd name="connsiteX4" fmla="*/ 953732 w 1780028"/>
                <a:gd name="connsiteY4" fmla="*/ 457503 h 2932033"/>
                <a:gd name="connsiteX5" fmla="*/ 1025094 w 1780028"/>
                <a:gd name="connsiteY5" fmla="*/ 534317 h 2932033"/>
                <a:gd name="connsiteX6" fmla="*/ 894203 w 1780028"/>
                <a:gd name="connsiteY6" fmla="*/ 614362 h 2932033"/>
                <a:gd name="connsiteX7" fmla="*/ 865628 w 1780028"/>
                <a:gd name="connsiteY7" fmla="*/ 714375 h 2932033"/>
                <a:gd name="connsiteX8" fmla="*/ 894203 w 1780028"/>
                <a:gd name="connsiteY8" fmla="*/ 828675 h 2932033"/>
                <a:gd name="connsiteX9" fmla="*/ 965641 w 1780028"/>
                <a:gd name="connsiteY9" fmla="*/ 885825 h 2932033"/>
                <a:gd name="connsiteX10" fmla="*/ 1022791 w 1780028"/>
                <a:gd name="connsiteY10" fmla="*/ 1014412 h 2932033"/>
                <a:gd name="connsiteX11" fmla="*/ 994216 w 1780028"/>
                <a:gd name="connsiteY11" fmla="*/ 1042987 h 2932033"/>
                <a:gd name="connsiteX12" fmla="*/ 1108516 w 1780028"/>
                <a:gd name="connsiteY12" fmla="*/ 1071562 h 2932033"/>
                <a:gd name="connsiteX13" fmla="*/ 1179953 w 1780028"/>
                <a:gd name="connsiteY13" fmla="*/ 1114425 h 2932033"/>
                <a:gd name="connsiteX14" fmla="*/ 1179953 w 1780028"/>
                <a:gd name="connsiteY14" fmla="*/ 1171575 h 2932033"/>
                <a:gd name="connsiteX15" fmla="*/ 1251391 w 1780028"/>
                <a:gd name="connsiteY15" fmla="*/ 1243012 h 2932033"/>
                <a:gd name="connsiteX16" fmla="*/ 1337116 w 1780028"/>
                <a:gd name="connsiteY16" fmla="*/ 1257300 h 2932033"/>
                <a:gd name="connsiteX17" fmla="*/ 1437128 w 1780028"/>
                <a:gd name="connsiteY17" fmla="*/ 1314450 h 2932033"/>
                <a:gd name="connsiteX18" fmla="*/ 1565716 w 1780028"/>
                <a:gd name="connsiteY18" fmla="*/ 1328737 h 2932033"/>
                <a:gd name="connsiteX19" fmla="*/ 1665728 w 1780028"/>
                <a:gd name="connsiteY19" fmla="*/ 1385887 h 2932033"/>
                <a:gd name="connsiteX20" fmla="*/ 1737166 w 1780028"/>
                <a:gd name="connsiteY20" fmla="*/ 1457325 h 2932033"/>
                <a:gd name="connsiteX21" fmla="*/ 1780028 w 1780028"/>
                <a:gd name="connsiteY21" fmla="*/ 1562714 h 2932033"/>
                <a:gd name="connsiteX22" fmla="*/ 304571 w 1780028"/>
                <a:gd name="connsiteY22" fmla="*/ 2149471 h 2932033"/>
                <a:gd name="connsiteX23" fmla="*/ 494229 w 1780028"/>
                <a:gd name="connsiteY23" fmla="*/ 2390468 h 2932033"/>
                <a:gd name="connsiteX24" fmla="*/ 608453 w 1780028"/>
                <a:gd name="connsiteY24" fmla="*/ 2571750 h 2932033"/>
                <a:gd name="connsiteX25" fmla="*/ 579954 w 1780028"/>
                <a:gd name="connsiteY25" fmla="*/ 2671762 h 2932033"/>
                <a:gd name="connsiteX26" fmla="*/ 522728 w 1780028"/>
                <a:gd name="connsiteY26" fmla="*/ 2815559 h 2932033"/>
                <a:gd name="connsiteX27" fmla="*/ 351279 w 1780028"/>
                <a:gd name="connsiteY27" fmla="*/ 2844134 h 2932033"/>
                <a:gd name="connsiteX28" fmla="*/ 215509 w 1780028"/>
                <a:gd name="connsiteY28" fmla="*/ 2882541 h 2932033"/>
                <a:gd name="connsiteX29" fmla="*/ 0 w 1780028"/>
                <a:gd name="connsiteY29" fmla="*/ 2932033 h 2932033"/>
                <a:gd name="connsiteX0" fmla="*/ 1051366 w 1780028"/>
                <a:gd name="connsiteY0" fmla="*/ 0 h 2932033"/>
                <a:gd name="connsiteX1" fmla="*/ 1096119 w 1780028"/>
                <a:gd name="connsiteY1" fmla="*/ 150245 h 2932033"/>
                <a:gd name="connsiteX2" fmla="*/ 1024757 w 1780028"/>
                <a:gd name="connsiteY2" fmla="*/ 227059 h 2932033"/>
                <a:gd name="connsiteX3" fmla="*/ 1096456 w 1780028"/>
                <a:gd name="connsiteY3" fmla="*/ 380688 h 2932033"/>
                <a:gd name="connsiteX4" fmla="*/ 953732 w 1780028"/>
                <a:gd name="connsiteY4" fmla="*/ 457503 h 2932033"/>
                <a:gd name="connsiteX5" fmla="*/ 1025094 w 1780028"/>
                <a:gd name="connsiteY5" fmla="*/ 534317 h 2932033"/>
                <a:gd name="connsiteX6" fmla="*/ 894203 w 1780028"/>
                <a:gd name="connsiteY6" fmla="*/ 614362 h 2932033"/>
                <a:gd name="connsiteX7" fmla="*/ 865628 w 1780028"/>
                <a:gd name="connsiteY7" fmla="*/ 714375 h 2932033"/>
                <a:gd name="connsiteX8" fmla="*/ 894203 w 1780028"/>
                <a:gd name="connsiteY8" fmla="*/ 828675 h 2932033"/>
                <a:gd name="connsiteX9" fmla="*/ 965641 w 1780028"/>
                <a:gd name="connsiteY9" fmla="*/ 885825 h 2932033"/>
                <a:gd name="connsiteX10" fmla="*/ 1022791 w 1780028"/>
                <a:gd name="connsiteY10" fmla="*/ 1014412 h 2932033"/>
                <a:gd name="connsiteX11" fmla="*/ 994216 w 1780028"/>
                <a:gd name="connsiteY11" fmla="*/ 1042987 h 2932033"/>
                <a:gd name="connsiteX12" fmla="*/ 1108516 w 1780028"/>
                <a:gd name="connsiteY12" fmla="*/ 1071562 h 2932033"/>
                <a:gd name="connsiteX13" fmla="*/ 1179953 w 1780028"/>
                <a:gd name="connsiteY13" fmla="*/ 1114425 h 2932033"/>
                <a:gd name="connsiteX14" fmla="*/ 1179953 w 1780028"/>
                <a:gd name="connsiteY14" fmla="*/ 1171575 h 2932033"/>
                <a:gd name="connsiteX15" fmla="*/ 1251391 w 1780028"/>
                <a:gd name="connsiteY15" fmla="*/ 1243012 h 2932033"/>
                <a:gd name="connsiteX16" fmla="*/ 1337116 w 1780028"/>
                <a:gd name="connsiteY16" fmla="*/ 1257300 h 2932033"/>
                <a:gd name="connsiteX17" fmla="*/ 1437128 w 1780028"/>
                <a:gd name="connsiteY17" fmla="*/ 1314450 h 2932033"/>
                <a:gd name="connsiteX18" fmla="*/ 1565716 w 1780028"/>
                <a:gd name="connsiteY18" fmla="*/ 1328737 h 2932033"/>
                <a:gd name="connsiteX19" fmla="*/ 1665728 w 1780028"/>
                <a:gd name="connsiteY19" fmla="*/ 1385887 h 2932033"/>
                <a:gd name="connsiteX20" fmla="*/ 1737166 w 1780028"/>
                <a:gd name="connsiteY20" fmla="*/ 1457325 h 2932033"/>
                <a:gd name="connsiteX21" fmla="*/ 1780028 w 1780028"/>
                <a:gd name="connsiteY21" fmla="*/ 1562714 h 2932033"/>
                <a:gd name="connsiteX22" fmla="*/ 304571 w 1780028"/>
                <a:gd name="connsiteY22" fmla="*/ 2149471 h 2932033"/>
                <a:gd name="connsiteX23" fmla="*/ 494229 w 1780028"/>
                <a:gd name="connsiteY23" fmla="*/ 2390468 h 2932033"/>
                <a:gd name="connsiteX24" fmla="*/ 608453 w 1780028"/>
                <a:gd name="connsiteY24" fmla="*/ 2571750 h 2932033"/>
                <a:gd name="connsiteX25" fmla="*/ 579954 w 1780028"/>
                <a:gd name="connsiteY25" fmla="*/ 2671762 h 2932033"/>
                <a:gd name="connsiteX26" fmla="*/ 522728 w 1780028"/>
                <a:gd name="connsiteY26" fmla="*/ 2815559 h 2932033"/>
                <a:gd name="connsiteX27" fmla="*/ 351279 w 1780028"/>
                <a:gd name="connsiteY27" fmla="*/ 2844134 h 2932033"/>
                <a:gd name="connsiteX28" fmla="*/ 215509 w 1780028"/>
                <a:gd name="connsiteY28" fmla="*/ 2882541 h 2932033"/>
                <a:gd name="connsiteX29" fmla="*/ 0 w 1780028"/>
                <a:gd name="connsiteY29" fmla="*/ 2932033 h 2932033"/>
                <a:gd name="connsiteX0" fmla="*/ 1096119 w 1780028"/>
                <a:gd name="connsiteY0" fmla="*/ 0 h 2935417"/>
                <a:gd name="connsiteX1" fmla="*/ 1096119 w 1780028"/>
                <a:gd name="connsiteY1" fmla="*/ 153629 h 2935417"/>
                <a:gd name="connsiteX2" fmla="*/ 1024757 w 1780028"/>
                <a:gd name="connsiteY2" fmla="*/ 230443 h 2935417"/>
                <a:gd name="connsiteX3" fmla="*/ 1096456 w 1780028"/>
                <a:gd name="connsiteY3" fmla="*/ 384072 h 2935417"/>
                <a:gd name="connsiteX4" fmla="*/ 953732 w 1780028"/>
                <a:gd name="connsiteY4" fmla="*/ 460887 h 2935417"/>
                <a:gd name="connsiteX5" fmla="*/ 1025094 w 1780028"/>
                <a:gd name="connsiteY5" fmla="*/ 537701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96456 w 1780028"/>
                <a:gd name="connsiteY3" fmla="*/ 384072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96119 w 1780028"/>
                <a:gd name="connsiteY3" fmla="*/ 384073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24757 w 1780028"/>
                <a:gd name="connsiteY3" fmla="*/ 384073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96119 w 1780028"/>
                <a:gd name="connsiteY3" fmla="*/ 384073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96119 w 1780028"/>
                <a:gd name="connsiteY3" fmla="*/ 384073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 name="connsiteX0" fmla="*/ 1096119 w 1780028"/>
                <a:gd name="connsiteY0" fmla="*/ 0 h 2935417"/>
                <a:gd name="connsiteX1" fmla="*/ 1096119 w 1780028"/>
                <a:gd name="connsiteY1" fmla="*/ 153629 h 2935417"/>
                <a:gd name="connsiteX2" fmla="*/ 1024757 w 1780028"/>
                <a:gd name="connsiteY2" fmla="*/ 230443 h 2935417"/>
                <a:gd name="connsiteX3" fmla="*/ 1024757 w 1780028"/>
                <a:gd name="connsiteY3" fmla="*/ 384073 h 2935417"/>
                <a:gd name="connsiteX4" fmla="*/ 953732 w 1780028"/>
                <a:gd name="connsiteY4" fmla="*/ 460887 h 2935417"/>
                <a:gd name="connsiteX5" fmla="*/ 953395 w 1780028"/>
                <a:gd name="connsiteY5" fmla="*/ 537702 h 2935417"/>
                <a:gd name="connsiteX6" fmla="*/ 894203 w 1780028"/>
                <a:gd name="connsiteY6" fmla="*/ 617746 h 2935417"/>
                <a:gd name="connsiteX7" fmla="*/ 865628 w 1780028"/>
                <a:gd name="connsiteY7" fmla="*/ 717759 h 2935417"/>
                <a:gd name="connsiteX8" fmla="*/ 894203 w 1780028"/>
                <a:gd name="connsiteY8" fmla="*/ 832059 h 2935417"/>
                <a:gd name="connsiteX9" fmla="*/ 965641 w 1780028"/>
                <a:gd name="connsiteY9" fmla="*/ 889209 h 2935417"/>
                <a:gd name="connsiteX10" fmla="*/ 1022791 w 1780028"/>
                <a:gd name="connsiteY10" fmla="*/ 1017796 h 2935417"/>
                <a:gd name="connsiteX11" fmla="*/ 994216 w 1780028"/>
                <a:gd name="connsiteY11" fmla="*/ 1046371 h 2935417"/>
                <a:gd name="connsiteX12" fmla="*/ 1108516 w 1780028"/>
                <a:gd name="connsiteY12" fmla="*/ 1074946 h 2935417"/>
                <a:gd name="connsiteX13" fmla="*/ 1179953 w 1780028"/>
                <a:gd name="connsiteY13" fmla="*/ 1117809 h 2935417"/>
                <a:gd name="connsiteX14" fmla="*/ 1179953 w 1780028"/>
                <a:gd name="connsiteY14" fmla="*/ 1174959 h 2935417"/>
                <a:gd name="connsiteX15" fmla="*/ 1251391 w 1780028"/>
                <a:gd name="connsiteY15" fmla="*/ 1246396 h 2935417"/>
                <a:gd name="connsiteX16" fmla="*/ 1337116 w 1780028"/>
                <a:gd name="connsiteY16" fmla="*/ 1260684 h 2935417"/>
                <a:gd name="connsiteX17" fmla="*/ 1437128 w 1780028"/>
                <a:gd name="connsiteY17" fmla="*/ 1317834 h 2935417"/>
                <a:gd name="connsiteX18" fmla="*/ 1565716 w 1780028"/>
                <a:gd name="connsiteY18" fmla="*/ 1332121 h 2935417"/>
                <a:gd name="connsiteX19" fmla="*/ 1665728 w 1780028"/>
                <a:gd name="connsiteY19" fmla="*/ 1389271 h 2935417"/>
                <a:gd name="connsiteX20" fmla="*/ 1737166 w 1780028"/>
                <a:gd name="connsiteY20" fmla="*/ 1460709 h 2935417"/>
                <a:gd name="connsiteX21" fmla="*/ 1780028 w 1780028"/>
                <a:gd name="connsiteY21" fmla="*/ 1566098 h 2935417"/>
                <a:gd name="connsiteX22" fmla="*/ 304571 w 1780028"/>
                <a:gd name="connsiteY22" fmla="*/ 2152855 h 2935417"/>
                <a:gd name="connsiteX23" fmla="*/ 494229 w 1780028"/>
                <a:gd name="connsiteY23" fmla="*/ 2393852 h 2935417"/>
                <a:gd name="connsiteX24" fmla="*/ 608453 w 1780028"/>
                <a:gd name="connsiteY24" fmla="*/ 2575134 h 2935417"/>
                <a:gd name="connsiteX25" fmla="*/ 579954 w 1780028"/>
                <a:gd name="connsiteY25" fmla="*/ 2675146 h 2935417"/>
                <a:gd name="connsiteX26" fmla="*/ 522728 w 1780028"/>
                <a:gd name="connsiteY26" fmla="*/ 2818943 h 2935417"/>
                <a:gd name="connsiteX27" fmla="*/ 351279 w 1780028"/>
                <a:gd name="connsiteY27" fmla="*/ 2847518 h 2935417"/>
                <a:gd name="connsiteX28" fmla="*/ 215509 w 1780028"/>
                <a:gd name="connsiteY28" fmla="*/ 2885925 h 2935417"/>
                <a:gd name="connsiteX29" fmla="*/ 0 w 1780028"/>
                <a:gd name="connsiteY29" fmla="*/ 2935417 h 293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780028" h="2935417">
                  <a:moveTo>
                    <a:pt x="1096119" y="0"/>
                  </a:moveTo>
                  <a:cubicBezTo>
                    <a:pt x="1090166" y="23812"/>
                    <a:pt x="1108013" y="115222"/>
                    <a:pt x="1096119" y="153629"/>
                  </a:cubicBezTo>
                  <a:cubicBezTo>
                    <a:pt x="1084225" y="192036"/>
                    <a:pt x="1036651" y="192036"/>
                    <a:pt x="1024757" y="230443"/>
                  </a:cubicBezTo>
                  <a:cubicBezTo>
                    <a:pt x="1012863" y="268850"/>
                    <a:pt x="1036594" y="345666"/>
                    <a:pt x="1024757" y="384073"/>
                  </a:cubicBezTo>
                  <a:cubicBezTo>
                    <a:pt x="1012920" y="422480"/>
                    <a:pt x="965626" y="435282"/>
                    <a:pt x="953732" y="460887"/>
                  </a:cubicBezTo>
                  <a:cubicBezTo>
                    <a:pt x="941838" y="486492"/>
                    <a:pt x="963317" y="511559"/>
                    <a:pt x="953395" y="537702"/>
                  </a:cubicBezTo>
                  <a:cubicBezTo>
                    <a:pt x="943474" y="563845"/>
                    <a:pt x="908831" y="587737"/>
                    <a:pt x="894203" y="617746"/>
                  </a:cubicBezTo>
                  <a:cubicBezTo>
                    <a:pt x="879575" y="647755"/>
                    <a:pt x="865628" y="682040"/>
                    <a:pt x="865628" y="717759"/>
                  </a:cubicBezTo>
                  <a:cubicBezTo>
                    <a:pt x="865628" y="753478"/>
                    <a:pt x="877534" y="803484"/>
                    <a:pt x="894203" y="832059"/>
                  </a:cubicBezTo>
                  <a:cubicBezTo>
                    <a:pt x="910872" y="860634"/>
                    <a:pt x="944210" y="858253"/>
                    <a:pt x="965641" y="889209"/>
                  </a:cubicBezTo>
                  <a:cubicBezTo>
                    <a:pt x="987072" y="920165"/>
                    <a:pt x="1018029" y="991602"/>
                    <a:pt x="1022791" y="1017796"/>
                  </a:cubicBezTo>
                  <a:cubicBezTo>
                    <a:pt x="1027553" y="1043990"/>
                    <a:pt x="979929" y="1036846"/>
                    <a:pt x="994216" y="1046371"/>
                  </a:cubicBezTo>
                  <a:cubicBezTo>
                    <a:pt x="1008503" y="1055896"/>
                    <a:pt x="1077560" y="1063040"/>
                    <a:pt x="1108516" y="1074946"/>
                  </a:cubicBezTo>
                  <a:cubicBezTo>
                    <a:pt x="1139472" y="1086852"/>
                    <a:pt x="1168047" y="1101140"/>
                    <a:pt x="1179953" y="1117809"/>
                  </a:cubicBezTo>
                  <a:cubicBezTo>
                    <a:pt x="1191859" y="1134478"/>
                    <a:pt x="1168047" y="1153528"/>
                    <a:pt x="1179953" y="1174959"/>
                  </a:cubicBezTo>
                  <a:cubicBezTo>
                    <a:pt x="1191859" y="1196390"/>
                    <a:pt x="1225197" y="1232109"/>
                    <a:pt x="1251391" y="1246396"/>
                  </a:cubicBezTo>
                  <a:cubicBezTo>
                    <a:pt x="1277585" y="1260683"/>
                    <a:pt x="1306160" y="1248778"/>
                    <a:pt x="1337116" y="1260684"/>
                  </a:cubicBezTo>
                  <a:cubicBezTo>
                    <a:pt x="1368072" y="1272590"/>
                    <a:pt x="1399028" y="1305928"/>
                    <a:pt x="1437128" y="1317834"/>
                  </a:cubicBezTo>
                  <a:cubicBezTo>
                    <a:pt x="1475228" y="1329740"/>
                    <a:pt x="1527616" y="1320215"/>
                    <a:pt x="1565716" y="1332121"/>
                  </a:cubicBezTo>
                  <a:cubicBezTo>
                    <a:pt x="1603816" y="1344027"/>
                    <a:pt x="1637153" y="1367840"/>
                    <a:pt x="1665728" y="1389271"/>
                  </a:cubicBezTo>
                  <a:cubicBezTo>
                    <a:pt x="1694303" y="1410702"/>
                    <a:pt x="1718116" y="1431238"/>
                    <a:pt x="1737166" y="1460709"/>
                  </a:cubicBezTo>
                  <a:cubicBezTo>
                    <a:pt x="1756216" y="1490180"/>
                    <a:pt x="1729521" y="1512582"/>
                    <a:pt x="1780028" y="1566098"/>
                  </a:cubicBezTo>
                  <a:cubicBezTo>
                    <a:pt x="1553809" y="1663729"/>
                    <a:pt x="535552" y="2055224"/>
                    <a:pt x="304571" y="2152855"/>
                  </a:cubicBezTo>
                  <a:cubicBezTo>
                    <a:pt x="252732" y="2287086"/>
                    <a:pt x="443582" y="2323472"/>
                    <a:pt x="494229" y="2393852"/>
                  </a:cubicBezTo>
                  <a:cubicBezTo>
                    <a:pt x="544876" y="2464232"/>
                    <a:pt x="594165" y="2528252"/>
                    <a:pt x="608453" y="2575134"/>
                  </a:cubicBezTo>
                  <a:cubicBezTo>
                    <a:pt x="622741" y="2622016"/>
                    <a:pt x="594241" y="2634511"/>
                    <a:pt x="579954" y="2675146"/>
                  </a:cubicBezTo>
                  <a:cubicBezTo>
                    <a:pt x="565667" y="2715781"/>
                    <a:pt x="560840" y="2790214"/>
                    <a:pt x="522728" y="2818943"/>
                  </a:cubicBezTo>
                  <a:cubicBezTo>
                    <a:pt x="484616" y="2847672"/>
                    <a:pt x="402482" y="2836354"/>
                    <a:pt x="351279" y="2847518"/>
                  </a:cubicBezTo>
                  <a:cubicBezTo>
                    <a:pt x="300076" y="2858682"/>
                    <a:pt x="274055" y="2871275"/>
                    <a:pt x="215509" y="2885925"/>
                  </a:cubicBezTo>
                  <a:cubicBezTo>
                    <a:pt x="156963" y="2900575"/>
                    <a:pt x="21431" y="2905651"/>
                    <a:pt x="0" y="2935417"/>
                  </a:cubicBezTo>
                </a:path>
              </a:pathLst>
            </a:custGeom>
            <a:noFill/>
            <a:ln w="57150" cap="flat" cmpd="sng" algn="ctr">
              <a:solidFill>
                <a:schemeClr val="tx1"/>
              </a:solidFill>
              <a:prstDash val="sysDash"/>
              <a:round/>
              <a:headEnd type="none" w="med" len="med"/>
              <a:tailEnd type="none" w="med" len="med"/>
            </a:ln>
            <a:effectLst>
              <a:glow rad="101600">
                <a:schemeClr val="accent4">
                  <a:satMod val="175000"/>
                  <a:alpha val="40000"/>
                </a:schemeClr>
              </a:glow>
            </a:effectLst>
          </p:spPr>
          <p:txBody>
            <a:bodyPr anchor="ctr" anchorCtr="1"/>
            <a:lstStyle/>
            <a:p>
              <a:pPr algn="ctr" eaLnBrk="0" fontAlgn="auto" hangingPunct="0">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spTree>
    <p:extLst>
      <p:ext uri="{BB962C8B-B14F-4D97-AF65-F5344CB8AC3E}">
        <p14:creationId xmlns:p14="http://schemas.microsoft.com/office/powerpoint/2010/main" val="4037434680"/>
      </p:ext>
    </p:extLst>
  </p:cSld>
  <p:clrMapOvr>
    <a:masterClrMapping/>
  </p:clrMapOvr>
  <p:transition>
    <p:wipe dir="r"/>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p:stCondLst>
                              <p:cond delay="0"/>
                            </p:stCondLst>
                            <p:childTnLst>
                              <p:par>
                                <p:cTn id="5" presetID="22" presetClass="entr" presetSubtype="1" fill="hold" nodeType="after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wipe(up)">
                                      <p:cBhvr>
                                        <p:cTn id="7" dur="1000"/>
                                        <p:tgtEl>
                                          <p:spTgt spid="14"/>
                                        </p:tgtEl>
                                      </p:cBhvr>
                                    </p:animEffect>
                                  </p:childTnLst>
                                </p:cTn>
                              </p:par>
                            </p:childTnLst>
                          </p:cTn>
                        </p:par>
                        <p:par>
                          <p:cTn id="8" fill="hold">
                            <p:stCondLst>
                              <p:cond delay="1000"/>
                            </p:stCondLst>
                            <p:childTnLst>
                              <p:par>
                                <p:cTn id="9" presetID="22" presetClass="entr" presetSubtype="1" fill="hold" nodeType="afterEffect">
                                  <p:stCondLst>
                                    <p:cond delay="0"/>
                                  </p:stCondLst>
                                  <p:childTnLst>
                                    <p:set>
                                      <p:cBhvr>
                                        <p:cTn id="10" dur="1" fill="hold">
                                          <p:stCondLst>
                                            <p:cond delay="0"/>
                                          </p:stCondLst>
                                        </p:cTn>
                                        <p:tgtEl>
                                          <p:spTgt spid="11"/>
                                        </p:tgtEl>
                                        <p:attrNameLst>
                                          <p:attrName>style.visibility</p:attrName>
                                        </p:attrNameLst>
                                      </p:cBhvr>
                                      <p:to>
                                        <p:strVal val="visible"/>
                                      </p:to>
                                    </p:set>
                                    <p:animEffect transition="in" filter="wipe(up)">
                                      <p:cBhvr>
                                        <p:cTn id="11" dur="225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4" name="Picture 33"/>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Slide Number Placeholder 5"/>
          <p:cNvSpPr>
            <a:spLocks noGrp="1"/>
          </p:cNvSpPr>
          <p:nvPr>
            <p:ph type="sldNum" sz="quarter" idx="11"/>
          </p:nvPr>
        </p:nvSpPr>
        <p:spPr>
          <a:prstGeom prst="rect">
            <a:avLst/>
          </a:prstGeom>
        </p:spPr>
        <p:txBody>
          <a:bodyPr/>
          <a:lstStyle/>
          <a:p>
            <a:pPr>
              <a:defRPr/>
            </a:pPr>
            <a:fld id="{A04B48C0-155F-41DA-AA4E-5DEB9D39C0C1}" type="slidenum">
              <a:rPr lang="en-US" sz="2400" b="1">
                <a:solidFill>
                  <a:prstClr val="white"/>
                </a:solidFill>
              </a:rPr>
              <a:pPr>
                <a:defRPr/>
              </a:pPr>
              <a:t>72</a:t>
            </a:fld>
            <a:endParaRPr lang="en-US" sz="2400" b="1" dirty="0">
              <a:solidFill>
                <a:prstClr val="white"/>
              </a:solidFill>
            </a:endParaRPr>
          </a:p>
        </p:txBody>
      </p:sp>
      <p:grpSp>
        <p:nvGrpSpPr>
          <p:cNvPr id="8" name="Group 7"/>
          <p:cNvGrpSpPr/>
          <p:nvPr/>
        </p:nvGrpSpPr>
        <p:grpSpPr>
          <a:xfrm>
            <a:off x="4659059" y="-223851"/>
            <a:ext cx="4484941" cy="7310451"/>
            <a:chOff x="4737528" y="-223851"/>
            <a:chExt cx="4484941" cy="7310451"/>
          </a:xfrm>
        </p:grpSpPr>
        <p:grpSp>
          <p:nvGrpSpPr>
            <p:cNvPr id="9" name="Group 8"/>
            <p:cNvGrpSpPr>
              <a:grpSpLocks noChangeAspect="1"/>
            </p:cNvGrpSpPr>
            <p:nvPr/>
          </p:nvGrpSpPr>
          <p:grpSpPr>
            <a:xfrm>
              <a:off x="4737528" y="-223851"/>
              <a:ext cx="4484941" cy="7310451"/>
              <a:chOff x="4953000" y="0"/>
              <a:chExt cx="3810000" cy="6858000"/>
            </a:xfrm>
          </p:grpSpPr>
          <p:grpSp>
            <p:nvGrpSpPr>
              <p:cNvPr id="17" name="Group 50"/>
              <p:cNvGrpSpPr/>
              <p:nvPr/>
            </p:nvGrpSpPr>
            <p:grpSpPr>
              <a:xfrm>
                <a:off x="4953000" y="0"/>
                <a:ext cx="3810000" cy="6858000"/>
                <a:chOff x="2590800" y="0"/>
                <a:chExt cx="3810000" cy="6858000"/>
              </a:xfrm>
            </p:grpSpPr>
            <p:pic>
              <p:nvPicPr>
                <p:cNvPr id="19" name="Picture 3"/>
                <p:cNvPicPr>
                  <a:picLocks noChangeAspect="1" noChangeArrowheads="1"/>
                </p:cNvPicPr>
                <p:nvPr/>
              </p:nvPicPr>
              <p:blipFill>
                <a:blip r:embed="rId3" cstate="print"/>
                <a:srcRect l="53045" t="57611" r="31561" b="21776"/>
                <a:stretch>
                  <a:fillRect/>
                </a:stretch>
              </p:blipFill>
              <p:spPr bwMode="auto">
                <a:xfrm>
                  <a:off x="2590800" y="0"/>
                  <a:ext cx="3810000" cy="6858000"/>
                </a:xfrm>
                <a:prstGeom prst="rect">
                  <a:avLst/>
                </a:prstGeom>
                <a:noFill/>
                <a:ln w="57150">
                  <a:noFill/>
                  <a:miter lim="800000"/>
                  <a:headEnd/>
                  <a:tailEnd/>
                </a:ln>
                <a:effectLst/>
              </p:spPr>
            </p:pic>
            <p:grpSp>
              <p:nvGrpSpPr>
                <p:cNvPr id="20" name="Group 45"/>
                <p:cNvGrpSpPr/>
                <p:nvPr/>
              </p:nvGrpSpPr>
              <p:grpSpPr>
                <a:xfrm>
                  <a:off x="3800752" y="221994"/>
                  <a:ext cx="2248428" cy="6411719"/>
                  <a:chOff x="3800752" y="221994"/>
                  <a:chExt cx="2248428" cy="6411719"/>
                </a:xfrm>
              </p:grpSpPr>
              <p:sp>
                <p:nvSpPr>
                  <p:cNvPr id="21" name="Freeform 20"/>
                  <p:cNvSpPr/>
                  <p:nvPr/>
                </p:nvSpPr>
                <p:spPr>
                  <a:xfrm>
                    <a:off x="4928463" y="1068718"/>
                    <a:ext cx="1120717" cy="1844534"/>
                  </a:xfrm>
                  <a:custGeom>
                    <a:avLst/>
                    <a:gdLst>
                      <a:gd name="connsiteX0" fmla="*/ 74372 w 326746"/>
                      <a:gd name="connsiteY0" fmla="*/ 0 h 1622755"/>
                      <a:gd name="connsiteX1" fmla="*/ 8535 w 326746"/>
                      <a:gd name="connsiteY1" fmla="*/ 168250 h 1622755"/>
                      <a:gd name="connsiteX2" fmla="*/ 23165 w 326746"/>
                      <a:gd name="connsiteY2" fmla="*/ 277978 h 1622755"/>
                      <a:gd name="connsiteX3" fmla="*/ 132893 w 326746"/>
                      <a:gd name="connsiteY3" fmla="*/ 292608 h 1622755"/>
                      <a:gd name="connsiteX4" fmla="*/ 191415 w 326746"/>
                      <a:gd name="connsiteY4" fmla="*/ 299923 h 1622755"/>
                      <a:gd name="connsiteX5" fmla="*/ 235306 w 326746"/>
                      <a:gd name="connsiteY5" fmla="*/ 365760 h 1622755"/>
                      <a:gd name="connsiteX6" fmla="*/ 213360 w 326746"/>
                      <a:gd name="connsiteY6" fmla="*/ 438912 h 1622755"/>
                      <a:gd name="connsiteX7" fmla="*/ 162154 w 326746"/>
                      <a:gd name="connsiteY7" fmla="*/ 534010 h 1622755"/>
                      <a:gd name="connsiteX8" fmla="*/ 235306 w 326746"/>
                      <a:gd name="connsiteY8" fmla="*/ 643738 h 1622755"/>
                      <a:gd name="connsiteX9" fmla="*/ 235306 w 326746"/>
                      <a:gd name="connsiteY9" fmla="*/ 709574 h 1622755"/>
                      <a:gd name="connsiteX10" fmla="*/ 308458 w 326746"/>
                      <a:gd name="connsiteY10" fmla="*/ 877824 h 1622755"/>
                      <a:gd name="connsiteX11" fmla="*/ 323088 w 326746"/>
                      <a:gd name="connsiteY11" fmla="*/ 936346 h 1622755"/>
                      <a:gd name="connsiteX12" fmla="*/ 286512 w 326746"/>
                      <a:gd name="connsiteY12" fmla="*/ 1031443 h 1622755"/>
                      <a:gd name="connsiteX13" fmla="*/ 176784 w 326746"/>
                      <a:gd name="connsiteY13" fmla="*/ 1075334 h 1622755"/>
                      <a:gd name="connsiteX14" fmla="*/ 140208 w 326746"/>
                      <a:gd name="connsiteY14" fmla="*/ 1089965 h 1622755"/>
                      <a:gd name="connsiteX15" fmla="*/ 118263 w 326746"/>
                      <a:gd name="connsiteY15" fmla="*/ 1155802 h 1622755"/>
                      <a:gd name="connsiteX16" fmla="*/ 81687 w 326746"/>
                      <a:gd name="connsiteY16" fmla="*/ 1185062 h 1622755"/>
                      <a:gd name="connsiteX17" fmla="*/ 15850 w 326746"/>
                      <a:gd name="connsiteY17" fmla="*/ 1236269 h 1622755"/>
                      <a:gd name="connsiteX18" fmla="*/ 67056 w 326746"/>
                      <a:gd name="connsiteY18" fmla="*/ 1309421 h 1622755"/>
                      <a:gd name="connsiteX19" fmla="*/ 110948 w 326746"/>
                      <a:gd name="connsiteY19" fmla="*/ 1360627 h 1622755"/>
                      <a:gd name="connsiteX20" fmla="*/ 89002 w 326746"/>
                      <a:gd name="connsiteY20" fmla="*/ 1492301 h 1622755"/>
                      <a:gd name="connsiteX21" fmla="*/ 118263 w 326746"/>
                      <a:gd name="connsiteY21" fmla="*/ 1572768 h 1622755"/>
                      <a:gd name="connsiteX22" fmla="*/ 169469 w 326746"/>
                      <a:gd name="connsiteY22" fmla="*/ 1616659 h 1622755"/>
                      <a:gd name="connsiteX23" fmla="*/ 169469 w 326746"/>
                      <a:gd name="connsiteY23" fmla="*/ 1609344 h 1622755"/>
                      <a:gd name="connsiteX0" fmla="*/ 148199 w 325844"/>
                      <a:gd name="connsiteY0" fmla="*/ 0 h 1657150"/>
                      <a:gd name="connsiteX1" fmla="*/ 9972 w 325844"/>
                      <a:gd name="connsiteY1" fmla="*/ 206350 h 1657150"/>
                      <a:gd name="connsiteX2" fmla="*/ 24602 w 325844"/>
                      <a:gd name="connsiteY2" fmla="*/ 316078 h 1657150"/>
                      <a:gd name="connsiteX3" fmla="*/ 134330 w 325844"/>
                      <a:gd name="connsiteY3" fmla="*/ 330708 h 1657150"/>
                      <a:gd name="connsiteX4" fmla="*/ 192852 w 325844"/>
                      <a:gd name="connsiteY4" fmla="*/ 338023 h 1657150"/>
                      <a:gd name="connsiteX5" fmla="*/ 236743 w 325844"/>
                      <a:gd name="connsiteY5" fmla="*/ 403860 h 1657150"/>
                      <a:gd name="connsiteX6" fmla="*/ 214797 w 325844"/>
                      <a:gd name="connsiteY6" fmla="*/ 477012 h 1657150"/>
                      <a:gd name="connsiteX7" fmla="*/ 163591 w 325844"/>
                      <a:gd name="connsiteY7" fmla="*/ 572110 h 1657150"/>
                      <a:gd name="connsiteX8" fmla="*/ 236743 w 325844"/>
                      <a:gd name="connsiteY8" fmla="*/ 681838 h 1657150"/>
                      <a:gd name="connsiteX9" fmla="*/ 236743 w 325844"/>
                      <a:gd name="connsiteY9" fmla="*/ 747674 h 1657150"/>
                      <a:gd name="connsiteX10" fmla="*/ 309895 w 325844"/>
                      <a:gd name="connsiteY10" fmla="*/ 915924 h 1657150"/>
                      <a:gd name="connsiteX11" fmla="*/ 324525 w 325844"/>
                      <a:gd name="connsiteY11" fmla="*/ 974446 h 1657150"/>
                      <a:gd name="connsiteX12" fmla="*/ 287949 w 325844"/>
                      <a:gd name="connsiteY12" fmla="*/ 1069543 h 1657150"/>
                      <a:gd name="connsiteX13" fmla="*/ 178221 w 325844"/>
                      <a:gd name="connsiteY13" fmla="*/ 1113434 h 1657150"/>
                      <a:gd name="connsiteX14" fmla="*/ 141645 w 325844"/>
                      <a:gd name="connsiteY14" fmla="*/ 1128065 h 1657150"/>
                      <a:gd name="connsiteX15" fmla="*/ 119700 w 325844"/>
                      <a:gd name="connsiteY15" fmla="*/ 1193902 h 1657150"/>
                      <a:gd name="connsiteX16" fmla="*/ 83124 w 325844"/>
                      <a:gd name="connsiteY16" fmla="*/ 1223162 h 1657150"/>
                      <a:gd name="connsiteX17" fmla="*/ 17287 w 325844"/>
                      <a:gd name="connsiteY17" fmla="*/ 1274369 h 1657150"/>
                      <a:gd name="connsiteX18" fmla="*/ 68493 w 325844"/>
                      <a:gd name="connsiteY18" fmla="*/ 1347521 h 1657150"/>
                      <a:gd name="connsiteX19" fmla="*/ 112385 w 325844"/>
                      <a:gd name="connsiteY19" fmla="*/ 1398727 h 1657150"/>
                      <a:gd name="connsiteX20" fmla="*/ 90439 w 325844"/>
                      <a:gd name="connsiteY20" fmla="*/ 1530401 h 1657150"/>
                      <a:gd name="connsiteX21" fmla="*/ 119700 w 325844"/>
                      <a:gd name="connsiteY21" fmla="*/ 1610868 h 1657150"/>
                      <a:gd name="connsiteX22" fmla="*/ 170906 w 325844"/>
                      <a:gd name="connsiteY22" fmla="*/ 1654759 h 1657150"/>
                      <a:gd name="connsiteX23" fmla="*/ 170906 w 325844"/>
                      <a:gd name="connsiteY23" fmla="*/ 1647444 h 1657150"/>
                      <a:gd name="connsiteX0" fmla="*/ 148199 w 325844"/>
                      <a:gd name="connsiteY0" fmla="*/ 0 h 1657150"/>
                      <a:gd name="connsiteX1" fmla="*/ 9972 w 325844"/>
                      <a:gd name="connsiteY1" fmla="*/ 206350 h 1657150"/>
                      <a:gd name="connsiteX2" fmla="*/ 24602 w 325844"/>
                      <a:gd name="connsiteY2" fmla="*/ 316078 h 1657150"/>
                      <a:gd name="connsiteX3" fmla="*/ 134330 w 325844"/>
                      <a:gd name="connsiteY3" fmla="*/ 330708 h 1657150"/>
                      <a:gd name="connsiteX4" fmla="*/ 192852 w 325844"/>
                      <a:gd name="connsiteY4" fmla="*/ 338023 h 1657150"/>
                      <a:gd name="connsiteX5" fmla="*/ 236743 w 325844"/>
                      <a:gd name="connsiteY5" fmla="*/ 403860 h 1657150"/>
                      <a:gd name="connsiteX6" fmla="*/ 214797 w 325844"/>
                      <a:gd name="connsiteY6" fmla="*/ 477012 h 1657150"/>
                      <a:gd name="connsiteX7" fmla="*/ 163591 w 325844"/>
                      <a:gd name="connsiteY7" fmla="*/ 572110 h 1657150"/>
                      <a:gd name="connsiteX8" fmla="*/ 236743 w 325844"/>
                      <a:gd name="connsiteY8" fmla="*/ 681838 h 1657150"/>
                      <a:gd name="connsiteX9" fmla="*/ 236743 w 325844"/>
                      <a:gd name="connsiteY9" fmla="*/ 747674 h 1657150"/>
                      <a:gd name="connsiteX10" fmla="*/ 309895 w 325844"/>
                      <a:gd name="connsiteY10" fmla="*/ 915924 h 1657150"/>
                      <a:gd name="connsiteX11" fmla="*/ 324525 w 325844"/>
                      <a:gd name="connsiteY11" fmla="*/ 974446 h 1657150"/>
                      <a:gd name="connsiteX12" fmla="*/ 287949 w 325844"/>
                      <a:gd name="connsiteY12" fmla="*/ 1069543 h 1657150"/>
                      <a:gd name="connsiteX13" fmla="*/ 178221 w 325844"/>
                      <a:gd name="connsiteY13" fmla="*/ 1113434 h 1657150"/>
                      <a:gd name="connsiteX14" fmla="*/ 141645 w 325844"/>
                      <a:gd name="connsiteY14" fmla="*/ 1128065 h 1657150"/>
                      <a:gd name="connsiteX15" fmla="*/ 119700 w 325844"/>
                      <a:gd name="connsiteY15" fmla="*/ 1193902 h 1657150"/>
                      <a:gd name="connsiteX16" fmla="*/ 83124 w 325844"/>
                      <a:gd name="connsiteY16" fmla="*/ 1223162 h 1657150"/>
                      <a:gd name="connsiteX17" fmla="*/ 17287 w 325844"/>
                      <a:gd name="connsiteY17" fmla="*/ 1274369 h 1657150"/>
                      <a:gd name="connsiteX18" fmla="*/ 68493 w 325844"/>
                      <a:gd name="connsiteY18" fmla="*/ 1347521 h 1657150"/>
                      <a:gd name="connsiteX19" fmla="*/ 112385 w 325844"/>
                      <a:gd name="connsiteY19" fmla="*/ 1398727 h 1657150"/>
                      <a:gd name="connsiteX20" fmla="*/ 90439 w 325844"/>
                      <a:gd name="connsiteY20" fmla="*/ 1530401 h 1657150"/>
                      <a:gd name="connsiteX21" fmla="*/ 119700 w 325844"/>
                      <a:gd name="connsiteY21" fmla="*/ 1610868 h 1657150"/>
                      <a:gd name="connsiteX22" fmla="*/ 170906 w 325844"/>
                      <a:gd name="connsiteY22" fmla="*/ 1654759 h 1657150"/>
                      <a:gd name="connsiteX23" fmla="*/ 170906 w 325844"/>
                      <a:gd name="connsiteY23" fmla="*/ 1647444 h 1657150"/>
                      <a:gd name="connsiteX0" fmla="*/ 148199 w 325844"/>
                      <a:gd name="connsiteY0" fmla="*/ 0 h 1672390"/>
                      <a:gd name="connsiteX1" fmla="*/ 9972 w 325844"/>
                      <a:gd name="connsiteY1" fmla="*/ 221590 h 1672390"/>
                      <a:gd name="connsiteX2" fmla="*/ 24602 w 325844"/>
                      <a:gd name="connsiteY2" fmla="*/ 331318 h 1672390"/>
                      <a:gd name="connsiteX3" fmla="*/ 134330 w 325844"/>
                      <a:gd name="connsiteY3" fmla="*/ 345948 h 1672390"/>
                      <a:gd name="connsiteX4" fmla="*/ 192852 w 325844"/>
                      <a:gd name="connsiteY4" fmla="*/ 353263 h 1672390"/>
                      <a:gd name="connsiteX5" fmla="*/ 236743 w 325844"/>
                      <a:gd name="connsiteY5" fmla="*/ 419100 h 1672390"/>
                      <a:gd name="connsiteX6" fmla="*/ 214797 w 325844"/>
                      <a:gd name="connsiteY6" fmla="*/ 492252 h 1672390"/>
                      <a:gd name="connsiteX7" fmla="*/ 163591 w 325844"/>
                      <a:gd name="connsiteY7" fmla="*/ 587350 h 1672390"/>
                      <a:gd name="connsiteX8" fmla="*/ 236743 w 325844"/>
                      <a:gd name="connsiteY8" fmla="*/ 697078 h 1672390"/>
                      <a:gd name="connsiteX9" fmla="*/ 236743 w 325844"/>
                      <a:gd name="connsiteY9" fmla="*/ 762914 h 1672390"/>
                      <a:gd name="connsiteX10" fmla="*/ 309895 w 325844"/>
                      <a:gd name="connsiteY10" fmla="*/ 931164 h 1672390"/>
                      <a:gd name="connsiteX11" fmla="*/ 324525 w 325844"/>
                      <a:gd name="connsiteY11" fmla="*/ 989686 h 1672390"/>
                      <a:gd name="connsiteX12" fmla="*/ 287949 w 325844"/>
                      <a:gd name="connsiteY12" fmla="*/ 1084783 h 1672390"/>
                      <a:gd name="connsiteX13" fmla="*/ 178221 w 325844"/>
                      <a:gd name="connsiteY13" fmla="*/ 1128674 h 1672390"/>
                      <a:gd name="connsiteX14" fmla="*/ 141645 w 325844"/>
                      <a:gd name="connsiteY14" fmla="*/ 1143305 h 1672390"/>
                      <a:gd name="connsiteX15" fmla="*/ 119700 w 325844"/>
                      <a:gd name="connsiteY15" fmla="*/ 1209142 h 1672390"/>
                      <a:gd name="connsiteX16" fmla="*/ 83124 w 325844"/>
                      <a:gd name="connsiteY16" fmla="*/ 1238402 h 1672390"/>
                      <a:gd name="connsiteX17" fmla="*/ 17287 w 325844"/>
                      <a:gd name="connsiteY17" fmla="*/ 1289609 h 1672390"/>
                      <a:gd name="connsiteX18" fmla="*/ 68493 w 325844"/>
                      <a:gd name="connsiteY18" fmla="*/ 1362761 h 1672390"/>
                      <a:gd name="connsiteX19" fmla="*/ 112385 w 325844"/>
                      <a:gd name="connsiteY19" fmla="*/ 1413967 h 1672390"/>
                      <a:gd name="connsiteX20" fmla="*/ 90439 w 325844"/>
                      <a:gd name="connsiteY20" fmla="*/ 1545641 h 1672390"/>
                      <a:gd name="connsiteX21" fmla="*/ 119700 w 325844"/>
                      <a:gd name="connsiteY21" fmla="*/ 1626108 h 1672390"/>
                      <a:gd name="connsiteX22" fmla="*/ 170906 w 325844"/>
                      <a:gd name="connsiteY22" fmla="*/ 1669999 h 1672390"/>
                      <a:gd name="connsiteX23" fmla="*/ 170906 w 325844"/>
                      <a:gd name="connsiteY23" fmla="*/ 1662684 h 1672390"/>
                      <a:gd name="connsiteX0" fmla="*/ 140208 w 317853"/>
                      <a:gd name="connsiteY0" fmla="*/ 0 h 1672390"/>
                      <a:gd name="connsiteX1" fmla="*/ 32157 w 317853"/>
                      <a:gd name="connsiteY1" fmla="*/ 87630 h 1672390"/>
                      <a:gd name="connsiteX2" fmla="*/ 1981 w 317853"/>
                      <a:gd name="connsiteY2" fmla="*/ 221590 h 1672390"/>
                      <a:gd name="connsiteX3" fmla="*/ 16611 w 317853"/>
                      <a:gd name="connsiteY3" fmla="*/ 331318 h 1672390"/>
                      <a:gd name="connsiteX4" fmla="*/ 126339 w 317853"/>
                      <a:gd name="connsiteY4" fmla="*/ 345948 h 1672390"/>
                      <a:gd name="connsiteX5" fmla="*/ 184861 w 317853"/>
                      <a:gd name="connsiteY5" fmla="*/ 353263 h 1672390"/>
                      <a:gd name="connsiteX6" fmla="*/ 228752 w 317853"/>
                      <a:gd name="connsiteY6" fmla="*/ 419100 h 1672390"/>
                      <a:gd name="connsiteX7" fmla="*/ 206806 w 317853"/>
                      <a:gd name="connsiteY7" fmla="*/ 492252 h 1672390"/>
                      <a:gd name="connsiteX8" fmla="*/ 155600 w 317853"/>
                      <a:gd name="connsiteY8" fmla="*/ 587350 h 1672390"/>
                      <a:gd name="connsiteX9" fmla="*/ 228752 w 317853"/>
                      <a:gd name="connsiteY9" fmla="*/ 697078 h 1672390"/>
                      <a:gd name="connsiteX10" fmla="*/ 228752 w 317853"/>
                      <a:gd name="connsiteY10" fmla="*/ 762914 h 1672390"/>
                      <a:gd name="connsiteX11" fmla="*/ 301904 w 317853"/>
                      <a:gd name="connsiteY11" fmla="*/ 931164 h 1672390"/>
                      <a:gd name="connsiteX12" fmla="*/ 316534 w 317853"/>
                      <a:gd name="connsiteY12" fmla="*/ 989686 h 1672390"/>
                      <a:gd name="connsiteX13" fmla="*/ 279958 w 317853"/>
                      <a:gd name="connsiteY13" fmla="*/ 1084783 h 1672390"/>
                      <a:gd name="connsiteX14" fmla="*/ 170230 w 317853"/>
                      <a:gd name="connsiteY14" fmla="*/ 1128674 h 1672390"/>
                      <a:gd name="connsiteX15" fmla="*/ 133654 w 317853"/>
                      <a:gd name="connsiteY15" fmla="*/ 1143305 h 1672390"/>
                      <a:gd name="connsiteX16" fmla="*/ 111709 w 317853"/>
                      <a:gd name="connsiteY16" fmla="*/ 1209142 h 1672390"/>
                      <a:gd name="connsiteX17" fmla="*/ 75133 w 317853"/>
                      <a:gd name="connsiteY17" fmla="*/ 1238402 h 1672390"/>
                      <a:gd name="connsiteX18" fmla="*/ 9296 w 317853"/>
                      <a:gd name="connsiteY18" fmla="*/ 1289609 h 1672390"/>
                      <a:gd name="connsiteX19" fmla="*/ 60502 w 317853"/>
                      <a:gd name="connsiteY19" fmla="*/ 1362761 h 1672390"/>
                      <a:gd name="connsiteX20" fmla="*/ 104394 w 317853"/>
                      <a:gd name="connsiteY20" fmla="*/ 1413967 h 1672390"/>
                      <a:gd name="connsiteX21" fmla="*/ 82448 w 317853"/>
                      <a:gd name="connsiteY21" fmla="*/ 1545641 h 1672390"/>
                      <a:gd name="connsiteX22" fmla="*/ 111709 w 317853"/>
                      <a:gd name="connsiteY22" fmla="*/ 1626108 h 1672390"/>
                      <a:gd name="connsiteX23" fmla="*/ 162915 w 317853"/>
                      <a:gd name="connsiteY23" fmla="*/ 1669999 h 1672390"/>
                      <a:gd name="connsiteX24" fmla="*/ 162915 w 317853"/>
                      <a:gd name="connsiteY24" fmla="*/ 1662684 h 1672390"/>
                      <a:gd name="connsiteX0" fmla="*/ 147828 w 317853"/>
                      <a:gd name="connsiteY0" fmla="*/ 0 h 1660960"/>
                      <a:gd name="connsiteX1" fmla="*/ 32157 w 317853"/>
                      <a:gd name="connsiteY1" fmla="*/ 76200 h 1660960"/>
                      <a:gd name="connsiteX2" fmla="*/ 1981 w 317853"/>
                      <a:gd name="connsiteY2" fmla="*/ 210160 h 1660960"/>
                      <a:gd name="connsiteX3" fmla="*/ 16611 w 317853"/>
                      <a:gd name="connsiteY3" fmla="*/ 319888 h 1660960"/>
                      <a:gd name="connsiteX4" fmla="*/ 126339 w 317853"/>
                      <a:gd name="connsiteY4" fmla="*/ 334518 h 1660960"/>
                      <a:gd name="connsiteX5" fmla="*/ 184861 w 317853"/>
                      <a:gd name="connsiteY5" fmla="*/ 341833 h 1660960"/>
                      <a:gd name="connsiteX6" fmla="*/ 228752 w 317853"/>
                      <a:gd name="connsiteY6" fmla="*/ 407670 h 1660960"/>
                      <a:gd name="connsiteX7" fmla="*/ 206806 w 317853"/>
                      <a:gd name="connsiteY7" fmla="*/ 480822 h 1660960"/>
                      <a:gd name="connsiteX8" fmla="*/ 155600 w 317853"/>
                      <a:gd name="connsiteY8" fmla="*/ 575920 h 1660960"/>
                      <a:gd name="connsiteX9" fmla="*/ 228752 w 317853"/>
                      <a:gd name="connsiteY9" fmla="*/ 685648 h 1660960"/>
                      <a:gd name="connsiteX10" fmla="*/ 228752 w 317853"/>
                      <a:gd name="connsiteY10" fmla="*/ 751484 h 1660960"/>
                      <a:gd name="connsiteX11" fmla="*/ 301904 w 317853"/>
                      <a:gd name="connsiteY11" fmla="*/ 919734 h 1660960"/>
                      <a:gd name="connsiteX12" fmla="*/ 316534 w 317853"/>
                      <a:gd name="connsiteY12" fmla="*/ 978256 h 1660960"/>
                      <a:gd name="connsiteX13" fmla="*/ 279958 w 317853"/>
                      <a:gd name="connsiteY13" fmla="*/ 1073353 h 1660960"/>
                      <a:gd name="connsiteX14" fmla="*/ 170230 w 317853"/>
                      <a:gd name="connsiteY14" fmla="*/ 1117244 h 1660960"/>
                      <a:gd name="connsiteX15" fmla="*/ 133654 w 317853"/>
                      <a:gd name="connsiteY15" fmla="*/ 1131875 h 1660960"/>
                      <a:gd name="connsiteX16" fmla="*/ 111709 w 317853"/>
                      <a:gd name="connsiteY16" fmla="*/ 1197712 h 1660960"/>
                      <a:gd name="connsiteX17" fmla="*/ 75133 w 317853"/>
                      <a:gd name="connsiteY17" fmla="*/ 1226972 h 1660960"/>
                      <a:gd name="connsiteX18" fmla="*/ 9296 w 317853"/>
                      <a:gd name="connsiteY18" fmla="*/ 1278179 h 1660960"/>
                      <a:gd name="connsiteX19" fmla="*/ 60502 w 317853"/>
                      <a:gd name="connsiteY19" fmla="*/ 1351331 h 1660960"/>
                      <a:gd name="connsiteX20" fmla="*/ 104394 w 317853"/>
                      <a:gd name="connsiteY20" fmla="*/ 1402537 h 1660960"/>
                      <a:gd name="connsiteX21" fmla="*/ 82448 w 317853"/>
                      <a:gd name="connsiteY21" fmla="*/ 1534211 h 1660960"/>
                      <a:gd name="connsiteX22" fmla="*/ 111709 w 317853"/>
                      <a:gd name="connsiteY22" fmla="*/ 1614678 h 1660960"/>
                      <a:gd name="connsiteX23" fmla="*/ 162915 w 317853"/>
                      <a:gd name="connsiteY23" fmla="*/ 1658569 h 1660960"/>
                      <a:gd name="connsiteX24" fmla="*/ 162915 w 317853"/>
                      <a:gd name="connsiteY24" fmla="*/ 1651254 h 1660960"/>
                      <a:gd name="connsiteX0" fmla="*/ 147828 w 317853"/>
                      <a:gd name="connsiteY0" fmla="*/ 0 h 1660960"/>
                      <a:gd name="connsiteX1" fmla="*/ 107994 w 317853"/>
                      <a:gd name="connsiteY1" fmla="*/ 20864 h 1660960"/>
                      <a:gd name="connsiteX2" fmla="*/ 32157 w 317853"/>
                      <a:gd name="connsiteY2" fmla="*/ 76200 h 1660960"/>
                      <a:gd name="connsiteX3" fmla="*/ 1981 w 317853"/>
                      <a:gd name="connsiteY3" fmla="*/ 210160 h 1660960"/>
                      <a:gd name="connsiteX4" fmla="*/ 16611 w 317853"/>
                      <a:gd name="connsiteY4" fmla="*/ 319888 h 1660960"/>
                      <a:gd name="connsiteX5" fmla="*/ 126339 w 317853"/>
                      <a:gd name="connsiteY5" fmla="*/ 334518 h 1660960"/>
                      <a:gd name="connsiteX6" fmla="*/ 184861 w 317853"/>
                      <a:gd name="connsiteY6" fmla="*/ 341833 h 1660960"/>
                      <a:gd name="connsiteX7" fmla="*/ 228752 w 317853"/>
                      <a:gd name="connsiteY7" fmla="*/ 407670 h 1660960"/>
                      <a:gd name="connsiteX8" fmla="*/ 206806 w 317853"/>
                      <a:gd name="connsiteY8" fmla="*/ 480822 h 1660960"/>
                      <a:gd name="connsiteX9" fmla="*/ 155600 w 317853"/>
                      <a:gd name="connsiteY9" fmla="*/ 575920 h 1660960"/>
                      <a:gd name="connsiteX10" fmla="*/ 228752 w 317853"/>
                      <a:gd name="connsiteY10" fmla="*/ 685648 h 1660960"/>
                      <a:gd name="connsiteX11" fmla="*/ 228752 w 317853"/>
                      <a:gd name="connsiteY11" fmla="*/ 751484 h 1660960"/>
                      <a:gd name="connsiteX12" fmla="*/ 301904 w 317853"/>
                      <a:gd name="connsiteY12" fmla="*/ 919734 h 1660960"/>
                      <a:gd name="connsiteX13" fmla="*/ 316534 w 317853"/>
                      <a:gd name="connsiteY13" fmla="*/ 978256 h 1660960"/>
                      <a:gd name="connsiteX14" fmla="*/ 279958 w 317853"/>
                      <a:gd name="connsiteY14" fmla="*/ 1073353 h 1660960"/>
                      <a:gd name="connsiteX15" fmla="*/ 170230 w 317853"/>
                      <a:gd name="connsiteY15" fmla="*/ 1117244 h 1660960"/>
                      <a:gd name="connsiteX16" fmla="*/ 133654 w 317853"/>
                      <a:gd name="connsiteY16" fmla="*/ 1131875 h 1660960"/>
                      <a:gd name="connsiteX17" fmla="*/ 111709 w 317853"/>
                      <a:gd name="connsiteY17" fmla="*/ 1197712 h 1660960"/>
                      <a:gd name="connsiteX18" fmla="*/ 75133 w 317853"/>
                      <a:gd name="connsiteY18" fmla="*/ 1226972 h 1660960"/>
                      <a:gd name="connsiteX19" fmla="*/ 9296 w 317853"/>
                      <a:gd name="connsiteY19" fmla="*/ 1278179 h 1660960"/>
                      <a:gd name="connsiteX20" fmla="*/ 60502 w 317853"/>
                      <a:gd name="connsiteY20" fmla="*/ 1351331 h 1660960"/>
                      <a:gd name="connsiteX21" fmla="*/ 104394 w 317853"/>
                      <a:gd name="connsiteY21" fmla="*/ 1402537 h 1660960"/>
                      <a:gd name="connsiteX22" fmla="*/ 82448 w 317853"/>
                      <a:gd name="connsiteY22" fmla="*/ 1534211 h 1660960"/>
                      <a:gd name="connsiteX23" fmla="*/ 111709 w 317853"/>
                      <a:gd name="connsiteY23" fmla="*/ 1614678 h 1660960"/>
                      <a:gd name="connsiteX24" fmla="*/ 162915 w 317853"/>
                      <a:gd name="connsiteY24" fmla="*/ 1658569 h 1660960"/>
                      <a:gd name="connsiteX25" fmla="*/ 162915 w 317853"/>
                      <a:gd name="connsiteY25" fmla="*/ 1651254 h 1660960"/>
                      <a:gd name="connsiteX0" fmla="*/ 271199 w 317853"/>
                      <a:gd name="connsiteY0" fmla="*/ 0 h 1719017"/>
                      <a:gd name="connsiteX1" fmla="*/ 107994 w 317853"/>
                      <a:gd name="connsiteY1" fmla="*/ 78921 h 1719017"/>
                      <a:gd name="connsiteX2" fmla="*/ 32157 w 317853"/>
                      <a:gd name="connsiteY2" fmla="*/ 134257 h 1719017"/>
                      <a:gd name="connsiteX3" fmla="*/ 1981 w 317853"/>
                      <a:gd name="connsiteY3" fmla="*/ 268217 h 1719017"/>
                      <a:gd name="connsiteX4" fmla="*/ 16611 w 317853"/>
                      <a:gd name="connsiteY4" fmla="*/ 377945 h 1719017"/>
                      <a:gd name="connsiteX5" fmla="*/ 126339 w 317853"/>
                      <a:gd name="connsiteY5" fmla="*/ 392575 h 1719017"/>
                      <a:gd name="connsiteX6" fmla="*/ 184861 w 317853"/>
                      <a:gd name="connsiteY6" fmla="*/ 399890 h 1719017"/>
                      <a:gd name="connsiteX7" fmla="*/ 228752 w 317853"/>
                      <a:gd name="connsiteY7" fmla="*/ 465727 h 1719017"/>
                      <a:gd name="connsiteX8" fmla="*/ 206806 w 317853"/>
                      <a:gd name="connsiteY8" fmla="*/ 538879 h 1719017"/>
                      <a:gd name="connsiteX9" fmla="*/ 155600 w 317853"/>
                      <a:gd name="connsiteY9" fmla="*/ 633977 h 1719017"/>
                      <a:gd name="connsiteX10" fmla="*/ 228752 w 317853"/>
                      <a:gd name="connsiteY10" fmla="*/ 743705 h 1719017"/>
                      <a:gd name="connsiteX11" fmla="*/ 228752 w 317853"/>
                      <a:gd name="connsiteY11" fmla="*/ 809541 h 1719017"/>
                      <a:gd name="connsiteX12" fmla="*/ 301904 w 317853"/>
                      <a:gd name="connsiteY12" fmla="*/ 977791 h 1719017"/>
                      <a:gd name="connsiteX13" fmla="*/ 316534 w 317853"/>
                      <a:gd name="connsiteY13" fmla="*/ 1036313 h 1719017"/>
                      <a:gd name="connsiteX14" fmla="*/ 279958 w 317853"/>
                      <a:gd name="connsiteY14" fmla="*/ 1131410 h 1719017"/>
                      <a:gd name="connsiteX15" fmla="*/ 170230 w 317853"/>
                      <a:gd name="connsiteY15" fmla="*/ 1175301 h 1719017"/>
                      <a:gd name="connsiteX16" fmla="*/ 133654 w 317853"/>
                      <a:gd name="connsiteY16" fmla="*/ 1189932 h 1719017"/>
                      <a:gd name="connsiteX17" fmla="*/ 111709 w 317853"/>
                      <a:gd name="connsiteY17" fmla="*/ 1255769 h 1719017"/>
                      <a:gd name="connsiteX18" fmla="*/ 75133 w 317853"/>
                      <a:gd name="connsiteY18" fmla="*/ 1285029 h 1719017"/>
                      <a:gd name="connsiteX19" fmla="*/ 9296 w 317853"/>
                      <a:gd name="connsiteY19" fmla="*/ 1336236 h 1719017"/>
                      <a:gd name="connsiteX20" fmla="*/ 60502 w 317853"/>
                      <a:gd name="connsiteY20" fmla="*/ 1409388 h 1719017"/>
                      <a:gd name="connsiteX21" fmla="*/ 104394 w 317853"/>
                      <a:gd name="connsiteY21" fmla="*/ 1460594 h 1719017"/>
                      <a:gd name="connsiteX22" fmla="*/ 82448 w 317853"/>
                      <a:gd name="connsiteY22" fmla="*/ 1592268 h 1719017"/>
                      <a:gd name="connsiteX23" fmla="*/ 111709 w 317853"/>
                      <a:gd name="connsiteY23" fmla="*/ 1672735 h 1719017"/>
                      <a:gd name="connsiteX24" fmla="*/ 162915 w 317853"/>
                      <a:gd name="connsiteY24" fmla="*/ 1716626 h 1719017"/>
                      <a:gd name="connsiteX25" fmla="*/ 162915 w 317853"/>
                      <a:gd name="connsiteY25" fmla="*/ 1709311 h 1719017"/>
                      <a:gd name="connsiteX0" fmla="*/ 271199 w 872681"/>
                      <a:gd name="connsiteY0" fmla="*/ 0 h 1741121"/>
                      <a:gd name="connsiteX1" fmla="*/ 107994 w 872681"/>
                      <a:gd name="connsiteY1" fmla="*/ 78921 h 1741121"/>
                      <a:gd name="connsiteX2" fmla="*/ 32157 w 872681"/>
                      <a:gd name="connsiteY2" fmla="*/ 134257 h 1741121"/>
                      <a:gd name="connsiteX3" fmla="*/ 1981 w 872681"/>
                      <a:gd name="connsiteY3" fmla="*/ 268217 h 1741121"/>
                      <a:gd name="connsiteX4" fmla="*/ 16611 w 872681"/>
                      <a:gd name="connsiteY4" fmla="*/ 377945 h 1741121"/>
                      <a:gd name="connsiteX5" fmla="*/ 126339 w 872681"/>
                      <a:gd name="connsiteY5" fmla="*/ 392575 h 1741121"/>
                      <a:gd name="connsiteX6" fmla="*/ 184861 w 872681"/>
                      <a:gd name="connsiteY6" fmla="*/ 399890 h 1741121"/>
                      <a:gd name="connsiteX7" fmla="*/ 228752 w 872681"/>
                      <a:gd name="connsiteY7" fmla="*/ 465727 h 1741121"/>
                      <a:gd name="connsiteX8" fmla="*/ 206806 w 872681"/>
                      <a:gd name="connsiteY8" fmla="*/ 538879 h 1741121"/>
                      <a:gd name="connsiteX9" fmla="*/ 155600 w 872681"/>
                      <a:gd name="connsiteY9" fmla="*/ 633977 h 1741121"/>
                      <a:gd name="connsiteX10" fmla="*/ 228752 w 872681"/>
                      <a:gd name="connsiteY10" fmla="*/ 743705 h 1741121"/>
                      <a:gd name="connsiteX11" fmla="*/ 228752 w 872681"/>
                      <a:gd name="connsiteY11" fmla="*/ 809541 h 1741121"/>
                      <a:gd name="connsiteX12" fmla="*/ 301904 w 872681"/>
                      <a:gd name="connsiteY12" fmla="*/ 977791 h 1741121"/>
                      <a:gd name="connsiteX13" fmla="*/ 316534 w 872681"/>
                      <a:gd name="connsiteY13" fmla="*/ 1036313 h 1741121"/>
                      <a:gd name="connsiteX14" fmla="*/ 279958 w 872681"/>
                      <a:gd name="connsiteY14" fmla="*/ 1131410 h 1741121"/>
                      <a:gd name="connsiteX15" fmla="*/ 170230 w 872681"/>
                      <a:gd name="connsiteY15" fmla="*/ 1175301 h 1741121"/>
                      <a:gd name="connsiteX16" fmla="*/ 133654 w 872681"/>
                      <a:gd name="connsiteY16" fmla="*/ 1189932 h 1741121"/>
                      <a:gd name="connsiteX17" fmla="*/ 111709 w 872681"/>
                      <a:gd name="connsiteY17" fmla="*/ 1255769 h 1741121"/>
                      <a:gd name="connsiteX18" fmla="*/ 75133 w 872681"/>
                      <a:gd name="connsiteY18" fmla="*/ 1285029 h 1741121"/>
                      <a:gd name="connsiteX19" fmla="*/ 9296 w 872681"/>
                      <a:gd name="connsiteY19" fmla="*/ 1336236 h 1741121"/>
                      <a:gd name="connsiteX20" fmla="*/ 60502 w 872681"/>
                      <a:gd name="connsiteY20" fmla="*/ 1409388 h 1741121"/>
                      <a:gd name="connsiteX21" fmla="*/ 104394 w 872681"/>
                      <a:gd name="connsiteY21" fmla="*/ 1460594 h 1741121"/>
                      <a:gd name="connsiteX22" fmla="*/ 82448 w 872681"/>
                      <a:gd name="connsiteY22" fmla="*/ 1592268 h 1741121"/>
                      <a:gd name="connsiteX23" fmla="*/ 111709 w 872681"/>
                      <a:gd name="connsiteY23" fmla="*/ 1672735 h 1741121"/>
                      <a:gd name="connsiteX24" fmla="*/ 162915 w 872681"/>
                      <a:gd name="connsiteY24" fmla="*/ 1716626 h 1741121"/>
                      <a:gd name="connsiteX25" fmla="*/ 872662 w 872681"/>
                      <a:gd name="connsiteY25" fmla="*/ 1739947 h 1741121"/>
                      <a:gd name="connsiteX0" fmla="*/ 271199 w 872662"/>
                      <a:gd name="connsiteY0" fmla="*/ 0 h 1744525"/>
                      <a:gd name="connsiteX1" fmla="*/ 107994 w 872662"/>
                      <a:gd name="connsiteY1" fmla="*/ 78921 h 1744525"/>
                      <a:gd name="connsiteX2" fmla="*/ 32157 w 872662"/>
                      <a:gd name="connsiteY2" fmla="*/ 134257 h 1744525"/>
                      <a:gd name="connsiteX3" fmla="*/ 1981 w 872662"/>
                      <a:gd name="connsiteY3" fmla="*/ 268217 h 1744525"/>
                      <a:gd name="connsiteX4" fmla="*/ 16611 w 872662"/>
                      <a:gd name="connsiteY4" fmla="*/ 377945 h 1744525"/>
                      <a:gd name="connsiteX5" fmla="*/ 126339 w 872662"/>
                      <a:gd name="connsiteY5" fmla="*/ 392575 h 1744525"/>
                      <a:gd name="connsiteX6" fmla="*/ 184861 w 872662"/>
                      <a:gd name="connsiteY6" fmla="*/ 399890 h 1744525"/>
                      <a:gd name="connsiteX7" fmla="*/ 228752 w 872662"/>
                      <a:gd name="connsiteY7" fmla="*/ 465727 h 1744525"/>
                      <a:gd name="connsiteX8" fmla="*/ 206806 w 872662"/>
                      <a:gd name="connsiteY8" fmla="*/ 538879 h 1744525"/>
                      <a:gd name="connsiteX9" fmla="*/ 155600 w 872662"/>
                      <a:gd name="connsiteY9" fmla="*/ 633977 h 1744525"/>
                      <a:gd name="connsiteX10" fmla="*/ 228752 w 872662"/>
                      <a:gd name="connsiteY10" fmla="*/ 743705 h 1744525"/>
                      <a:gd name="connsiteX11" fmla="*/ 228752 w 872662"/>
                      <a:gd name="connsiteY11" fmla="*/ 809541 h 1744525"/>
                      <a:gd name="connsiteX12" fmla="*/ 301904 w 872662"/>
                      <a:gd name="connsiteY12" fmla="*/ 977791 h 1744525"/>
                      <a:gd name="connsiteX13" fmla="*/ 316534 w 872662"/>
                      <a:gd name="connsiteY13" fmla="*/ 1036313 h 1744525"/>
                      <a:gd name="connsiteX14" fmla="*/ 279958 w 872662"/>
                      <a:gd name="connsiteY14" fmla="*/ 1131410 h 1744525"/>
                      <a:gd name="connsiteX15" fmla="*/ 170230 w 872662"/>
                      <a:gd name="connsiteY15" fmla="*/ 1175301 h 1744525"/>
                      <a:gd name="connsiteX16" fmla="*/ 133654 w 872662"/>
                      <a:gd name="connsiteY16" fmla="*/ 1189932 h 1744525"/>
                      <a:gd name="connsiteX17" fmla="*/ 111709 w 872662"/>
                      <a:gd name="connsiteY17" fmla="*/ 1255769 h 1744525"/>
                      <a:gd name="connsiteX18" fmla="*/ 75133 w 872662"/>
                      <a:gd name="connsiteY18" fmla="*/ 1285029 h 1744525"/>
                      <a:gd name="connsiteX19" fmla="*/ 9296 w 872662"/>
                      <a:gd name="connsiteY19" fmla="*/ 1336236 h 1744525"/>
                      <a:gd name="connsiteX20" fmla="*/ 60502 w 872662"/>
                      <a:gd name="connsiteY20" fmla="*/ 1409388 h 1744525"/>
                      <a:gd name="connsiteX21" fmla="*/ 104394 w 872662"/>
                      <a:gd name="connsiteY21" fmla="*/ 1460594 h 1744525"/>
                      <a:gd name="connsiteX22" fmla="*/ 82448 w 872662"/>
                      <a:gd name="connsiteY22" fmla="*/ 1592268 h 1744525"/>
                      <a:gd name="connsiteX23" fmla="*/ 111709 w 872662"/>
                      <a:gd name="connsiteY23" fmla="*/ 1672735 h 1744525"/>
                      <a:gd name="connsiteX24" fmla="*/ 162915 w 872662"/>
                      <a:gd name="connsiteY24" fmla="*/ 1716626 h 1744525"/>
                      <a:gd name="connsiteX25" fmla="*/ 236425 w 872662"/>
                      <a:gd name="connsiteY25" fmla="*/ 1743642 h 1744525"/>
                      <a:gd name="connsiteX26" fmla="*/ 872662 w 872662"/>
                      <a:gd name="connsiteY26" fmla="*/ 1739947 h 1744525"/>
                      <a:gd name="connsiteX0" fmla="*/ 271199 w 872662"/>
                      <a:gd name="connsiteY0" fmla="*/ 0 h 1744525"/>
                      <a:gd name="connsiteX1" fmla="*/ 107994 w 872662"/>
                      <a:gd name="connsiteY1" fmla="*/ 78921 h 1744525"/>
                      <a:gd name="connsiteX2" fmla="*/ 32157 w 872662"/>
                      <a:gd name="connsiteY2" fmla="*/ 134257 h 1744525"/>
                      <a:gd name="connsiteX3" fmla="*/ 1981 w 872662"/>
                      <a:gd name="connsiteY3" fmla="*/ 268217 h 1744525"/>
                      <a:gd name="connsiteX4" fmla="*/ 16611 w 872662"/>
                      <a:gd name="connsiteY4" fmla="*/ 377945 h 1744525"/>
                      <a:gd name="connsiteX5" fmla="*/ 126339 w 872662"/>
                      <a:gd name="connsiteY5" fmla="*/ 392575 h 1744525"/>
                      <a:gd name="connsiteX6" fmla="*/ 184861 w 872662"/>
                      <a:gd name="connsiteY6" fmla="*/ 399890 h 1744525"/>
                      <a:gd name="connsiteX7" fmla="*/ 228752 w 872662"/>
                      <a:gd name="connsiteY7" fmla="*/ 465727 h 1744525"/>
                      <a:gd name="connsiteX8" fmla="*/ 206806 w 872662"/>
                      <a:gd name="connsiteY8" fmla="*/ 538879 h 1744525"/>
                      <a:gd name="connsiteX9" fmla="*/ 155600 w 872662"/>
                      <a:gd name="connsiteY9" fmla="*/ 633977 h 1744525"/>
                      <a:gd name="connsiteX10" fmla="*/ 228752 w 872662"/>
                      <a:gd name="connsiteY10" fmla="*/ 743705 h 1744525"/>
                      <a:gd name="connsiteX11" fmla="*/ 228752 w 872662"/>
                      <a:gd name="connsiteY11" fmla="*/ 809541 h 1744525"/>
                      <a:gd name="connsiteX12" fmla="*/ 301904 w 872662"/>
                      <a:gd name="connsiteY12" fmla="*/ 977791 h 1744525"/>
                      <a:gd name="connsiteX13" fmla="*/ 316534 w 872662"/>
                      <a:gd name="connsiteY13" fmla="*/ 1036313 h 1744525"/>
                      <a:gd name="connsiteX14" fmla="*/ 279958 w 872662"/>
                      <a:gd name="connsiteY14" fmla="*/ 1131410 h 1744525"/>
                      <a:gd name="connsiteX15" fmla="*/ 170230 w 872662"/>
                      <a:gd name="connsiteY15" fmla="*/ 1175301 h 1744525"/>
                      <a:gd name="connsiteX16" fmla="*/ 133654 w 872662"/>
                      <a:gd name="connsiteY16" fmla="*/ 1189932 h 1744525"/>
                      <a:gd name="connsiteX17" fmla="*/ 111709 w 872662"/>
                      <a:gd name="connsiteY17" fmla="*/ 1255769 h 1744525"/>
                      <a:gd name="connsiteX18" fmla="*/ 75133 w 872662"/>
                      <a:gd name="connsiteY18" fmla="*/ 1285029 h 1744525"/>
                      <a:gd name="connsiteX19" fmla="*/ 9296 w 872662"/>
                      <a:gd name="connsiteY19" fmla="*/ 1336236 h 1744525"/>
                      <a:gd name="connsiteX20" fmla="*/ 60502 w 872662"/>
                      <a:gd name="connsiteY20" fmla="*/ 1409388 h 1744525"/>
                      <a:gd name="connsiteX21" fmla="*/ 104394 w 872662"/>
                      <a:gd name="connsiteY21" fmla="*/ 1460594 h 1744525"/>
                      <a:gd name="connsiteX22" fmla="*/ 82448 w 872662"/>
                      <a:gd name="connsiteY22" fmla="*/ 1592268 h 1744525"/>
                      <a:gd name="connsiteX23" fmla="*/ 111709 w 872662"/>
                      <a:gd name="connsiteY23" fmla="*/ 1672735 h 1744525"/>
                      <a:gd name="connsiteX24" fmla="*/ 236425 w 872662"/>
                      <a:gd name="connsiteY24" fmla="*/ 1743642 h 1744525"/>
                      <a:gd name="connsiteX25" fmla="*/ 872662 w 872662"/>
                      <a:gd name="connsiteY25" fmla="*/ 1739947 h 1744525"/>
                      <a:gd name="connsiteX0" fmla="*/ 271199 w 872662"/>
                      <a:gd name="connsiteY0" fmla="*/ 0 h 1744525"/>
                      <a:gd name="connsiteX1" fmla="*/ 107994 w 872662"/>
                      <a:gd name="connsiteY1" fmla="*/ 78921 h 1744525"/>
                      <a:gd name="connsiteX2" fmla="*/ 32157 w 872662"/>
                      <a:gd name="connsiteY2" fmla="*/ 134257 h 1744525"/>
                      <a:gd name="connsiteX3" fmla="*/ 1981 w 872662"/>
                      <a:gd name="connsiteY3" fmla="*/ 268217 h 1744525"/>
                      <a:gd name="connsiteX4" fmla="*/ 16611 w 872662"/>
                      <a:gd name="connsiteY4" fmla="*/ 377945 h 1744525"/>
                      <a:gd name="connsiteX5" fmla="*/ 126339 w 872662"/>
                      <a:gd name="connsiteY5" fmla="*/ 392575 h 1744525"/>
                      <a:gd name="connsiteX6" fmla="*/ 184861 w 872662"/>
                      <a:gd name="connsiteY6" fmla="*/ 399890 h 1744525"/>
                      <a:gd name="connsiteX7" fmla="*/ 228752 w 872662"/>
                      <a:gd name="connsiteY7" fmla="*/ 465727 h 1744525"/>
                      <a:gd name="connsiteX8" fmla="*/ 206806 w 872662"/>
                      <a:gd name="connsiteY8" fmla="*/ 538879 h 1744525"/>
                      <a:gd name="connsiteX9" fmla="*/ 155600 w 872662"/>
                      <a:gd name="connsiteY9" fmla="*/ 633977 h 1744525"/>
                      <a:gd name="connsiteX10" fmla="*/ 228752 w 872662"/>
                      <a:gd name="connsiteY10" fmla="*/ 743705 h 1744525"/>
                      <a:gd name="connsiteX11" fmla="*/ 228752 w 872662"/>
                      <a:gd name="connsiteY11" fmla="*/ 809541 h 1744525"/>
                      <a:gd name="connsiteX12" fmla="*/ 301904 w 872662"/>
                      <a:gd name="connsiteY12" fmla="*/ 977791 h 1744525"/>
                      <a:gd name="connsiteX13" fmla="*/ 316534 w 872662"/>
                      <a:gd name="connsiteY13" fmla="*/ 1036313 h 1744525"/>
                      <a:gd name="connsiteX14" fmla="*/ 279958 w 872662"/>
                      <a:gd name="connsiteY14" fmla="*/ 1131410 h 1744525"/>
                      <a:gd name="connsiteX15" fmla="*/ 170230 w 872662"/>
                      <a:gd name="connsiteY15" fmla="*/ 1175301 h 1744525"/>
                      <a:gd name="connsiteX16" fmla="*/ 133654 w 872662"/>
                      <a:gd name="connsiteY16" fmla="*/ 1189932 h 1744525"/>
                      <a:gd name="connsiteX17" fmla="*/ 111709 w 872662"/>
                      <a:gd name="connsiteY17" fmla="*/ 1255769 h 1744525"/>
                      <a:gd name="connsiteX18" fmla="*/ 75133 w 872662"/>
                      <a:gd name="connsiteY18" fmla="*/ 1285029 h 1744525"/>
                      <a:gd name="connsiteX19" fmla="*/ 9296 w 872662"/>
                      <a:gd name="connsiteY19" fmla="*/ 1336236 h 1744525"/>
                      <a:gd name="connsiteX20" fmla="*/ 60502 w 872662"/>
                      <a:gd name="connsiteY20" fmla="*/ 1409388 h 1744525"/>
                      <a:gd name="connsiteX21" fmla="*/ 104394 w 872662"/>
                      <a:gd name="connsiteY21" fmla="*/ 1460594 h 1744525"/>
                      <a:gd name="connsiteX22" fmla="*/ 82448 w 872662"/>
                      <a:gd name="connsiteY22" fmla="*/ 1592268 h 1744525"/>
                      <a:gd name="connsiteX23" fmla="*/ 111709 w 872662"/>
                      <a:gd name="connsiteY23" fmla="*/ 1672735 h 1744525"/>
                      <a:gd name="connsiteX24" fmla="*/ 236425 w 872662"/>
                      <a:gd name="connsiteY24" fmla="*/ 1743642 h 1744525"/>
                      <a:gd name="connsiteX25" fmla="*/ 872662 w 872662"/>
                      <a:gd name="connsiteY25" fmla="*/ 1739947 h 1744525"/>
                      <a:gd name="connsiteX0" fmla="*/ 271199 w 872662"/>
                      <a:gd name="connsiteY0" fmla="*/ 0 h 1744525"/>
                      <a:gd name="connsiteX1" fmla="*/ 107994 w 872662"/>
                      <a:gd name="connsiteY1" fmla="*/ 78921 h 1744525"/>
                      <a:gd name="connsiteX2" fmla="*/ 32157 w 872662"/>
                      <a:gd name="connsiteY2" fmla="*/ 134257 h 1744525"/>
                      <a:gd name="connsiteX3" fmla="*/ 1981 w 872662"/>
                      <a:gd name="connsiteY3" fmla="*/ 268217 h 1744525"/>
                      <a:gd name="connsiteX4" fmla="*/ 16611 w 872662"/>
                      <a:gd name="connsiteY4" fmla="*/ 377945 h 1744525"/>
                      <a:gd name="connsiteX5" fmla="*/ 126339 w 872662"/>
                      <a:gd name="connsiteY5" fmla="*/ 392575 h 1744525"/>
                      <a:gd name="connsiteX6" fmla="*/ 184861 w 872662"/>
                      <a:gd name="connsiteY6" fmla="*/ 399890 h 1744525"/>
                      <a:gd name="connsiteX7" fmla="*/ 228752 w 872662"/>
                      <a:gd name="connsiteY7" fmla="*/ 465727 h 1744525"/>
                      <a:gd name="connsiteX8" fmla="*/ 206806 w 872662"/>
                      <a:gd name="connsiteY8" fmla="*/ 538879 h 1744525"/>
                      <a:gd name="connsiteX9" fmla="*/ 155600 w 872662"/>
                      <a:gd name="connsiteY9" fmla="*/ 633977 h 1744525"/>
                      <a:gd name="connsiteX10" fmla="*/ 228752 w 872662"/>
                      <a:gd name="connsiteY10" fmla="*/ 743705 h 1744525"/>
                      <a:gd name="connsiteX11" fmla="*/ 228752 w 872662"/>
                      <a:gd name="connsiteY11" fmla="*/ 809541 h 1744525"/>
                      <a:gd name="connsiteX12" fmla="*/ 301904 w 872662"/>
                      <a:gd name="connsiteY12" fmla="*/ 977791 h 1744525"/>
                      <a:gd name="connsiteX13" fmla="*/ 316534 w 872662"/>
                      <a:gd name="connsiteY13" fmla="*/ 1036313 h 1744525"/>
                      <a:gd name="connsiteX14" fmla="*/ 279958 w 872662"/>
                      <a:gd name="connsiteY14" fmla="*/ 1131410 h 1744525"/>
                      <a:gd name="connsiteX15" fmla="*/ 170230 w 872662"/>
                      <a:gd name="connsiteY15" fmla="*/ 1175301 h 1744525"/>
                      <a:gd name="connsiteX16" fmla="*/ 133654 w 872662"/>
                      <a:gd name="connsiteY16" fmla="*/ 1189932 h 1744525"/>
                      <a:gd name="connsiteX17" fmla="*/ 111709 w 872662"/>
                      <a:gd name="connsiteY17" fmla="*/ 1255769 h 1744525"/>
                      <a:gd name="connsiteX18" fmla="*/ 75133 w 872662"/>
                      <a:gd name="connsiteY18" fmla="*/ 1285029 h 1744525"/>
                      <a:gd name="connsiteX19" fmla="*/ 9296 w 872662"/>
                      <a:gd name="connsiteY19" fmla="*/ 1336236 h 1744525"/>
                      <a:gd name="connsiteX20" fmla="*/ 60502 w 872662"/>
                      <a:gd name="connsiteY20" fmla="*/ 1409388 h 1744525"/>
                      <a:gd name="connsiteX21" fmla="*/ 104394 w 872662"/>
                      <a:gd name="connsiteY21" fmla="*/ 1460594 h 1744525"/>
                      <a:gd name="connsiteX22" fmla="*/ 82448 w 872662"/>
                      <a:gd name="connsiteY22" fmla="*/ 1592268 h 1744525"/>
                      <a:gd name="connsiteX23" fmla="*/ 111709 w 872662"/>
                      <a:gd name="connsiteY23" fmla="*/ 1672735 h 1744525"/>
                      <a:gd name="connsiteX24" fmla="*/ 236425 w 872662"/>
                      <a:gd name="connsiteY24" fmla="*/ 1743642 h 1744525"/>
                      <a:gd name="connsiteX25" fmla="*/ 872662 w 872662"/>
                      <a:gd name="connsiteY25" fmla="*/ 1739947 h 1744525"/>
                      <a:gd name="connsiteX0" fmla="*/ 271199 w 872662"/>
                      <a:gd name="connsiteY0" fmla="*/ 0 h 1739947"/>
                      <a:gd name="connsiteX1" fmla="*/ 107994 w 872662"/>
                      <a:gd name="connsiteY1" fmla="*/ 78921 h 1739947"/>
                      <a:gd name="connsiteX2" fmla="*/ 32157 w 872662"/>
                      <a:gd name="connsiteY2" fmla="*/ 134257 h 1739947"/>
                      <a:gd name="connsiteX3" fmla="*/ 1981 w 872662"/>
                      <a:gd name="connsiteY3" fmla="*/ 268217 h 1739947"/>
                      <a:gd name="connsiteX4" fmla="*/ 16611 w 872662"/>
                      <a:gd name="connsiteY4" fmla="*/ 377945 h 1739947"/>
                      <a:gd name="connsiteX5" fmla="*/ 126339 w 872662"/>
                      <a:gd name="connsiteY5" fmla="*/ 392575 h 1739947"/>
                      <a:gd name="connsiteX6" fmla="*/ 184861 w 872662"/>
                      <a:gd name="connsiteY6" fmla="*/ 399890 h 1739947"/>
                      <a:gd name="connsiteX7" fmla="*/ 228752 w 872662"/>
                      <a:gd name="connsiteY7" fmla="*/ 465727 h 1739947"/>
                      <a:gd name="connsiteX8" fmla="*/ 206806 w 872662"/>
                      <a:gd name="connsiteY8" fmla="*/ 538879 h 1739947"/>
                      <a:gd name="connsiteX9" fmla="*/ 155600 w 872662"/>
                      <a:gd name="connsiteY9" fmla="*/ 633977 h 1739947"/>
                      <a:gd name="connsiteX10" fmla="*/ 228752 w 872662"/>
                      <a:gd name="connsiteY10" fmla="*/ 743705 h 1739947"/>
                      <a:gd name="connsiteX11" fmla="*/ 228752 w 872662"/>
                      <a:gd name="connsiteY11" fmla="*/ 809541 h 1739947"/>
                      <a:gd name="connsiteX12" fmla="*/ 301904 w 872662"/>
                      <a:gd name="connsiteY12" fmla="*/ 977791 h 1739947"/>
                      <a:gd name="connsiteX13" fmla="*/ 316534 w 872662"/>
                      <a:gd name="connsiteY13" fmla="*/ 1036313 h 1739947"/>
                      <a:gd name="connsiteX14" fmla="*/ 279958 w 872662"/>
                      <a:gd name="connsiteY14" fmla="*/ 1131410 h 1739947"/>
                      <a:gd name="connsiteX15" fmla="*/ 170230 w 872662"/>
                      <a:gd name="connsiteY15" fmla="*/ 1175301 h 1739947"/>
                      <a:gd name="connsiteX16" fmla="*/ 133654 w 872662"/>
                      <a:gd name="connsiteY16" fmla="*/ 1189932 h 1739947"/>
                      <a:gd name="connsiteX17" fmla="*/ 111709 w 872662"/>
                      <a:gd name="connsiteY17" fmla="*/ 1255769 h 1739947"/>
                      <a:gd name="connsiteX18" fmla="*/ 75133 w 872662"/>
                      <a:gd name="connsiteY18" fmla="*/ 1285029 h 1739947"/>
                      <a:gd name="connsiteX19" fmla="*/ 9296 w 872662"/>
                      <a:gd name="connsiteY19" fmla="*/ 1336236 h 1739947"/>
                      <a:gd name="connsiteX20" fmla="*/ 60502 w 872662"/>
                      <a:gd name="connsiteY20" fmla="*/ 1409388 h 1739947"/>
                      <a:gd name="connsiteX21" fmla="*/ 104394 w 872662"/>
                      <a:gd name="connsiteY21" fmla="*/ 1460594 h 1739947"/>
                      <a:gd name="connsiteX22" fmla="*/ 82448 w 872662"/>
                      <a:gd name="connsiteY22" fmla="*/ 1592268 h 1739947"/>
                      <a:gd name="connsiteX23" fmla="*/ 111709 w 872662"/>
                      <a:gd name="connsiteY23" fmla="*/ 1672735 h 1739947"/>
                      <a:gd name="connsiteX24" fmla="*/ 234113 w 872662"/>
                      <a:gd name="connsiteY24" fmla="*/ 1735983 h 1739947"/>
                      <a:gd name="connsiteX25" fmla="*/ 872662 w 872662"/>
                      <a:gd name="connsiteY25" fmla="*/ 1739947 h 1739947"/>
                      <a:gd name="connsiteX0" fmla="*/ 271199 w 882596"/>
                      <a:gd name="connsiteY0" fmla="*/ 0 h 1742417"/>
                      <a:gd name="connsiteX1" fmla="*/ 107994 w 882596"/>
                      <a:gd name="connsiteY1" fmla="*/ 78921 h 1742417"/>
                      <a:gd name="connsiteX2" fmla="*/ 32157 w 882596"/>
                      <a:gd name="connsiteY2" fmla="*/ 134257 h 1742417"/>
                      <a:gd name="connsiteX3" fmla="*/ 1981 w 882596"/>
                      <a:gd name="connsiteY3" fmla="*/ 268217 h 1742417"/>
                      <a:gd name="connsiteX4" fmla="*/ 16611 w 882596"/>
                      <a:gd name="connsiteY4" fmla="*/ 377945 h 1742417"/>
                      <a:gd name="connsiteX5" fmla="*/ 126339 w 882596"/>
                      <a:gd name="connsiteY5" fmla="*/ 392575 h 1742417"/>
                      <a:gd name="connsiteX6" fmla="*/ 184861 w 882596"/>
                      <a:gd name="connsiteY6" fmla="*/ 399890 h 1742417"/>
                      <a:gd name="connsiteX7" fmla="*/ 228752 w 882596"/>
                      <a:gd name="connsiteY7" fmla="*/ 465727 h 1742417"/>
                      <a:gd name="connsiteX8" fmla="*/ 206806 w 882596"/>
                      <a:gd name="connsiteY8" fmla="*/ 538879 h 1742417"/>
                      <a:gd name="connsiteX9" fmla="*/ 155600 w 882596"/>
                      <a:gd name="connsiteY9" fmla="*/ 633977 h 1742417"/>
                      <a:gd name="connsiteX10" fmla="*/ 228752 w 882596"/>
                      <a:gd name="connsiteY10" fmla="*/ 743705 h 1742417"/>
                      <a:gd name="connsiteX11" fmla="*/ 228752 w 882596"/>
                      <a:gd name="connsiteY11" fmla="*/ 809541 h 1742417"/>
                      <a:gd name="connsiteX12" fmla="*/ 301904 w 882596"/>
                      <a:gd name="connsiteY12" fmla="*/ 977791 h 1742417"/>
                      <a:gd name="connsiteX13" fmla="*/ 316534 w 882596"/>
                      <a:gd name="connsiteY13" fmla="*/ 1036313 h 1742417"/>
                      <a:gd name="connsiteX14" fmla="*/ 279958 w 882596"/>
                      <a:gd name="connsiteY14" fmla="*/ 1131410 h 1742417"/>
                      <a:gd name="connsiteX15" fmla="*/ 170230 w 882596"/>
                      <a:gd name="connsiteY15" fmla="*/ 1175301 h 1742417"/>
                      <a:gd name="connsiteX16" fmla="*/ 133654 w 882596"/>
                      <a:gd name="connsiteY16" fmla="*/ 1189932 h 1742417"/>
                      <a:gd name="connsiteX17" fmla="*/ 111709 w 882596"/>
                      <a:gd name="connsiteY17" fmla="*/ 1255769 h 1742417"/>
                      <a:gd name="connsiteX18" fmla="*/ 75133 w 882596"/>
                      <a:gd name="connsiteY18" fmla="*/ 1285029 h 1742417"/>
                      <a:gd name="connsiteX19" fmla="*/ 9296 w 882596"/>
                      <a:gd name="connsiteY19" fmla="*/ 1336236 h 1742417"/>
                      <a:gd name="connsiteX20" fmla="*/ 60502 w 882596"/>
                      <a:gd name="connsiteY20" fmla="*/ 1409388 h 1742417"/>
                      <a:gd name="connsiteX21" fmla="*/ 104394 w 882596"/>
                      <a:gd name="connsiteY21" fmla="*/ 1460594 h 1742417"/>
                      <a:gd name="connsiteX22" fmla="*/ 82448 w 882596"/>
                      <a:gd name="connsiteY22" fmla="*/ 1592268 h 1742417"/>
                      <a:gd name="connsiteX23" fmla="*/ 111709 w 882596"/>
                      <a:gd name="connsiteY23" fmla="*/ 1672735 h 1742417"/>
                      <a:gd name="connsiteX24" fmla="*/ 234113 w 882596"/>
                      <a:gd name="connsiteY24" fmla="*/ 1735983 h 1742417"/>
                      <a:gd name="connsiteX25" fmla="*/ 819019 w 882596"/>
                      <a:gd name="connsiteY25" fmla="*/ 1741088 h 1742417"/>
                      <a:gd name="connsiteX26" fmla="*/ 872662 w 882596"/>
                      <a:gd name="connsiteY26" fmla="*/ 1739947 h 1742417"/>
                      <a:gd name="connsiteX0" fmla="*/ 271199 w 881702"/>
                      <a:gd name="connsiteY0" fmla="*/ 0 h 1742417"/>
                      <a:gd name="connsiteX1" fmla="*/ 107994 w 881702"/>
                      <a:gd name="connsiteY1" fmla="*/ 78921 h 1742417"/>
                      <a:gd name="connsiteX2" fmla="*/ 32157 w 881702"/>
                      <a:gd name="connsiteY2" fmla="*/ 134257 h 1742417"/>
                      <a:gd name="connsiteX3" fmla="*/ 1981 w 881702"/>
                      <a:gd name="connsiteY3" fmla="*/ 268217 h 1742417"/>
                      <a:gd name="connsiteX4" fmla="*/ 16611 w 881702"/>
                      <a:gd name="connsiteY4" fmla="*/ 377945 h 1742417"/>
                      <a:gd name="connsiteX5" fmla="*/ 126339 w 881702"/>
                      <a:gd name="connsiteY5" fmla="*/ 392575 h 1742417"/>
                      <a:gd name="connsiteX6" fmla="*/ 184861 w 881702"/>
                      <a:gd name="connsiteY6" fmla="*/ 399890 h 1742417"/>
                      <a:gd name="connsiteX7" fmla="*/ 228752 w 881702"/>
                      <a:gd name="connsiteY7" fmla="*/ 465727 h 1742417"/>
                      <a:gd name="connsiteX8" fmla="*/ 206806 w 881702"/>
                      <a:gd name="connsiteY8" fmla="*/ 538879 h 1742417"/>
                      <a:gd name="connsiteX9" fmla="*/ 155600 w 881702"/>
                      <a:gd name="connsiteY9" fmla="*/ 633977 h 1742417"/>
                      <a:gd name="connsiteX10" fmla="*/ 228752 w 881702"/>
                      <a:gd name="connsiteY10" fmla="*/ 743705 h 1742417"/>
                      <a:gd name="connsiteX11" fmla="*/ 228752 w 881702"/>
                      <a:gd name="connsiteY11" fmla="*/ 809541 h 1742417"/>
                      <a:gd name="connsiteX12" fmla="*/ 301904 w 881702"/>
                      <a:gd name="connsiteY12" fmla="*/ 977791 h 1742417"/>
                      <a:gd name="connsiteX13" fmla="*/ 316534 w 881702"/>
                      <a:gd name="connsiteY13" fmla="*/ 1036313 h 1742417"/>
                      <a:gd name="connsiteX14" fmla="*/ 279958 w 881702"/>
                      <a:gd name="connsiteY14" fmla="*/ 1131410 h 1742417"/>
                      <a:gd name="connsiteX15" fmla="*/ 170230 w 881702"/>
                      <a:gd name="connsiteY15" fmla="*/ 1175301 h 1742417"/>
                      <a:gd name="connsiteX16" fmla="*/ 133654 w 881702"/>
                      <a:gd name="connsiteY16" fmla="*/ 1189932 h 1742417"/>
                      <a:gd name="connsiteX17" fmla="*/ 111709 w 881702"/>
                      <a:gd name="connsiteY17" fmla="*/ 1255769 h 1742417"/>
                      <a:gd name="connsiteX18" fmla="*/ 75133 w 881702"/>
                      <a:gd name="connsiteY18" fmla="*/ 1285029 h 1742417"/>
                      <a:gd name="connsiteX19" fmla="*/ 9296 w 881702"/>
                      <a:gd name="connsiteY19" fmla="*/ 1336236 h 1742417"/>
                      <a:gd name="connsiteX20" fmla="*/ 60502 w 881702"/>
                      <a:gd name="connsiteY20" fmla="*/ 1409388 h 1742417"/>
                      <a:gd name="connsiteX21" fmla="*/ 104394 w 881702"/>
                      <a:gd name="connsiteY21" fmla="*/ 1460594 h 1742417"/>
                      <a:gd name="connsiteX22" fmla="*/ 82448 w 881702"/>
                      <a:gd name="connsiteY22" fmla="*/ 1592268 h 1742417"/>
                      <a:gd name="connsiteX23" fmla="*/ 111709 w 881702"/>
                      <a:gd name="connsiteY23" fmla="*/ 1672735 h 1742417"/>
                      <a:gd name="connsiteX24" fmla="*/ 234113 w 881702"/>
                      <a:gd name="connsiteY24" fmla="*/ 1735983 h 1742417"/>
                      <a:gd name="connsiteX25" fmla="*/ 819019 w 881702"/>
                      <a:gd name="connsiteY25" fmla="*/ 1741088 h 1742417"/>
                      <a:gd name="connsiteX26" fmla="*/ 872662 w 881702"/>
                      <a:gd name="connsiteY26" fmla="*/ 1739947 h 1742417"/>
                      <a:gd name="connsiteX0" fmla="*/ 271199 w 1055301"/>
                      <a:gd name="connsiteY0" fmla="*/ 0 h 1742417"/>
                      <a:gd name="connsiteX1" fmla="*/ 107994 w 1055301"/>
                      <a:gd name="connsiteY1" fmla="*/ 78921 h 1742417"/>
                      <a:gd name="connsiteX2" fmla="*/ 32157 w 1055301"/>
                      <a:gd name="connsiteY2" fmla="*/ 134257 h 1742417"/>
                      <a:gd name="connsiteX3" fmla="*/ 1981 w 1055301"/>
                      <a:gd name="connsiteY3" fmla="*/ 268217 h 1742417"/>
                      <a:gd name="connsiteX4" fmla="*/ 16611 w 1055301"/>
                      <a:gd name="connsiteY4" fmla="*/ 377945 h 1742417"/>
                      <a:gd name="connsiteX5" fmla="*/ 126339 w 1055301"/>
                      <a:gd name="connsiteY5" fmla="*/ 392575 h 1742417"/>
                      <a:gd name="connsiteX6" fmla="*/ 184861 w 1055301"/>
                      <a:gd name="connsiteY6" fmla="*/ 399890 h 1742417"/>
                      <a:gd name="connsiteX7" fmla="*/ 228752 w 1055301"/>
                      <a:gd name="connsiteY7" fmla="*/ 465727 h 1742417"/>
                      <a:gd name="connsiteX8" fmla="*/ 206806 w 1055301"/>
                      <a:gd name="connsiteY8" fmla="*/ 538879 h 1742417"/>
                      <a:gd name="connsiteX9" fmla="*/ 155600 w 1055301"/>
                      <a:gd name="connsiteY9" fmla="*/ 633977 h 1742417"/>
                      <a:gd name="connsiteX10" fmla="*/ 228752 w 1055301"/>
                      <a:gd name="connsiteY10" fmla="*/ 743705 h 1742417"/>
                      <a:gd name="connsiteX11" fmla="*/ 228752 w 1055301"/>
                      <a:gd name="connsiteY11" fmla="*/ 809541 h 1742417"/>
                      <a:gd name="connsiteX12" fmla="*/ 301904 w 1055301"/>
                      <a:gd name="connsiteY12" fmla="*/ 977791 h 1742417"/>
                      <a:gd name="connsiteX13" fmla="*/ 316534 w 1055301"/>
                      <a:gd name="connsiteY13" fmla="*/ 1036313 h 1742417"/>
                      <a:gd name="connsiteX14" fmla="*/ 279958 w 1055301"/>
                      <a:gd name="connsiteY14" fmla="*/ 1131410 h 1742417"/>
                      <a:gd name="connsiteX15" fmla="*/ 170230 w 1055301"/>
                      <a:gd name="connsiteY15" fmla="*/ 1175301 h 1742417"/>
                      <a:gd name="connsiteX16" fmla="*/ 133654 w 1055301"/>
                      <a:gd name="connsiteY16" fmla="*/ 1189932 h 1742417"/>
                      <a:gd name="connsiteX17" fmla="*/ 111709 w 1055301"/>
                      <a:gd name="connsiteY17" fmla="*/ 1255769 h 1742417"/>
                      <a:gd name="connsiteX18" fmla="*/ 75133 w 1055301"/>
                      <a:gd name="connsiteY18" fmla="*/ 1285029 h 1742417"/>
                      <a:gd name="connsiteX19" fmla="*/ 9296 w 1055301"/>
                      <a:gd name="connsiteY19" fmla="*/ 1336236 h 1742417"/>
                      <a:gd name="connsiteX20" fmla="*/ 60502 w 1055301"/>
                      <a:gd name="connsiteY20" fmla="*/ 1409388 h 1742417"/>
                      <a:gd name="connsiteX21" fmla="*/ 104394 w 1055301"/>
                      <a:gd name="connsiteY21" fmla="*/ 1460594 h 1742417"/>
                      <a:gd name="connsiteX22" fmla="*/ 82448 w 1055301"/>
                      <a:gd name="connsiteY22" fmla="*/ 1592268 h 1742417"/>
                      <a:gd name="connsiteX23" fmla="*/ 111709 w 1055301"/>
                      <a:gd name="connsiteY23" fmla="*/ 1672735 h 1742417"/>
                      <a:gd name="connsiteX24" fmla="*/ 234113 w 1055301"/>
                      <a:gd name="connsiteY24" fmla="*/ 1735983 h 1742417"/>
                      <a:gd name="connsiteX25" fmla="*/ 819019 w 1055301"/>
                      <a:gd name="connsiteY25" fmla="*/ 1741088 h 1742417"/>
                      <a:gd name="connsiteX26" fmla="*/ 1055301 w 1055301"/>
                      <a:gd name="connsiteY26" fmla="*/ 1714417 h 1742417"/>
                      <a:gd name="connsiteX0" fmla="*/ 271199 w 1096915"/>
                      <a:gd name="connsiteY0" fmla="*/ 0 h 1742417"/>
                      <a:gd name="connsiteX1" fmla="*/ 107994 w 1096915"/>
                      <a:gd name="connsiteY1" fmla="*/ 78921 h 1742417"/>
                      <a:gd name="connsiteX2" fmla="*/ 32157 w 1096915"/>
                      <a:gd name="connsiteY2" fmla="*/ 134257 h 1742417"/>
                      <a:gd name="connsiteX3" fmla="*/ 1981 w 1096915"/>
                      <a:gd name="connsiteY3" fmla="*/ 268217 h 1742417"/>
                      <a:gd name="connsiteX4" fmla="*/ 16611 w 1096915"/>
                      <a:gd name="connsiteY4" fmla="*/ 377945 h 1742417"/>
                      <a:gd name="connsiteX5" fmla="*/ 126339 w 1096915"/>
                      <a:gd name="connsiteY5" fmla="*/ 392575 h 1742417"/>
                      <a:gd name="connsiteX6" fmla="*/ 184861 w 1096915"/>
                      <a:gd name="connsiteY6" fmla="*/ 399890 h 1742417"/>
                      <a:gd name="connsiteX7" fmla="*/ 228752 w 1096915"/>
                      <a:gd name="connsiteY7" fmla="*/ 465727 h 1742417"/>
                      <a:gd name="connsiteX8" fmla="*/ 206806 w 1096915"/>
                      <a:gd name="connsiteY8" fmla="*/ 538879 h 1742417"/>
                      <a:gd name="connsiteX9" fmla="*/ 155600 w 1096915"/>
                      <a:gd name="connsiteY9" fmla="*/ 633977 h 1742417"/>
                      <a:gd name="connsiteX10" fmla="*/ 228752 w 1096915"/>
                      <a:gd name="connsiteY10" fmla="*/ 743705 h 1742417"/>
                      <a:gd name="connsiteX11" fmla="*/ 228752 w 1096915"/>
                      <a:gd name="connsiteY11" fmla="*/ 809541 h 1742417"/>
                      <a:gd name="connsiteX12" fmla="*/ 301904 w 1096915"/>
                      <a:gd name="connsiteY12" fmla="*/ 977791 h 1742417"/>
                      <a:gd name="connsiteX13" fmla="*/ 316534 w 1096915"/>
                      <a:gd name="connsiteY13" fmla="*/ 1036313 h 1742417"/>
                      <a:gd name="connsiteX14" fmla="*/ 279958 w 1096915"/>
                      <a:gd name="connsiteY14" fmla="*/ 1131410 h 1742417"/>
                      <a:gd name="connsiteX15" fmla="*/ 170230 w 1096915"/>
                      <a:gd name="connsiteY15" fmla="*/ 1175301 h 1742417"/>
                      <a:gd name="connsiteX16" fmla="*/ 133654 w 1096915"/>
                      <a:gd name="connsiteY16" fmla="*/ 1189932 h 1742417"/>
                      <a:gd name="connsiteX17" fmla="*/ 111709 w 1096915"/>
                      <a:gd name="connsiteY17" fmla="*/ 1255769 h 1742417"/>
                      <a:gd name="connsiteX18" fmla="*/ 75133 w 1096915"/>
                      <a:gd name="connsiteY18" fmla="*/ 1285029 h 1742417"/>
                      <a:gd name="connsiteX19" fmla="*/ 9296 w 1096915"/>
                      <a:gd name="connsiteY19" fmla="*/ 1336236 h 1742417"/>
                      <a:gd name="connsiteX20" fmla="*/ 60502 w 1096915"/>
                      <a:gd name="connsiteY20" fmla="*/ 1409388 h 1742417"/>
                      <a:gd name="connsiteX21" fmla="*/ 104394 w 1096915"/>
                      <a:gd name="connsiteY21" fmla="*/ 1460594 h 1742417"/>
                      <a:gd name="connsiteX22" fmla="*/ 82448 w 1096915"/>
                      <a:gd name="connsiteY22" fmla="*/ 1592268 h 1742417"/>
                      <a:gd name="connsiteX23" fmla="*/ 111709 w 1096915"/>
                      <a:gd name="connsiteY23" fmla="*/ 1672735 h 1742417"/>
                      <a:gd name="connsiteX24" fmla="*/ 234113 w 1096915"/>
                      <a:gd name="connsiteY24" fmla="*/ 1735983 h 1742417"/>
                      <a:gd name="connsiteX25" fmla="*/ 819019 w 1096915"/>
                      <a:gd name="connsiteY25" fmla="*/ 1741088 h 1742417"/>
                      <a:gd name="connsiteX26" fmla="*/ 1096915 w 1096915"/>
                      <a:gd name="connsiteY26" fmla="*/ 1693994 h 1742417"/>
                      <a:gd name="connsiteX0" fmla="*/ 271199 w 1096915"/>
                      <a:gd name="connsiteY0" fmla="*/ 0 h 1744675"/>
                      <a:gd name="connsiteX1" fmla="*/ 107994 w 1096915"/>
                      <a:gd name="connsiteY1" fmla="*/ 78921 h 1744675"/>
                      <a:gd name="connsiteX2" fmla="*/ 32157 w 1096915"/>
                      <a:gd name="connsiteY2" fmla="*/ 134257 h 1744675"/>
                      <a:gd name="connsiteX3" fmla="*/ 1981 w 1096915"/>
                      <a:gd name="connsiteY3" fmla="*/ 268217 h 1744675"/>
                      <a:gd name="connsiteX4" fmla="*/ 16611 w 1096915"/>
                      <a:gd name="connsiteY4" fmla="*/ 377945 h 1744675"/>
                      <a:gd name="connsiteX5" fmla="*/ 126339 w 1096915"/>
                      <a:gd name="connsiteY5" fmla="*/ 392575 h 1744675"/>
                      <a:gd name="connsiteX6" fmla="*/ 184861 w 1096915"/>
                      <a:gd name="connsiteY6" fmla="*/ 399890 h 1744675"/>
                      <a:gd name="connsiteX7" fmla="*/ 228752 w 1096915"/>
                      <a:gd name="connsiteY7" fmla="*/ 465727 h 1744675"/>
                      <a:gd name="connsiteX8" fmla="*/ 206806 w 1096915"/>
                      <a:gd name="connsiteY8" fmla="*/ 538879 h 1744675"/>
                      <a:gd name="connsiteX9" fmla="*/ 155600 w 1096915"/>
                      <a:gd name="connsiteY9" fmla="*/ 633977 h 1744675"/>
                      <a:gd name="connsiteX10" fmla="*/ 228752 w 1096915"/>
                      <a:gd name="connsiteY10" fmla="*/ 743705 h 1744675"/>
                      <a:gd name="connsiteX11" fmla="*/ 228752 w 1096915"/>
                      <a:gd name="connsiteY11" fmla="*/ 809541 h 1744675"/>
                      <a:gd name="connsiteX12" fmla="*/ 301904 w 1096915"/>
                      <a:gd name="connsiteY12" fmla="*/ 977791 h 1744675"/>
                      <a:gd name="connsiteX13" fmla="*/ 316534 w 1096915"/>
                      <a:gd name="connsiteY13" fmla="*/ 1036313 h 1744675"/>
                      <a:gd name="connsiteX14" fmla="*/ 279958 w 1096915"/>
                      <a:gd name="connsiteY14" fmla="*/ 1131410 h 1744675"/>
                      <a:gd name="connsiteX15" fmla="*/ 170230 w 1096915"/>
                      <a:gd name="connsiteY15" fmla="*/ 1175301 h 1744675"/>
                      <a:gd name="connsiteX16" fmla="*/ 133654 w 1096915"/>
                      <a:gd name="connsiteY16" fmla="*/ 1189932 h 1744675"/>
                      <a:gd name="connsiteX17" fmla="*/ 111709 w 1096915"/>
                      <a:gd name="connsiteY17" fmla="*/ 1255769 h 1744675"/>
                      <a:gd name="connsiteX18" fmla="*/ 75133 w 1096915"/>
                      <a:gd name="connsiteY18" fmla="*/ 1285029 h 1744675"/>
                      <a:gd name="connsiteX19" fmla="*/ 9296 w 1096915"/>
                      <a:gd name="connsiteY19" fmla="*/ 1336236 h 1744675"/>
                      <a:gd name="connsiteX20" fmla="*/ 60502 w 1096915"/>
                      <a:gd name="connsiteY20" fmla="*/ 1409388 h 1744675"/>
                      <a:gd name="connsiteX21" fmla="*/ 104394 w 1096915"/>
                      <a:gd name="connsiteY21" fmla="*/ 1460594 h 1744675"/>
                      <a:gd name="connsiteX22" fmla="*/ 82448 w 1096915"/>
                      <a:gd name="connsiteY22" fmla="*/ 1592268 h 1744675"/>
                      <a:gd name="connsiteX23" fmla="*/ 111709 w 1096915"/>
                      <a:gd name="connsiteY23" fmla="*/ 1672735 h 1744675"/>
                      <a:gd name="connsiteX24" fmla="*/ 234113 w 1096915"/>
                      <a:gd name="connsiteY24" fmla="*/ 1735983 h 1744675"/>
                      <a:gd name="connsiteX25" fmla="*/ 819019 w 1096915"/>
                      <a:gd name="connsiteY25" fmla="*/ 1741088 h 1744675"/>
                      <a:gd name="connsiteX26" fmla="*/ 1031711 w 1096915"/>
                      <a:gd name="connsiteY26" fmla="*/ 1720663 h 1744675"/>
                      <a:gd name="connsiteX27" fmla="*/ 1096915 w 1096915"/>
                      <a:gd name="connsiteY27" fmla="*/ 1693994 h 1744675"/>
                      <a:gd name="connsiteX0" fmla="*/ 271199 w 1096915"/>
                      <a:gd name="connsiteY0" fmla="*/ 0 h 1744675"/>
                      <a:gd name="connsiteX1" fmla="*/ 107994 w 1096915"/>
                      <a:gd name="connsiteY1" fmla="*/ 78921 h 1744675"/>
                      <a:gd name="connsiteX2" fmla="*/ 32157 w 1096915"/>
                      <a:gd name="connsiteY2" fmla="*/ 134257 h 1744675"/>
                      <a:gd name="connsiteX3" fmla="*/ 1981 w 1096915"/>
                      <a:gd name="connsiteY3" fmla="*/ 268217 h 1744675"/>
                      <a:gd name="connsiteX4" fmla="*/ 16611 w 1096915"/>
                      <a:gd name="connsiteY4" fmla="*/ 377945 h 1744675"/>
                      <a:gd name="connsiteX5" fmla="*/ 126339 w 1096915"/>
                      <a:gd name="connsiteY5" fmla="*/ 392575 h 1744675"/>
                      <a:gd name="connsiteX6" fmla="*/ 184861 w 1096915"/>
                      <a:gd name="connsiteY6" fmla="*/ 399890 h 1744675"/>
                      <a:gd name="connsiteX7" fmla="*/ 228752 w 1096915"/>
                      <a:gd name="connsiteY7" fmla="*/ 465727 h 1744675"/>
                      <a:gd name="connsiteX8" fmla="*/ 206806 w 1096915"/>
                      <a:gd name="connsiteY8" fmla="*/ 538879 h 1744675"/>
                      <a:gd name="connsiteX9" fmla="*/ 155600 w 1096915"/>
                      <a:gd name="connsiteY9" fmla="*/ 633977 h 1744675"/>
                      <a:gd name="connsiteX10" fmla="*/ 228752 w 1096915"/>
                      <a:gd name="connsiteY10" fmla="*/ 743705 h 1744675"/>
                      <a:gd name="connsiteX11" fmla="*/ 228752 w 1096915"/>
                      <a:gd name="connsiteY11" fmla="*/ 809541 h 1744675"/>
                      <a:gd name="connsiteX12" fmla="*/ 301904 w 1096915"/>
                      <a:gd name="connsiteY12" fmla="*/ 977791 h 1744675"/>
                      <a:gd name="connsiteX13" fmla="*/ 316534 w 1096915"/>
                      <a:gd name="connsiteY13" fmla="*/ 1036313 h 1744675"/>
                      <a:gd name="connsiteX14" fmla="*/ 279958 w 1096915"/>
                      <a:gd name="connsiteY14" fmla="*/ 1131410 h 1744675"/>
                      <a:gd name="connsiteX15" fmla="*/ 170230 w 1096915"/>
                      <a:gd name="connsiteY15" fmla="*/ 1175301 h 1744675"/>
                      <a:gd name="connsiteX16" fmla="*/ 133654 w 1096915"/>
                      <a:gd name="connsiteY16" fmla="*/ 1189932 h 1744675"/>
                      <a:gd name="connsiteX17" fmla="*/ 111709 w 1096915"/>
                      <a:gd name="connsiteY17" fmla="*/ 1255769 h 1744675"/>
                      <a:gd name="connsiteX18" fmla="*/ 75133 w 1096915"/>
                      <a:gd name="connsiteY18" fmla="*/ 1285029 h 1744675"/>
                      <a:gd name="connsiteX19" fmla="*/ 9296 w 1096915"/>
                      <a:gd name="connsiteY19" fmla="*/ 1336236 h 1744675"/>
                      <a:gd name="connsiteX20" fmla="*/ 60502 w 1096915"/>
                      <a:gd name="connsiteY20" fmla="*/ 1409388 h 1744675"/>
                      <a:gd name="connsiteX21" fmla="*/ 104394 w 1096915"/>
                      <a:gd name="connsiteY21" fmla="*/ 1460594 h 1744675"/>
                      <a:gd name="connsiteX22" fmla="*/ 82448 w 1096915"/>
                      <a:gd name="connsiteY22" fmla="*/ 1592268 h 1744675"/>
                      <a:gd name="connsiteX23" fmla="*/ 111709 w 1096915"/>
                      <a:gd name="connsiteY23" fmla="*/ 1672735 h 1744675"/>
                      <a:gd name="connsiteX24" fmla="*/ 234113 w 1096915"/>
                      <a:gd name="connsiteY24" fmla="*/ 1735983 h 1744675"/>
                      <a:gd name="connsiteX25" fmla="*/ 819019 w 1096915"/>
                      <a:gd name="connsiteY25" fmla="*/ 1741088 h 1744675"/>
                      <a:gd name="connsiteX26" fmla="*/ 1031711 w 1096915"/>
                      <a:gd name="connsiteY26" fmla="*/ 1720663 h 1744675"/>
                      <a:gd name="connsiteX27" fmla="*/ 1096915 w 1096915"/>
                      <a:gd name="connsiteY27" fmla="*/ 1693994 h 1744675"/>
                      <a:gd name="connsiteX0" fmla="*/ 271199 w 1048366"/>
                      <a:gd name="connsiteY0" fmla="*/ 0 h 1744675"/>
                      <a:gd name="connsiteX1" fmla="*/ 107994 w 1048366"/>
                      <a:gd name="connsiteY1" fmla="*/ 78921 h 1744675"/>
                      <a:gd name="connsiteX2" fmla="*/ 32157 w 1048366"/>
                      <a:gd name="connsiteY2" fmla="*/ 134257 h 1744675"/>
                      <a:gd name="connsiteX3" fmla="*/ 1981 w 1048366"/>
                      <a:gd name="connsiteY3" fmla="*/ 268217 h 1744675"/>
                      <a:gd name="connsiteX4" fmla="*/ 16611 w 1048366"/>
                      <a:gd name="connsiteY4" fmla="*/ 377945 h 1744675"/>
                      <a:gd name="connsiteX5" fmla="*/ 126339 w 1048366"/>
                      <a:gd name="connsiteY5" fmla="*/ 392575 h 1744675"/>
                      <a:gd name="connsiteX6" fmla="*/ 184861 w 1048366"/>
                      <a:gd name="connsiteY6" fmla="*/ 399890 h 1744675"/>
                      <a:gd name="connsiteX7" fmla="*/ 228752 w 1048366"/>
                      <a:gd name="connsiteY7" fmla="*/ 465727 h 1744675"/>
                      <a:gd name="connsiteX8" fmla="*/ 206806 w 1048366"/>
                      <a:gd name="connsiteY8" fmla="*/ 538879 h 1744675"/>
                      <a:gd name="connsiteX9" fmla="*/ 155600 w 1048366"/>
                      <a:gd name="connsiteY9" fmla="*/ 633977 h 1744675"/>
                      <a:gd name="connsiteX10" fmla="*/ 228752 w 1048366"/>
                      <a:gd name="connsiteY10" fmla="*/ 743705 h 1744675"/>
                      <a:gd name="connsiteX11" fmla="*/ 228752 w 1048366"/>
                      <a:gd name="connsiteY11" fmla="*/ 809541 h 1744675"/>
                      <a:gd name="connsiteX12" fmla="*/ 301904 w 1048366"/>
                      <a:gd name="connsiteY12" fmla="*/ 977791 h 1744675"/>
                      <a:gd name="connsiteX13" fmla="*/ 316534 w 1048366"/>
                      <a:gd name="connsiteY13" fmla="*/ 1036313 h 1744675"/>
                      <a:gd name="connsiteX14" fmla="*/ 279958 w 1048366"/>
                      <a:gd name="connsiteY14" fmla="*/ 1131410 h 1744675"/>
                      <a:gd name="connsiteX15" fmla="*/ 170230 w 1048366"/>
                      <a:gd name="connsiteY15" fmla="*/ 1175301 h 1744675"/>
                      <a:gd name="connsiteX16" fmla="*/ 133654 w 1048366"/>
                      <a:gd name="connsiteY16" fmla="*/ 1189932 h 1744675"/>
                      <a:gd name="connsiteX17" fmla="*/ 111709 w 1048366"/>
                      <a:gd name="connsiteY17" fmla="*/ 1255769 h 1744675"/>
                      <a:gd name="connsiteX18" fmla="*/ 75133 w 1048366"/>
                      <a:gd name="connsiteY18" fmla="*/ 1285029 h 1744675"/>
                      <a:gd name="connsiteX19" fmla="*/ 9296 w 1048366"/>
                      <a:gd name="connsiteY19" fmla="*/ 1336236 h 1744675"/>
                      <a:gd name="connsiteX20" fmla="*/ 60502 w 1048366"/>
                      <a:gd name="connsiteY20" fmla="*/ 1409388 h 1744675"/>
                      <a:gd name="connsiteX21" fmla="*/ 104394 w 1048366"/>
                      <a:gd name="connsiteY21" fmla="*/ 1460594 h 1744675"/>
                      <a:gd name="connsiteX22" fmla="*/ 82448 w 1048366"/>
                      <a:gd name="connsiteY22" fmla="*/ 1592268 h 1744675"/>
                      <a:gd name="connsiteX23" fmla="*/ 111709 w 1048366"/>
                      <a:gd name="connsiteY23" fmla="*/ 1672735 h 1744675"/>
                      <a:gd name="connsiteX24" fmla="*/ 234113 w 1048366"/>
                      <a:gd name="connsiteY24" fmla="*/ 1735983 h 1744675"/>
                      <a:gd name="connsiteX25" fmla="*/ 819019 w 1048366"/>
                      <a:gd name="connsiteY25" fmla="*/ 1741088 h 1744675"/>
                      <a:gd name="connsiteX26" fmla="*/ 1031711 w 1048366"/>
                      <a:gd name="connsiteY26" fmla="*/ 1720663 h 1744675"/>
                      <a:gd name="connsiteX27" fmla="*/ 1048366 w 1048366"/>
                      <a:gd name="connsiteY27" fmla="*/ 1390187 h 1744675"/>
                      <a:gd name="connsiteX0" fmla="*/ 271199 w 1087327"/>
                      <a:gd name="connsiteY0" fmla="*/ 0 h 1744675"/>
                      <a:gd name="connsiteX1" fmla="*/ 107994 w 1087327"/>
                      <a:gd name="connsiteY1" fmla="*/ 78921 h 1744675"/>
                      <a:gd name="connsiteX2" fmla="*/ 32157 w 1087327"/>
                      <a:gd name="connsiteY2" fmla="*/ 134257 h 1744675"/>
                      <a:gd name="connsiteX3" fmla="*/ 1981 w 1087327"/>
                      <a:gd name="connsiteY3" fmla="*/ 268217 h 1744675"/>
                      <a:gd name="connsiteX4" fmla="*/ 16611 w 1087327"/>
                      <a:gd name="connsiteY4" fmla="*/ 377945 h 1744675"/>
                      <a:gd name="connsiteX5" fmla="*/ 126339 w 1087327"/>
                      <a:gd name="connsiteY5" fmla="*/ 392575 h 1744675"/>
                      <a:gd name="connsiteX6" fmla="*/ 184861 w 1087327"/>
                      <a:gd name="connsiteY6" fmla="*/ 399890 h 1744675"/>
                      <a:gd name="connsiteX7" fmla="*/ 228752 w 1087327"/>
                      <a:gd name="connsiteY7" fmla="*/ 465727 h 1744675"/>
                      <a:gd name="connsiteX8" fmla="*/ 206806 w 1087327"/>
                      <a:gd name="connsiteY8" fmla="*/ 538879 h 1744675"/>
                      <a:gd name="connsiteX9" fmla="*/ 155600 w 1087327"/>
                      <a:gd name="connsiteY9" fmla="*/ 633977 h 1744675"/>
                      <a:gd name="connsiteX10" fmla="*/ 228752 w 1087327"/>
                      <a:gd name="connsiteY10" fmla="*/ 743705 h 1744675"/>
                      <a:gd name="connsiteX11" fmla="*/ 228752 w 1087327"/>
                      <a:gd name="connsiteY11" fmla="*/ 809541 h 1744675"/>
                      <a:gd name="connsiteX12" fmla="*/ 301904 w 1087327"/>
                      <a:gd name="connsiteY12" fmla="*/ 977791 h 1744675"/>
                      <a:gd name="connsiteX13" fmla="*/ 316534 w 1087327"/>
                      <a:gd name="connsiteY13" fmla="*/ 1036313 h 1744675"/>
                      <a:gd name="connsiteX14" fmla="*/ 279958 w 1087327"/>
                      <a:gd name="connsiteY14" fmla="*/ 1131410 h 1744675"/>
                      <a:gd name="connsiteX15" fmla="*/ 170230 w 1087327"/>
                      <a:gd name="connsiteY15" fmla="*/ 1175301 h 1744675"/>
                      <a:gd name="connsiteX16" fmla="*/ 133654 w 1087327"/>
                      <a:gd name="connsiteY16" fmla="*/ 1189932 h 1744675"/>
                      <a:gd name="connsiteX17" fmla="*/ 111709 w 1087327"/>
                      <a:gd name="connsiteY17" fmla="*/ 1255769 h 1744675"/>
                      <a:gd name="connsiteX18" fmla="*/ 75133 w 1087327"/>
                      <a:gd name="connsiteY18" fmla="*/ 1285029 h 1744675"/>
                      <a:gd name="connsiteX19" fmla="*/ 9296 w 1087327"/>
                      <a:gd name="connsiteY19" fmla="*/ 1336236 h 1744675"/>
                      <a:gd name="connsiteX20" fmla="*/ 60502 w 1087327"/>
                      <a:gd name="connsiteY20" fmla="*/ 1409388 h 1744675"/>
                      <a:gd name="connsiteX21" fmla="*/ 104394 w 1087327"/>
                      <a:gd name="connsiteY21" fmla="*/ 1460594 h 1744675"/>
                      <a:gd name="connsiteX22" fmla="*/ 82448 w 1087327"/>
                      <a:gd name="connsiteY22" fmla="*/ 1592268 h 1744675"/>
                      <a:gd name="connsiteX23" fmla="*/ 111709 w 1087327"/>
                      <a:gd name="connsiteY23" fmla="*/ 1672735 h 1744675"/>
                      <a:gd name="connsiteX24" fmla="*/ 234113 w 1087327"/>
                      <a:gd name="connsiteY24" fmla="*/ 1735983 h 1744675"/>
                      <a:gd name="connsiteX25" fmla="*/ 819019 w 1087327"/>
                      <a:gd name="connsiteY25" fmla="*/ 1741088 h 1744675"/>
                      <a:gd name="connsiteX26" fmla="*/ 1031711 w 1087327"/>
                      <a:gd name="connsiteY26" fmla="*/ 1720663 h 1744675"/>
                      <a:gd name="connsiteX27" fmla="*/ 1087196 w 1087327"/>
                      <a:gd name="connsiteY27" fmla="*/ 1646626 h 1744675"/>
                      <a:gd name="connsiteX28" fmla="*/ 1048366 w 1087327"/>
                      <a:gd name="connsiteY28" fmla="*/ 1390187 h 1744675"/>
                      <a:gd name="connsiteX0" fmla="*/ 271199 w 1136217"/>
                      <a:gd name="connsiteY0" fmla="*/ 0 h 1744675"/>
                      <a:gd name="connsiteX1" fmla="*/ 107994 w 1136217"/>
                      <a:gd name="connsiteY1" fmla="*/ 78921 h 1744675"/>
                      <a:gd name="connsiteX2" fmla="*/ 32157 w 1136217"/>
                      <a:gd name="connsiteY2" fmla="*/ 134257 h 1744675"/>
                      <a:gd name="connsiteX3" fmla="*/ 1981 w 1136217"/>
                      <a:gd name="connsiteY3" fmla="*/ 268217 h 1744675"/>
                      <a:gd name="connsiteX4" fmla="*/ 16611 w 1136217"/>
                      <a:gd name="connsiteY4" fmla="*/ 377945 h 1744675"/>
                      <a:gd name="connsiteX5" fmla="*/ 126339 w 1136217"/>
                      <a:gd name="connsiteY5" fmla="*/ 392575 h 1744675"/>
                      <a:gd name="connsiteX6" fmla="*/ 184861 w 1136217"/>
                      <a:gd name="connsiteY6" fmla="*/ 399890 h 1744675"/>
                      <a:gd name="connsiteX7" fmla="*/ 228752 w 1136217"/>
                      <a:gd name="connsiteY7" fmla="*/ 465727 h 1744675"/>
                      <a:gd name="connsiteX8" fmla="*/ 206806 w 1136217"/>
                      <a:gd name="connsiteY8" fmla="*/ 538879 h 1744675"/>
                      <a:gd name="connsiteX9" fmla="*/ 155600 w 1136217"/>
                      <a:gd name="connsiteY9" fmla="*/ 633977 h 1744675"/>
                      <a:gd name="connsiteX10" fmla="*/ 228752 w 1136217"/>
                      <a:gd name="connsiteY10" fmla="*/ 743705 h 1744675"/>
                      <a:gd name="connsiteX11" fmla="*/ 228752 w 1136217"/>
                      <a:gd name="connsiteY11" fmla="*/ 809541 h 1744675"/>
                      <a:gd name="connsiteX12" fmla="*/ 301904 w 1136217"/>
                      <a:gd name="connsiteY12" fmla="*/ 977791 h 1744675"/>
                      <a:gd name="connsiteX13" fmla="*/ 316534 w 1136217"/>
                      <a:gd name="connsiteY13" fmla="*/ 1036313 h 1744675"/>
                      <a:gd name="connsiteX14" fmla="*/ 279958 w 1136217"/>
                      <a:gd name="connsiteY14" fmla="*/ 1131410 h 1744675"/>
                      <a:gd name="connsiteX15" fmla="*/ 170230 w 1136217"/>
                      <a:gd name="connsiteY15" fmla="*/ 1175301 h 1744675"/>
                      <a:gd name="connsiteX16" fmla="*/ 133654 w 1136217"/>
                      <a:gd name="connsiteY16" fmla="*/ 1189932 h 1744675"/>
                      <a:gd name="connsiteX17" fmla="*/ 111709 w 1136217"/>
                      <a:gd name="connsiteY17" fmla="*/ 1255769 h 1744675"/>
                      <a:gd name="connsiteX18" fmla="*/ 75133 w 1136217"/>
                      <a:gd name="connsiteY18" fmla="*/ 1285029 h 1744675"/>
                      <a:gd name="connsiteX19" fmla="*/ 9296 w 1136217"/>
                      <a:gd name="connsiteY19" fmla="*/ 1336236 h 1744675"/>
                      <a:gd name="connsiteX20" fmla="*/ 60502 w 1136217"/>
                      <a:gd name="connsiteY20" fmla="*/ 1409388 h 1744675"/>
                      <a:gd name="connsiteX21" fmla="*/ 104394 w 1136217"/>
                      <a:gd name="connsiteY21" fmla="*/ 1460594 h 1744675"/>
                      <a:gd name="connsiteX22" fmla="*/ 82448 w 1136217"/>
                      <a:gd name="connsiteY22" fmla="*/ 1592268 h 1744675"/>
                      <a:gd name="connsiteX23" fmla="*/ 111709 w 1136217"/>
                      <a:gd name="connsiteY23" fmla="*/ 1672735 h 1744675"/>
                      <a:gd name="connsiteX24" fmla="*/ 234113 w 1136217"/>
                      <a:gd name="connsiteY24" fmla="*/ 1735983 h 1744675"/>
                      <a:gd name="connsiteX25" fmla="*/ 819019 w 1136217"/>
                      <a:gd name="connsiteY25" fmla="*/ 1741088 h 1744675"/>
                      <a:gd name="connsiteX26" fmla="*/ 1031711 w 1136217"/>
                      <a:gd name="connsiteY26" fmla="*/ 1720663 h 1744675"/>
                      <a:gd name="connsiteX27" fmla="*/ 1087196 w 1136217"/>
                      <a:gd name="connsiteY27" fmla="*/ 1646626 h 1744675"/>
                      <a:gd name="connsiteX28" fmla="*/ 1136217 w 1136217"/>
                      <a:gd name="connsiteY28" fmla="*/ 1295726 h 1744675"/>
                      <a:gd name="connsiteX0" fmla="*/ 271199 w 1136217"/>
                      <a:gd name="connsiteY0" fmla="*/ 0 h 1744675"/>
                      <a:gd name="connsiteX1" fmla="*/ 107994 w 1136217"/>
                      <a:gd name="connsiteY1" fmla="*/ 78921 h 1744675"/>
                      <a:gd name="connsiteX2" fmla="*/ 32157 w 1136217"/>
                      <a:gd name="connsiteY2" fmla="*/ 134257 h 1744675"/>
                      <a:gd name="connsiteX3" fmla="*/ 1981 w 1136217"/>
                      <a:gd name="connsiteY3" fmla="*/ 268217 h 1744675"/>
                      <a:gd name="connsiteX4" fmla="*/ 16611 w 1136217"/>
                      <a:gd name="connsiteY4" fmla="*/ 377945 h 1744675"/>
                      <a:gd name="connsiteX5" fmla="*/ 126339 w 1136217"/>
                      <a:gd name="connsiteY5" fmla="*/ 392575 h 1744675"/>
                      <a:gd name="connsiteX6" fmla="*/ 184861 w 1136217"/>
                      <a:gd name="connsiteY6" fmla="*/ 399890 h 1744675"/>
                      <a:gd name="connsiteX7" fmla="*/ 228752 w 1136217"/>
                      <a:gd name="connsiteY7" fmla="*/ 465727 h 1744675"/>
                      <a:gd name="connsiteX8" fmla="*/ 206806 w 1136217"/>
                      <a:gd name="connsiteY8" fmla="*/ 538879 h 1744675"/>
                      <a:gd name="connsiteX9" fmla="*/ 155600 w 1136217"/>
                      <a:gd name="connsiteY9" fmla="*/ 633977 h 1744675"/>
                      <a:gd name="connsiteX10" fmla="*/ 228752 w 1136217"/>
                      <a:gd name="connsiteY10" fmla="*/ 743705 h 1744675"/>
                      <a:gd name="connsiteX11" fmla="*/ 228752 w 1136217"/>
                      <a:gd name="connsiteY11" fmla="*/ 809541 h 1744675"/>
                      <a:gd name="connsiteX12" fmla="*/ 301904 w 1136217"/>
                      <a:gd name="connsiteY12" fmla="*/ 977791 h 1744675"/>
                      <a:gd name="connsiteX13" fmla="*/ 316534 w 1136217"/>
                      <a:gd name="connsiteY13" fmla="*/ 1036313 h 1744675"/>
                      <a:gd name="connsiteX14" fmla="*/ 279958 w 1136217"/>
                      <a:gd name="connsiteY14" fmla="*/ 1131410 h 1744675"/>
                      <a:gd name="connsiteX15" fmla="*/ 170230 w 1136217"/>
                      <a:gd name="connsiteY15" fmla="*/ 1175301 h 1744675"/>
                      <a:gd name="connsiteX16" fmla="*/ 133654 w 1136217"/>
                      <a:gd name="connsiteY16" fmla="*/ 1189932 h 1744675"/>
                      <a:gd name="connsiteX17" fmla="*/ 111709 w 1136217"/>
                      <a:gd name="connsiteY17" fmla="*/ 1255769 h 1744675"/>
                      <a:gd name="connsiteX18" fmla="*/ 75133 w 1136217"/>
                      <a:gd name="connsiteY18" fmla="*/ 1285029 h 1744675"/>
                      <a:gd name="connsiteX19" fmla="*/ 9296 w 1136217"/>
                      <a:gd name="connsiteY19" fmla="*/ 1336236 h 1744675"/>
                      <a:gd name="connsiteX20" fmla="*/ 60502 w 1136217"/>
                      <a:gd name="connsiteY20" fmla="*/ 1409388 h 1744675"/>
                      <a:gd name="connsiteX21" fmla="*/ 104394 w 1136217"/>
                      <a:gd name="connsiteY21" fmla="*/ 1460594 h 1744675"/>
                      <a:gd name="connsiteX22" fmla="*/ 82448 w 1136217"/>
                      <a:gd name="connsiteY22" fmla="*/ 1592268 h 1744675"/>
                      <a:gd name="connsiteX23" fmla="*/ 111709 w 1136217"/>
                      <a:gd name="connsiteY23" fmla="*/ 1672735 h 1744675"/>
                      <a:gd name="connsiteX24" fmla="*/ 234113 w 1136217"/>
                      <a:gd name="connsiteY24" fmla="*/ 1735983 h 1744675"/>
                      <a:gd name="connsiteX25" fmla="*/ 819019 w 1136217"/>
                      <a:gd name="connsiteY25" fmla="*/ 1741088 h 1744675"/>
                      <a:gd name="connsiteX26" fmla="*/ 1031711 w 1136217"/>
                      <a:gd name="connsiteY26" fmla="*/ 1720663 h 1744675"/>
                      <a:gd name="connsiteX27" fmla="*/ 1087196 w 1136217"/>
                      <a:gd name="connsiteY27" fmla="*/ 1646626 h 1744675"/>
                      <a:gd name="connsiteX28" fmla="*/ 1052517 w 1136217"/>
                      <a:gd name="connsiteY28" fmla="*/ 1370902 h 1744675"/>
                      <a:gd name="connsiteX29" fmla="*/ 1136217 w 1136217"/>
                      <a:gd name="connsiteY29" fmla="*/ 1295726 h 1744675"/>
                      <a:gd name="connsiteX0" fmla="*/ 271199 w 1136217"/>
                      <a:gd name="connsiteY0" fmla="*/ 0 h 1744675"/>
                      <a:gd name="connsiteX1" fmla="*/ 107994 w 1136217"/>
                      <a:gd name="connsiteY1" fmla="*/ 78921 h 1744675"/>
                      <a:gd name="connsiteX2" fmla="*/ 32157 w 1136217"/>
                      <a:gd name="connsiteY2" fmla="*/ 134257 h 1744675"/>
                      <a:gd name="connsiteX3" fmla="*/ 1981 w 1136217"/>
                      <a:gd name="connsiteY3" fmla="*/ 268217 h 1744675"/>
                      <a:gd name="connsiteX4" fmla="*/ 16611 w 1136217"/>
                      <a:gd name="connsiteY4" fmla="*/ 377945 h 1744675"/>
                      <a:gd name="connsiteX5" fmla="*/ 126339 w 1136217"/>
                      <a:gd name="connsiteY5" fmla="*/ 392575 h 1744675"/>
                      <a:gd name="connsiteX6" fmla="*/ 184861 w 1136217"/>
                      <a:gd name="connsiteY6" fmla="*/ 399890 h 1744675"/>
                      <a:gd name="connsiteX7" fmla="*/ 228752 w 1136217"/>
                      <a:gd name="connsiteY7" fmla="*/ 465727 h 1744675"/>
                      <a:gd name="connsiteX8" fmla="*/ 206806 w 1136217"/>
                      <a:gd name="connsiteY8" fmla="*/ 538879 h 1744675"/>
                      <a:gd name="connsiteX9" fmla="*/ 155600 w 1136217"/>
                      <a:gd name="connsiteY9" fmla="*/ 633977 h 1744675"/>
                      <a:gd name="connsiteX10" fmla="*/ 228752 w 1136217"/>
                      <a:gd name="connsiteY10" fmla="*/ 743705 h 1744675"/>
                      <a:gd name="connsiteX11" fmla="*/ 228752 w 1136217"/>
                      <a:gd name="connsiteY11" fmla="*/ 809541 h 1744675"/>
                      <a:gd name="connsiteX12" fmla="*/ 301904 w 1136217"/>
                      <a:gd name="connsiteY12" fmla="*/ 977791 h 1744675"/>
                      <a:gd name="connsiteX13" fmla="*/ 316534 w 1136217"/>
                      <a:gd name="connsiteY13" fmla="*/ 1036313 h 1744675"/>
                      <a:gd name="connsiteX14" fmla="*/ 279958 w 1136217"/>
                      <a:gd name="connsiteY14" fmla="*/ 1131410 h 1744675"/>
                      <a:gd name="connsiteX15" fmla="*/ 170230 w 1136217"/>
                      <a:gd name="connsiteY15" fmla="*/ 1175301 h 1744675"/>
                      <a:gd name="connsiteX16" fmla="*/ 133654 w 1136217"/>
                      <a:gd name="connsiteY16" fmla="*/ 1189932 h 1744675"/>
                      <a:gd name="connsiteX17" fmla="*/ 111709 w 1136217"/>
                      <a:gd name="connsiteY17" fmla="*/ 1255769 h 1744675"/>
                      <a:gd name="connsiteX18" fmla="*/ 75133 w 1136217"/>
                      <a:gd name="connsiteY18" fmla="*/ 1285029 h 1744675"/>
                      <a:gd name="connsiteX19" fmla="*/ 9296 w 1136217"/>
                      <a:gd name="connsiteY19" fmla="*/ 1336236 h 1744675"/>
                      <a:gd name="connsiteX20" fmla="*/ 60502 w 1136217"/>
                      <a:gd name="connsiteY20" fmla="*/ 1409388 h 1744675"/>
                      <a:gd name="connsiteX21" fmla="*/ 104394 w 1136217"/>
                      <a:gd name="connsiteY21" fmla="*/ 1460594 h 1744675"/>
                      <a:gd name="connsiteX22" fmla="*/ 82448 w 1136217"/>
                      <a:gd name="connsiteY22" fmla="*/ 1592268 h 1744675"/>
                      <a:gd name="connsiteX23" fmla="*/ 111709 w 1136217"/>
                      <a:gd name="connsiteY23" fmla="*/ 1672735 h 1744675"/>
                      <a:gd name="connsiteX24" fmla="*/ 234113 w 1136217"/>
                      <a:gd name="connsiteY24" fmla="*/ 1735983 h 1744675"/>
                      <a:gd name="connsiteX25" fmla="*/ 819019 w 1136217"/>
                      <a:gd name="connsiteY25" fmla="*/ 1741088 h 1744675"/>
                      <a:gd name="connsiteX26" fmla="*/ 1031711 w 1136217"/>
                      <a:gd name="connsiteY26" fmla="*/ 1720663 h 1744675"/>
                      <a:gd name="connsiteX27" fmla="*/ 1087196 w 1136217"/>
                      <a:gd name="connsiteY27" fmla="*/ 1646626 h 1744675"/>
                      <a:gd name="connsiteX28" fmla="*/ 1052517 w 1136217"/>
                      <a:gd name="connsiteY28" fmla="*/ 1370902 h 1744675"/>
                      <a:gd name="connsiteX29" fmla="*/ 1136217 w 1136217"/>
                      <a:gd name="connsiteY29" fmla="*/ 1295726 h 1744675"/>
                      <a:gd name="connsiteX0" fmla="*/ 271199 w 1136217"/>
                      <a:gd name="connsiteY0" fmla="*/ 0 h 1744675"/>
                      <a:gd name="connsiteX1" fmla="*/ 107994 w 1136217"/>
                      <a:gd name="connsiteY1" fmla="*/ 78921 h 1744675"/>
                      <a:gd name="connsiteX2" fmla="*/ 32157 w 1136217"/>
                      <a:gd name="connsiteY2" fmla="*/ 134257 h 1744675"/>
                      <a:gd name="connsiteX3" fmla="*/ 1981 w 1136217"/>
                      <a:gd name="connsiteY3" fmla="*/ 268217 h 1744675"/>
                      <a:gd name="connsiteX4" fmla="*/ 16611 w 1136217"/>
                      <a:gd name="connsiteY4" fmla="*/ 377945 h 1744675"/>
                      <a:gd name="connsiteX5" fmla="*/ 126339 w 1136217"/>
                      <a:gd name="connsiteY5" fmla="*/ 392575 h 1744675"/>
                      <a:gd name="connsiteX6" fmla="*/ 184861 w 1136217"/>
                      <a:gd name="connsiteY6" fmla="*/ 399890 h 1744675"/>
                      <a:gd name="connsiteX7" fmla="*/ 228752 w 1136217"/>
                      <a:gd name="connsiteY7" fmla="*/ 465727 h 1744675"/>
                      <a:gd name="connsiteX8" fmla="*/ 206806 w 1136217"/>
                      <a:gd name="connsiteY8" fmla="*/ 538879 h 1744675"/>
                      <a:gd name="connsiteX9" fmla="*/ 155600 w 1136217"/>
                      <a:gd name="connsiteY9" fmla="*/ 633977 h 1744675"/>
                      <a:gd name="connsiteX10" fmla="*/ 228752 w 1136217"/>
                      <a:gd name="connsiteY10" fmla="*/ 743705 h 1744675"/>
                      <a:gd name="connsiteX11" fmla="*/ 228752 w 1136217"/>
                      <a:gd name="connsiteY11" fmla="*/ 809541 h 1744675"/>
                      <a:gd name="connsiteX12" fmla="*/ 301904 w 1136217"/>
                      <a:gd name="connsiteY12" fmla="*/ 977791 h 1744675"/>
                      <a:gd name="connsiteX13" fmla="*/ 316534 w 1136217"/>
                      <a:gd name="connsiteY13" fmla="*/ 1036313 h 1744675"/>
                      <a:gd name="connsiteX14" fmla="*/ 279958 w 1136217"/>
                      <a:gd name="connsiteY14" fmla="*/ 1131410 h 1744675"/>
                      <a:gd name="connsiteX15" fmla="*/ 170230 w 1136217"/>
                      <a:gd name="connsiteY15" fmla="*/ 1175301 h 1744675"/>
                      <a:gd name="connsiteX16" fmla="*/ 133654 w 1136217"/>
                      <a:gd name="connsiteY16" fmla="*/ 1189932 h 1744675"/>
                      <a:gd name="connsiteX17" fmla="*/ 111709 w 1136217"/>
                      <a:gd name="connsiteY17" fmla="*/ 1255769 h 1744675"/>
                      <a:gd name="connsiteX18" fmla="*/ 75133 w 1136217"/>
                      <a:gd name="connsiteY18" fmla="*/ 1285029 h 1744675"/>
                      <a:gd name="connsiteX19" fmla="*/ 9296 w 1136217"/>
                      <a:gd name="connsiteY19" fmla="*/ 1336236 h 1744675"/>
                      <a:gd name="connsiteX20" fmla="*/ 60502 w 1136217"/>
                      <a:gd name="connsiteY20" fmla="*/ 1409388 h 1744675"/>
                      <a:gd name="connsiteX21" fmla="*/ 104394 w 1136217"/>
                      <a:gd name="connsiteY21" fmla="*/ 1460594 h 1744675"/>
                      <a:gd name="connsiteX22" fmla="*/ 82448 w 1136217"/>
                      <a:gd name="connsiteY22" fmla="*/ 1592268 h 1744675"/>
                      <a:gd name="connsiteX23" fmla="*/ 111709 w 1136217"/>
                      <a:gd name="connsiteY23" fmla="*/ 1672735 h 1744675"/>
                      <a:gd name="connsiteX24" fmla="*/ 234113 w 1136217"/>
                      <a:gd name="connsiteY24" fmla="*/ 1735983 h 1744675"/>
                      <a:gd name="connsiteX25" fmla="*/ 819019 w 1136217"/>
                      <a:gd name="connsiteY25" fmla="*/ 1741088 h 1744675"/>
                      <a:gd name="connsiteX26" fmla="*/ 1031711 w 1136217"/>
                      <a:gd name="connsiteY26" fmla="*/ 1720663 h 1744675"/>
                      <a:gd name="connsiteX27" fmla="*/ 1087196 w 1136217"/>
                      <a:gd name="connsiteY27" fmla="*/ 1646626 h 1744675"/>
                      <a:gd name="connsiteX28" fmla="*/ 1052517 w 1136217"/>
                      <a:gd name="connsiteY28" fmla="*/ 1370902 h 1744675"/>
                      <a:gd name="connsiteX29" fmla="*/ 1136217 w 1136217"/>
                      <a:gd name="connsiteY29" fmla="*/ 1295726 h 1744675"/>
                      <a:gd name="connsiteX0" fmla="*/ 271199 w 1272618"/>
                      <a:gd name="connsiteY0" fmla="*/ 0 h 1744675"/>
                      <a:gd name="connsiteX1" fmla="*/ 107994 w 1272618"/>
                      <a:gd name="connsiteY1" fmla="*/ 78921 h 1744675"/>
                      <a:gd name="connsiteX2" fmla="*/ 32157 w 1272618"/>
                      <a:gd name="connsiteY2" fmla="*/ 134257 h 1744675"/>
                      <a:gd name="connsiteX3" fmla="*/ 1981 w 1272618"/>
                      <a:gd name="connsiteY3" fmla="*/ 268217 h 1744675"/>
                      <a:gd name="connsiteX4" fmla="*/ 16611 w 1272618"/>
                      <a:gd name="connsiteY4" fmla="*/ 377945 h 1744675"/>
                      <a:gd name="connsiteX5" fmla="*/ 126339 w 1272618"/>
                      <a:gd name="connsiteY5" fmla="*/ 392575 h 1744675"/>
                      <a:gd name="connsiteX6" fmla="*/ 184861 w 1272618"/>
                      <a:gd name="connsiteY6" fmla="*/ 399890 h 1744675"/>
                      <a:gd name="connsiteX7" fmla="*/ 228752 w 1272618"/>
                      <a:gd name="connsiteY7" fmla="*/ 465727 h 1744675"/>
                      <a:gd name="connsiteX8" fmla="*/ 206806 w 1272618"/>
                      <a:gd name="connsiteY8" fmla="*/ 538879 h 1744675"/>
                      <a:gd name="connsiteX9" fmla="*/ 155600 w 1272618"/>
                      <a:gd name="connsiteY9" fmla="*/ 633977 h 1744675"/>
                      <a:gd name="connsiteX10" fmla="*/ 228752 w 1272618"/>
                      <a:gd name="connsiteY10" fmla="*/ 743705 h 1744675"/>
                      <a:gd name="connsiteX11" fmla="*/ 228752 w 1272618"/>
                      <a:gd name="connsiteY11" fmla="*/ 809541 h 1744675"/>
                      <a:gd name="connsiteX12" fmla="*/ 301904 w 1272618"/>
                      <a:gd name="connsiteY12" fmla="*/ 977791 h 1744675"/>
                      <a:gd name="connsiteX13" fmla="*/ 316534 w 1272618"/>
                      <a:gd name="connsiteY13" fmla="*/ 1036313 h 1744675"/>
                      <a:gd name="connsiteX14" fmla="*/ 279958 w 1272618"/>
                      <a:gd name="connsiteY14" fmla="*/ 1131410 h 1744675"/>
                      <a:gd name="connsiteX15" fmla="*/ 170230 w 1272618"/>
                      <a:gd name="connsiteY15" fmla="*/ 1175301 h 1744675"/>
                      <a:gd name="connsiteX16" fmla="*/ 133654 w 1272618"/>
                      <a:gd name="connsiteY16" fmla="*/ 1189932 h 1744675"/>
                      <a:gd name="connsiteX17" fmla="*/ 111709 w 1272618"/>
                      <a:gd name="connsiteY17" fmla="*/ 1255769 h 1744675"/>
                      <a:gd name="connsiteX18" fmla="*/ 75133 w 1272618"/>
                      <a:gd name="connsiteY18" fmla="*/ 1285029 h 1744675"/>
                      <a:gd name="connsiteX19" fmla="*/ 9296 w 1272618"/>
                      <a:gd name="connsiteY19" fmla="*/ 1336236 h 1744675"/>
                      <a:gd name="connsiteX20" fmla="*/ 60502 w 1272618"/>
                      <a:gd name="connsiteY20" fmla="*/ 1409388 h 1744675"/>
                      <a:gd name="connsiteX21" fmla="*/ 104394 w 1272618"/>
                      <a:gd name="connsiteY21" fmla="*/ 1460594 h 1744675"/>
                      <a:gd name="connsiteX22" fmla="*/ 82448 w 1272618"/>
                      <a:gd name="connsiteY22" fmla="*/ 1592268 h 1744675"/>
                      <a:gd name="connsiteX23" fmla="*/ 111709 w 1272618"/>
                      <a:gd name="connsiteY23" fmla="*/ 1672735 h 1744675"/>
                      <a:gd name="connsiteX24" fmla="*/ 234113 w 1272618"/>
                      <a:gd name="connsiteY24" fmla="*/ 1735983 h 1744675"/>
                      <a:gd name="connsiteX25" fmla="*/ 819019 w 1272618"/>
                      <a:gd name="connsiteY25" fmla="*/ 1741088 h 1744675"/>
                      <a:gd name="connsiteX26" fmla="*/ 1031711 w 1272618"/>
                      <a:gd name="connsiteY26" fmla="*/ 1720663 h 1744675"/>
                      <a:gd name="connsiteX27" fmla="*/ 1087196 w 1272618"/>
                      <a:gd name="connsiteY27" fmla="*/ 1646626 h 1744675"/>
                      <a:gd name="connsiteX28" fmla="*/ 1052517 w 1272618"/>
                      <a:gd name="connsiteY28" fmla="*/ 1370902 h 1744675"/>
                      <a:gd name="connsiteX29" fmla="*/ 1272618 w 1272618"/>
                      <a:gd name="connsiteY29" fmla="*/ 1244666 h 1744675"/>
                      <a:gd name="connsiteX0" fmla="*/ 271199 w 1272618"/>
                      <a:gd name="connsiteY0" fmla="*/ 0 h 1744675"/>
                      <a:gd name="connsiteX1" fmla="*/ 107994 w 1272618"/>
                      <a:gd name="connsiteY1" fmla="*/ 78921 h 1744675"/>
                      <a:gd name="connsiteX2" fmla="*/ 32157 w 1272618"/>
                      <a:gd name="connsiteY2" fmla="*/ 134257 h 1744675"/>
                      <a:gd name="connsiteX3" fmla="*/ 1981 w 1272618"/>
                      <a:gd name="connsiteY3" fmla="*/ 268217 h 1744675"/>
                      <a:gd name="connsiteX4" fmla="*/ 16611 w 1272618"/>
                      <a:gd name="connsiteY4" fmla="*/ 377945 h 1744675"/>
                      <a:gd name="connsiteX5" fmla="*/ 126339 w 1272618"/>
                      <a:gd name="connsiteY5" fmla="*/ 392575 h 1744675"/>
                      <a:gd name="connsiteX6" fmla="*/ 184861 w 1272618"/>
                      <a:gd name="connsiteY6" fmla="*/ 399890 h 1744675"/>
                      <a:gd name="connsiteX7" fmla="*/ 228752 w 1272618"/>
                      <a:gd name="connsiteY7" fmla="*/ 465727 h 1744675"/>
                      <a:gd name="connsiteX8" fmla="*/ 206806 w 1272618"/>
                      <a:gd name="connsiteY8" fmla="*/ 538879 h 1744675"/>
                      <a:gd name="connsiteX9" fmla="*/ 155600 w 1272618"/>
                      <a:gd name="connsiteY9" fmla="*/ 633977 h 1744675"/>
                      <a:gd name="connsiteX10" fmla="*/ 228752 w 1272618"/>
                      <a:gd name="connsiteY10" fmla="*/ 743705 h 1744675"/>
                      <a:gd name="connsiteX11" fmla="*/ 228752 w 1272618"/>
                      <a:gd name="connsiteY11" fmla="*/ 809541 h 1744675"/>
                      <a:gd name="connsiteX12" fmla="*/ 301904 w 1272618"/>
                      <a:gd name="connsiteY12" fmla="*/ 977791 h 1744675"/>
                      <a:gd name="connsiteX13" fmla="*/ 316534 w 1272618"/>
                      <a:gd name="connsiteY13" fmla="*/ 1036313 h 1744675"/>
                      <a:gd name="connsiteX14" fmla="*/ 279958 w 1272618"/>
                      <a:gd name="connsiteY14" fmla="*/ 1131410 h 1744675"/>
                      <a:gd name="connsiteX15" fmla="*/ 170230 w 1272618"/>
                      <a:gd name="connsiteY15" fmla="*/ 1175301 h 1744675"/>
                      <a:gd name="connsiteX16" fmla="*/ 133654 w 1272618"/>
                      <a:gd name="connsiteY16" fmla="*/ 1189932 h 1744675"/>
                      <a:gd name="connsiteX17" fmla="*/ 111709 w 1272618"/>
                      <a:gd name="connsiteY17" fmla="*/ 1255769 h 1744675"/>
                      <a:gd name="connsiteX18" fmla="*/ 75133 w 1272618"/>
                      <a:gd name="connsiteY18" fmla="*/ 1285029 h 1744675"/>
                      <a:gd name="connsiteX19" fmla="*/ 9296 w 1272618"/>
                      <a:gd name="connsiteY19" fmla="*/ 1336236 h 1744675"/>
                      <a:gd name="connsiteX20" fmla="*/ 60502 w 1272618"/>
                      <a:gd name="connsiteY20" fmla="*/ 1409388 h 1744675"/>
                      <a:gd name="connsiteX21" fmla="*/ 104394 w 1272618"/>
                      <a:gd name="connsiteY21" fmla="*/ 1460594 h 1744675"/>
                      <a:gd name="connsiteX22" fmla="*/ 82448 w 1272618"/>
                      <a:gd name="connsiteY22" fmla="*/ 1592268 h 1744675"/>
                      <a:gd name="connsiteX23" fmla="*/ 111709 w 1272618"/>
                      <a:gd name="connsiteY23" fmla="*/ 1672735 h 1744675"/>
                      <a:gd name="connsiteX24" fmla="*/ 234113 w 1272618"/>
                      <a:gd name="connsiteY24" fmla="*/ 1735983 h 1744675"/>
                      <a:gd name="connsiteX25" fmla="*/ 819019 w 1272618"/>
                      <a:gd name="connsiteY25" fmla="*/ 1741088 h 1744675"/>
                      <a:gd name="connsiteX26" fmla="*/ 1031711 w 1272618"/>
                      <a:gd name="connsiteY26" fmla="*/ 1720663 h 1744675"/>
                      <a:gd name="connsiteX27" fmla="*/ 1087196 w 1272618"/>
                      <a:gd name="connsiteY27" fmla="*/ 1646626 h 1744675"/>
                      <a:gd name="connsiteX28" fmla="*/ 1052517 w 1272618"/>
                      <a:gd name="connsiteY28" fmla="*/ 1370902 h 1744675"/>
                      <a:gd name="connsiteX29" fmla="*/ 1151926 w 1272618"/>
                      <a:gd name="connsiteY29" fmla="*/ 1301971 h 1744675"/>
                      <a:gd name="connsiteX30" fmla="*/ 1272618 w 1272618"/>
                      <a:gd name="connsiteY30" fmla="*/ 1244666 h 1744675"/>
                      <a:gd name="connsiteX0" fmla="*/ 271199 w 1272618"/>
                      <a:gd name="connsiteY0" fmla="*/ 0 h 1744675"/>
                      <a:gd name="connsiteX1" fmla="*/ 107994 w 1272618"/>
                      <a:gd name="connsiteY1" fmla="*/ 78921 h 1744675"/>
                      <a:gd name="connsiteX2" fmla="*/ 32157 w 1272618"/>
                      <a:gd name="connsiteY2" fmla="*/ 134257 h 1744675"/>
                      <a:gd name="connsiteX3" fmla="*/ 1981 w 1272618"/>
                      <a:gd name="connsiteY3" fmla="*/ 268217 h 1744675"/>
                      <a:gd name="connsiteX4" fmla="*/ 16611 w 1272618"/>
                      <a:gd name="connsiteY4" fmla="*/ 377945 h 1744675"/>
                      <a:gd name="connsiteX5" fmla="*/ 126339 w 1272618"/>
                      <a:gd name="connsiteY5" fmla="*/ 392575 h 1744675"/>
                      <a:gd name="connsiteX6" fmla="*/ 184861 w 1272618"/>
                      <a:gd name="connsiteY6" fmla="*/ 399890 h 1744675"/>
                      <a:gd name="connsiteX7" fmla="*/ 228752 w 1272618"/>
                      <a:gd name="connsiteY7" fmla="*/ 465727 h 1744675"/>
                      <a:gd name="connsiteX8" fmla="*/ 206806 w 1272618"/>
                      <a:gd name="connsiteY8" fmla="*/ 538879 h 1744675"/>
                      <a:gd name="connsiteX9" fmla="*/ 155600 w 1272618"/>
                      <a:gd name="connsiteY9" fmla="*/ 633977 h 1744675"/>
                      <a:gd name="connsiteX10" fmla="*/ 228752 w 1272618"/>
                      <a:gd name="connsiteY10" fmla="*/ 743705 h 1744675"/>
                      <a:gd name="connsiteX11" fmla="*/ 228752 w 1272618"/>
                      <a:gd name="connsiteY11" fmla="*/ 809541 h 1744675"/>
                      <a:gd name="connsiteX12" fmla="*/ 301904 w 1272618"/>
                      <a:gd name="connsiteY12" fmla="*/ 977791 h 1744675"/>
                      <a:gd name="connsiteX13" fmla="*/ 316534 w 1272618"/>
                      <a:gd name="connsiteY13" fmla="*/ 1036313 h 1744675"/>
                      <a:gd name="connsiteX14" fmla="*/ 279958 w 1272618"/>
                      <a:gd name="connsiteY14" fmla="*/ 1131410 h 1744675"/>
                      <a:gd name="connsiteX15" fmla="*/ 170230 w 1272618"/>
                      <a:gd name="connsiteY15" fmla="*/ 1175301 h 1744675"/>
                      <a:gd name="connsiteX16" fmla="*/ 133654 w 1272618"/>
                      <a:gd name="connsiteY16" fmla="*/ 1189932 h 1744675"/>
                      <a:gd name="connsiteX17" fmla="*/ 111709 w 1272618"/>
                      <a:gd name="connsiteY17" fmla="*/ 1255769 h 1744675"/>
                      <a:gd name="connsiteX18" fmla="*/ 75133 w 1272618"/>
                      <a:gd name="connsiteY18" fmla="*/ 1285029 h 1744675"/>
                      <a:gd name="connsiteX19" fmla="*/ 9296 w 1272618"/>
                      <a:gd name="connsiteY19" fmla="*/ 1336236 h 1744675"/>
                      <a:gd name="connsiteX20" fmla="*/ 60502 w 1272618"/>
                      <a:gd name="connsiteY20" fmla="*/ 1409388 h 1744675"/>
                      <a:gd name="connsiteX21" fmla="*/ 104394 w 1272618"/>
                      <a:gd name="connsiteY21" fmla="*/ 1460594 h 1744675"/>
                      <a:gd name="connsiteX22" fmla="*/ 82448 w 1272618"/>
                      <a:gd name="connsiteY22" fmla="*/ 1592268 h 1744675"/>
                      <a:gd name="connsiteX23" fmla="*/ 111709 w 1272618"/>
                      <a:gd name="connsiteY23" fmla="*/ 1672735 h 1744675"/>
                      <a:gd name="connsiteX24" fmla="*/ 234113 w 1272618"/>
                      <a:gd name="connsiteY24" fmla="*/ 1735983 h 1744675"/>
                      <a:gd name="connsiteX25" fmla="*/ 819019 w 1272618"/>
                      <a:gd name="connsiteY25" fmla="*/ 1741088 h 1744675"/>
                      <a:gd name="connsiteX26" fmla="*/ 1031711 w 1272618"/>
                      <a:gd name="connsiteY26" fmla="*/ 1720663 h 1744675"/>
                      <a:gd name="connsiteX27" fmla="*/ 1087196 w 1272618"/>
                      <a:gd name="connsiteY27" fmla="*/ 1646626 h 1744675"/>
                      <a:gd name="connsiteX28" fmla="*/ 1052517 w 1272618"/>
                      <a:gd name="connsiteY28" fmla="*/ 1370902 h 1744675"/>
                      <a:gd name="connsiteX29" fmla="*/ 1151926 w 1272618"/>
                      <a:gd name="connsiteY29" fmla="*/ 1301971 h 1744675"/>
                      <a:gd name="connsiteX30" fmla="*/ 1272618 w 1272618"/>
                      <a:gd name="connsiteY30" fmla="*/ 1244666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466816 w 1466816"/>
                      <a:gd name="connsiteY30"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311446 w 1466816"/>
                      <a:gd name="connsiteY30" fmla="*/ 1194745 h 1744675"/>
                      <a:gd name="connsiteX31" fmla="*/ 1466816 w 1466816"/>
                      <a:gd name="connsiteY31"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267520 w 1466816"/>
                      <a:gd name="connsiteY30" fmla="*/ 1253464 h 1744675"/>
                      <a:gd name="connsiteX31" fmla="*/ 1311446 w 1466816"/>
                      <a:gd name="connsiteY31" fmla="*/ 1194745 h 1744675"/>
                      <a:gd name="connsiteX32" fmla="*/ 1466816 w 1466816"/>
                      <a:gd name="connsiteY32"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267520 w 1466816"/>
                      <a:gd name="connsiteY30" fmla="*/ 1253464 h 1744675"/>
                      <a:gd name="connsiteX31" fmla="*/ 1311446 w 1466816"/>
                      <a:gd name="connsiteY31" fmla="*/ 1194745 h 1744675"/>
                      <a:gd name="connsiteX32" fmla="*/ 1466816 w 1466816"/>
                      <a:gd name="connsiteY32"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267520 w 1466816"/>
                      <a:gd name="connsiteY30" fmla="*/ 1253464 h 1744675"/>
                      <a:gd name="connsiteX31" fmla="*/ 1332253 w 1466816"/>
                      <a:gd name="connsiteY31" fmla="*/ 1189640 h 1744675"/>
                      <a:gd name="connsiteX32" fmla="*/ 1466816 w 1466816"/>
                      <a:gd name="connsiteY32"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267520 w 1466816"/>
                      <a:gd name="connsiteY30" fmla="*/ 1253464 h 1744675"/>
                      <a:gd name="connsiteX31" fmla="*/ 1332253 w 1466816"/>
                      <a:gd name="connsiteY31" fmla="*/ 1189640 h 1744675"/>
                      <a:gd name="connsiteX32" fmla="*/ 1466816 w 1466816"/>
                      <a:gd name="connsiteY32" fmla="*/ 1147651 h 1744675"/>
                      <a:gd name="connsiteX0" fmla="*/ 271199 w 1466816"/>
                      <a:gd name="connsiteY0" fmla="*/ 0 h 1744675"/>
                      <a:gd name="connsiteX1" fmla="*/ 107994 w 1466816"/>
                      <a:gd name="connsiteY1" fmla="*/ 78921 h 1744675"/>
                      <a:gd name="connsiteX2" fmla="*/ 32157 w 1466816"/>
                      <a:gd name="connsiteY2" fmla="*/ 134257 h 1744675"/>
                      <a:gd name="connsiteX3" fmla="*/ 1981 w 1466816"/>
                      <a:gd name="connsiteY3" fmla="*/ 268217 h 1744675"/>
                      <a:gd name="connsiteX4" fmla="*/ 16611 w 1466816"/>
                      <a:gd name="connsiteY4" fmla="*/ 377945 h 1744675"/>
                      <a:gd name="connsiteX5" fmla="*/ 126339 w 1466816"/>
                      <a:gd name="connsiteY5" fmla="*/ 392575 h 1744675"/>
                      <a:gd name="connsiteX6" fmla="*/ 184861 w 1466816"/>
                      <a:gd name="connsiteY6" fmla="*/ 399890 h 1744675"/>
                      <a:gd name="connsiteX7" fmla="*/ 228752 w 1466816"/>
                      <a:gd name="connsiteY7" fmla="*/ 465727 h 1744675"/>
                      <a:gd name="connsiteX8" fmla="*/ 206806 w 1466816"/>
                      <a:gd name="connsiteY8" fmla="*/ 538879 h 1744675"/>
                      <a:gd name="connsiteX9" fmla="*/ 155600 w 1466816"/>
                      <a:gd name="connsiteY9" fmla="*/ 633977 h 1744675"/>
                      <a:gd name="connsiteX10" fmla="*/ 228752 w 1466816"/>
                      <a:gd name="connsiteY10" fmla="*/ 743705 h 1744675"/>
                      <a:gd name="connsiteX11" fmla="*/ 228752 w 1466816"/>
                      <a:gd name="connsiteY11" fmla="*/ 809541 h 1744675"/>
                      <a:gd name="connsiteX12" fmla="*/ 301904 w 1466816"/>
                      <a:gd name="connsiteY12" fmla="*/ 977791 h 1744675"/>
                      <a:gd name="connsiteX13" fmla="*/ 316534 w 1466816"/>
                      <a:gd name="connsiteY13" fmla="*/ 1036313 h 1744675"/>
                      <a:gd name="connsiteX14" fmla="*/ 279958 w 1466816"/>
                      <a:gd name="connsiteY14" fmla="*/ 1131410 h 1744675"/>
                      <a:gd name="connsiteX15" fmla="*/ 170230 w 1466816"/>
                      <a:gd name="connsiteY15" fmla="*/ 1175301 h 1744675"/>
                      <a:gd name="connsiteX16" fmla="*/ 133654 w 1466816"/>
                      <a:gd name="connsiteY16" fmla="*/ 1189932 h 1744675"/>
                      <a:gd name="connsiteX17" fmla="*/ 111709 w 1466816"/>
                      <a:gd name="connsiteY17" fmla="*/ 1255769 h 1744675"/>
                      <a:gd name="connsiteX18" fmla="*/ 75133 w 1466816"/>
                      <a:gd name="connsiteY18" fmla="*/ 1285029 h 1744675"/>
                      <a:gd name="connsiteX19" fmla="*/ 9296 w 1466816"/>
                      <a:gd name="connsiteY19" fmla="*/ 1336236 h 1744675"/>
                      <a:gd name="connsiteX20" fmla="*/ 60502 w 1466816"/>
                      <a:gd name="connsiteY20" fmla="*/ 1409388 h 1744675"/>
                      <a:gd name="connsiteX21" fmla="*/ 104394 w 1466816"/>
                      <a:gd name="connsiteY21" fmla="*/ 1460594 h 1744675"/>
                      <a:gd name="connsiteX22" fmla="*/ 82448 w 1466816"/>
                      <a:gd name="connsiteY22" fmla="*/ 1592268 h 1744675"/>
                      <a:gd name="connsiteX23" fmla="*/ 111709 w 1466816"/>
                      <a:gd name="connsiteY23" fmla="*/ 1672735 h 1744675"/>
                      <a:gd name="connsiteX24" fmla="*/ 234113 w 1466816"/>
                      <a:gd name="connsiteY24" fmla="*/ 1735983 h 1744675"/>
                      <a:gd name="connsiteX25" fmla="*/ 819019 w 1466816"/>
                      <a:gd name="connsiteY25" fmla="*/ 1741088 h 1744675"/>
                      <a:gd name="connsiteX26" fmla="*/ 1031711 w 1466816"/>
                      <a:gd name="connsiteY26" fmla="*/ 1720663 h 1744675"/>
                      <a:gd name="connsiteX27" fmla="*/ 1087196 w 1466816"/>
                      <a:gd name="connsiteY27" fmla="*/ 1646626 h 1744675"/>
                      <a:gd name="connsiteX28" fmla="*/ 1052517 w 1466816"/>
                      <a:gd name="connsiteY28" fmla="*/ 1370902 h 1744675"/>
                      <a:gd name="connsiteX29" fmla="*/ 1151926 w 1466816"/>
                      <a:gd name="connsiteY29" fmla="*/ 1301971 h 1744675"/>
                      <a:gd name="connsiteX30" fmla="*/ 1267520 w 1466816"/>
                      <a:gd name="connsiteY30" fmla="*/ 1253464 h 1744675"/>
                      <a:gd name="connsiteX31" fmla="*/ 1332253 w 1466816"/>
                      <a:gd name="connsiteY31" fmla="*/ 1189640 h 1744675"/>
                      <a:gd name="connsiteX32" fmla="*/ 1466816 w 1466816"/>
                      <a:gd name="connsiteY32" fmla="*/ 1147651 h 1744675"/>
                      <a:gd name="connsiteX0" fmla="*/ 661906 w 1466816"/>
                      <a:gd name="connsiteY0" fmla="*/ 0 h 1818711"/>
                      <a:gd name="connsiteX1" fmla="*/ 107994 w 1466816"/>
                      <a:gd name="connsiteY1" fmla="*/ 152957 h 1818711"/>
                      <a:gd name="connsiteX2" fmla="*/ 32157 w 1466816"/>
                      <a:gd name="connsiteY2" fmla="*/ 208293 h 1818711"/>
                      <a:gd name="connsiteX3" fmla="*/ 1981 w 1466816"/>
                      <a:gd name="connsiteY3" fmla="*/ 342253 h 1818711"/>
                      <a:gd name="connsiteX4" fmla="*/ 16611 w 1466816"/>
                      <a:gd name="connsiteY4" fmla="*/ 451981 h 1818711"/>
                      <a:gd name="connsiteX5" fmla="*/ 126339 w 1466816"/>
                      <a:gd name="connsiteY5" fmla="*/ 466611 h 1818711"/>
                      <a:gd name="connsiteX6" fmla="*/ 184861 w 1466816"/>
                      <a:gd name="connsiteY6" fmla="*/ 473926 h 1818711"/>
                      <a:gd name="connsiteX7" fmla="*/ 228752 w 1466816"/>
                      <a:gd name="connsiteY7" fmla="*/ 539763 h 1818711"/>
                      <a:gd name="connsiteX8" fmla="*/ 206806 w 1466816"/>
                      <a:gd name="connsiteY8" fmla="*/ 612915 h 1818711"/>
                      <a:gd name="connsiteX9" fmla="*/ 155600 w 1466816"/>
                      <a:gd name="connsiteY9" fmla="*/ 708013 h 1818711"/>
                      <a:gd name="connsiteX10" fmla="*/ 228752 w 1466816"/>
                      <a:gd name="connsiteY10" fmla="*/ 817741 h 1818711"/>
                      <a:gd name="connsiteX11" fmla="*/ 228752 w 1466816"/>
                      <a:gd name="connsiteY11" fmla="*/ 883577 h 1818711"/>
                      <a:gd name="connsiteX12" fmla="*/ 301904 w 1466816"/>
                      <a:gd name="connsiteY12" fmla="*/ 1051827 h 1818711"/>
                      <a:gd name="connsiteX13" fmla="*/ 316534 w 1466816"/>
                      <a:gd name="connsiteY13" fmla="*/ 1110349 h 1818711"/>
                      <a:gd name="connsiteX14" fmla="*/ 279958 w 1466816"/>
                      <a:gd name="connsiteY14" fmla="*/ 1205446 h 1818711"/>
                      <a:gd name="connsiteX15" fmla="*/ 170230 w 1466816"/>
                      <a:gd name="connsiteY15" fmla="*/ 1249337 h 1818711"/>
                      <a:gd name="connsiteX16" fmla="*/ 133654 w 1466816"/>
                      <a:gd name="connsiteY16" fmla="*/ 1263968 h 1818711"/>
                      <a:gd name="connsiteX17" fmla="*/ 111709 w 1466816"/>
                      <a:gd name="connsiteY17" fmla="*/ 1329805 h 1818711"/>
                      <a:gd name="connsiteX18" fmla="*/ 75133 w 1466816"/>
                      <a:gd name="connsiteY18" fmla="*/ 1359065 h 1818711"/>
                      <a:gd name="connsiteX19" fmla="*/ 9296 w 1466816"/>
                      <a:gd name="connsiteY19" fmla="*/ 1410272 h 1818711"/>
                      <a:gd name="connsiteX20" fmla="*/ 60502 w 1466816"/>
                      <a:gd name="connsiteY20" fmla="*/ 1483424 h 1818711"/>
                      <a:gd name="connsiteX21" fmla="*/ 104394 w 1466816"/>
                      <a:gd name="connsiteY21" fmla="*/ 1534630 h 1818711"/>
                      <a:gd name="connsiteX22" fmla="*/ 82448 w 1466816"/>
                      <a:gd name="connsiteY22" fmla="*/ 1666304 h 1818711"/>
                      <a:gd name="connsiteX23" fmla="*/ 111709 w 1466816"/>
                      <a:gd name="connsiteY23" fmla="*/ 1746771 h 1818711"/>
                      <a:gd name="connsiteX24" fmla="*/ 234113 w 1466816"/>
                      <a:gd name="connsiteY24" fmla="*/ 1810019 h 1818711"/>
                      <a:gd name="connsiteX25" fmla="*/ 819019 w 1466816"/>
                      <a:gd name="connsiteY25" fmla="*/ 1815124 h 1818711"/>
                      <a:gd name="connsiteX26" fmla="*/ 1031711 w 1466816"/>
                      <a:gd name="connsiteY26" fmla="*/ 1794699 h 1818711"/>
                      <a:gd name="connsiteX27" fmla="*/ 1087196 w 1466816"/>
                      <a:gd name="connsiteY27" fmla="*/ 1720662 h 1818711"/>
                      <a:gd name="connsiteX28" fmla="*/ 1052517 w 1466816"/>
                      <a:gd name="connsiteY28" fmla="*/ 1444938 h 1818711"/>
                      <a:gd name="connsiteX29" fmla="*/ 1151926 w 1466816"/>
                      <a:gd name="connsiteY29" fmla="*/ 1376007 h 1818711"/>
                      <a:gd name="connsiteX30" fmla="*/ 1267520 w 1466816"/>
                      <a:gd name="connsiteY30" fmla="*/ 1327500 h 1818711"/>
                      <a:gd name="connsiteX31" fmla="*/ 1332253 w 1466816"/>
                      <a:gd name="connsiteY31" fmla="*/ 1263676 h 1818711"/>
                      <a:gd name="connsiteX32" fmla="*/ 1466816 w 1466816"/>
                      <a:gd name="connsiteY32" fmla="*/ 1221687 h 1818711"/>
                      <a:gd name="connsiteX0" fmla="*/ 661906 w 1466816"/>
                      <a:gd name="connsiteY0" fmla="*/ 39341 h 1858052"/>
                      <a:gd name="connsiteX1" fmla="*/ 541591 w 1466816"/>
                      <a:gd name="connsiteY1" fmla="*/ 6095 h 1858052"/>
                      <a:gd name="connsiteX2" fmla="*/ 107994 w 1466816"/>
                      <a:gd name="connsiteY2" fmla="*/ 192298 h 1858052"/>
                      <a:gd name="connsiteX3" fmla="*/ 32157 w 1466816"/>
                      <a:gd name="connsiteY3" fmla="*/ 247634 h 1858052"/>
                      <a:gd name="connsiteX4" fmla="*/ 1981 w 1466816"/>
                      <a:gd name="connsiteY4" fmla="*/ 381594 h 1858052"/>
                      <a:gd name="connsiteX5" fmla="*/ 16611 w 1466816"/>
                      <a:gd name="connsiteY5" fmla="*/ 491322 h 1858052"/>
                      <a:gd name="connsiteX6" fmla="*/ 126339 w 1466816"/>
                      <a:gd name="connsiteY6" fmla="*/ 505952 h 1858052"/>
                      <a:gd name="connsiteX7" fmla="*/ 184861 w 1466816"/>
                      <a:gd name="connsiteY7" fmla="*/ 513267 h 1858052"/>
                      <a:gd name="connsiteX8" fmla="*/ 228752 w 1466816"/>
                      <a:gd name="connsiteY8" fmla="*/ 579104 h 1858052"/>
                      <a:gd name="connsiteX9" fmla="*/ 206806 w 1466816"/>
                      <a:gd name="connsiteY9" fmla="*/ 652256 h 1858052"/>
                      <a:gd name="connsiteX10" fmla="*/ 155600 w 1466816"/>
                      <a:gd name="connsiteY10" fmla="*/ 747354 h 1858052"/>
                      <a:gd name="connsiteX11" fmla="*/ 228752 w 1466816"/>
                      <a:gd name="connsiteY11" fmla="*/ 857082 h 1858052"/>
                      <a:gd name="connsiteX12" fmla="*/ 228752 w 1466816"/>
                      <a:gd name="connsiteY12" fmla="*/ 922918 h 1858052"/>
                      <a:gd name="connsiteX13" fmla="*/ 301904 w 1466816"/>
                      <a:gd name="connsiteY13" fmla="*/ 1091168 h 1858052"/>
                      <a:gd name="connsiteX14" fmla="*/ 316534 w 1466816"/>
                      <a:gd name="connsiteY14" fmla="*/ 1149690 h 1858052"/>
                      <a:gd name="connsiteX15" fmla="*/ 279958 w 1466816"/>
                      <a:gd name="connsiteY15" fmla="*/ 1244787 h 1858052"/>
                      <a:gd name="connsiteX16" fmla="*/ 170230 w 1466816"/>
                      <a:gd name="connsiteY16" fmla="*/ 1288678 h 1858052"/>
                      <a:gd name="connsiteX17" fmla="*/ 133654 w 1466816"/>
                      <a:gd name="connsiteY17" fmla="*/ 1303309 h 1858052"/>
                      <a:gd name="connsiteX18" fmla="*/ 111709 w 1466816"/>
                      <a:gd name="connsiteY18" fmla="*/ 1369146 h 1858052"/>
                      <a:gd name="connsiteX19" fmla="*/ 75133 w 1466816"/>
                      <a:gd name="connsiteY19" fmla="*/ 1398406 h 1858052"/>
                      <a:gd name="connsiteX20" fmla="*/ 9296 w 1466816"/>
                      <a:gd name="connsiteY20" fmla="*/ 1449613 h 1858052"/>
                      <a:gd name="connsiteX21" fmla="*/ 60502 w 1466816"/>
                      <a:gd name="connsiteY21" fmla="*/ 1522765 h 1858052"/>
                      <a:gd name="connsiteX22" fmla="*/ 104394 w 1466816"/>
                      <a:gd name="connsiteY22" fmla="*/ 1573971 h 1858052"/>
                      <a:gd name="connsiteX23" fmla="*/ 82448 w 1466816"/>
                      <a:gd name="connsiteY23" fmla="*/ 1705645 h 1858052"/>
                      <a:gd name="connsiteX24" fmla="*/ 111709 w 1466816"/>
                      <a:gd name="connsiteY24" fmla="*/ 1786112 h 1858052"/>
                      <a:gd name="connsiteX25" fmla="*/ 234113 w 1466816"/>
                      <a:gd name="connsiteY25" fmla="*/ 1849360 h 1858052"/>
                      <a:gd name="connsiteX26" fmla="*/ 819019 w 1466816"/>
                      <a:gd name="connsiteY26" fmla="*/ 1854465 h 1858052"/>
                      <a:gd name="connsiteX27" fmla="*/ 1031711 w 1466816"/>
                      <a:gd name="connsiteY27" fmla="*/ 1834040 h 1858052"/>
                      <a:gd name="connsiteX28" fmla="*/ 1087196 w 1466816"/>
                      <a:gd name="connsiteY28" fmla="*/ 1760003 h 1858052"/>
                      <a:gd name="connsiteX29" fmla="*/ 1052517 w 1466816"/>
                      <a:gd name="connsiteY29" fmla="*/ 1484279 h 1858052"/>
                      <a:gd name="connsiteX30" fmla="*/ 1151926 w 1466816"/>
                      <a:gd name="connsiteY30" fmla="*/ 1415348 h 1858052"/>
                      <a:gd name="connsiteX31" fmla="*/ 1267520 w 1466816"/>
                      <a:gd name="connsiteY31" fmla="*/ 1366841 h 1858052"/>
                      <a:gd name="connsiteX32" fmla="*/ 1332253 w 1466816"/>
                      <a:gd name="connsiteY32" fmla="*/ 1303017 h 1858052"/>
                      <a:gd name="connsiteX33" fmla="*/ 1466816 w 1466816"/>
                      <a:gd name="connsiteY33" fmla="*/ 1261028 h 1858052"/>
                      <a:gd name="connsiteX0" fmla="*/ 661906 w 1466816"/>
                      <a:gd name="connsiteY0" fmla="*/ 33246 h 1851957"/>
                      <a:gd name="connsiteX1" fmla="*/ 541591 w 1466816"/>
                      <a:gd name="connsiteY1" fmla="*/ 0 h 1851957"/>
                      <a:gd name="connsiteX2" fmla="*/ 107994 w 1466816"/>
                      <a:gd name="connsiteY2" fmla="*/ 186203 h 1851957"/>
                      <a:gd name="connsiteX3" fmla="*/ 32157 w 1466816"/>
                      <a:gd name="connsiteY3" fmla="*/ 241539 h 1851957"/>
                      <a:gd name="connsiteX4" fmla="*/ 1981 w 1466816"/>
                      <a:gd name="connsiteY4" fmla="*/ 375499 h 1851957"/>
                      <a:gd name="connsiteX5" fmla="*/ 16611 w 1466816"/>
                      <a:gd name="connsiteY5" fmla="*/ 485227 h 1851957"/>
                      <a:gd name="connsiteX6" fmla="*/ 126339 w 1466816"/>
                      <a:gd name="connsiteY6" fmla="*/ 499857 h 1851957"/>
                      <a:gd name="connsiteX7" fmla="*/ 184861 w 1466816"/>
                      <a:gd name="connsiteY7" fmla="*/ 507172 h 1851957"/>
                      <a:gd name="connsiteX8" fmla="*/ 228752 w 1466816"/>
                      <a:gd name="connsiteY8" fmla="*/ 573009 h 1851957"/>
                      <a:gd name="connsiteX9" fmla="*/ 206806 w 1466816"/>
                      <a:gd name="connsiteY9" fmla="*/ 646161 h 1851957"/>
                      <a:gd name="connsiteX10" fmla="*/ 155600 w 1466816"/>
                      <a:gd name="connsiteY10" fmla="*/ 741259 h 1851957"/>
                      <a:gd name="connsiteX11" fmla="*/ 228752 w 1466816"/>
                      <a:gd name="connsiteY11" fmla="*/ 850987 h 1851957"/>
                      <a:gd name="connsiteX12" fmla="*/ 228752 w 1466816"/>
                      <a:gd name="connsiteY12" fmla="*/ 916823 h 1851957"/>
                      <a:gd name="connsiteX13" fmla="*/ 301904 w 1466816"/>
                      <a:gd name="connsiteY13" fmla="*/ 1085073 h 1851957"/>
                      <a:gd name="connsiteX14" fmla="*/ 316534 w 1466816"/>
                      <a:gd name="connsiteY14" fmla="*/ 1143595 h 1851957"/>
                      <a:gd name="connsiteX15" fmla="*/ 279958 w 1466816"/>
                      <a:gd name="connsiteY15" fmla="*/ 1238692 h 1851957"/>
                      <a:gd name="connsiteX16" fmla="*/ 170230 w 1466816"/>
                      <a:gd name="connsiteY16" fmla="*/ 1282583 h 1851957"/>
                      <a:gd name="connsiteX17" fmla="*/ 133654 w 1466816"/>
                      <a:gd name="connsiteY17" fmla="*/ 1297214 h 1851957"/>
                      <a:gd name="connsiteX18" fmla="*/ 111709 w 1466816"/>
                      <a:gd name="connsiteY18" fmla="*/ 1363051 h 1851957"/>
                      <a:gd name="connsiteX19" fmla="*/ 75133 w 1466816"/>
                      <a:gd name="connsiteY19" fmla="*/ 1392311 h 1851957"/>
                      <a:gd name="connsiteX20" fmla="*/ 9296 w 1466816"/>
                      <a:gd name="connsiteY20" fmla="*/ 1443518 h 1851957"/>
                      <a:gd name="connsiteX21" fmla="*/ 60502 w 1466816"/>
                      <a:gd name="connsiteY21" fmla="*/ 1516670 h 1851957"/>
                      <a:gd name="connsiteX22" fmla="*/ 104394 w 1466816"/>
                      <a:gd name="connsiteY22" fmla="*/ 1567876 h 1851957"/>
                      <a:gd name="connsiteX23" fmla="*/ 82448 w 1466816"/>
                      <a:gd name="connsiteY23" fmla="*/ 1699550 h 1851957"/>
                      <a:gd name="connsiteX24" fmla="*/ 111709 w 1466816"/>
                      <a:gd name="connsiteY24" fmla="*/ 1780017 h 1851957"/>
                      <a:gd name="connsiteX25" fmla="*/ 234113 w 1466816"/>
                      <a:gd name="connsiteY25" fmla="*/ 1843265 h 1851957"/>
                      <a:gd name="connsiteX26" fmla="*/ 819019 w 1466816"/>
                      <a:gd name="connsiteY26" fmla="*/ 1848370 h 1851957"/>
                      <a:gd name="connsiteX27" fmla="*/ 1031711 w 1466816"/>
                      <a:gd name="connsiteY27" fmla="*/ 1827945 h 1851957"/>
                      <a:gd name="connsiteX28" fmla="*/ 1087196 w 1466816"/>
                      <a:gd name="connsiteY28" fmla="*/ 1753908 h 1851957"/>
                      <a:gd name="connsiteX29" fmla="*/ 1052517 w 1466816"/>
                      <a:gd name="connsiteY29" fmla="*/ 1478184 h 1851957"/>
                      <a:gd name="connsiteX30" fmla="*/ 1151926 w 1466816"/>
                      <a:gd name="connsiteY30" fmla="*/ 1409253 h 1851957"/>
                      <a:gd name="connsiteX31" fmla="*/ 1267520 w 1466816"/>
                      <a:gd name="connsiteY31" fmla="*/ 1360746 h 1851957"/>
                      <a:gd name="connsiteX32" fmla="*/ 1332253 w 1466816"/>
                      <a:gd name="connsiteY32" fmla="*/ 1296922 h 1851957"/>
                      <a:gd name="connsiteX33" fmla="*/ 1466816 w 1466816"/>
                      <a:gd name="connsiteY33" fmla="*/ 1254933 h 1851957"/>
                      <a:gd name="connsiteX0" fmla="*/ 1112722 w 1466816"/>
                      <a:gd name="connsiteY0" fmla="*/ 76646 h 1851957"/>
                      <a:gd name="connsiteX1" fmla="*/ 541591 w 1466816"/>
                      <a:gd name="connsiteY1" fmla="*/ 0 h 1851957"/>
                      <a:gd name="connsiteX2" fmla="*/ 107994 w 1466816"/>
                      <a:gd name="connsiteY2" fmla="*/ 186203 h 1851957"/>
                      <a:gd name="connsiteX3" fmla="*/ 32157 w 1466816"/>
                      <a:gd name="connsiteY3" fmla="*/ 241539 h 1851957"/>
                      <a:gd name="connsiteX4" fmla="*/ 1981 w 1466816"/>
                      <a:gd name="connsiteY4" fmla="*/ 375499 h 1851957"/>
                      <a:gd name="connsiteX5" fmla="*/ 16611 w 1466816"/>
                      <a:gd name="connsiteY5" fmla="*/ 485227 h 1851957"/>
                      <a:gd name="connsiteX6" fmla="*/ 126339 w 1466816"/>
                      <a:gd name="connsiteY6" fmla="*/ 499857 h 1851957"/>
                      <a:gd name="connsiteX7" fmla="*/ 184861 w 1466816"/>
                      <a:gd name="connsiteY7" fmla="*/ 507172 h 1851957"/>
                      <a:gd name="connsiteX8" fmla="*/ 228752 w 1466816"/>
                      <a:gd name="connsiteY8" fmla="*/ 573009 h 1851957"/>
                      <a:gd name="connsiteX9" fmla="*/ 206806 w 1466816"/>
                      <a:gd name="connsiteY9" fmla="*/ 646161 h 1851957"/>
                      <a:gd name="connsiteX10" fmla="*/ 155600 w 1466816"/>
                      <a:gd name="connsiteY10" fmla="*/ 741259 h 1851957"/>
                      <a:gd name="connsiteX11" fmla="*/ 228752 w 1466816"/>
                      <a:gd name="connsiteY11" fmla="*/ 850987 h 1851957"/>
                      <a:gd name="connsiteX12" fmla="*/ 228752 w 1466816"/>
                      <a:gd name="connsiteY12" fmla="*/ 916823 h 1851957"/>
                      <a:gd name="connsiteX13" fmla="*/ 301904 w 1466816"/>
                      <a:gd name="connsiteY13" fmla="*/ 1085073 h 1851957"/>
                      <a:gd name="connsiteX14" fmla="*/ 316534 w 1466816"/>
                      <a:gd name="connsiteY14" fmla="*/ 1143595 h 1851957"/>
                      <a:gd name="connsiteX15" fmla="*/ 279958 w 1466816"/>
                      <a:gd name="connsiteY15" fmla="*/ 1238692 h 1851957"/>
                      <a:gd name="connsiteX16" fmla="*/ 170230 w 1466816"/>
                      <a:gd name="connsiteY16" fmla="*/ 1282583 h 1851957"/>
                      <a:gd name="connsiteX17" fmla="*/ 133654 w 1466816"/>
                      <a:gd name="connsiteY17" fmla="*/ 1297214 h 1851957"/>
                      <a:gd name="connsiteX18" fmla="*/ 111709 w 1466816"/>
                      <a:gd name="connsiteY18" fmla="*/ 1363051 h 1851957"/>
                      <a:gd name="connsiteX19" fmla="*/ 75133 w 1466816"/>
                      <a:gd name="connsiteY19" fmla="*/ 1392311 h 1851957"/>
                      <a:gd name="connsiteX20" fmla="*/ 9296 w 1466816"/>
                      <a:gd name="connsiteY20" fmla="*/ 1443518 h 1851957"/>
                      <a:gd name="connsiteX21" fmla="*/ 60502 w 1466816"/>
                      <a:gd name="connsiteY21" fmla="*/ 1516670 h 1851957"/>
                      <a:gd name="connsiteX22" fmla="*/ 104394 w 1466816"/>
                      <a:gd name="connsiteY22" fmla="*/ 1567876 h 1851957"/>
                      <a:gd name="connsiteX23" fmla="*/ 82448 w 1466816"/>
                      <a:gd name="connsiteY23" fmla="*/ 1699550 h 1851957"/>
                      <a:gd name="connsiteX24" fmla="*/ 111709 w 1466816"/>
                      <a:gd name="connsiteY24" fmla="*/ 1780017 h 1851957"/>
                      <a:gd name="connsiteX25" fmla="*/ 234113 w 1466816"/>
                      <a:gd name="connsiteY25" fmla="*/ 1843265 h 1851957"/>
                      <a:gd name="connsiteX26" fmla="*/ 819019 w 1466816"/>
                      <a:gd name="connsiteY26" fmla="*/ 1848370 h 1851957"/>
                      <a:gd name="connsiteX27" fmla="*/ 1031711 w 1466816"/>
                      <a:gd name="connsiteY27" fmla="*/ 1827945 h 1851957"/>
                      <a:gd name="connsiteX28" fmla="*/ 1087196 w 1466816"/>
                      <a:gd name="connsiteY28" fmla="*/ 1753908 h 1851957"/>
                      <a:gd name="connsiteX29" fmla="*/ 1052517 w 1466816"/>
                      <a:gd name="connsiteY29" fmla="*/ 1478184 h 1851957"/>
                      <a:gd name="connsiteX30" fmla="*/ 1151926 w 1466816"/>
                      <a:gd name="connsiteY30" fmla="*/ 1409253 h 1851957"/>
                      <a:gd name="connsiteX31" fmla="*/ 1267520 w 1466816"/>
                      <a:gd name="connsiteY31" fmla="*/ 1360746 h 1851957"/>
                      <a:gd name="connsiteX32" fmla="*/ 1332253 w 1466816"/>
                      <a:gd name="connsiteY32" fmla="*/ 1296922 h 1851957"/>
                      <a:gd name="connsiteX33" fmla="*/ 1466816 w 1466816"/>
                      <a:gd name="connsiteY33" fmla="*/ 1254933 h 1851957"/>
                      <a:gd name="connsiteX0" fmla="*/ 1112722 w 1466816"/>
                      <a:gd name="connsiteY0" fmla="*/ 86857 h 1862168"/>
                      <a:gd name="connsiteX1" fmla="*/ 580892 w 1466816"/>
                      <a:gd name="connsiteY1" fmla="*/ 0 h 1862168"/>
                      <a:gd name="connsiteX2" fmla="*/ 107994 w 1466816"/>
                      <a:gd name="connsiteY2" fmla="*/ 196414 h 1862168"/>
                      <a:gd name="connsiteX3" fmla="*/ 32157 w 1466816"/>
                      <a:gd name="connsiteY3" fmla="*/ 251750 h 1862168"/>
                      <a:gd name="connsiteX4" fmla="*/ 1981 w 1466816"/>
                      <a:gd name="connsiteY4" fmla="*/ 385710 h 1862168"/>
                      <a:gd name="connsiteX5" fmla="*/ 16611 w 1466816"/>
                      <a:gd name="connsiteY5" fmla="*/ 495438 h 1862168"/>
                      <a:gd name="connsiteX6" fmla="*/ 126339 w 1466816"/>
                      <a:gd name="connsiteY6" fmla="*/ 510068 h 1862168"/>
                      <a:gd name="connsiteX7" fmla="*/ 184861 w 1466816"/>
                      <a:gd name="connsiteY7" fmla="*/ 517383 h 1862168"/>
                      <a:gd name="connsiteX8" fmla="*/ 228752 w 1466816"/>
                      <a:gd name="connsiteY8" fmla="*/ 583220 h 1862168"/>
                      <a:gd name="connsiteX9" fmla="*/ 206806 w 1466816"/>
                      <a:gd name="connsiteY9" fmla="*/ 656372 h 1862168"/>
                      <a:gd name="connsiteX10" fmla="*/ 155600 w 1466816"/>
                      <a:gd name="connsiteY10" fmla="*/ 751470 h 1862168"/>
                      <a:gd name="connsiteX11" fmla="*/ 228752 w 1466816"/>
                      <a:gd name="connsiteY11" fmla="*/ 861198 h 1862168"/>
                      <a:gd name="connsiteX12" fmla="*/ 228752 w 1466816"/>
                      <a:gd name="connsiteY12" fmla="*/ 927034 h 1862168"/>
                      <a:gd name="connsiteX13" fmla="*/ 301904 w 1466816"/>
                      <a:gd name="connsiteY13" fmla="*/ 1095284 h 1862168"/>
                      <a:gd name="connsiteX14" fmla="*/ 316534 w 1466816"/>
                      <a:gd name="connsiteY14" fmla="*/ 1153806 h 1862168"/>
                      <a:gd name="connsiteX15" fmla="*/ 279958 w 1466816"/>
                      <a:gd name="connsiteY15" fmla="*/ 1248903 h 1862168"/>
                      <a:gd name="connsiteX16" fmla="*/ 170230 w 1466816"/>
                      <a:gd name="connsiteY16" fmla="*/ 1292794 h 1862168"/>
                      <a:gd name="connsiteX17" fmla="*/ 133654 w 1466816"/>
                      <a:gd name="connsiteY17" fmla="*/ 1307425 h 1862168"/>
                      <a:gd name="connsiteX18" fmla="*/ 111709 w 1466816"/>
                      <a:gd name="connsiteY18" fmla="*/ 1373262 h 1862168"/>
                      <a:gd name="connsiteX19" fmla="*/ 75133 w 1466816"/>
                      <a:gd name="connsiteY19" fmla="*/ 1402522 h 1862168"/>
                      <a:gd name="connsiteX20" fmla="*/ 9296 w 1466816"/>
                      <a:gd name="connsiteY20" fmla="*/ 1453729 h 1862168"/>
                      <a:gd name="connsiteX21" fmla="*/ 60502 w 1466816"/>
                      <a:gd name="connsiteY21" fmla="*/ 1526881 h 1862168"/>
                      <a:gd name="connsiteX22" fmla="*/ 104394 w 1466816"/>
                      <a:gd name="connsiteY22" fmla="*/ 1578087 h 1862168"/>
                      <a:gd name="connsiteX23" fmla="*/ 82448 w 1466816"/>
                      <a:gd name="connsiteY23" fmla="*/ 1709761 h 1862168"/>
                      <a:gd name="connsiteX24" fmla="*/ 111709 w 1466816"/>
                      <a:gd name="connsiteY24" fmla="*/ 1790228 h 1862168"/>
                      <a:gd name="connsiteX25" fmla="*/ 234113 w 1466816"/>
                      <a:gd name="connsiteY25" fmla="*/ 1853476 h 1862168"/>
                      <a:gd name="connsiteX26" fmla="*/ 819019 w 1466816"/>
                      <a:gd name="connsiteY26" fmla="*/ 1858581 h 1862168"/>
                      <a:gd name="connsiteX27" fmla="*/ 1031711 w 1466816"/>
                      <a:gd name="connsiteY27" fmla="*/ 1838156 h 1862168"/>
                      <a:gd name="connsiteX28" fmla="*/ 1087196 w 1466816"/>
                      <a:gd name="connsiteY28" fmla="*/ 1764119 h 1862168"/>
                      <a:gd name="connsiteX29" fmla="*/ 1052517 w 1466816"/>
                      <a:gd name="connsiteY29" fmla="*/ 1488395 h 1862168"/>
                      <a:gd name="connsiteX30" fmla="*/ 1151926 w 1466816"/>
                      <a:gd name="connsiteY30" fmla="*/ 1419464 h 1862168"/>
                      <a:gd name="connsiteX31" fmla="*/ 1267520 w 1466816"/>
                      <a:gd name="connsiteY31" fmla="*/ 1370957 h 1862168"/>
                      <a:gd name="connsiteX32" fmla="*/ 1332253 w 1466816"/>
                      <a:gd name="connsiteY32" fmla="*/ 1307133 h 1862168"/>
                      <a:gd name="connsiteX33" fmla="*/ 1466816 w 1466816"/>
                      <a:gd name="connsiteY33" fmla="*/ 1265144 h 1862168"/>
                      <a:gd name="connsiteX0" fmla="*/ 1112722 w 1466816"/>
                      <a:gd name="connsiteY0" fmla="*/ 86857 h 1862168"/>
                      <a:gd name="connsiteX1" fmla="*/ 580892 w 1466816"/>
                      <a:gd name="connsiteY1" fmla="*/ 0 h 1862168"/>
                      <a:gd name="connsiteX2" fmla="*/ 107994 w 1466816"/>
                      <a:gd name="connsiteY2" fmla="*/ 196414 h 1862168"/>
                      <a:gd name="connsiteX3" fmla="*/ 32157 w 1466816"/>
                      <a:gd name="connsiteY3" fmla="*/ 251750 h 1862168"/>
                      <a:gd name="connsiteX4" fmla="*/ 1981 w 1466816"/>
                      <a:gd name="connsiteY4" fmla="*/ 385710 h 1862168"/>
                      <a:gd name="connsiteX5" fmla="*/ 16611 w 1466816"/>
                      <a:gd name="connsiteY5" fmla="*/ 495438 h 1862168"/>
                      <a:gd name="connsiteX6" fmla="*/ 126339 w 1466816"/>
                      <a:gd name="connsiteY6" fmla="*/ 510068 h 1862168"/>
                      <a:gd name="connsiteX7" fmla="*/ 184861 w 1466816"/>
                      <a:gd name="connsiteY7" fmla="*/ 517383 h 1862168"/>
                      <a:gd name="connsiteX8" fmla="*/ 228752 w 1466816"/>
                      <a:gd name="connsiteY8" fmla="*/ 583220 h 1862168"/>
                      <a:gd name="connsiteX9" fmla="*/ 206806 w 1466816"/>
                      <a:gd name="connsiteY9" fmla="*/ 656372 h 1862168"/>
                      <a:gd name="connsiteX10" fmla="*/ 155600 w 1466816"/>
                      <a:gd name="connsiteY10" fmla="*/ 751470 h 1862168"/>
                      <a:gd name="connsiteX11" fmla="*/ 228752 w 1466816"/>
                      <a:gd name="connsiteY11" fmla="*/ 861198 h 1862168"/>
                      <a:gd name="connsiteX12" fmla="*/ 228752 w 1466816"/>
                      <a:gd name="connsiteY12" fmla="*/ 927034 h 1862168"/>
                      <a:gd name="connsiteX13" fmla="*/ 301904 w 1466816"/>
                      <a:gd name="connsiteY13" fmla="*/ 1095284 h 1862168"/>
                      <a:gd name="connsiteX14" fmla="*/ 316534 w 1466816"/>
                      <a:gd name="connsiteY14" fmla="*/ 1153806 h 1862168"/>
                      <a:gd name="connsiteX15" fmla="*/ 279958 w 1466816"/>
                      <a:gd name="connsiteY15" fmla="*/ 1248903 h 1862168"/>
                      <a:gd name="connsiteX16" fmla="*/ 170230 w 1466816"/>
                      <a:gd name="connsiteY16" fmla="*/ 1292794 h 1862168"/>
                      <a:gd name="connsiteX17" fmla="*/ 133654 w 1466816"/>
                      <a:gd name="connsiteY17" fmla="*/ 1307425 h 1862168"/>
                      <a:gd name="connsiteX18" fmla="*/ 111709 w 1466816"/>
                      <a:gd name="connsiteY18" fmla="*/ 1373262 h 1862168"/>
                      <a:gd name="connsiteX19" fmla="*/ 75133 w 1466816"/>
                      <a:gd name="connsiteY19" fmla="*/ 1402522 h 1862168"/>
                      <a:gd name="connsiteX20" fmla="*/ 9296 w 1466816"/>
                      <a:gd name="connsiteY20" fmla="*/ 1453729 h 1862168"/>
                      <a:gd name="connsiteX21" fmla="*/ 60502 w 1466816"/>
                      <a:gd name="connsiteY21" fmla="*/ 1526881 h 1862168"/>
                      <a:gd name="connsiteX22" fmla="*/ 104394 w 1466816"/>
                      <a:gd name="connsiteY22" fmla="*/ 1578087 h 1862168"/>
                      <a:gd name="connsiteX23" fmla="*/ 82448 w 1466816"/>
                      <a:gd name="connsiteY23" fmla="*/ 1709761 h 1862168"/>
                      <a:gd name="connsiteX24" fmla="*/ 111709 w 1466816"/>
                      <a:gd name="connsiteY24" fmla="*/ 1790228 h 1862168"/>
                      <a:gd name="connsiteX25" fmla="*/ 234113 w 1466816"/>
                      <a:gd name="connsiteY25" fmla="*/ 1853476 h 1862168"/>
                      <a:gd name="connsiteX26" fmla="*/ 819019 w 1466816"/>
                      <a:gd name="connsiteY26" fmla="*/ 1858581 h 1862168"/>
                      <a:gd name="connsiteX27" fmla="*/ 1031711 w 1466816"/>
                      <a:gd name="connsiteY27" fmla="*/ 1838156 h 1862168"/>
                      <a:gd name="connsiteX28" fmla="*/ 1087196 w 1466816"/>
                      <a:gd name="connsiteY28" fmla="*/ 1764119 h 1862168"/>
                      <a:gd name="connsiteX29" fmla="*/ 1052517 w 1466816"/>
                      <a:gd name="connsiteY29" fmla="*/ 1488395 h 1862168"/>
                      <a:gd name="connsiteX30" fmla="*/ 1151926 w 1466816"/>
                      <a:gd name="connsiteY30" fmla="*/ 1419464 h 1862168"/>
                      <a:gd name="connsiteX31" fmla="*/ 1267520 w 1466816"/>
                      <a:gd name="connsiteY31" fmla="*/ 1370957 h 1862168"/>
                      <a:gd name="connsiteX32" fmla="*/ 1332253 w 1466816"/>
                      <a:gd name="connsiteY32" fmla="*/ 1307133 h 1862168"/>
                      <a:gd name="connsiteX33" fmla="*/ 1466816 w 1466816"/>
                      <a:gd name="connsiteY33" fmla="*/ 1265144 h 1862168"/>
                      <a:gd name="connsiteX0" fmla="*/ 1112722 w 1466816"/>
                      <a:gd name="connsiteY0" fmla="*/ 86857 h 1862168"/>
                      <a:gd name="connsiteX1" fmla="*/ 580892 w 1466816"/>
                      <a:gd name="connsiteY1" fmla="*/ 0 h 1862168"/>
                      <a:gd name="connsiteX2" fmla="*/ 107994 w 1466816"/>
                      <a:gd name="connsiteY2" fmla="*/ 196414 h 1862168"/>
                      <a:gd name="connsiteX3" fmla="*/ 32157 w 1466816"/>
                      <a:gd name="connsiteY3" fmla="*/ 251750 h 1862168"/>
                      <a:gd name="connsiteX4" fmla="*/ 1981 w 1466816"/>
                      <a:gd name="connsiteY4" fmla="*/ 385710 h 1862168"/>
                      <a:gd name="connsiteX5" fmla="*/ 16611 w 1466816"/>
                      <a:gd name="connsiteY5" fmla="*/ 495438 h 1862168"/>
                      <a:gd name="connsiteX6" fmla="*/ 126339 w 1466816"/>
                      <a:gd name="connsiteY6" fmla="*/ 510068 h 1862168"/>
                      <a:gd name="connsiteX7" fmla="*/ 184861 w 1466816"/>
                      <a:gd name="connsiteY7" fmla="*/ 517383 h 1862168"/>
                      <a:gd name="connsiteX8" fmla="*/ 228752 w 1466816"/>
                      <a:gd name="connsiteY8" fmla="*/ 583220 h 1862168"/>
                      <a:gd name="connsiteX9" fmla="*/ 206806 w 1466816"/>
                      <a:gd name="connsiteY9" fmla="*/ 656372 h 1862168"/>
                      <a:gd name="connsiteX10" fmla="*/ 155600 w 1466816"/>
                      <a:gd name="connsiteY10" fmla="*/ 751470 h 1862168"/>
                      <a:gd name="connsiteX11" fmla="*/ 228752 w 1466816"/>
                      <a:gd name="connsiteY11" fmla="*/ 861198 h 1862168"/>
                      <a:gd name="connsiteX12" fmla="*/ 228752 w 1466816"/>
                      <a:gd name="connsiteY12" fmla="*/ 927034 h 1862168"/>
                      <a:gd name="connsiteX13" fmla="*/ 301904 w 1466816"/>
                      <a:gd name="connsiteY13" fmla="*/ 1095284 h 1862168"/>
                      <a:gd name="connsiteX14" fmla="*/ 316534 w 1466816"/>
                      <a:gd name="connsiteY14" fmla="*/ 1153806 h 1862168"/>
                      <a:gd name="connsiteX15" fmla="*/ 279958 w 1466816"/>
                      <a:gd name="connsiteY15" fmla="*/ 1248903 h 1862168"/>
                      <a:gd name="connsiteX16" fmla="*/ 170230 w 1466816"/>
                      <a:gd name="connsiteY16" fmla="*/ 1292794 h 1862168"/>
                      <a:gd name="connsiteX17" fmla="*/ 133654 w 1466816"/>
                      <a:gd name="connsiteY17" fmla="*/ 1307425 h 1862168"/>
                      <a:gd name="connsiteX18" fmla="*/ 111709 w 1466816"/>
                      <a:gd name="connsiteY18" fmla="*/ 1373262 h 1862168"/>
                      <a:gd name="connsiteX19" fmla="*/ 75133 w 1466816"/>
                      <a:gd name="connsiteY19" fmla="*/ 1402522 h 1862168"/>
                      <a:gd name="connsiteX20" fmla="*/ 9296 w 1466816"/>
                      <a:gd name="connsiteY20" fmla="*/ 1453729 h 1862168"/>
                      <a:gd name="connsiteX21" fmla="*/ 60502 w 1466816"/>
                      <a:gd name="connsiteY21" fmla="*/ 1526881 h 1862168"/>
                      <a:gd name="connsiteX22" fmla="*/ 104394 w 1466816"/>
                      <a:gd name="connsiteY22" fmla="*/ 1578087 h 1862168"/>
                      <a:gd name="connsiteX23" fmla="*/ 82448 w 1466816"/>
                      <a:gd name="connsiteY23" fmla="*/ 1709761 h 1862168"/>
                      <a:gd name="connsiteX24" fmla="*/ 111709 w 1466816"/>
                      <a:gd name="connsiteY24" fmla="*/ 1790228 h 1862168"/>
                      <a:gd name="connsiteX25" fmla="*/ 234113 w 1466816"/>
                      <a:gd name="connsiteY25" fmla="*/ 1853476 h 1862168"/>
                      <a:gd name="connsiteX26" fmla="*/ 819019 w 1466816"/>
                      <a:gd name="connsiteY26" fmla="*/ 1858581 h 1862168"/>
                      <a:gd name="connsiteX27" fmla="*/ 1031711 w 1466816"/>
                      <a:gd name="connsiteY27" fmla="*/ 1838156 h 1862168"/>
                      <a:gd name="connsiteX28" fmla="*/ 1087196 w 1466816"/>
                      <a:gd name="connsiteY28" fmla="*/ 1764119 h 1862168"/>
                      <a:gd name="connsiteX29" fmla="*/ 1052517 w 1466816"/>
                      <a:gd name="connsiteY29" fmla="*/ 1488395 h 1862168"/>
                      <a:gd name="connsiteX30" fmla="*/ 1151926 w 1466816"/>
                      <a:gd name="connsiteY30" fmla="*/ 1419464 h 1862168"/>
                      <a:gd name="connsiteX31" fmla="*/ 1267520 w 1466816"/>
                      <a:gd name="connsiteY31" fmla="*/ 1370957 h 1862168"/>
                      <a:gd name="connsiteX32" fmla="*/ 1332253 w 1466816"/>
                      <a:gd name="connsiteY32" fmla="*/ 1307133 h 1862168"/>
                      <a:gd name="connsiteX33" fmla="*/ 1466816 w 1466816"/>
                      <a:gd name="connsiteY33" fmla="*/ 1265144 h 1862168"/>
                      <a:gd name="connsiteX0" fmla="*/ 1112722 w 1466816"/>
                      <a:gd name="connsiteY0" fmla="*/ 74091 h 1849402"/>
                      <a:gd name="connsiteX1" fmla="*/ 578580 w 1466816"/>
                      <a:gd name="connsiteY1" fmla="*/ 0 h 1849402"/>
                      <a:gd name="connsiteX2" fmla="*/ 107994 w 1466816"/>
                      <a:gd name="connsiteY2" fmla="*/ 183648 h 1849402"/>
                      <a:gd name="connsiteX3" fmla="*/ 32157 w 1466816"/>
                      <a:gd name="connsiteY3" fmla="*/ 238984 h 1849402"/>
                      <a:gd name="connsiteX4" fmla="*/ 1981 w 1466816"/>
                      <a:gd name="connsiteY4" fmla="*/ 372944 h 1849402"/>
                      <a:gd name="connsiteX5" fmla="*/ 16611 w 1466816"/>
                      <a:gd name="connsiteY5" fmla="*/ 482672 h 1849402"/>
                      <a:gd name="connsiteX6" fmla="*/ 126339 w 1466816"/>
                      <a:gd name="connsiteY6" fmla="*/ 497302 h 1849402"/>
                      <a:gd name="connsiteX7" fmla="*/ 184861 w 1466816"/>
                      <a:gd name="connsiteY7" fmla="*/ 504617 h 1849402"/>
                      <a:gd name="connsiteX8" fmla="*/ 228752 w 1466816"/>
                      <a:gd name="connsiteY8" fmla="*/ 570454 h 1849402"/>
                      <a:gd name="connsiteX9" fmla="*/ 206806 w 1466816"/>
                      <a:gd name="connsiteY9" fmla="*/ 643606 h 1849402"/>
                      <a:gd name="connsiteX10" fmla="*/ 155600 w 1466816"/>
                      <a:gd name="connsiteY10" fmla="*/ 738704 h 1849402"/>
                      <a:gd name="connsiteX11" fmla="*/ 228752 w 1466816"/>
                      <a:gd name="connsiteY11" fmla="*/ 848432 h 1849402"/>
                      <a:gd name="connsiteX12" fmla="*/ 228752 w 1466816"/>
                      <a:gd name="connsiteY12" fmla="*/ 914268 h 1849402"/>
                      <a:gd name="connsiteX13" fmla="*/ 301904 w 1466816"/>
                      <a:gd name="connsiteY13" fmla="*/ 1082518 h 1849402"/>
                      <a:gd name="connsiteX14" fmla="*/ 316534 w 1466816"/>
                      <a:gd name="connsiteY14" fmla="*/ 1141040 h 1849402"/>
                      <a:gd name="connsiteX15" fmla="*/ 279958 w 1466816"/>
                      <a:gd name="connsiteY15" fmla="*/ 1236137 h 1849402"/>
                      <a:gd name="connsiteX16" fmla="*/ 170230 w 1466816"/>
                      <a:gd name="connsiteY16" fmla="*/ 1280028 h 1849402"/>
                      <a:gd name="connsiteX17" fmla="*/ 133654 w 1466816"/>
                      <a:gd name="connsiteY17" fmla="*/ 1294659 h 1849402"/>
                      <a:gd name="connsiteX18" fmla="*/ 111709 w 1466816"/>
                      <a:gd name="connsiteY18" fmla="*/ 1360496 h 1849402"/>
                      <a:gd name="connsiteX19" fmla="*/ 75133 w 1466816"/>
                      <a:gd name="connsiteY19" fmla="*/ 1389756 h 1849402"/>
                      <a:gd name="connsiteX20" fmla="*/ 9296 w 1466816"/>
                      <a:gd name="connsiteY20" fmla="*/ 1440963 h 1849402"/>
                      <a:gd name="connsiteX21" fmla="*/ 60502 w 1466816"/>
                      <a:gd name="connsiteY21" fmla="*/ 1514115 h 1849402"/>
                      <a:gd name="connsiteX22" fmla="*/ 104394 w 1466816"/>
                      <a:gd name="connsiteY22" fmla="*/ 1565321 h 1849402"/>
                      <a:gd name="connsiteX23" fmla="*/ 82448 w 1466816"/>
                      <a:gd name="connsiteY23" fmla="*/ 1696995 h 1849402"/>
                      <a:gd name="connsiteX24" fmla="*/ 111709 w 1466816"/>
                      <a:gd name="connsiteY24" fmla="*/ 1777462 h 1849402"/>
                      <a:gd name="connsiteX25" fmla="*/ 234113 w 1466816"/>
                      <a:gd name="connsiteY25" fmla="*/ 1840710 h 1849402"/>
                      <a:gd name="connsiteX26" fmla="*/ 819019 w 1466816"/>
                      <a:gd name="connsiteY26" fmla="*/ 1845815 h 1849402"/>
                      <a:gd name="connsiteX27" fmla="*/ 1031711 w 1466816"/>
                      <a:gd name="connsiteY27" fmla="*/ 1825390 h 1849402"/>
                      <a:gd name="connsiteX28" fmla="*/ 1087196 w 1466816"/>
                      <a:gd name="connsiteY28" fmla="*/ 1751353 h 1849402"/>
                      <a:gd name="connsiteX29" fmla="*/ 1052517 w 1466816"/>
                      <a:gd name="connsiteY29" fmla="*/ 1475629 h 1849402"/>
                      <a:gd name="connsiteX30" fmla="*/ 1151926 w 1466816"/>
                      <a:gd name="connsiteY30" fmla="*/ 1406698 h 1849402"/>
                      <a:gd name="connsiteX31" fmla="*/ 1267520 w 1466816"/>
                      <a:gd name="connsiteY31" fmla="*/ 1358191 h 1849402"/>
                      <a:gd name="connsiteX32" fmla="*/ 1332253 w 1466816"/>
                      <a:gd name="connsiteY32" fmla="*/ 1294367 h 1849402"/>
                      <a:gd name="connsiteX33" fmla="*/ 1466816 w 1466816"/>
                      <a:gd name="connsiteY33" fmla="*/ 1252378 h 1849402"/>
                      <a:gd name="connsiteX0" fmla="*/ 1112722 w 1466816"/>
                      <a:gd name="connsiteY0" fmla="*/ 75954 h 1851265"/>
                      <a:gd name="connsiteX1" fmla="*/ 867565 w 1466816"/>
                      <a:gd name="connsiteY1" fmla="*/ 160145 h 1851265"/>
                      <a:gd name="connsiteX2" fmla="*/ 578580 w 1466816"/>
                      <a:gd name="connsiteY2" fmla="*/ 1863 h 1851265"/>
                      <a:gd name="connsiteX3" fmla="*/ 107994 w 1466816"/>
                      <a:gd name="connsiteY3" fmla="*/ 185511 h 1851265"/>
                      <a:gd name="connsiteX4" fmla="*/ 32157 w 1466816"/>
                      <a:gd name="connsiteY4" fmla="*/ 240847 h 1851265"/>
                      <a:gd name="connsiteX5" fmla="*/ 1981 w 1466816"/>
                      <a:gd name="connsiteY5" fmla="*/ 374807 h 1851265"/>
                      <a:gd name="connsiteX6" fmla="*/ 16611 w 1466816"/>
                      <a:gd name="connsiteY6" fmla="*/ 484535 h 1851265"/>
                      <a:gd name="connsiteX7" fmla="*/ 126339 w 1466816"/>
                      <a:gd name="connsiteY7" fmla="*/ 499165 h 1851265"/>
                      <a:gd name="connsiteX8" fmla="*/ 184861 w 1466816"/>
                      <a:gd name="connsiteY8" fmla="*/ 506480 h 1851265"/>
                      <a:gd name="connsiteX9" fmla="*/ 228752 w 1466816"/>
                      <a:gd name="connsiteY9" fmla="*/ 572317 h 1851265"/>
                      <a:gd name="connsiteX10" fmla="*/ 206806 w 1466816"/>
                      <a:gd name="connsiteY10" fmla="*/ 645469 h 1851265"/>
                      <a:gd name="connsiteX11" fmla="*/ 155600 w 1466816"/>
                      <a:gd name="connsiteY11" fmla="*/ 740567 h 1851265"/>
                      <a:gd name="connsiteX12" fmla="*/ 228752 w 1466816"/>
                      <a:gd name="connsiteY12" fmla="*/ 850295 h 1851265"/>
                      <a:gd name="connsiteX13" fmla="*/ 228752 w 1466816"/>
                      <a:gd name="connsiteY13" fmla="*/ 916131 h 1851265"/>
                      <a:gd name="connsiteX14" fmla="*/ 301904 w 1466816"/>
                      <a:gd name="connsiteY14" fmla="*/ 1084381 h 1851265"/>
                      <a:gd name="connsiteX15" fmla="*/ 316534 w 1466816"/>
                      <a:gd name="connsiteY15" fmla="*/ 1142903 h 1851265"/>
                      <a:gd name="connsiteX16" fmla="*/ 279958 w 1466816"/>
                      <a:gd name="connsiteY16" fmla="*/ 1238000 h 1851265"/>
                      <a:gd name="connsiteX17" fmla="*/ 170230 w 1466816"/>
                      <a:gd name="connsiteY17" fmla="*/ 1281891 h 1851265"/>
                      <a:gd name="connsiteX18" fmla="*/ 133654 w 1466816"/>
                      <a:gd name="connsiteY18" fmla="*/ 1296522 h 1851265"/>
                      <a:gd name="connsiteX19" fmla="*/ 111709 w 1466816"/>
                      <a:gd name="connsiteY19" fmla="*/ 1362359 h 1851265"/>
                      <a:gd name="connsiteX20" fmla="*/ 75133 w 1466816"/>
                      <a:gd name="connsiteY20" fmla="*/ 1391619 h 1851265"/>
                      <a:gd name="connsiteX21" fmla="*/ 9296 w 1466816"/>
                      <a:gd name="connsiteY21" fmla="*/ 1442826 h 1851265"/>
                      <a:gd name="connsiteX22" fmla="*/ 60502 w 1466816"/>
                      <a:gd name="connsiteY22" fmla="*/ 1515978 h 1851265"/>
                      <a:gd name="connsiteX23" fmla="*/ 104394 w 1466816"/>
                      <a:gd name="connsiteY23" fmla="*/ 1567184 h 1851265"/>
                      <a:gd name="connsiteX24" fmla="*/ 82448 w 1466816"/>
                      <a:gd name="connsiteY24" fmla="*/ 1698858 h 1851265"/>
                      <a:gd name="connsiteX25" fmla="*/ 111709 w 1466816"/>
                      <a:gd name="connsiteY25" fmla="*/ 1779325 h 1851265"/>
                      <a:gd name="connsiteX26" fmla="*/ 234113 w 1466816"/>
                      <a:gd name="connsiteY26" fmla="*/ 1842573 h 1851265"/>
                      <a:gd name="connsiteX27" fmla="*/ 819019 w 1466816"/>
                      <a:gd name="connsiteY27" fmla="*/ 1847678 h 1851265"/>
                      <a:gd name="connsiteX28" fmla="*/ 1031711 w 1466816"/>
                      <a:gd name="connsiteY28" fmla="*/ 1827253 h 1851265"/>
                      <a:gd name="connsiteX29" fmla="*/ 1087196 w 1466816"/>
                      <a:gd name="connsiteY29" fmla="*/ 1753216 h 1851265"/>
                      <a:gd name="connsiteX30" fmla="*/ 1052517 w 1466816"/>
                      <a:gd name="connsiteY30" fmla="*/ 1477492 h 1851265"/>
                      <a:gd name="connsiteX31" fmla="*/ 1151926 w 1466816"/>
                      <a:gd name="connsiteY31" fmla="*/ 1408561 h 1851265"/>
                      <a:gd name="connsiteX32" fmla="*/ 1267520 w 1466816"/>
                      <a:gd name="connsiteY32" fmla="*/ 1360054 h 1851265"/>
                      <a:gd name="connsiteX33" fmla="*/ 1332253 w 1466816"/>
                      <a:gd name="connsiteY33" fmla="*/ 1296230 h 1851265"/>
                      <a:gd name="connsiteX34" fmla="*/ 1466816 w 1466816"/>
                      <a:gd name="connsiteY34" fmla="*/ 1254241 h 1851265"/>
                      <a:gd name="connsiteX0" fmla="*/ 1112722 w 1466816"/>
                      <a:gd name="connsiteY0" fmla="*/ 75858 h 1851169"/>
                      <a:gd name="connsiteX1" fmla="*/ 867565 w 1466816"/>
                      <a:gd name="connsiteY1" fmla="*/ 160049 h 1851169"/>
                      <a:gd name="connsiteX2" fmla="*/ 578580 w 1466816"/>
                      <a:gd name="connsiteY2" fmla="*/ 1767 h 1851169"/>
                      <a:gd name="connsiteX3" fmla="*/ 107994 w 1466816"/>
                      <a:gd name="connsiteY3" fmla="*/ 185415 h 1851169"/>
                      <a:gd name="connsiteX4" fmla="*/ 32157 w 1466816"/>
                      <a:gd name="connsiteY4" fmla="*/ 240751 h 1851169"/>
                      <a:gd name="connsiteX5" fmla="*/ 1981 w 1466816"/>
                      <a:gd name="connsiteY5" fmla="*/ 374711 h 1851169"/>
                      <a:gd name="connsiteX6" fmla="*/ 16611 w 1466816"/>
                      <a:gd name="connsiteY6" fmla="*/ 484439 h 1851169"/>
                      <a:gd name="connsiteX7" fmla="*/ 126339 w 1466816"/>
                      <a:gd name="connsiteY7" fmla="*/ 499069 h 1851169"/>
                      <a:gd name="connsiteX8" fmla="*/ 184861 w 1466816"/>
                      <a:gd name="connsiteY8" fmla="*/ 506384 h 1851169"/>
                      <a:gd name="connsiteX9" fmla="*/ 228752 w 1466816"/>
                      <a:gd name="connsiteY9" fmla="*/ 572221 h 1851169"/>
                      <a:gd name="connsiteX10" fmla="*/ 206806 w 1466816"/>
                      <a:gd name="connsiteY10" fmla="*/ 645373 h 1851169"/>
                      <a:gd name="connsiteX11" fmla="*/ 155600 w 1466816"/>
                      <a:gd name="connsiteY11" fmla="*/ 740471 h 1851169"/>
                      <a:gd name="connsiteX12" fmla="*/ 228752 w 1466816"/>
                      <a:gd name="connsiteY12" fmla="*/ 850199 h 1851169"/>
                      <a:gd name="connsiteX13" fmla="*/ 228752 w 1466816"/>
                      <a:gd name="connsiteY13" fmla="*/ 916035 h 1851169"/>
                      <a:gd name="connsiteX14" fmla="*/ 301904 w 1466816"/>
                      <a:gd name="connsiteY14" fmla="*/ 1084285 h 1851169"/>
                      <a:gd name="connsiteX15" fmla="*/ 316534 w 1466816"/>
                      <a:gd name="connsiteY15" fmla="*/ 1142807 h 1851169"/>
                      <a:gd name="connsiteX16" fmla="*/ 279958 w 1466816"/>
                      <a:gd name="connsiteY16" fmla="*/ 1237904 h 1851169"/>
                      <a:gd name="connsiteX17" fmla="*/ 170230 w 1466816"/>
                      <a:gd name="connsiteY17" fmla="*/ 1281795 h 1851169"/>
                      <a:gd name="connsiteX18" fmla="*/ 133654 w 1466816"/>
                      <a:gd name="connsiteY18" fmla="*/ 1296426 h 1851169"/>
                      <a:gd name="connsiteX19" fmla="*/ 111709 w 1466816"/>
                      <a:gd name="connsiteY19" fmla="*/ 1362263 h 1851169"/>
                      <a:gd name="connsiteX20" fmla="*/ 75133 w 1466816"/>
                      <a:gd name="connsiteY20" fmla="*/ 1391523 h 1851169"/>
                      <a:gd name="connsiteX21" fmla="*/ 9296 w 1466816"/>
                      <a:gd name="connsiteY21" fmla="*/ 1442730 h 1851169"/>
                      <a:gd name="connsiteX22" fmla="*/ 60502 w 1466816"/>
                      <a:gd name="connsiteY22" fmla="*/ 1515882 h 1851169"/>
                      <a:gd name="connsiteX23" fmla="*/ 104394 w 1466816"/>
                      <a:gd name="connsiteY23" fmla="*/ 1567088 h 1851169"/>
                      <a:gd name="connsiteX24" fmla="*/ 82448 w 1466816"/>
                      <a:gd name="connsiteY24" fmla="*/ 1698762 h 1851169"/>
                      <a:gd name="connsiteX25" fmla="*/ 111709 w 1466816"/>
                      <a:gd name="connsiteY25" fmla="*/ 1779229 h 1851169"/>
                      <a:gd name="connsiteX26" fmla="*/ 234113 w 1466816"/>
                      <a:gd name="connsiteY26" fmla="*/ 1842477 h 1851169"/>
                      <a:gd name="connsiteX27" fmla="*/ 819019 w 1466816"/>
                      <a:gd name="connsiteY27" fmla="*/ 1847582 h 1851169"/>
                      <a:gd name="connsiteX28" fmla="*/ 1031711 w 1466816"/>
                      <a:gd name="connsiteY28" fmla="*/ 1827157 h 1851169"/>
                      <a:gd name="connsiteX29" fmla="*/ 1087196 w 1466816"/>
                      <a:gd name="connsiteY29" fmla="*/ 1753120 h 1851169"/>
                      <a:gd name="connsiteX30" fmla="*/ 1052517 w 1466816"/>
                      <a:gd name="connsiteY30" fmla="*/ 1477396 h 1851169"/>
                      <a:gd name="connsiteX31" fmla="*/ 1151926 w 1466816"/>
                      <a:gd name="connsiteY31" fmla="*/ 1408465 h 1851169"/>
                      <a:gd name="connsiteX32" fmla="*/ 1267520 w 1466816"/>
                      <a:gd name="connsiteY32" fmla="*/ 1359958 h 1851169"/>
                      <a:gd name="connsiteX33" fmla="*/ 1332253 w 1466816"/>
                      <a:gd name="connsiteY33" fmla="*/ 1296134 h 1851169"/>
                      <a:gd name="connsiteX34" fmla="*/ 1466816 w 1466816"/>
                      <a:gd name="connsiteY34" fmla="*/ 1254145 h 1851169"/>
                      <a:gd name="connsiteX0" fmla="*/ 1112722 w 1466816"/>
                      <a:gd name="connsiteY0" fmla="*/ 75790 h 1851101"/>
                      <a:gd name="connsiteX1" fmla="*/ 851382 w 1466816"/>
                      <a:gd name="connsiteY1" fmla="*/ 167640 h 1851101"/>
                      <a:gd name="connsiteX2" fmla="*/ 578580 w 1466816"/>
                      <a:gd name="connsiteY2" fmla="*/ 1699 h 1851101"/>
                      <a:gd name="connsiteX3" fmla="*/ 107994 w 1466816"/>
                      <a:gd name="connsiteY3" fmla="*/ 185347 h 1851101"/>
                      <a:gd name="connsiteX4" fmla="*/ 32157 w 1466816"/>
                      <a:gd name="connsiteY4" fmla="*/ 240683 h 1851101"/>
                      <a:gd name="connsiteX5" fmla="*/ 1981 w 1466816"/>
                      <a:gd name="connsiteY5" fmla="*/ 374643 h 1851101"/>
                      <a:gd name="connsiteX6" fmla="*/ 16611 w 1466816"/>
                      <a:gd name="connsiteY6" fmla="*/ 484371 h 1851101"/>
                      <a:gd name="connsiteX7" fmla="*/ 126339 w 1466816"/>
                      <a:gd name="connsiteY7" fmla="*/ 499001 h 1851101"/>
                      <a:gd name="connsiteX8" fmla="*/ 184861 w 1466816"/>
                      <a:gd name="connsiteY8" fmla="*/ 506316 h 1851101"/>
                      <a:gd name="connsiteX9" fmla="*/ 228752 w 1466816"/>
                      <a:gd name="connsiteY9" fmla="*/ 572153 h 1851101"/>
                      <a:gd name="connsiteX10" fmla="*/ 206806 w 1466816"/>
                      <a:gd name="connsiteY10" fmla="*/ 645305 h 1851101"/>
                      <a:gd name="connsiteX11" fmla="*/ 155600 w 1466816"/>
                      <a:gd name="connsiteY11" fmla="*/ 740403 h 1851101"/>
                      <a:gd name="connsiteX12" fmla="*/ 228752 w 1466816"/>
                      <a:gd name="connsiteY12" fmla="*/ 850131 h 1851101"/>
                      <a:gd name="connsiteX13" fmla="*/ 228752 w 1466816"/>
                      <a:gd name="connsiteY13" fmla="*/ 915967 h 1851101"/>
                      <a:gd name="connsiteX14" fmla="*/ 301904 w 1466816"/>
                      <a:gd name="connsiteY14" fmla="*/ 1084217 h 1851101"/>
                      <a:gd name="connsiteX15" fmla="*/ 316534 w 1466816"/>
                      <a:gd name="connsiteY15" fmla="*/ 1142739 h 1851101"/>
                      <a:gd name="connsiteX16" fmla="*/ 279958 w 1466816"/>
                      <a:gd name="connsiteY16" fmla="*/ 1237836 h 1851101"/>
                      <a:gd name="connsiteX17" fmla="*/ 170230 w 1466816"/>
                      <a:gd name="connsiteY17" fmla="*/ 1281727 h 1851101"/>
                      <a:gd name="connsiteX18" fmla="*/ 133654 w 1466816"/>
                      <a:gd name="connsiteY18" fmla="*/ 1296358 h 1851101"/>
                      <a:gd name="connsiteX19" fmla="*/ 111709 w 1466816"/>
                      <a:gd name="connsiteY19" fmla="*/ 1362195 h 1851101"/>
                      <a:gd name="connsiteX20" fmla="*/ 75133 w 1466816"/>
                      <a:gd name="connsiteY20" fmla="*/ 1391455 h 1851101"/>
                      <a:gd name="connsiteX21" fmla="*/ 9296 w 1466816"/>
                      <a:gd name="connsiteY21" fmla="*/ 1442662 h 1851101"/>
                      <a:gd name="connsiteX22" fmla="*/ 60502 w 1466816"/>
                      <a:gd name="connsiteY22" fmla="*/ 1515814 h 1851101"/>
                      <a:gd name="connsiteX23" fmla="*/ 104394 w 1466816"/>
                      <a:gd name="connsiteY23" fmla="*/ 1567020 h 1851101"/>
                      <a:gd name="connsiteX24" fmla="*/ 82448 w 1466816"/>
                      <a:gd name="connsiteY24" fmla="*/ 1698694 h 1851101"/>
                      <a:gd name="connsiteX25" fmla="*/ 111709 w 1466816"/>
                      <a:gd name="connsiteY25" fmla="*/ 1779161 h 1851101"/>
                      <a:gd name="connsiteX26" fmla="*/ 234113 w 1466816"/>
                      <a:gd name="connsiteY26" fmla="*/ 1842409 h 1851101"/>
                      <a:gd name="connsiteX27" fmla="*/ 819019 w 1466816"/>
                      <a:gd name="connsiteY27" fmla="*/ 1847514 h 1851101"/>
                      <a:gd name="connsiteX28" fmla="*/ 1031711 w 1466816"/>
                      <a:gd name="connsiteY28" fmla="*/ 1827089 h 1851101"/>
                      <a:gd name="connsiteX29" fmla="*/ 1087196 w 1466816"/>
                      <a:gd name="connsiteY29" fmla="*/ 1753052 h 1851101"/>
                      <a:gd name="connsiteX30" fmla="*/ 1052517 w 1466816"/>
                      <a:gd name="connsiteY30" fmla="*/ 1477328 h 1851101"/>
                      <a:gd name="connsiteX31" fmla="*/ 1151926 w 1466816"/>
                      <a:gd name="connsiteY31" fmla="*/ 1408397 h 1851101"/>
                      <a:gd name="connsiteX32" fmla="*/ 1267520 w 1466816"/>
                      <a:gd name="connsiteY32" fmla="*/ 1359890 h 1851101"/>
                      <a:gd name="connsiteX33" fmla="*/ 1332253 w 1466816"/>
                      <a:gd name="connsiteY33" fmla="*/ 1296066 h 1851101"/>
                      <a:gd name="connsiteX34" fmla="*/ 1466816 w 1466816"/>
                      <a:gd name="connsiteY34" fmla="*/ 1254077 h 1851101"/>
                      <a:gd name="connsiteX0" fmla="*/ 1198262 w 1466816"/>
                      <a:gd name="connsiteY0" fmla="*/ 131956 h 1851101"/>
                      <a:gd name="connsiteX1" fmla="*/ 851382 w 1466816"/>
                      <a:gd name="connsiteY1" fmla="*/ 167640 h 1851101"/>
                      <a:gd name="connsiteX2" fmla="*/ 578580 w 1466816"/>
                      <a:gd name="connsiteY2" fmla="*/ 1699 h 1851101"/>
                      <a:gd name="connsiteX3" fmla="*/ 107994 w 1466816"/>
                      <a:gd name="connsiteY3" fmla="*/ 185347 h 1851101"/>
                      <a:gd name="connsiteX4" fmla="*/ 32157 w 1466816"/>
                      <a:gd name="connsiteY4" fmla="*/ 240683 h 1851101"/>
                      <a:gd name="connsiteX5" fmla="*/ 1981 w 1466816"/>
                      <a:gd name="connsiteY5" fmla="*/ 374643 h 1851101"/>
                      <a:gd name="connsiteX6" fmla="*/ 16611 w 1466816"/>
                      <a:gd name="connsiteY6" fmla="*/ 484371 h 1851101"/>
                      <a:gd name="connsiteX7" fmla="*/ 126339 w 1466816"/>
                      <a:gd name="connsiteY7" fmla="*/ 499001 h 1851101"/>
                      <a:gd name="connsiteX8" fmla="*/ 184861 w 1466816"/>
                      <a:gd name="connsiteY8" fmla="*/ 506316 h 1851101"/>
                      <a:gd name="connsiteX9" fmla="*/ 228752 w 1466816"/>
                      <a:gd name="connsiteY9" fmla="*/ 572153 h 1851101"/>
                      <a:gd name="connsiteX10" fmla="*/ 206806 w 1466816"/>
                      <a:gd name="connsiteY10" fmla="*/ 645305 h 1851101"/>
                      <a:gd name="connsiteX11" fmla="*/ 155600 w 1466816"/>
                      <a:gd name="connsiteY11" fmla="*/ 740403 h 1851101"/>
                      <a:gd name="connsiteX12" fmla="*/ 228752 w 1466816"/>
                      <a:gd name="connsiteY12" fmla="*/ 850131 h 1851101"/>
                      <a:gd name="connsiteX13" fmla="*/ 228752 w 1466816"/>
                      <a:gd name="connsiteY13" fmla="*/ 915967 h 1851101"/>
                      <a:gd name="connsiteX14" fmla="*/ 301904 w 1466816"/>
                      <a:gd name="connsiteY14" fmla="*/ 1084217 h 1851101"/>
                      <a:gd name="connsiteX15" fmla="*/ 316534 w 1466816"/>
                      <a:gd name="connsiteY15" fmla="*/ 1142739 h 1851101"/>
                      <a:gd name="connsiteX16" fmla="*/ 279958 w 1466816"/>
                      <a:gd name="connsiteY16" fmla="*/ 1237836 h 1851101"/>
                      <a:gd name="connsiteX17" fmla="*/ 170230 w 1466816"/>
                      <a:gd name="connsiteY17" fmla="*/ 1281727 h 1851101"/>
                      <a:gd name="connsiteX18" fmla="*/ 133654 w 1466816"/>
                      <a:gd name="connsiteY18" fmla="*/ 1296358 h 1851101"/>
                      <a:gd name="connsiteX19" fmla="*/ 111709 w 1466816"/>
                      <a:gd name="connsiteY19" fmla="*/ 1362195 h 1851101"/>
                      <a:gd name="connsiteX20" fmla="*/ 75133 w 1466816"/>
                      <a:gd name="connsiteY20" fmla="*/ 1391455 h 1851101"/>
                      <a:gd name="connsiteX21" fmla="*/ 9296 w 1466816"/>
                      <a:gd name="connsiteY21" fmla="*/ 1442662 h 1851101"/>
                      <a:gd name="connsiteX22" fmla="*/ 60502 w 1466816"/>
                      <a:gd name="connsiteY22" fmla="*/ 1515814 h 1851101"/>
                      <a:gd name="connsiteX23" fmla="*/ 104394 w 1466816"/>
                      <a:gd name="connsiteY23" fmla="*/ 1567020 h 1851101"/>
                      <a:gd name="connsiteX24" fmla="*/ 82448 w 1466816"/>
                      <a:gd name="connsiteY24" fmla="*/ 1698694 h 1851101"/>
                      <a:gd name="connsiteX25" fmla="*/ 111709 w 1466816"/>
                      <a:gd name="connsiteY25" fmla="*/ 1779161 h 1851101"/>
                      <a:gd name="connsiteX26" fmla="*/ 234113 w 1466816"/>
                      <a:gd name="connsiteY26" fmla="*/ 1842409 h 1851101"/>
                      <a:gd name="connsiteX27" fmla="*/ 819019 w 1466816"/>
                      <a:gd name="connsiteY27" fmla="*/ 1847514 h 1851101"/>
                      <a:gd name="connsiteX28" fmla="*/ 1031711 w 1466816"/>
                      <a:gd name="connsiteY28" fmla="*/ 1827089 h 1851101"/>
                      <a:gd name="connsiteX29" fmla="*/ 1087196 w 1466816"/>
                      <a:gd name="connsiteY29" fmla="*/ 1753052 h 1851101"/>
                      <a:gd name="connsiteX30" fmla="*/ 1052517 w 1466816"/>
                      <a:gd name="connsiteY30" fmla="*/ 1477328 h 1851101"/>
                      <a:gd name="connsiteX31" fmla="*/ 1151926 w 1466816"/>
                      <a:gd name="connsiteY31" fmla="*/ 1408397 h 1851101"/>
                      <a:gd name="connsiteX32" fmla="*/ 1267520 w 1466816"/>
                      <a:gd name="connsiteY32" fmla="*/ 1359890 h 1851101"/>
                      <a:gd name="connsiteX33" fmla="*/ 1332253 w 1466816"/>
                      <a:gd name="connsiteY33" fmla="*/ 1296066 h 1851101"/>
                      <a:gd name="connsiteX34" fmla="*/ 1466816 w 1466816"/>
                      <a:gd name="connsiteY34" fmla="*/ 1254077 h 1851101"/>
                      <a:gd name="connsiteX0" fmla="*/ 1198262 w 1466816"/>
                      <a:gd name="connsiteY0" fmla="*/ 131956 h 1851101"/>
                      <a:gd name="connsiteX1" fmla="*/ 1110312 w 1466816"/>
                      <a:gd name="connsiteY1" fmla="*/ 78286 h 1851101"/>
                      <a:gd name="connsiteX2" fmla="*/ 851382 w 1466816"/>
                      <a:gd name="connsiteY2" fmla="*/ 167640 h 1851101"/>
                      <a:gd name="connsiteX3" fmla="*/ 578580 w 1466816"/>
                      <a:gd name="connsiteY3" fmla="*/ 1699 h 1851101"/>
                      <a:gd name="connsiteX4" fmla="*/ 107994 w 1466816"/>
                      <a:gd name="connsiteY4" fmla="*/ 185347 h 1851101"/>
                      <a:gd name="connsiteX5" fmla="*/ 32157 w 1466816"/>
                      <a:gd name="connsiteY5" fmla="*/ 240683 h 1851101"/>
                      <a:gd name="connsiteX6" fmla="*/ 1981 w 1466816"/>
                      <a:gd name="connsiteY6" fmla="*/ 374643 h 1851101"/>
                      <a:gd name="connsiteX7" fmla="*/ 16611 w 1466816"/>
                      <a:gd name="connsiteY7" fmla="*/ 484371 h 1851101"/>
                      <a:gd name="connsiteX8" fmla="*/ 126339 w 1466816"/>
                      <a:gd name="connsiteY8" fmla="*/ 499001 h 1851101"/>
                      <a:gd name="connsiteX9" fmla="*/ 184861 w 1466816"/>
                      <a:gd name="connsiteY9" fmla="*/ 506316 h 1851101"/>
                      <a:gd name="connsiteX10" fmla="*/ 228752 w 1466816"/>
                      <a:gd name="connsiteY10" fmla="*/ 572153 h 1851101"/>
                      <a:gd name="connsiteX11" fmla="*/ 206806 w 1466816"/>
                      <a:gd name="connsiteY11" fmla="*/ 645305 h 1851101"/>
                      <a:gd name="connsiteX12" fmla="*/ 155600 w 1466816"/>
                      <a:gd name="connsiteY12" fmla="*/ 740403 h 1851101"/>
                      <a:gd name="connsiteX13" fmla="*/ 228752 w 1466816"/>
                      <a:gd name="connsiteY13" fmla="*/ 850131 h 1851101"/>
                      <a:gd name="connsiteX14" fmla="*/ 228752 w 1466816"/>
                      <a:gd name="connsiteY14" fmla="*/ 915967 h 1851101"/>
                      <a:gd name="connsiteX15" fmla="*/ 301904 w 1466816"/>
                      <a:gd name="connsiteY15" fmla="*/ 1084217 h 1851101"/>
                      <a:gd name="connsiteX16" fmla="*/ 316534 w 1466816"/>
                      <a:gd name="connsiteY16" fmla="*/ 1142739 h 1851101"/>
                      <a:gd name="connsiteX17" fmla="*/ 279958 w 1466816"/>
                      <a:gd name="connsiteY17" fmla="*/ 1237836 h 1851101"/>
                      <a:gd name="connsiteX18" fmla="*/ 170230 w 1466816"/>
                      <a:gd name="connsiteY18" fmla="*/ 1281727 h 1851101"/>
                      <a:gd name="connsiteX19" fmla="*/ 133654 w 1466816"/>
                      <a:gd name="connsiteY19" fmla="*/ 1296358 h 1851101"/>
                      <a:gd name="connsiteX20" fmla="*/ 111709 w 1466816"/>
                      <a:gd name="connsiteY20" fmla="*/ 1362195 h 1851101"/>
                      <a:gd name="connsiteX21" fmla="*/ 75133 w 1466816"/>
                      <a:gd name="connsiteY21" fmla="*/ 1391455 h 1851101"/>
                      <a:gd name="connsiteX22" fmla="*/ 9296 w 1466816"/>
                      <a:gd name="connsiteY22" fmla="*/ 1442662 h 1851101"/>
                      <a:gd name="connsiteX23" fmla="*/ 60502 w 1466816"/>
                      <a:gd name="connsiteY23" fmla="*/ 1515814 h 1851101"/>
                      <a:gd name="connsiteX24" fmla="*/ 104394 w 1466816"/>
                      <a:gd name="connsiteY24" fmla="*/ 1567020 h 1851101"/>
                      <a:gd name="connsiteX25" fmla="*/ 82448 w 1466816"/>
                      <a:gd name="connsiteY25" fmla="*/ 1698694 h 1851101"/>
                      <a:gd name="connsiteX26" fmla="*/ 111709 w 1466816"/>
                      <a:gd name="connsiteY26" fmla="*/ 1779161 h 1851101"/>
                      <a:gd name="connsiteX27" fmla="*/ 234113 w 1466816"/>
                      <a:gd name="connsiteY27" fmla="*/ 1842409 h 1851101"/>
                      <a:gd name="connsiteX28" fmla="*/ 819019 w 1466816"/>
                      <a:gd name="connsiteY28" fmla="*/ 1847514 h 1851101"/>
                      <a:gd name="connsiteX29" fmla="*/ 1031711 w 1466816"/>
                      <a:gd name="connsiteY29" fmla="*/ 1827089 h 1851101"/>
                      <a:gd name="connsiteX30" fmla="*/ 1087196 w 1466816"/>
                      <a:gd name="connsiteY30" fmla="*/ 1753052 h 1851101"/>
                      <a:gd name="connsiteX31" fmla="*/ 1052517 w 1466816"/>
                      <a:gd name="connsiteY31" fmla="*/ 1477328 h 1851101"/>
                      <a:gd name="connsiteX32" fmla="*/ 1151926 w 1466816"/>
                      <a:gd name="connsiteY32" fmla="*/ 1408397 h 1851101"/>
                      <a:gd name="connsiteX33" fmla="*/ 1267520 w 1466816"/>
                      <a:gd name="connsiteY33" fmla="*/ 1359890 h 1851101"/>
                      <a:gd name="connsiteX34" fmla="*/ 1332253 w 1466816"/>
                      <a:gd name="connsiteY34" fmla="*/ 1296066 h 1851101"/>
                      <a:gd name="connsiteX35" fmla="*/ 1466816 w 1466816"/>
                      <a:gd name="connsiteY35" fmla="*/ 1254077 h 1851101"/>
                      <a:gd name="connsiteX0" fmla="*/ 1198262 w 1466816"/>
                      <a:gd name="connsiteY0" fmla="*/ 131956 h 1851101"/>
                      <a:gd name="connsiteX1" fmla="*/ 1110312 w 1466816"/>
                      <a:gd name="connsiteY1" fmla="*/ 78286 h 1851101"/>
                      <a:gd name="connsiteX2" fmla="*/ 851382 w 1466816"/>
                      <a:gd name="connsiteY2" fmla="*/ 167640 h 1851101"/>
                      <a:gd name="connsiteX3" fmla="*/ 578580 w 1466816"/>
                      <a:gd name="connsiteY3" fmla="*/ 1699 h 1851101"/>
                      <a:gd name="connsiteX4" fmla="*/ 107994 w 1466816"/>
                      <a:gd name="connsiteY4" fmla="*/ 185347 h 1851101"/>
                      <a:gd name="connsiteX5" fmla="*/ 32157 w 1466816"/>
                      <a:gd name="connsiteY5" fmla="*/ 240683 h 1851101"/>
                      <a:gd name="connsiteX6" fmla="*/ 1981 w 1466816"/>
                      <a:gd name="connsiteY6" fmla="*/ 374643 h 1851101"/>
                      <a:gd name="connsiteX7" fmla="*/ 16611 w 1466816"/>
                      <a:gd name="connsiteY7" fmla="*/ 484371 h 1851101"/>
                      <a:gd name="connsiteX8" fmla="*/ 126339 w 1466816"/>
                      <a:gd name="connsiteY8" fmla="*/ 499001 h 1851101"/>
                      <a:gd name="connsiteX9" fmla="*/ 184861 w 1466816"/>
                      <a:gd name="connsiteY9" fmla="*/ 506316 h 1851101"/>
                      <a:gd name="connsiteX10" fmla="*/ 228752 w 1466816"/>
                      <a:gd name="connsiteY10" fmla="*/ 572153 h 1851101"/>
                      <a:gd name="connsiteX11" fmla="*/ 206806 w 1466816"/>
                      <a:gd name="connsiteY11" fmla="*/ 645305 h 1851101"/>
                      <a:gd name="connsiteX12" fmla="*/ 155600 w 1466816"/>
                      <a:gd name="connsiteY12" fmla="*/ 740403 h 1851101"/>
                      <a:gd name="connsiteX13" fmla="*/ 228752 w 1466816"/>
                      <a:gd name="connsiteY13" fmla="*/ 850131 h 1851101"/>
                      <a:gd name="connsiteX14" fmla="*/ 228752 w 1466816"/>
                      <a:gd name="connsiteY14" fmla="*/ 915967 h 1851101"/>
                      <a:gd name="connsiteX15" fmla="*/ 301904 w 1466816"/>
                      <a:gd name="connsiteY15" fmla="*/ 1084217 h 1851101"/>
                      <a:gd name="connsiteX16" fmla="*/ 316534 w 1466816"/>
                      <a:gd name="connsiteY16" fmla="*/ 1142739 h 1851101"/>
                      <a:gd name="connsiteX17" fmla="*/ 279958 w 1466816"/>
                      <a:gd name="connsiteY17" fmla="*/ 1237836 h 1851101"/>
                      <a:gd name="connsiteX18" fmla="*/ 170230 w 1466816"/>
                      <a:gd name="connsiteY18" fmla="*/ 1281727 h 1851101"/>
                      <a:gd name="connsiteX19" fmla="*/ 133654 w 1466816"/>
                      <a:gd name="connsiteY19" fmla="*/ 1296358 h 1851101"/>
                      <a:gd name="connsiteX20" fmla="*/ 111709 w 1466816"/>
                      <a:gd name="connsiteY20" fmla="*/ 1362195 h 1851101"/>
                      <a:gd name="connsiteX21" fmla="*/ 75133 w 1466816"/>
                      <a:gd name="connsiteY21" fmla="*/ 1391455 h 1851101"/>
                      <a:gd name="connsiteX22" fmla="*/ 9296 w 1466816"/>
                      <a:gd name="connsiteY22" fmla="*/ 1442662 h 1851101"/>
                      <a:gd name="connsiteX23" fmla="*/ 60502 w 1466816"/>
                      <a:gd name="connsiteY23" fmla="*/ 1515814 h 1851101"/>
                      <a:gd name="connsiteX24" fmla="*/ 104394 w 1466816"/>
                      <a:gd name="connsiteY24" fmla="*/ 1567020 h 1851101"/>
                      <a:gd name="connsiteX25" fmla="*/ 82448 w 1466816"/>
                      <a:gd name="connsiteY25" fmla="*/ 1698694 h 1851101"/>
                      <a:gd name="connsiteX26" fmla="*/ 111709 w 1466816"/>
                      <a:gd name="connsiteY26" fmla="*/ 1779161 h 1851101"/>
                      <a:gd name="connsiteX27" fmla="*/ 234113 w 1466816"/>
                      <a:gd name="connsiteY27" fmla="*/ 1842409 h 1851101"/>
                      <a:gd name="connsiteX28" fmla="*/ 819019 w 1466816"/>
                      <a:gd name="connsiteY28" fmla="*/ 1847514 h 1851101"/>
                      <a:gd name="connsiteX29" fmla="*/ 1031711 w 1466816"/>
                      <a:gd name="connsiteY29" fmla="*/ 1827089 h 1851101"/>
                      <a:gd name="connsiteX30" fmla="*/ 1087196 w 1466816"/>
                      <a:gd name="connsiteY30" fmla="*/ 1753052 h 1851101"/>
                      <a:gd name="connsiteX31" fmla="*/ 1052517 w 1466816"/>
                      <a:gd name="connsiteY31" fmla="*/ 1477328 h 1851101"/>
                      <a:gd name="connsiteX32" fmla="*/ 1151926 w 1466816"/>
                      <a:gd name="connsiteY32" fmla="*/ 1408397 h 1851101"/>
                      <a:gd name="connsiteX33" fmla="*/ 1267520 w 1466816"/>
                      <a:gd name="connsiteY33" fmla="*/ 1359890 h 1851101"/>
                      <a:gd name="connsiteX34" fmla="*/ 1332253 w 1466816"/>
                      <a:gd name="connsiteY34" fmla="*/ 1296066 h 1851101"/>
                      <a:gd name="connsiteX35" fmla="*/ 1466816 w 1466816"/>
                      <a:gd name="connsiteY35" fmla="*/ 1254077 h 1851101"/>
                      <a:gd name="connsiteX0" fmla="*/ 1198262 w 1466816"/>
                      <a:gd name="connsiteY0" fmla="*/ 131956 h 1851101"/>
                      <a:gd name="connsiteX1" fmla="*/ 1110312 w 1466816"/>
                      <a:gd name="connsiteY1" fmla="*/ 78286 h 1851101"/>
                      <a:gd name="connsiteX2" fmla="*/ 851382 w 1466816"/>
                      <a:gd name="connsiteY2" fmla="*/ 167640 h 1851101"/>
                      <a:gd name="connsiteX3" fmla="*/ 578580 w 1466816"/>
                      <a:gd name="connsiteY3" fmla="*/ 1699 h 1851101"/>
                      <a:gd name="connsiteX4" fmla="*/ 107994 w 1466816"/>
                      <a:gd name="connsiteY4" fmla="*/ 185347 h 1851101"/>
                      <a:gd name="connsiteX5" fmla="*/ 32157 w 1466816"/>
                      <a:gd name="connsiteY5" fmla="*/ 240683 h 1851101"/>
                      <a:gd name="connsiteX6" fmla="*/ 1981 w 1466816"/>
                      <a:gd name="connsiteY6" fmla="*/ 374643 h 1851101"/>
                      <a:gd name="connsiteX7" fmla="*/ 16611 w 1466816"/>
                      <a:gd name="connsiteY7" fmla="*/ 484371 h 1851101"/>
                      <a:gd name="connsiteX8" fmla="*/ 126339 w 1466816"/>
                      <a:gd name="connsiteY8" fmla="*/ 499001 h 1851101"/>
                      <a:gd name="connsiteX9" fmla="*/ 184861 w 1466816"/>
                      <a:gd name="connsiteY9" fmla="*/ 506316 h 1851101"/>
                      <a:gd name="connsiteX10" fmla="*/ 228752 w 1466816"/>
                      <a:gd name="connsiteY10" fmla="*/ 572153 h 1851101"/>
                      <a:gd name="connsiteX11" fmla="*/ 206806 w 1466816"/>
                      <a:gd name="connsiteY11" fmla="*/ 645305 h 1851101"/>
                      <a:gd name="connsiteX12" fmla="*/ 155600 w 1466816"/>
                      <a:gd name="connsiteY12" fmla="*/ 740403 h 1851101"/>
                      <a:gd name="connsiteX13" fmla="*/ 228752 w 1466816"/>
                      <a:gd name="connsiteY13" fmla="*/ 850131 h 1851101"/>
                      <a:gd name="connsiteX14" fmla="*/ 228752 w 1466816"/>
                      <a:gd name="connsiteY14" fmla="*/ 915967 h 1851101"/>
                      <a:gd name="connsiteX15" fmla="*/ 301904 w 1466816"/>
                      <a:gd name="connsiteY15" fmla="*/ 1084217 h 1851101"/>
                      <a:gd name="connsiteX16" fmla="*/ 316534 w 1466816"/>
                      <a:gd name="connsiteY16" fmla="*/ 1142739 h 1851101"/>
                      <a:gd name="connsiteX17" fmla="*/ 279958 w 1466816"/>
                      <a:gd name="connsiteY17" fmla="*/ 1237836 h 1851101"/>
                      <a:gd name="connsiteX18" fmla="*/ 170230 w 1466816"/>
                      <a:gd name="connsiteY18" fmla="*/ 1281727 h 1851101"/>
                      <a:gd name="connsiteX19" fmla="*/ 133654 w 1466816"/>
                      <a:gd name="connsiteY19" fmla="*/ 1296358 h 1851101"/>
                      <a:gd name="connsiteX20" fmla="*/ 111709 w 1466816"/>
                      <a:gd name="connsiteY20" fmla="*/ 1362195 h 1851101"/>
                      <a:gd name="connsiteX21" fmla="*/ 75133 w 1466816"/>
                      <a:gd name="connsiteY21" fmla="*/ 1391455 h 1851101"/>
                      <a:gd name="connsiteX22" fmla="*/ 9296 w 1466816"/>
                      <a:gd name="connsiteY22" fmla="*/ 1442662 h 1851101"/>
                      <a:gd name="connsiteX23" fmla="*/ 60502 w 1466816"/>
                      <a:gd name="connsiteY23" fmla="*/ 1515814 h 1851101"/>
                      <a:gd name="connsiteX24" fmla="*/ 104394 w 1466816"/>
                      <a:gd name="connsiteY24" fmla="*/ 1567020 h 1851101"/>
                      <a:gd name="connsiteX25" fmla="*/ 82448 w 1466816"/>
                      <a:gd name="connsiteY25" fmla="*/ 1698694 h 1851101"/>
                      <a:gd name="connsiteX26" fmla="*/ 111709 w 1466816"/>
                      <a:gd name="connsiteY26" fmla="*/ 1779161 h 1851101"/>
                      <a:gd name="connsiteX27" fmla="*/ 234113 w 1466816"/>
                      <a:gd name="connsiteY27" fmla="*/ 1842409 h 1851101"/>
                      <a:gd name="connsiteX28" fmla="*/ 819019 w 1466816"/>
                      <a:gd name="connsiteY28" fmla="*/ 1847514 h 1851101"/>
                      <a:gd name="connsiteX29" fmla="*/ 1031711 w 1466816"/>
                      <a:gd name="connsiteY29" fmla="*/ 1827089 h 1851101"/>
                      <a:gd name="connsiteX30" fmla="*/ 1087196 w 1466816"/>
                      <a:gd name="connsiteY30" fmla="*/ 1753052 h 1851101"/>
                      <a:gd name="connsiteX31" fmla="*/ 1052517 w 1466816"/>
                      <a:gd name="connsiteY31" fmla="*/ 1477328 h 1851101"/>
                      <a:gd name="connsiteX32" fmla="*/ 1151926 w 1466816"/>
                      <a:gd name="connsiteY32" fmla="*/ 1408397 h 1851101"/>
                      <a:gd name="connsiteX33" fmla="*/ 1267520 w 1466816"/>
                      <a:gd name="connsiteY33" fmla="*/ 1359890 h 1851101"/>
                      <a:gd name="connsiteX34" fmla="*/ 1332253 w 1466816"/>
                      <a:gd name="connsiteY34" fmla="*/ 1296066 h 1851101"/>
                      <a:gd name="connsiteX35" fmla="*/ 1466816 w 1466816"/>
                      <a:gd name="connsiteY35" fmla="*/ 1254077 h 1851101"/>
                      <a:gd name="connsiteX0" fmla="*/ 1413266 w 1466816"/>
                      <a:gd name="connsiteY0" fmla="*/ 486823 h 1851101"/>
                      <a:gd name="connsiteX1" fmla="*/ 1110312 w 1466816"/>
                      <a:gd name="connsiteY1" fmla="*/ 78286 h 1851101"/>
                      <a:gd name="connsiteX2" fmla="*/ 851382 w 1466816"/>
                      <a:gd name="connsiteY2" fmla="*/ 167640 h 1851101"/>
                      <a:gd name="connsiteX3" fmla="*/ 578580 w 1466816"/>
                      <a:gd name="connsiteY3" fmla="*/ 1699 h 1851101"/>
                      <a:gd name="connsiteX4" fmla="*/ 107994 w 1466816"/>
                      <a:gd name="connsiteY4" fmla="*/ 185347 h 1851101"/>
                      <a:gd name="connsiteX5" fmla="*/ 32157 w 1466816"/>
                      <a:gd name="connsiteY5" fmla="*/ 240683 h 1851101"/>
                      <a:gd name="connsiteX6" fmla="*/ 1981 w 1466816"/>
                      <a:gd name="connsiteY6" fmla="*/ 374643 h 1851101"/>
                      <a:gd name="connsiteX7" fmla="*/ 16611 w 1466816"/>
                      <a:gd name="connsiteY7" fmla="*/ 484371 h 1851101"/>
                      <a:gd name="connsiteX8" fmla="*/ 126339 w 1466816"/>
                      <a:gd name="connsiteY8" fmla="*/ 499001 h 1851101"/>
                      <a:gd name="connsiteX9" fmla="*/ 184861 w 1466816"/>
                      <a:gd name="connsiteY9" fmla="*/ 506316 h 1851101"/>
                      <a:gd name="connsiteX10" fmla="*/ 228752 w 1466816"/>
                      <a:gd name="connsiteY10" fmla="*/ 572153 h 1851101"/>
                      <a:gd name="connsiteX11" fmla="*/ 206806 w 1466816"/>
                      <a:gd name="connsiteY11" fmla="*/ 645305 h 1851101"/>
                      <a:gd name="connsiteX12" fmla="*/ 155600 w 1466816"/>
                      <a:gd name="connsiteY12" fmla="*/ 740403 h 1851101"/>
                      <a:gd name="connsiteX13" fmla="*/ 228752 w 1466816"/>
                      <a:gd name="connsiteY13" fmla="*/ 850131 h 1851101"/>
                      <a:gd name="connsiteX14" fmla="*/ 228752 w 1466816"/>
                      <a:gd name="connsiteY14" fmla="*/ 915967 h 1851101"/>
                      <a:gd name="connsiteX15" fmla="*/ 301904 w 1466816"/>
                      <a:gd name="connsiteY15" fmla="*/ 1084217 h 1851101"/>
                      <a:gd name="connsiteX16" fmla="*/ 316534 w 1466816"/>
                      <a:gd name="connsiteY16" fmla="*/ 1142739 h 1851101"/>
                      <a:gd name="connsiteX17" fmla="*/ 279958 w 1466816"/>
                      <a:gd name="connsiteY17" fmla="*/ 1237836 h 1851101"/>
                      <a:gd name="connsiteX18" fmla="*/ 170230 w 1466816"/>
                      <a:gd name="connsiteY18" fmla="*/ 1281727 h 1851101"/>
                      <a:gd name="connsiteX19" fmla="*/ 133654 w 1466816"/>
                      <a:gd name="connsiteY19" fmla="*/ 1296358 h 1851101"/>
                      <a:gd name="connsiteX20" fmla="*/ 111709 w 1466816"/>
                      <a:gd name="connsiteY20" fmla="*/ 1362195 h 1851101"/>
                      <a:gd name="connsiteX21" fmla="*/ 75133 w 1466816"/>
                      <a:gd name="connsiteY21" fmla="*/ 1391455 h 1851101"/>
                      <a:gd name="connsiteX22" fmla="*/ 9296 w 1466816"/>
                      <a:gd name="connsiteY22" fmla="*/ 1442662 h 1851101"/>
                      <a:gd name="connsiteX23" fmla="*/ 60502 w 1466816"/>
                      <a:gd name="connsiteY23" fmla="*/ 1515814 h 1851101"/>
                      <a:gd name="connsiteX24" fmla="*/ 104394 w 1466816"/>
                      <a:gd name="connsiteY24" fmla="*/ 1567020 h 1851101"/>
                      <a:gd name="connsiteX25" fmla="*/ 82448 w 1466816"/>
                      <a:gd name="connsiteY25" fmla="*/ 1698694 h 1851101"/>
                      <a:gd name="connsiteX26" fmla="*/ 111709 w 1466816"/>
                      <a:gd name="connsiteY26" fmla="*/ 1779161 h 1851101"/>
                      <a:gd name="connsiteX27" fmla="*/ 234113 w 1466816"/>
                      <a:gd name="connsiteY27" fmla="*/ 1842409 h 1851101"/>
                      <a:gd name="connsiteX28" fmla="*/ 819019 w 1466816"/>
                      <a:gd name="connsiteY28" fmla="*/ 1847514 h 1851101"/>
                      <a:gd name="connsiteX29" fmla="*/ 1031711 w 1466816"/>
                      <a:gd name="connsiteY29" fmla="*/ 1827089 h 1851101"/>
                      <a:gd name="connsiteX30" fmla="*/ 1087196 w 1466816"/>
                      <a:gd name="connsiteY30" fmla="*/ 1753052 h 1851101"/>
                      <a:gd name="connsiteX31" fmla="*/ 1052517 w 1466816"/>
                      <a:gd name="connsiteY31" fmla="*/ 1477328 h 1851101"/>
                      <a:gd name="connsiteX32" fmla="*/ 1151926 w 1466816"/>
                      <a:gd name="connsiteY32" fmla="*/ 1408397 h 1851101"/>
                      <a:gd name="connsiteX33" fmla="*/ 1267520 w 1466816"/>
                      <a:gd name="connsiteY33" fmla="*/ 1359890 h 1851101"/>
                      <a:gd name="connsiteX34" fmla="*/ 1332253 w 1466816"/>
                      <a:gd name="connsiteY34" fmla="*/ 1296066 h 1851101"/>
                      <a:gd name="connsiteX35" fmla="*/ 1466816 w 1466816"/>
                      <a:gd name="connsiteY35" fmla="*/ 1254077 h 1851101"/>
                      <a:gd name="connsiteX0" fmla="*/ 1413266 w 1466816"/>
                      <a:gd name="connsiteY0" fmla="*/ 486823 h 1851101"/>
                      <a:gd name="connsiteX1" fmla="*/ 1221283 w 1466816"/>
                      <a:gd name="connsiteY1" fmla="*/ 177853 h 1851101"/>
                      <a:gd name="connsiteX2" fmla="*/ 1110312 w 1466816"/>
                      <a:gd name="connsiteY2" fmla="*/ 78286 h 1851101"/>
                      <a:gd name="connsiteX3" fmla="*/ 851382 w 1466816"/>
                      <a:gd name="connsiteY3" fmla="*/ 167640 h 1851101"/>
                      <a:gd name="connsiteX4" fmla="*/ 578580 w 1466816"/>
                      <a:gd name="connsiteY4" fmla="*/ 1699 h 1851101"/>
                      <a:gd name="connsiteX5" fmla="*/ 107994 w 1466816"/>
                      <a:gd name="connsiteY5" fmla="*/ 185347 h 1851101"/>
                      <a:gd name="connsiteX6" fmla="*/ 32157 w 1466816"/>
                      <a:gd name="connsiteY6" fmla="*/ 240683 h 1851101"/>
                      <a:gd name="connsiteX7" fmla="*/ 1981 w 1466816"/>
                      <a:gd name="connsiteY7" fmla="*/ 374643 h 1851101"/>
                      <a:gd name="connsiteX8" fmla="*/ 16611 w 1466816"/>
                      <a:gd name="connsiteY8" fmla="*/ 484371 h 1851101"/>
                      <a:gd name="connsiteX9" fmla="*/ 126339 w 1466816"/>
                      <a:gd name="connsiteY9" fmla="*/ 499001 h 1851101"/>
                      <a:gd name="connsiteX10" fmla="*/ 184861 w 1466816"/>
                      <a:gd name="connsiteY10" fmla="*/ 506316 h 1851101"/>
                      <a:gd name="connsiteX11" fmla="*/ 228752 w 1466816"/>
                      <a:gd name="connsiteY11" fmla="*/ 572153 h 1851101"/>
                      <a:gd name="connsiteX12" fmla="*/ 206806 w 1466816"/>
                      <a:gd name="connsiteY12" fmla="*/ 645305 h 1851101"/>
                      <a:gd name="connsiteX13" fmla="*/ 155600 w 1466816"/>
                      <a:gd name="connsiteY13" fmla="*/ 740403 h 1851101"/>
                      <a:gd name="connsiteX14" fmla="*/ 228752 w 1466816"/>
                      <a:gd name="connsiteY14" fmla="*/ 850131 h 1851101"/>
                      <a:gd name="connsiteX15" fmla="*/ 228752 w 1466816"/>
                      <a:gd name="connsiteY15" fmla="*/ 915967 h 1851101"/>
                      <a:gd name="connsiteX16" fmla="*/ 301904 w 1466816"/>
                      <a:gd name="connsiteY16" fmla="*/ 1084217 h 1851101"/>
                      <a:gd name="connsiteX17" fmla="*/ 316534 w 1466816"/>
                      <a:gd name="connsiteY17" fmla="*/ 1142739 h 1851101"/>
                      <a:gd name="connsiteX18" fmla="*/ 279958 w 1466816"/>
                      <a:gd name="connsiteY18" fmla="*/ 1237836 h 1851101"/>
                      <a:gd name="connsiteX19" fmla="*/ 170230 w 1466816"/>
                      <a:gd name="connsiteY19" fmla="*/ 1281727 h 1851101"/>
                      <a:gd name="connsiteX20" fmla="*/ 133654 w 1466816"/>
                      <a:gd name="connsiteY20" fmla="*/ 1296358 h 1851101"/>
                      <a:gd name="connsiteX21" fmla="*/ 111709 w 1466816"/>
                      <a:gd name="connsiteY21" fmla="*/ 1362195 h 1851101"/>
                      <a:gd name="connsiteX22" fmla="*/ 75133 w 1466816"/>
                      <a:gd name="connsiteY22" fmla="*/ 1391455 h 1851101"/>
                      <a:gd name="connsiteX23" fmla="*/ 9296 w 1466816"/>
                      <a:gd name="connsiteY23" fmla="*/ 1442662 h 1851101"/>
                      <a:gd name="connsiteX24" fmla="*/ 60502 w 1466816"/>
                      <a:gd name="connsiteY24" fmla="*/ 1515814 h 1851101"/>
                      <a:gd name="connsiteX25" fmla="*/ 104394 w 1466816"/>
                      <a:gd name="connsiteY25" fmla="*/ 1567020 h 1851101"/>
                      <a:gd name="connsiteX26" fmla="*/ 82448 w 1466816"/>
                      <a:gd name="connsiteY26" fmla="*/ 1698694 h 1851101"/>
                      <a:gd name="connsiteX27" fmla="*/ 111709 w 1466816"/>
                      <a:gd name="connsiteY27" fmla="*/ 1779161 h 1851101"/>
                      <a:gd name="connsiteX28" fmla="*/ 234113 w 1466816"/>
                      <a:gd name="connsiteY28" fmla="*/ 1842409 h 1851101"/>
                      <a:gd name="connsiteX29" fmla="*/ 819019 w 1466816"/>
                      <a:gd name="connsiteY29" fmla="*/ 1847514 h 1851101"/>
                      <a:gd name="connsiteX30" fmla="*/ 1031711 w 1466816"/>
                      <a:gd name="connsiteY30" fmla="*/ 1827089 h 1851101"/>
                      <a:gd name="connsiteX31" fmla="*/ 1087196 w 1466816"/>
                      <a:gd name="connsiteY31" fmla="*/ 1753052 h 1851101"/>
                      <a:gd name="connsiteX32" fmla="*/ 1052517 w 1466816"/>
                      <a:gd name="connsiteY32" fmla="*/ 1477328 h 1851101"/>
                      <a:gd name="connsiteX33" fmla="*/ 1151926 w 1466816"/>
                      <a:gd name="connsiteY33" fmla="*/ 1408397 h 1851101"/>
                      <a:gd name="connsiteX34" fmla="*/ 1267520 w 1466816"/>
                      <a:gd name="connsiteY34" fmla="*/ 1359890 h 1851101"/>
                      <a:gd name="connsiteX35" fmla="*/ 1332253 w 1466816"/>
                      <a:gd name="connsiteY35" fmla="*/ 1296066 h 1851101"/>
                      <a:gd name="connsiteX36" fmla="*/ 1466816 w 1466816"/>
                      <a:gd name="connsiteY36" fmla="*/ 1254077 h 1851101"/>
                      <a:gd name="connsiteX0" fmla="*/ 1413266 w 1466816"/>
                      <a:gd name="connsiteY0" fmla="*/ 486823 h 1851101"/>
                      <a:gd name="connsiteX1" fmla="*/ 1221283 w 1466816"/>
                      <a:gd name="connsiteY1" fmla="*/ 177853 h 1851101"/>
                      <a:gd name="connsiteX2" fmla="*/ 1108000 w 1466816"/>
                      <a:gd name="connsiteY2" fmla="*/ 96157 h 1851101"/>
                      <a:gd name="connsiteX3" fmla="*/ 851382 w 1466816"/>
                      <a:gd name="connsiteY3" fmla="*/ 167640 h 1851101"/>
                      <a:gd name="connsiteX4" fmla="*/ 578580 w 1466816"/>
                      <a:gd name="connsiteY4" fmla="*/ 1699 h 1851101"/>
                      <a:gd name="connsiteX5" fmla="*/ 107994 w 1466816"/>
                      <a:gd name="connsiteY5" fmla="*/ 185347 h 1851101"/>
                      <a:gd name="connsiteX6" fmla="*/ 32157 w 1466816"/>
                      <a:gd name="connsiteY6" fmla="*/ 240683 h 1851101"/>
                      <a:gd name="connsiteX7" fmla="*/ 1981 w 1466816"/>
                      <a:gd name="connsiteY7" fmla="*/ 374643 h 1851101"/>
                      <a:gd name="connsiteX8" fmla="*/ 16611 w 1466816"/>
                      <a:gd name="connsiteY8" fmla="*/ 484371 h 1851101"/>
                      <a:gd name="connsiteX9" fmla="*/ 126339 w 1466816"/>
                      <a:gd name="connsiteY9" fmla="*/ 499001 h 1851101"/>
                      <a:gd name="connsiteX10" fmla="*/ 184861 w 1466816"/>
                      <a:gd name="connsiteY10" fmla="*/ 506316 h 1851101"/>
                      <a:gd name="connsiteX11" fmla="*/ 228752 w 1466816"/>
                      <a:gd name="connsiteY11" fmla="*/ 572153 h 1851101"/>
                      <a:gd name="connsiteX12" fmla="*/ 206806 w 1466816"/>
                      <a:gd name="connsiteY12" fmla="*/ 645305 h 1851101"/>
                      <a:gd name="connsiteX13" fmla="*/ 155600 w 1466816"/>
                      <a:gd name="connsiteY13" fmla="*/ 740403 h 1851101"/>
                      <a:gd name="connsiteX14" fmla="*/ 228752 w 1466816"/>
                      <a:gd name="connsiteY14" fmla="*/ 850131 h 1851101"/>
                      <a:gd name="connsiteX15" fmla="*/ 228752 w 1466816"/>
                      <a:gd name="connsiteY15" fmla="*/ 915967 h 1851101"/>
                      <a:gd name="connsiteX16" fmla="*/ 301904 w 1466816"/>
                      <a:gd name="connsiteY16" fmla="*/ 1084217 h 1851101"/>
                      <a:gd name="connsiteX17" fmla="*/ 316534 w 1466816"/>
                      <a:gd name="connsiteY17" fmla="*/ 1142739 h 1851101"/>
                      <a:gd name="connsiteX18" fmla="*/ 279958 w 1466816"/>
                      <a:gd name="connsiteY18" fmla="*/ 1237836 h 1851101"/>
                      <a:gd name="connsiteX19" fmla="*/ 170230 w 1466816"/>
                      <a:gd name="connsiteY19" fmla="*/ 1281727 h 1851101"/>
                      <a:gd name="connsiteX20" fmla="*/ 133654 w 1466816"/>
                      <a:gd name="connsiteY20" fmla="*/ 1296358 h 1851101"/>
                      <a:gd name="connsiteX21" fmla="*/ 111709 w 1466816"/>
                      <a:gd name="connsiteY21" fmla="*/ 1362195 h 1851101"/>
                      <a:gd name="connsiteX22" fmla="*/ 75133 w 1466816"/>
                      <a:gd name="connsiteY22" fmla="*/ 1391455 h 1851101"/>
                      <a:gd name="connsiteX23" fmla="*/ 9296 w 1466816"/>
                      <a:gd name="connsiteY23" fmla="*/ 1442662 h 1851101"/>
                      <a:gd name="connsiteX24" fmla="*/ 60502 w 1466816"/>
                      <a:gd name="connsiteY24" fmla="*/ 1515814 h 1851101"/>
                      <a:gd name="connsiteX25" fmla="*/ 104394 w 1466816"/>
                      <a:gd name="connsiteY25" fmla="*/ 1567020 h 1851101"/>
                      <a:gd name="connsiteX26" fmla="*/ 82448 w 1466816"/>
                      <a:gd name="connsiteY26" fmla="*/ 1698694 h 1851101"/>
                      <a:gd name="connsiteX27" fmla="*/ 111709 w 1466816"/>
                      <a:gd name="connsiteY27" fmla="*/ 1779161 h 1851101"/>
                      <a:gd name="connsiteX28" fmla="*/ 234113 w 1466816"/>
                      <a:gd name="connsiteY28" fmla="*/ 1842409 h 1851101"/>
                      <a:gd name="connsiteX29" fmla="*/ 819019 w 1466816"/>
                      <a:gd name="connsiteY29" fmla="*/ 1847514 h 1851101"/>
                      <a:gd name="connsiteX30" fmla="*/ 1031711 w 1466816"/>
                      <a:gd name="connsiteY30" fmla="*/ 1827089 h 1851101"/>
                      <a:gd name="connsiteX31" fmla="*/ 1087196 w 1466816"/>
                      <a:gd name="connsiteY31" fmla="*/ 1753052 h 1851101"/>
                      <a:gd name="connsiteX32" fmla="*/ 1052517 w 1466816"/>
                      <a:gd name="connsiteY32" fmla="*/ 1477328 h 1851101"/>
                      <a:gd name="connsiteX33" fmla="*/ 1151926 w 1466816"/>
                      <a:gd name="connsiteY33" fmla="*/ 1408397 h 1851101"/>
                      <a:gd name="connsiteX34" fmla="*/ 1267520 w 1466816"/>
                      <a:gd name="connsiteY34" fmla="*/ 1359890 h 1851101"/>
                      <a:gd name="connsiteX35" fmla="*/ 1332253 w 1466816"/>
                      <a:gd name="connsiteY35" fmla="*/ 1296066 h 1851101"/>
                      <a:gd name="connsiteX36" fmla="*/ 1466816 w 1466816"/>
                      <a:gd name="connsiteY36" fmla="*/ 1254077 h 1851101"/>
                      <a:gd name="connsiteX0" fmla="*/ 1392459 w 1466816"/>
                      <a:gd name="connsiteY0" fmla="*/ 497035 h 1851101"/>
                      <a:gd name="connsiteX1" fmla="*/ 1221283 w 1466816"/>
                      <a:gd name="connsiteY1" fmla="*/ 177853 h 1851101"/>
                      <a:gd name="connsiteX2" fmla="*/ 1108000 w 1466816"/>
                      <a:gd name="connsiteY2" fmla="*/ 96157 h 1851101"/>
                      <a:gd name="connsiteX3" fmla="*/ 851382 w 1466816"/>
                      <a:gd name="connsiteY3" fmla="*/ 167640 h 1851101"/>
                      <a:gd name="connsiteX4" fmla="*/ 578580 w 1466816"/>
                      <a:gd name="connsiteY4" fmla="*/ 1699 h 1851101"/>
                      <a:gd name="connsiteX5" fmla="*/ 107994 w 1466816"/>
                      <a:gd name="connsiteY5" fmla="*/ 185347 h 1851101"/>
                      <a:gd name="connsiteX6" fmla="*/ 32157 w 1466816"/>
                      <a:gd name="connsiteY6" fmla="*/ 240683 h 1851101"/>
                      <a:gd name="connsiteX7" fmla="*/ 1981 w 1466816"/>
                      <a:gd name="connsiteY7" fmla="*/ 374643 h 1851101"/>
                      <a:gd name="connsiteX8" fmla="*/ 16611 w 1466816"/>
                      <a:gd name="connsiteY8" fmla="*/ 484371 h 1851101"/>
                      <a:gd name="connsiteX9" fmla="*/ 126339 w 1466816"/>
                      <a:gd name="connsiteY9" fmla="*/ 499001 h 1851101"/>
                      <a:gd name="connsiteX10" fmla="*/ 184861 w 1466816"/>
                      <a:gd name="connsiteY10" fmla="*/ 506316 h 1851101"/>
                      <a:gd name="connsiteX11" fmla="*/ 228752 w 1466816"/>
                      <a:gd name="connsiteY11" fmla="*/ 572153 h 1851101"/>
                      <a:gd name="connsiteX12" fmla="*/ 206806 w 1466816"/>
                      <a:gd name="connsiteY12" fmla="*/ 645305 h 1851101"/>
                      <a:gd name="connsiteX13" fmla="*/ 155600 w 1466816"/>
                      <a:gd name="connsiteY13" fmla="*/ 740403 h 1851101"/>
                      <a:gd name="connsiteX14" fmla="*/ 228752 w 1466816"/>
                      <a:gd name="connsiteY14" fmla="*/ 850131 h 1851101"/>
                      <a:gd name="connsiteX15" fmla="*/ 228752 w 1466816"/>
                      <a:gd name="connsiteY15" fmla="*/ 915967 h 1851101"/>
                      <a:gd name="connsiteX16" fmla="*/ 301904 w 1466816"/>
                      <a:gd name="connsiteY16" fmla="*/ 1084217 h 1851101"/>
                      <a:gd name="connsiteX17" fmla="*/ 316534 w 1466816"/>
                      <a:gd name="connsiteY17" fmla="*/ 1142739 h 1851101"/>
                      <a:gd name="connsiteX18" fmla="*/ 279958 w 1466816"/>
                      <a:gd name="connsiteY18" fmla="*/ 1237836 h 1851101"/>
                      <a:gd name="connsiteX19" fmla="*/ 170230 w 1466816"/>
                      <a:gd name="connsiteY19" fmla="*/ 1281727 h 1851101"/>
                      <a:gd name="connsiteX20" fmla="*/ 133654 w 1466816"/>
                      <a:gd name="connsiteY20" fmla="*/ 1296358 h 1851101"/>
                      <a:gd name="connsiteX21" fmla="*/ 111709 w 1466816"/>
                      <a:gd name="connsiteY21" fmla="*/ 1362195 h 1851101"/>
                      <a:gd name="connsiteX22" fmla="*/ 75133 w 1466816"/>
                      <a:gd name="connsiteY22" fmla="*/ 1391455 h 1851101"/>
                      <a:gd name="connsiteX23" fmla="*/ 9296 w 1466816"/>
                      <a:gd name="connsiteY23" fmla="*/ 1442662 h 1851101"/>
                      <a:gd name="connsiteX24" fmla="*/ 60502 w 1466816"/>
                      <a:gd name="connsiteY24" fmla="*/ 1515814 h 1851101"/>
                      <a:gd name="connsiteX25" fmla="*/ 104394 w 1466816"/>
                      <a:gd name="connsiteY25" fmla="*/ 1567020 h 1851101"/>
                      <a:gd name="connsiteX26" fmla="*/ 82448 w 1466816"/>
                      <a:gd name="connsiteY26" fmla="*/ 1698694 h 1851101"/>
                      <a:gd name="connsiteX27" fmla="*/ 111709 w 1466816"/>
                      <a:gd name="connsiteY27" fmla="*/ 1779161 h 1851101"/>
                      <a:gd name="connsiteX28" fmla="*/ 234113 w 1466816"/>
                      <a:gd name="connsiteY28" fmla="*/ 1842409 h 1851101"/>
                      <a:gd name="connsiteX29" fmla="*/ 819019 w 1466816"/>
                      <a:gd name="connsiteY29" fmla="*/ 1847514 h 1851101"/>
                      <a:gd name="connsiteX30" fmla="*/ 1031711 w 1466816"/>
                      <a:gd name="connsiteY30" fmla="*/ 1827089 h 1851101"/>
                      <a:gd name="connsiteX31" fmla="*/ 1087196 w 1466816"/>
                      <a:gd name="connsiteY31" fmla="*/ 1753052 h 1851101"/>
                      <a:gd name="connsiteX32" fmla="*/ 1052517 w 1466816"/>
                      <a:gd name="connsiteY32" fmla="*/ 1477328 h 1851101"/>
                      <a:gd name="connsiteX33" fmla="*/ 1151926 w 1466816"/>
                      <a:gd name="connsiteY33" fmla="*/ 1408397 h 1851101"/>
                      <a:gd name="connsiteX34" fmla="*/ 1267520 w 1466816"/>
                      <a:gd name="connsiteY34" fmla="*/ 1359890 h 1851101"/>
                      <a:gd name="connsiteX35" fmla="*/ 1332253 w 1466816"/>
                      <a:gd name="connsiteY35" fmla="*/ 1296066 h 1851101"/>
                      <a:gd name="connsiteX36" fmla="*/ 1466816 w 1466816"/>
                      <a:gd name="connsiteY36" fmla="*/ 1254077 h 1851101"/>
                      <a:gd name="connsiteX0" fmla="*/ 1378588 w 1466816"/>
                      <a:gd name="connsiteY0" fmla="*/ 647661 h 1851101"/>
                      <a:gd name="connsiteX1" fmla="*/ 1221283 w 1466816"/>
                      <a:gd name="connsiteY1" fmla="*/ 177853 h 1851101"/>
                      <a:gd name="connsiteX2" fmla="*/ 1108000 w 1466816"/>
                      <a:gd name="connsiteY2" fmla="*/ 96157 h 1851101"/>
                      <a:gd name="connsiteX3" fmla="*/ 851382 w 1466816"/>
                      <a:gd name="connsiteY3" fmla="*/ 167640 h 1851101"/>
                      <a:gd name="connsiteX4" fmla="*/ 578580 w 1466816"/>
                      <a:gd name="connsiteY4" fmla="*/ 1699 h 1851101"/>
                      <a:gd name="connsiteX5" fmla="*/ 107994 w 1466816"/>
                      <a:gd name="connsiteY5" fmla="*/ 185347 h 1851101"/>
                      <a:gd name="connsiteX6" fmla="*/ 32157 w 1466816"/>
                      <a:gd name="connsiteY6" fmla="*/ 240683 h 1851101"/>
                      <a:gd name="connsiteX7" fmla="*/ 1981 w 1466816"/>
                      <a:gd name="connsiteY7" fmla="*/ 374643 h 1851101"/>
                      <a:gd name="connsiteX8" fmla="*/ 16611 w 1466816"/>
                      <a:gd name="connsiteY8" fmla="*/ 484371 h 1851101"/>
                      <a:gd name="connsiteX9" fmla="*/ 126339 w 1466816"/>
                      <a:gd name="connsiteY9" fmla="*/ 499001 h 1851101"/>
                      <a:gd name="connsiteX10" fmla="*/ 184861 w 1466816"/>
                      <a:gd name="connsiteY10" fmla="*/ 506316 h 1851101"/>
                      <a:gd name="connsiteX11" fmla="*/ 228752 w 1466816"/>
                      <a:gd name="connsiteY11" fmla="*/ 572153 h 1851101"/>
                      <a:gd name="connsiteX12" fmla="*/ 206806 w 1466816"/>
                      <a:gd name="connsiteY12" fmla="*/ 645305 h 1851101"/>
                      <a:gd name="connsiteX13" fmla="*/ 155600 w 1466816"/>
                      <a:gd name="connsiteY13" fmla="*/ 740403 h 1851101"/>
                      <a:gd name="connsiteX14" fmla="*/ 228752 w 1466816"/>
                      <a:gd name="connsiteY14" fmla="*/ 850131 h 1851101"/>
                      <a:gd name="connsiteX15" fmla="*/ 228752 w 1466816"/>
                      <a:gd name="connsiteY15" fmla="*/ 915967 h 1851101"/>
                      <a:gd name="connsiteX16" fmla="*/ 301904 w 1466816"/>
                      <a:gd name="connsiteY16" fmla="*/ 1084217 h 1851101"/>
                      <a:gd name="connsiteX17" fmla="*/ 316534 w 1466816"/>
                      <a:gd name="connsiteY17" fmla="*/ 1142739 h 1851101"/>
                      <a:gd name="connsiteX18" fmla="*/ 279958 w 1466816"/>
                      <a:gd name="connsiteY18" fmla="*/ 1237836 h 1851101"/>
                      <a:gd name="connsiteX19" fmla="*/ 170230 w 1466816"/>
                      <a:gd name="connsiteY19" fmla="*/ 1281727 h 1851101"/>
                      <a:gd name="connsiteX20" fmla="*/ 133654 w 1466816"/>
                      <a:gd name="connsiteY20" fmla="*/ 1296358 h 1851101"/>
                      <a:gd name="connsiteX21" fmla="*/ 111709 w 1466816"/>
                      <a:gd name="connsiteY21" fmla="*/ 1362195 h 1851101"/>
                      <a:gd name="connsiteX22" fmla="*/ 75133 w 1466816"/>
                      <a:gd name="connsiteY22" fmla="*/ 1391455 h 1851101"/>
                      <a:gd name="connsiteX23" fmla="*/ 9296 w 1466816"/>
                      <a:gd name="connsiteY23" fmla="*/ 1442662 h 1851101"/>
                      <a:gd name="connsiteX24" fmla="*/ 60502 w 1466816"/>
                      <a:gd name="connsiteY24" fmla="*/ 1515814 h 1851101"/>
                      <a:gd name="connsiteX25" fmla="*/ 104394 w 1466816"/>
                      <a:gd name="connsiteY25" fmla="*/ 1567020 h 1851101"/>
                      <a:gd name="connsiteX26" fmla="*/ 82448 w 1466816"/>
                      <a:gd name="connsiteY26" fmla="*/ 1698694 h 1851101"/>
                      <a:gd name="connsiteX27" fmla="*/ 111709 w 1466816"/>
                      <a:gd name="connsiteY27" fmla="*/ 1779161 h 1851101"/>
                      <a:gd name="connsiteX28" fmla="*/ 234113 w 1466816"/>
                      <a:gd name="connsiteY28" fmla="*/ 1842409 h 1851101"/>
                      <a:gd name="connsiteX29" fmla="*/ 819019 w 1466816"/>
                      <a:gd name="connsiteY29" fmla="*/ 1847514 h 1851101"/>
                      <a:gd name="connsiteX30" fmla="*/ 1031711 w 1466816"/>
                      <a:gd name="connsiteY30" fmla="*/ 1827089 h 1851101"/>
                      <a:gd name="connsiteX31" fmla="*/ 1087196 w 1466816"/>
                      <a:gd name="connsiteY31" fmla="*/ 1753052 h 1851101"/>
                      <a:gd name="connsiteX32" fmla="*/ 1052517 w 1466816"/>
                      <a:gd name="connsiteY32" fmla="*/ 1477328 h 1851101"/>
                      <a:gd name="connsiteX33" fmla="*/ 1151926 w 1466816"/>
                      <a:gd name="connsiteY33" fmla="*/ 1408397 h 1851101"/>
                      <a:gd name="connsiteX34" fmla="*/ 1267520 w 1466816"/>
                      <a:gd name="connsiteY34" fmla="*/ 1359890 h 1851101"/>
                      <a:gd name="connsiteX35" fmla="*/ 1332253 w 1466816"/>
                      <a:gd name="connsiteY35" fmla="*/ 1296066 h 1851101"/>
                      <a:gd name="connsiteX36" fmla="*/ 1466816 w 1466816"/>
                      <a:gd name="connsiteY36" fmla="*/ 1254077 h 1851101"/>
                      <a:gd name="connsiteX0" fmla="*/ 1378588 w 1466816"/>
                      <a:gd name="connsiteY0" fmla="*/ 647661 h 1851101"/>
                      <a:gd name="connsiteX1" fmla="*/ 1387738 w 1466816"/>
                      <a:gd name="connsiteY1" fmla="*/ 471447 h 1851101"/>
                      <a:gd name="connsiteX2" fmla="*/ 1221283 w 1466816"/>
                      <a:gd name="connsiteY2" fmla="*/ 177853 h 1851101"/>
                      <a:gd name="connsiteX3" fmla="*/ 1108000 w 1466816"/>
                      <a:gd name="connsiteY3" fmla="*/ 96157 h 1851101"/>
                      <a:gd name="connsiteX4" fmla="*/ 851382 w 1466816"/>
                      <a:gd name="connsiteY4" fmla="*/ 167640 h 1851101"/>
                      <a:gd name="connsiteX5" fmla="*/ 578580 w 1466816"/>
                      <a:gd name="connsiteY5" fmla="*/ 1699 h 1851101"/>
                      <a:gd name="connsiteX6" fmla="*/ 107994 w 1466816"/>
                      <a:gd name="connsiteY6" fmla="*/ 185347 h 1851101"/>
                      <a:gd name="connsiteX7" fmla="*/ 32157 w 1466816"/>
                      <a:gd name="connsiteY7" fmla="*/ 240683 h 1851101"/>
                      <a:gd name="connsiteX8" fmla="*/ 1981 w 1466816"/>
                      <a:gd name="connsiteY8" fmla="*/ 374643 h 1851101"/>
                      <a:gd name="connsiteX9" fmla="*/ 16611 w 1466816"/>
                      <a:gd name="connsiteY9" fmla="*/ 484371 h 1851101"/>
                      <a:gd name="connsiteX10" fmla="*/ 126339 w 1466816"/>
                      <a:gd name="connsiteY10" fmla="*/ 499001 h 1851101"/>
                      <a:gd name="connsiteX11" fmla="*/ 184861 w 1466816"/>
                      <a:gd name="connsiteY11" fmla="*/ 506316 h 1851101"/>
                      <a:gd name="connsiteX12" fmla="*/ 228752 w 1466816"/>
                      <a:gd name="connsiteY12" fmla="*/ 572153 h 1851101"/>
                      <a:gd name="connsiteX13" fmla="*/ 206806 w 1466816"/>
                      <a:gd name="connsiteY13" fmla="*/ 645305 h 1851101"/>
                      <a:gd name="connsiteX14" fmla="*/ 155600 w 1466816"/>
                      <a:gd name="connsiteY14" fmla="*/ 740403 h 1851101"/>
                      <a:gd name="connsiteX15" fmla="*/ 228752 w 1466816"/>
                      <a:gd name="connsiteY15" fmla="*/ 850131 h 1851101"/>
                      <a:gd name="connsiteX16" fmla="*/ 228752 w 1466816"/>
                      <a:gd name="connsiteY16" fmla="*/ 915967 h 1851101"/>
                      <a:gd name="connsiteX17" fmla="*/ 301904 w 1466816"/>
                      <a:gd name="connsiteY17" fmla="*/ 1084217 h 1851101"/>
                      <a:gd name="connsiteX18" fmla="*/ 316534 w 1466816"/>
                      <a:gd name="connsiteY18" fmla="*/ 1142739 h 1851101"/>
                      <a:gd name="connsiteX19" fmla="*/ 279958 w 1466816"/>
                      <a:gd name="connsiteY19" fmla="*/ 1237836 h 1851101"/>
                      <a:gd name="connsiteX20" fmla="*/ 170230 w 1466816"/>
                      <a:gd name="connsiteY20" fmla="*/ 1281727 h 1851101"/>
                      <a:gd name="connsiteX21" fmla="*/ 133654 w 1466816"/>
                      <a:gd name="connsiteY21" fmla="*/ 1296358 h 1851101"/>
                      <a:gd name="connsiteX22" fmla="*/ 111709 w 1466816"/>
                      <a:gd name="connsiteY22" fmla="*/ 1362195 h 1851101"/>
                      <a:gd name="connsiteX23" fmla="*/ 75133 w 1466816"/>
                      <a:gd name="connsiteY23" fmla="*/ 1391455 h 1851101"/>
                      <a:gd name="connsiteX24" fmla="*/ 9296 w 1466816"/>
                      <a:gd name="connsiteY24" fmla="*/ 1442662 h 1851101"/>
                      <a:gd name="connsiteX25" fmla="*/ 60502 w 1466816"/>
                      <a:gd name="connsiteY25" fmla="*/ 1515814 h 1851101"/>
                      <a:gd name="connsiteX26" fmla="*/ 104394 w 1466816"/>
                      <a:gd name="connsiteY26" fmla="*/ 1567020 h 1851101"/>
                      <a:gd name="connsiteX27" fmla="*/ 82448 w 1466816"/>
                      <a:gd name="connsiteY27" fmla="*/ 1698694 h 1851101"/>
                      <a:gd name="connsiteX28" fmla="*/ 111709 w 1466816"/>
                      <a:gd name="connsiteY28" fmla="*/ 1779161 h 1851101"/>
                      <a:gd name="connsiteX29" fmla="*/ 234113 w 1466816"/>
                      <a:gd name="connsiteY29" fmla="*/ 1842409 h 1851101"/>
                      <a:gd name="connsiteX30" fmla="*/ 819019 w 1466816"/>
                      <a:gd name="connsiteY30" fmla="*/ 1847514 h 1851101"/>
                      <a:gd name="connsiteX31" fmla="*/ 1031711 w 1466816"/>
                      <a:gd name="connsiteY31" fmla="*/ 1827089 h 1851101"/>
                      <a:gd name="connsiteX32" fmla="*/ 1087196 w 1466816"/>
                      <a:gd name="connsiteY32" fmla="*/ 1753052 h 1851101"/>
                      <a:gd name="connsiteX33" fmla="*/ 1052517 w 1466816"/>
                      <a:gd name="connsiteY33" fmla="*/ 1477328 h 1851101"/>
                      <a:gd name="connsiteX34" fmla="*/ 1151926 w 1466816"/>
                      <a:gd name="connsiteY34" fmla="*/ 1408397 h 1851101"/>
                      <a:gd name="connsiteX35" fmla="*/ 1267520 w 1466816"/>
                      <a:gd name="connsiteY35" fmla="*/ 1359890 h 1851101"/>
                      <a:gd name="connsiteX36" fmla="*/ 1332253 w 1466816"/>
                      <a:gd name="connsiteY36" fmla="*/ 1296066 h 1851101"/>
                      <a:gd name="connsiteX37" fmla="*/ 1466816 w 1466816"/>
                      <a:gd name="connsiteY37" fmla="*/ 1254077 h 1851101"/>
                      <a:gd name="connsiteX0" fmla="*/ 1378588 w 1466816"/>
                      <a:gd name="connsiteY0" fmla="*/ 647661 h 1851101"/>
                      <a:gd name="connsiteX1" fmla="*/ 1387738 w 1466816"/>
                      <a:gd name="connsiteY1" fmla="*/ 471447 h 1851101"/>
                      <a:gd name="connsiteX2" fmla="*/ 1221283 w 1466816"/>
                      <a:gd name="connsiteY2" fmla="*/ 177853 h 1851101"/>
                      <a:gd name="connsiteX3" fmla="*/ 1108000 w 1466816"/>
                      <a:gd name="connsiteY3" fmla="*/ 96157 h 1851101"/>
                      <a:gd name="connsiteX4" fmla="*/ 851382 w 1466816"/>
                      <a:gd name="connsiteY4" fmla="*/ 167640 h 1851101"/>
                      <a:gd name="connsiteX5" fmla="*/ 578580 w 1466816"/>
                      <a:gd name="connsiteY5" fmla="*/ 1699 h 1851101"/>
                      <a:gd name="connsiteX6" fmla="*/ 107994 w 1466816"/>
                      <a:gd name="connsiteY6" fmla="*/ 185347 h 1851101"/>
                      <a:gd name="connsiteX7" fmla="*/ 32157 w 1466816"/>
                      <a:gd name="connsiteY7" fmla="*/ 240683 h 1851101"/>
                      <a:gd name="connsiteX8" fmla="*/ 1981 w 1466816"/>
                      <a:gd name="connsiteY8" fmla="*/ 374643 h 1851101"/>
                      <a:gd name="connsiteX9" fmla="*/ 16611 w 1466816"/>
                      <a:gd name="connsiteY9" fmla="*/ 484371 h 1851101"/>
                      <a:gd name="connsiteX10" fmla="*/ 126339 w 1466816"/>
                      <a:gd name="connsiteY10" fmla="*/ 499001 h 1851101"/>
                      <a:gd name="connsiteX11" fmla="*/ 184861 w 1466816"/>
                      <a:gd name="connsiteY11" fmla="*/ 506316 h 1851101"/>
                      <a:gd name="connsiteX12" fmla="*/ 228752 w 1466816"/>
                      <a:gd name="connsiteY12" fmla="*/ 572153 h 1851101"/>
                      <a:gd name="connsiteX13" fmla="*/ 206806 w 1466816"/>
                      <a:gd name="connsiteY13" fmla="*/ 645305 h 1851101"/>
                      <a:gd name="connsiteX14" fmla="*/ 155600 w 1466816"/>
                      <a:gd name="connsiteY14" fmla="*/ 740403 h 1851101"/>
                      <a:gd name="connsiteX15" fmla="*/ 228752 w 1466816"/>
                      <a:gd name="connsiteY15" fmla="*/ 850131 h 1851101"/>
                      <a:gd name="connsiteX16" fmla="*/ 228752 w 1466816"/>
                      <a:gd name="connsiteY16" fmla="*/ 915967 h 1851101"/>
                      <a:gd name="connsiteX17" fmla="*/ 301904 w 1466816"/>
                      <a:gd name="connsiteY17" fmla="*/ 1084217 h 1851101"/>
                      <a:gd name="connsiteX18" fmla="*/ 316534 w 1466816"/>
                      <a:gd name="connsiteY18" fmla="*/ 1142739 h 1851101"/>
                      <a:gd name="connsiteX19" fmla="*/ 279958 w 1466816"/>
                      <a:gd name="connsiteY19" fmla="*/ 1237836 h 1851101"/>
                      <a:gd name="connsiteX20" fmla="*/ 170230 w 1466816"/>
                      <a:gd name="connsiteY20" fmla="*/ 1281727 h 1851101"/>
                      <a:gd name="connsiteX21" fmla="*/ 133654 w 1466816"/>
                      <a:gd name="connsiteY21" fmla="*/ 1296358 h 1851101"/>
                      <a:gd name="connsiteX22" fmla="*/ 111709 w 1466816"/>
                      <a:gd name="connsiteY22" fmla="*/ 1362195 h 1851101"/>
                      <a:gd name="connsiteX23" fmla="*/ 75133 w 1466816"/>
                      <a:gd name="connsiteY23" fmla="*/ 1391455 h 1851101"/>
                      <a:gd name="connsiteX24" fmla="*/ 9296 w 1466816"/>
                      <a:gd name="connsiteY24" fmla="*/ 1442662 h 1851101"/>
                      <a:gd name="connsiteX25" fmla="*/ 60502 w 1466816"/>
                      <a:gd name="connsiteY25" fmla="*/ 1515814 h 1851101"/>
                      <a:gd name="connsiteX26" fmla="*/ 104394 w 1466816"/>
                      <a:gd name="connsiteY26" fmla="*/ 1567020 h 1851101"/>
                      <a:gd name="connsiteX27" fmla="*/ 82448 w 1466816"/>
                      <a:gd name="connsiteY27" fmla="*/ 1698694 h 1851101"/>
                      <a:gd name="connsiteX28" fmla="*/ 111709 w 1466816"/>
                      <a:gd name="connsiteY28" fmla="*/ 1779161 h 1851101"/>
                      <a:gd name="connsiteX29" fmla="*/ 234113 w 1466816"/>
                      <a:gd name="connsiteY29" fmla="*/ 1842409 h 1851101"/>
                      <a:gd name="connsiteX30" fmla="*/ 819019 w 1466816"/>
                      <a:gd name="connsiteY30" fmla="*/ 1847514 h 1851101"/>
                      <a:gd name="connsiteX31" fmla="*/ 1031711 w 1466816"/>
                      <a:gd name="connsiteY31" fmla="*/ 1827089 h 1851101"/>
                      <a:gd name="connsiteX32" fmla="*/ 1087196 w 1466816"/>
                      <a:gd name="connsiteY32" fmla="*/ 1753052 h 1851101"/>
                      <a:gd name="connsiteX33" fmla="*/ 1052517 w 1466816"/>
                      <a:gd name="connsiteY33" fmla="*/ 1477328 h 1851101"/>
                      <a:gd name="connsiteX34" fmla="*/ 1151926 w 1466816"/>
                      <a:gd name="connsiteY34" fmla="*/ 1408397 h 1851101"/>
                      <a:gd name="connsiteX35" fmla="*/ 1267520 w 1466816"/>
                      <a:gd name="connsiteY35" fmla="*/ 1359890 h 1851101"/>
                      <a:gd name="connsiteX36" fmla="*/ 1332253 w 1466816"/>
                      <a:gd name="connsiteY36" fmla="*/ 1296066 h 1851101"/>
                      <a:gd name="connsiteX37" fmla="*/ 1466816 w 1466816"/>
                      <a:gd name="connsiteY37" fmla="*/ 1254077 h 1851101"/>
                      <a:gd name="connsiteX0" fmla="*/ 1466439 w 1466816"/>
                      <a:gd name="connsiteY0" fmla="*/ 864666 h 1851101"/>
                      <a:gd name="connsiteX1" fmla="*/ 1387738 w 1466816"/>
                      <a:gd name="connsiteY1" fmla="*/ 471447 h 1851101"/>
                      <a:gd name="connsiteX2" fmla="*/ 1221283 w 1466816"/>
                      <a:gd name="connsiteY2" fmla="*/ 177853 h 1851101"/>
                      <a:gd name="connsiteX3" fmla="*/ 1108000 w 1466816"/>
                      <a:gd name="connsiteY3" fmla="*/ 96157 h 1851101"/>
                      <a:gd name="connsiteX4" fmla="*/ 851382 w 1466816"/>
                      <a:gd name="connsiteY4" fmla="*/ 167640 h 1851101"/>
                      <a:gd name="connsiteX5" fmla="*/ 578580 w 1466816"/>
                      <a:gd name="connsiteY5" fmla="*/ 1699 h 1851101"/>
                      <a:gd name="connsiteX6" fmla="*/ 107994 w 1466816"/>
                      <a:gd name="connsiteY6" fmla="*/ 185347 h 1851101"/>
                      <a:gd name="connsiteX7" fmla="*/ 32157 w 1466816"/>
                      <a:gd name="connsiteY7" fmla="*/ 240683 h 1851101"/>
                      <a:gd name="connsiteX8" fmla="*/ 1981 w 1466816"/>
                      <a:gd name="connsiteY8" fmla="*/ 374643 h 1851101"/>
                      <a:gd name="connsiteX9" fmla="*/ 16611 w 1466816"/>
                      <a:gd name="connsiteY9" fmla="*/ 484371 h 1851101"/>
                      <a:gd name="connsiteX10" fmla="*/ 126339 w 1466816"/>
                      <a:gd name="connsiteY10" fmla="*/ 499001 h 1851101"/>
                      <a:gd name="connsiteX11" fmla="*/ 184861 w 1466816"/>
                      <a:gd name="connsiteY11" fmla="*/ 506316 h 1851101"/>
                      <a:gd name="connsiteX12" fmla="*/ 228752 w 1466816"/>
                      <a:gd name="connsiteY12" fmla="*/ 572153 h 1851101"/>
                      <a:gd name="connsiteX13" fmla="*/ 206806 w 1466816"/>
                      <a:gd name="connsiteY13" fmla="*/ 645305 h 1851101"/>
                      <a:gd name="connsiteX14" fmla="*/ 155600 w 1466816"/>
                      <a:gd name="connsiteY14" fmla="*/ 740403 h 1851101"/>
                      <a:gd name="connsiteX15" fmla="*/ 228752 w 1466816"/>
                      <a:gd name="connsiteY15" fmla="*/ 850131 h 1851101"/>
                      <a:gd name="connsiteX16" fmla="*/ 228752 w 1466816"/>
                      <a:gd name="connsiteY16" fmla="*/ 915967 h 1851101"/>
                      <a:gd name="connsiteX17" fmla="*/ 301904 w 1466816"/>
                      <a:gd name="connsiteY17" fmla="*/ 1084217 h 1851101"/>
                      <a:gd name="connsiteX18" fmla="*/ 316534 w 1466816"/>
                      <a:gd name="connsiteY18" fmla="*/ 1142739 h 1851101"/>
                      <a:gd name="connsiteX19" fmla="*/ 279958 w 1466816"/>
                      <a:gd name="connsiteY19" fmla="*/ 1237836 h 1851101"/>
                      <a:gd name="connsiteX20" fmla="*/ 170230 w 1466816"/>
                      <a:gd name="connsiteY20" fmla="*/ 1281727 h 1851101"/>
                      <a:gd name="connsiteX21" fmla="*/ 133654 w 1466816"/>
                      <a:gd name="connsiteY21" fmla="*/ 1296358 h 1851101"/>
                      <a:gd name="connsiteX22" fmla="*/ 111709 w 1466816"/>
                      <a:gd name="connsiteY22" fmla="*/ 1362195 h 1851101"/>
                      <a:gd name="connsiteX23" fmla="*/ 75133 w 1466816"/>
                      <a:gd name="connsiteY23" fmla="*/ 1391455 h 1851101"/>
                      <a:gd name="connsiteX24" fmla="*/ 9296 w 1466816"/>
                      <a:gd name="connsiteY24" fmla="*/ 1442662 h 1851101"/>
                      <a:gd name="connsiteX25" fmla="*/ 60502 w 1466816"/>
                      <a:gd name="connsiteY25" fmla="*/ 1515814 h 1851101"/>
                      <a:gd name="connsiteX26" fmla="*/ 104394 w 1466816"/>
                      <a:gd name="connsiteY26" fmla="*/ 1567020 h 1851101"/>
                      <a:gd name="connsiteX27" fmla="*/ 82448 w 1466816"/>
                      <a:gd name="connsiteY27" fmla="*/ 1698694 h 1851101"/>
                      <a:gd name="connsiteX28" fmla="*/ 111709 w 1466816"/>
                      <a:gd name="connsiteY28" fmla="*/ 1779161 h 1851101"/>
                      <a:gd name="connsiteX29" fmla="*/ 234113 w 1466816"/>
                      <a:gd name="connsiteY29" fmla="*/ 1842409 h 1851101"/>
                      <a:gd name="connsiteX30" fmla="*/ 819019 w 1466816"/>
                      <a:gd name="connsiteY30" fmla="*/ 1847514 h 1851101"/>
                      <a:gd name="connsiteX31" fmla="*/ 1031711 w 1466816"/>
                      <a:gd name="connsiteY31" fmla="*/ 1827089 h 1851101"/>
                      <a:gd name="connsiteX32" fmla="*/ 1087196 w 1466816"/>
                      <a:gd name="connsiteY32" fmla="*/ 1753052 h 1851101"/>
                      <a:gd name="connsiteX33" fmla="*/ 1052517 w 1466816"/>
                      <a:gd name="connsiteY33" fmla="*/ 1477328 h 1851101"/>
                      <a:gd name="connsiteX34" fmla="*/ 1151926 w 1466816"/>
                      <a:gd name="connsiteY34" fmla="*/ 1408397 h 1851101"/>
                      <a:gd name="connsiteX35" fmla="*/ 1267520 w 1466816"/>
                      <a:gd name="connsiteY35" fmla="*/ 1359890 h 1851101"/>
                      <a:gd name="connsiteX36" fmla="*/ 1332253 w 1466816"/>
                      <a:gd name="connsiteY36" fmla="*/ 1296066 h 1851101"/>
                      <a:gd name="connsiteX37" fmla="*/ 1466816 w 1466816"/>
                      <a:gd name="connsiteY37" fmla="*/ 1254077 h 1851101"/>
                      <a:gd name="connsiteX0" fmla="*/ 1466439 w 1466816"/>
                      <a:gd name="connsiteY0" fmla="*/ 864666 h 1851101"/>
                      <a:gd name="connsiteX1" fmla="*/ 1355372 w 1466816"/>
                      <a:gd name="connsiteY1" fmla="*/ 739511 h 1851101"/>
                      <a:gd name="connsiteX2" fmla="*/ 1387738 w 1466816"/>
                      <a:gd name="connsiteY2" fmla="*/ 471447 h 1851101"/>
                      <a:gd name="connsiteX3" fmla="*/ 1221283 w 1466816"/>
                      <a:gd name="connsiteY3" fmla="*/ 177853 h 1851101"/>
                      <a:gd name="connsiteX4" fmla="*/ 1108000 w 1466816"/>
                      <a:gd name="connsiteY4" fmla="*/ 96157 h 1851101"/>
                      <a:gd name="connsiteX5" fmla="*/ 851382 w 1466816"/>
                      <a:gd name="connsiteY5" fmla="*/ 167640 h 1851101"/>
                      <a:gd name="connsiteX6" fmla="*/ 578580 w 1466816"/>
                      <a:gd name="connsiteY6" fmla="*/ 1699 h 1851101"/>
                      <a:gd name="connsiteX7" fmla="*/ 107994 w 1466816"/>
                      <a:gd name="connsiteY7" fmla="*/ 185347 h 1851101"/>
                      <a:gd name="connsiteX8" fmla="*/ 32157 w 1466816"/>
                      <a:gd name="connsiteY8" fmla="*/ 240683 h 1851101"/>
                      <a:gd name="connsiteX9" fmla="*/ 1981 w 1466816"/>
                      <a:gd name="connsiteY9" fmla="*/ 374643 h 1851101"/>
                      <a:gd name="connsiteX10" fmla="*/ 16611 w 1466816"/>
                      <a:gd name="connsiteY10" fmla="*/ 484371 h 1851101"/>
                      <a:gd name="connsiteX11" fmla="*/ 126339 w 1466816"/>
                      <a:gd name="connsiteY11" fmla="*/ 499001 h 1851101"/>
                      <a:gd name="connsiteX12" fmla="*/ 184861 w 1466816"/>
                      <a:gd name="connsiteY12" fmla="*/ 506316 h 1851101"/>
                      <a:gd name="connsiteX13" fmla="*/ 228752 w 1466816"/>
                      <a:gd name="connsiteY13" fmla="*/ 572153 h 1851101"/>
                      <a:gd name="connsiteX14" fmla="*/ 206806 w 1466816"/>
                      <a:gd name="connsiteY14" fmla="*/ 645305 h 1851101"/>
                      <a:gd name="connsiteX15" fmla="*/ 155600 w 1466816"/>
                      <a:gd name="connsiteY15" fmla="*/ 740403 h 1851101"/>
                      <a:gd name="connsiteX16" fmla="*/ 228752 w 1466816"/>
                      <a:gd name="connsiteY16" fmla="*/ 850131 h 1851101"/>
                      <a:gd name="connsiteX17" fmla="*/ 228752 w 1466816"/>
                      <a:gd name="connsiteY17" fmla="*/ 915967 h 1851101"/>
                      <a:gd name="connsiteX18" fmla="*/ 301904 w 1466816"/>
                      <a:gd name="connsiteY18" fmla="*/ 1084217 h 1851101"/>
                      <a:gd name="connsiteX19" fmla="*/ 316534 w 1466816"/>
                      <a:gd name="connsiteY19" fmla="*/ 1142739 h 1851101"/>
                      <a:gd name="connsiteX20" fmla="*/ 279958 w 1466816"/>
                      <a:gd name="connsiteY20" fmla="*/ 1237836 h 1851101"/>
                      <a:gd name="connsiteX21" fmla="*/ 170230 w 1466816"/>
                      <a:gd name="connsiteY21" fmla="*/ 1281727 h 1851101"/>
                      <a:gd name="connsiteX22" fmla="*/ 133654 w 1466816"/>
                      <a:gd name="connsiteY22" fmla="*/ 1296358 h 1851101"/>
                      <a:gd name="connsiteX23" fmla="*/ 111709 w 1466816"/>
                      <a:gd name="connsiteY23" fmla="*/ 1362195 h 1851101"/>
                      <a:gd name="connsiteX24" fmla="*/ 75133 w 1466816"/>
                      <a:gd name="connsiteY24" fmla="*/ 1391455 h 1851101"/>
                      <a:gd name="connsiteX25" fmla="*/ 9296 w 1466816"/>
                      <a:gd name="connsiteY25" fmla="*/ 1442662 h 1851101"/>
                      <a:gd name="connsiteX26" fmla="*/ 60502 w 1466816"/>
                      <a:gd name="connsiteY26" fmla="*/ 1515814 h 1851101"/>
                      <a:gd name="connsiteX27" fmla="*/ 104394 w 1466816"/>
                      <a:gd name="connsiteY27" fmla="*/ 1567020 h 1851101"/>
                      <a:gd name="connsiteX28" fmla="*/ 82448 w 1466816"/>
                      <a:gd name="connsiteY28" fmla="*/ 1698694 h 1851101"/>
                      <a:gd name="connsiteX29" fmla="*/ 111709 w 1466816"/>
                      <a:gd name="connsiteY29" fmla="*/ 1779161 h 1851101"/>
                      <a:gd name="connsiteX30" fmla="*/ 234113 w 1466816"/>
                      <a:gd name="connsiteY30" fmla="*/ 1842409 h 1851101"/>
                      <a:gd name="connsiteX31" fmla="*/ 819019 w 1466816"/>
                      <a:gd name="connsiteY31" fmla="*/ 1847514 h 1851101"/>
                      <a:gd name="connsiteX32" fmla="*/ 1031711 w 1466816"/>
                      <a:gd name="connsiteY32" fmla="*/ 1827089 h 1851101"/>
                      <a:gd name="connsiteX33" fmla="*/ 1087196 w 1466816"/>
                      <a:gd name="connsiteY33" fmla="*/ 1753052 h 1851101"/>
                      <a:gd name="connsiteX34" fmla="*/ 1052517 w 1466816"/>
                      <a:gd name="connsiteY34" fmla="*/ 1477328 h 1851101"/>
                      <a:gd name="connsiteX35" fmla="*/ 1151926 w 1466816"/>
                      <a:gd name="connsiteY35" fmla="*/ 1408397 h 1851101"/>
                      <a:gd name="connsiteX36" fmla="*/ 1267520 w 1466816"/>
                      <a:gd name="connsiteY36" fmla="*/ 1359890 h 1851101"/>
                      <a:gd name="connsiteX37" fmla="*/ 1332253 w 1466816"/>
                      <a:gd name="connsiteY37" fmla="*/ 1296066 h 1851101"/>
                      <a:gd name="connsiteX38" fmla="*/ 1466816 w 1466816"/>
                      <a:gd name="connsiteY38" fmla="*/ 1254077 h 1851101"/>
                      <a:gd name="connsiteX0" fmla="*/ 1466439 w 1466816"/>
                      <a:gd name="connsiteY0" fmla="*/ 864666 h 1845488"/>
                      <a:gd name="connsiteX1" fmla="*/ 1355372 w 1466816"/>
                      <a:gd name="connsiteY1" fmla="*/ 739511 h 1845488"/>
                      <a:gd name="connsiteX2" fmla="*/ 1387738 w 1466816"/>
                      <a:gd name="connsiteY2" fmla="*/ 471447 h 1845488"/>
                      <a:gd name="connsiteX3" fmla="*/ 1221283 w 1466816"/>
                      <a:gd name="connsiteY3" fmla="*/ 177853 h 1845488"/>
                      <a:gd name="connsiteX4" fmla="*/ 1108000 w 1466816"/>
                      <a:gd name="connsiteY4" fmla="*/ 96157 h 1845488"/>
                      <a:gd name="connsiteX5" fmla="*/ 851382 w 1466816"/>
                      <a:gd name="connsiteY5" fmla="*/ 167640 h 1845488"/>
                      <a:gd name="connsiteX6" fmla="*/ 578580 w 1466816"/>
                      <a:gd name="connsiteY6" fmla="*/ 1699 h 1845488"/>
                      <a:gd name="connsiteX7" fmla="*/ 107994 w 1466816"/>
                      <a:gd name="connsiteY7" fmla="*/ 185347 h 1845488"/>
                      <a:gd name="connsiteX8" fmla="*/ 32157 w 1466816"/>
                      <a:gd name="connsiteY8" fmla="*/ 240683 h 1845488"/>
                      <a:gd name="connsiteX9" fmla="*/ 1981 w 1466816"/>
                      <a:gd name="connsiteY9" fmla="*/ 374643 h 1845488"/>
                      <a:gd name="connsiteX10" fmla="*/ 16611 w 1466816"/>
                      <a:gd name="connsiteY10" fmla="*/ 484371 h 1845488"/>
                      <a:gd name="connsiteX11" fmla="*/ 126339 w 1466816"/>
                      <a:gd name="connsiteY11" fmla="*/ 499001 h 1845488"/>
                      <a:gd name="connsiteX12" fmla="*/ 184861 w 1466816"/>
                      <a:gd name="connsiteY12" fmla="*/ 506316 h 1845488"/>
                      <a:gd name="connsiteX13" fmla="*/ 228752 w 1466816"/>
                      <a:gd name="connsiteY13" fmla="*/ 572153 h 1845488"/>
                      <a:gd name="connsiteX14" fmla="*/ 206806 w 1466816"/>
                      <a:gd name="connsiteY14" fmla="*/ 645305 h 1845488"/>
                      <a:gd name="connsiteX15" fmla="*/ 155600 w 1466816"/>
                      <a:gd name="connsiteY15" fmla="*/ 740403 h 1845488"/>
                      <a:gd name="connsiteX16" fmla="*/ 228752 w 1466816"/>
                      <a:gd name="connsiteY16" fmla="*/ 850131 h 1845488"/>
                      <a:gd name="connsiteX17" fmla="*/ 228752 w 1466816"/>
                      <a:gd name="connsiteY17" fmla="*/ 915967 h 1845488"/>
                      <a:gd name="connsiteX18" fmla="*/ 301904 w 1466816"/>
                      <a:gd name="connsiteY18" fmla="*/ 1084217 h 1845488"/>
                      <a:gd name="connsiteX19" fmla="*/ 316534 w 1466816"/>
                      <a:gd name="connsiteY19" fmla="*/ 1142739 h 1845488"/>
                      <a:gd name="connsiteX20" fmla="*/ 279958 w 1466816"/>
                      <a:gd name="connsiteY20" fmla="*/ 1237836 h 1845488"/>
                      <a:gd name="connsiteX21" fmla="*/ 170230 w 1466816"/>
                      <a:gd name="connsiteY21" fmla="*/ 1281727 h 1845488"/>
                      <a:gd name="connsiteX22" fmla="*/ 133654 w 1466816"/>
                      <a:gd name="connsiteY22" fmla="*/ 1296358 h 1845488"/>
                      <a:gd name="connsiteX23" fmla="*/ 111709 w 1466816"/>
                      <a:gd name="connsiteY23" fmla="*/ 1362195 h 1845488"/>
                      <a:gd name="connsiteX24" fmla="*/ 75133 w 1466816"/>
                      <a:gd name="connsiteY24" fmla="*/ 1391455 h 1845488"/>
                      <a:gd name="connsiteX25" fmla="*/ 9296 w 1466816"/>
                      <a:gd name="connsiteY25" fmla="*/ 1442662 h 1845488"/>
                      <a:gd name="connsiteX26" fmla="*/ 60502 w 1466816"/>
                      <a:gd name="connsiteY26" fmla="*/ 1515814 h 1845488"/>
                      <a:gd name="connsiteX27" fmla="*/ 104394 w 1466816"/>
                      <a:gd name="connsiteY27" fmla="*/ 1567020 h 1845488"/>
                      <a:gd name="connsiteX28" fmla="*/ 82448 w 1466816"/>
                      <a:gd name="connsiteY28" fmla="*/ 1698694 h 1845488"/>
                      <a:gd name="connsiteX29" fmla="*/ 111709 w 1466816"/>
                      <a:gd name="connsiteY29" fmla="*/ 1779161 h 1845488"/>
                      <a:gd name="connsiteX30" fmla="*/ 234113 w 1466816"/>
                      <a:gd name="connsiteY30" fmla="*/ 1842409 h 1845488"/>
                      <a:gd name="connsiteX31" fmla="*/ 1031711 w 1466816"/>
                      <a:gd name="connsiteY31" fmla="*/ 1827089 h 1845488"/>
                      <a:gd name="connsiteX32" fmla="*/ 1087196 w 1466816"/>
                      <a:gd name="connsiteY32" fmla="*/ 1753052 h 1845488"/>
                      <a:gd name="connsiteX33" fmla="*/ 1052517 w 1466816"/>
                      <a:gd name="connsiteY33" fmla="*/ 1477328 h 1845488"/>
                      <a:gd name="connsiteX34" fmla="*/ 1151926 w 1466816"/>
                      <a:gd name="connsiteY34" fmla="*/ 1408397 h 1845488"/>
                      <a:gd name="connsiteX35" fmla="*/ 1267520 w 1466816"/>
                      <a:gd name="connsiteY35" fmla="*/ 1359890 h 1845488"/>
                      <a:gd name="connsiteX36" fmla="*/ 1332253 w 1466816"/>
                      <a:gd name="connsiteY36" fmla="*/ 1296066 h 1845488"/>
                      <a:gd name="connsiteX37" fmla="*/ 1466816 w 1466816"/>
                      <a:gd name="connsiteY37" fmla="*/ 1254077 h 1845488"/>
                      <a:gd name="connsiteX0" fmla="*/ 1466439 w 1466816"/>
                      <a:gd name="connsiteY0" fmla="*/ 864666 h 1842711"/>
                      <a:gd name="connsiteX1" fmla="*/ 1355372 w 1466816"/>
                      <a:gd name="connsiteY1" fmla="*/ 739511 h 1842711"/>
                      <a:gd name="connsiteX2" fmla="*/ 1387738 w 1466816"/>
                      <a:gd name="connsiteY2" fmla="*/ 471447 h 1842711"/>
                      <a:gd name="connsiteX3" fmla="*/ 1221283 w 1466816"/>
                      <a:gd name="connsiteY3" fmla="*/ 177853 h 1842711"/>
                      <a:gd name="connsiteX4" fmla="*/ 1108000 w 1466816"/>
                      <a:gd name="connsiteY4" fmla="*/ 96157 h 1842711"/>
                      <a:gd name="connsiteX5" fmla="*/ 851382 w 1466816"/>
                      <a:gd name="connsiteY5" fmla="*/ 167640 h 1842711"/>
                      <a:gd name="connsiteX6" fmla="*/ 578580 w 1466816"/>
                      <a:gd name="connsiteY6" fmla="*/ 1699 h 1842711"/>
                      <a:gd name="connsiteX7" fmla="*/ 107994 w 1466816"/>
                      <a:gd name="connsiteY7" fmla="*/ 185347 h 1842711"/>
                      <a:gd name="connsiteX8" fmla="*/ 32157 w 1466816"/>
                      <a:gd name="connsiteY8" fmla="*/ 240683 h 1842711"/>
                      <a:gd name="connsiteX9" fmla="*/ 1981 w 1466816"/>
                      <a:gd name="connsiteY9" fmla="*/ 374643 h 1842711"/>
                      <a:gd name="connsiteX10" fmla="*/ 16611 w 1466816"/>
                      <a:gd name="connsiteY10" fmla="*/ 484371 h 1842711"/>
                      <a:gd name="connsiteX11" fmla="*/ 126339 w 1466816"/>
                      <a:gd name="connsiteY11" fmla="*/ 499001 h 1842711"/>
                      <a:gd name="connsiteX12" fmla="*/ 184861 w 1466816"/>
                      <a:gd name="connsiteY12" fmla="*/ 506316 h 1842711"/>
                      <a:gd name="connsiteX13" fmla="*/ 228752 w 1466816"/>
                      <a:gd name="connsiteY13" fmla="*/ 572153 h 1842711"/>
                      <a:gd name="connsiteX14" fmla="*/ 206806 w 1466816"/>
                      <a:gd name="connsiteY14" fmla="*/ 645305 h 1842711"/>
                      <a:gd name="connsiteX15" fmla="*/ 155600 w 1466816"/>
                      <a:gd name="connsiteY15" fmla="*/ 740403 h 1842711"/>
                      <a:gd name="connsiteX16" fmla="*/ 228752 w 1466816"/>
                      <a:gd name="connsiteY16" fmla="*/ 850131 h 1842711"/>
                      <a:gd name="connsiteX17" fmla="*/ 228752 w 1466816"/>
                      <a:gd name="connsiteY17" fmla="*/ 915967 h 1842711"/>
                      <a:gd name="connsiteX18" fmla="*/ 301904 w 1466816"/>
                      <a:gd name="connsiteY18" fmla="*/ 1084217 h 1842711"/>
                      <a:gd name="connsiteX19" fmla="*/ 316534 w 1466816"/>
                      <a:gd name="connsiteY19" fmla="*/ 1142739 h 1842711"/>
                      <a:gd name="connsiteX20" fmla="*/ 279958 w 1466816"/>
                      <a:gd name="connsiteY20" fmla="*/ 1237836 h 1842711"/>
                      <a:gd name="connsiteX21" fmla="*/ 170230 w 1466816"/>
                      <a:gd name="connsiteY21" fmla="*/ 1281727 h 1842711"/>
                      <a:gd name="connsiteX22" fmla="*/ 133654 w 1466816"/>
                      <a:gd name="connsiteY22" fmla="*/ 1296358 h 1842711"/>
                      <a:gd name="connsiteX23" fmla="*/ 111709 w 1466816"/>
                      <a:gd name="connsiteY23" fmla="*/ 1362195 h 1842711"/>
                      <a:gd name="connsiteX24" fmla="*/ 75133 w 1466816"/>
                      <a:gd name="connsiteY24" fmla="*/ 1391455 h 1842711"/>
                      <a:gd name="connsiteX25" fmla="*/ 9296 w 1466816"/>
                      <a:gd name="connsiteY25" fmla="*/ 1442662 h 1842711"/>
                      <a:gd name="connsiteX26" fmla="*/ 60502 w 1466816"/>
                      <a:gd name="connsiteY26" fmla="*/ 1515814 h 1842711"/>
                      <a:gd name="connsiteX27" fmla="*/ 104394 w 1466816"/>
                      <a:gd name="connsiteY27" fmla="*/ 1567020 h 1842711"/>
                      <a:gd name="connsiteX28" fmla="*/ 82448 w 1466816"/>
                      <a:gd name="connsiteY28" fmla="*/ 1698694 h 1842711"/>
                      <a:gd name="connsiteX29" fmla="*/ 111709 w 1466816"/>
                      <a:gd name="connsiteY29" fmla="*/ 1779161 h 1842711"/>
                      <a:gd name="connsiteX30" fmla="*/ 234113 w 1466816"/>
                      <a:gd name="connsiteY30" fmla="*/ 1842409 h 1842711"/>
                      <a:gd name="connsiteX31" fmla="*/ 1087196 w 1466816"/>
                      <a:gd name="connsiteY31" fmla="*/ 1753052 h 1842711"/>
                      <a:gd name="connsiteX32" fmla="*/ 1052517 w 1466816"/>
                      <a:gd name="connsiteY32" fmla="*/ 1477328 h 1842711"/>
                      <a:gd name="connsiteX33" fmla="*/ 1151926 w 1466816"/>
                      <a:gd name="connsiteY33" fmla="*/ 1408397 h 1842711"/>
                      <a:gd name="connsiteX34" fmla="*/ 1267520 w 1466816"/>
                      <a:gd name="connsiteY34" fmla="*/ 1359890 h 1842711"/>
                      <a:gd name="connsiteX35" fmla="*/ 1332253 w 1466816"/>
                      <a:gd name="connsiteY35" fmla="*/ 1296066 h 1842711"/>
                      <a:gd name="connsiteX36" fmla="*/ 1466816 w 1466816"/>
                      <a:gd name="connsiteY36" fmla="*/ 1254077 h 1842711"/>
                      <a:gd name="connsiteX0" fmla="*/ 1466439 w 1466816"/>
                      <a:gd name="connsiteY0" fmla="*/ 864666 h 1857498"/>
                      <a:gd name="connsiteX1" fmla="*/ 1355372 w 1466816"/>
                      <a:gd name="connsiteY1" fmla="*/ 739511 h 1857498"/>
                      <a:gd name="connsiteX2" fmla="*/ 1387738 w 1466816"/>
                      <a:gd name="connsiteY2" fmla="*/ 471447 h 1857498"/>
                      <a:gd name="connsiteX3" fmla="*/ 1221283 w 1466816"/>
                      <a:gd name="connsiteY3" fmla="*/ 177853 h 1857498"/>
                      <a:gd name="connsiteX4" fmla="*/ 1108000 w 1466816"/>
                      <a:gd name="connsiteY4" fmla="*/ 96157 h 1857498"/>
                      <a:gd name="connsiteX5" fmla="*/ 851382 w 1466816"/>
                      <a:gd name="connsiteY5" fmla="*/ 167640 h 1857498"/>
                      <a:gd name="connsiteX6" fmla="*/ 578580 w 1466816"/>
                      <a:gd name="connsiteY6" fmla="*/ 1699 h 1857498"/>
                      <a:gd name="connsiteX7" fmla="*/ 107994 w 1466816"/>
                      <a:gd name="connsiteY7" fmla="*/ 185347 h 1857498"/>
                      <a:gd name="connsiteX8" fmla="*/ 32157 w 1466816"/>
                      <a:gd name="connsiteY8" fmla="*/ 240683 h 1857498"/>
                      <a:gd name="connsiteX9" fmla="*/ 1981 w 1466816"/>
                      <a:gd name="connsiteY9" fmla="*/ 374643 h 1857498"/>
                      <a:gd name="connsiteX10" fmla="*/ 16611 w 1466816"/>
                      <a:gd name="connsiteY10" fmla="*/ 484371 h 1857498"/>
                      <a:gd name="connsiteX11" fmla="*/ 126339 w 1466816"/>
                      <a:gd name="connsiteY11" fmla="*/ 499001 h 1857498"/>
                      <a:gd name="connsiteX12" fmla="*/ 184861 w 1466816"/>
                      <a:gd name="connsiteY12" fmla="*/ 506316 h 1857498"/>
                      <a:gd name="connsiteX13" fmla="*/ 228752 w 1466816"/>
                      <a:gd name="connsiteY13" fmla="*/ 572153 h 1857498"/>
                      <a:gd name="connsiteX14" fmla="*/ 206806 w 1466816"/>
                      <a:gd name="connsiteY14" fmla="*/ 645305 h 1857498"/>
                      <a:gd name="connsiteX15" fmla="*/ 155600 w 1466816"/>
                      <a:gd name="connsiteY15" fmla="*/ 740403 h 1857498"/>
                      <a:gd name="connsiteX16" fmla="*/ 228752 w 1466816"/>
                      <a:gd name="connsiteY16" fmla="*/ 850131 h 1857498"/>
                      <a:gd name="connsiteX17" fmla="*/ 228752 w 1466816"/>
                      <a:gd name="connsiteY17" fmla="*/ 915967 h 1857498"/>
                      <a:gd name="connsiteX18" fmla="*/ 301904 w 1466816"/>
                      <a:gd name="connsiteY18" fmla="*/ 1084217 h 1857498"/>
                      <a:gd name="connsiteX19" fmla="*/ 316534 w 1466816"/>
                      <a:gd name="connsiteY19" fmla="*/ 1142739 h 1857498"/>
                      <a:gd name="connsiteX20" fmla="*/ 279958 w 1466816"/>
                      <a:gd name="connsiteY20" fmla="*/ 1237836 h 1857498"/>
                      <a:gd name="connsiteX21" fmla="*/ 170230 w 1466816"/>
                      <a:gd name="connsiteY21" fmla="*/ 1281727 h 1857498"/>
                      <a:gd name="connsiteX22" fmla="*/ 133654 w 1466816"/>
                      <a:gd name="connsiteY22" fmla="*/ 1296358 h 1857498"/>
                      <a:gd name="connsiteX23" fmla="*/ 111709 w 1466816"/>
                      <a:gd name="connsiteY23" fmla="*/ 1362195 h 1857498"/>
                      <a:gd name="connsiteX24" fmla="*/ 75133 w 1466816"/>
                      <a:gd name="connsiteY24" fmla="*/ 1391455 h 1857498"/>
                      <a:gd name="connsiteX25" fmla="*/ 9296 w 1466816"/>
                      <a:gd name="connsiteY25" fmla="*/ 1442662 h 1857498"/>
                      <a:gd name="connsiteX26" fmla="*/ 60502 w 1466816"/>
                      <a:gd name="connsiteY26" fmla="*/ 1515814 h 1857498"/>
                      <a:gd name="connsiteX27" fmla="*/ 104394 w 1466816"/>
                      <a:gd name="connsiteY27" fmla="*/ 1567020 h 1857498"/>
                      <a:gd name="connsiteX28" fmla="*/ 82448 w 1466816"/>
                      <a:gd name="connsiteY28" fmla="*/ 1698694 h 1857498"/>
                      <a:gd name="connsiteX29" fmla="*/ 111709 w 1466816"/>
                      <a:gd name="connsiteY29" fmla="*/ 1779161 h 1857498"/>
                      <a:gd name="connsiteX30" fmla="*/ 234113 w 1466816"/>
                      <a:gd name="connsiteY30" fmla="*/ 1842409 h 1857498"/>
                      <a:gd name="connsiteX31" fmla="*/ 1052517 w 1466816"/>
                      <a:gd name="connsiteY31" fmla="*/ 1477328 h 1857498"/>
                      <a:gd name="connsiteX32" fmla="*/ 1151926 w 1466816"/>
                      <a:gd name="connsiteY32" fmla="*/ 1408397 h 1857498"/>
                      <a:gd name="connsiteX33" fmla="*/ 1267520 w 1466816"/>
                      <a:gd name="connsiteY33" fmla="*/ 1359890 h 1857498"/>
                      <a:gd name="connsiteX34" fmla="*/ 1332253 w 1466816"/>
                      <a:gd name="connsiteY34" fmla="*/ 1296066 h 1857498"/>
                      <a:gd name="connsiteX35" fmla="*/ 1466816 w 1466816"/>
                      <a:gd name="connsiteY35" fmla="*/ 1254077 h 1857498"/>
                      <a:gd name="connsiteX0" fmla="*/ 1466439 w 1466816"/>
                      <a:gd name="connsiteY0" fmla="*/ 864666 h 1862118"/>
                      <a:gd name="connsiteX1" fmla="*/ 1355372 w 1466816"/>
                      <a:gd name="connsiteY1" fmla="*/ 739511 h 1862118"/>
                      <a:gd name="connsiteX2" fmla="*/ 1387738 w 1466816"/>
                      <a:gd name="connsiteY2" fmla="*/ 471447 h 1862118"/>
                      <a:gd name="connsiteX3" fmla="*/ 1221283 w 1466816"/>
                      <a:gd name="connsiteY3" fmla="*/ 177853 h 1862118"/>
                      <a:gd name="connsiteX4" fmla="*/ 1108000 w 1466816"/>
                      <a:gd name="connsiteY4" fmla="*/ 96157 h 1862118"/>
                      <a:gd name="connsiteX5" fmla="*/ 851382 w 1466816"/>
                      <a:gd name="connsiteY5" fmla="*/ 167640 h 1862118"/>
                      <a:gd name="connsiteX6" fmla="*/ 578580 w 1466816"/>
                      <a:gd name="connsiteY6" fmla="*/ 1699 h 1862118"/>
                      <a:gd name="connsiteX7" fmla="*/ 107994 w 1466816"/>
                      <a:gd name="connsiteY7" fmla="*/ 185347 h 1862118"/>
                      <a:gd name="connsiteX8" fmla="*/ 32157 w 1466816"/>
                      <a:gd name="connsiteY8" fmla="*/ 240683 h 1862118"/>
                      <a:gd name="connsiteX9" fmla="*/ 1981 w 1466816"/>
                      <a:gd name="connsiteY9" fmla="*/ 374643 h 1862118"/>
                      <a:gd name="connsiteX10" fmla="*/ 16611 w 1466816"/>
                      <a:gd name="connsiteY10" fmla="*/ 484371 h 1862118"/>
                      <a:gd name="connsiteX11" fmla="*/ 126339 w 1466816"/>
                      <a:gd name="connsiteY11" fmla="*/ 499001 h 1862118"/>
                      <a:gd name="connsiteX12" fmla="*/ 184861 w 1466816"/>
                      <a:gd name="connsiteY12" fmla="*/ 506316 h 1862118"/>
                      <a:gd name="connsiteX13" fmla="*/ 228752 w 1466816"/>
                      <a:gd name="connsiteY13" fmla="*/ 572153 h 1862118"/>
                      <a:gd name="connsiteX14" fmla="*/ 206806 w 1466816"/>
                      <a:gd name="connsiteY14" fmla="*/ 645305 h 1862118"/>
                      <a:gd name="connsiteX15" fmla="*/ 155600 w 1466816"/>
                      <a:gd name="connsiteY15" fmla="*/ 740403 h 1862118"/>
                      <a:gd name="connsiteX16" fmla="*/ 228752 w 1466816"/>
                      <a:gd name="connsiteY16" fmla="*/ 850131 h 1862118"/>
                      <a:gd name="connsiteX17" fmla="*/ 228752 w 1466816"/>
                      <a:gd name="connsiteY17" fmla="*/ 915967 h 1862118"/>
                      <a:gd name="connsiteX18" fmla="*/ 301904 w 1466816"/>
                      <a:gd name="connsiteY18" fmla="*/ 1084217 h 1862118"/>
                      <a:gd name="connsiteX19" fmla="*/ 316534 w 1466816"/>
                      <a:gd name="connsiteY19" fmla="*/ 1142739 h 1862118"/>
                      <a:gd name="connsiteX20" fmla="*/ 279958 w 1466816"/>
                      <a:gd name="connsiteY20" fmla="*/ 1237836 h 1862118"/>
                      <a:gd name="connsiteX21" fmla="*/ 170230 w 1466816"/>
                      <a:gd name="connsiteY21" fmla="*/ 1281727 h 1862118"/>
                      <a:gd name="connsiteX22" fmla="*/ 133654 w 1466816"/>
                      <a:gd name="connsiteY22" fmla="*/ 1296358 h 1862118"/>
                      <a:gd name="connsiteX23" fmla="*/ 111709 w 1466816"/>
                      <a:gd name="connsiteY23" fmla="*/ 1362195 h 1862118"/>
                      <a:gd name="connsiteX24" fmla="*/ 75133 w 1466816"/>
                      <a:gd name="connsiteY24" fmla="*/ 1391455 h 1862118"/>
                      <a:gd name="connsiteX25" fmla="*/ 9296 w 1466816"/>
                      <a:gd name="connsiteY25" fmla="*/ 1442662 h 1862118"/>
                      <a:gd name="connsiteX26" fmla="*/ 60502 w 1466816"/>
                      <a:gd name="connsiteY26" fmla="*/ 1515814 h 1862118"/>
                      <a:gd name="connsiteX27" fmla="*/ 104394 w 1466816"/>
                      <a:gd name="connsiteY27" fmla="*/ 1567020 h 1862118"/>
                      <a:gd name="connsiteX28" fmla="*/ 82448 w 1466816"/>
                      <a:gd name="connsiteY28" fmla="*/ 1698694 h 1862118"/>
                      <a:gd name="connsiteX29" fmla="*/ 111709 w 1466816"/>
                      <a:gd name="connsiteY29" fmla="*/ 1779161 h 1862118"/>
                      <a:gd name="connsiteX30" fmla="*/ 234113 w 1466816"/>
                      <a:gd name="connsiteY30" fmla="*/ 1842409 h 1862118"/>
                      <a:gd name="connsiteX31" fmla="*/ 1151926 w 1466816"/>
                      <a:gd name="connsiteY31" fmla="*/ 1408397 h 1862118"/>
                      <a:gd name="connsiteX32" fmla="*/ 1267520 w 1466816"/>
                      <a:gd name="connsiteY32" fmla="*/ 1359890 h 1862118"/>
                      <a:gd name="connsiteX33" fmla="*/ 1332253 w 1466816"/>
                      <a:gd name="connsiteY33" fmla="*/ 1296066 h 1862118"/>
                      <a:gd name="connsiteX34" fmla="*/ 1466816 w 1466816"/>
                      <a:gd name="connsiteY34" fmla="*/ 1254077 h 1862118"/>
                      <a:gd name="connsiteX0" fmla="*/ 1466439 w 1466816"/>
                      <a:gd name="connsiteY0" fmla="*/ 864666 h 1865438"/>
                      <a:gd name="connsiteX1" fmla="*/ 1355372 w 1466816"/>
                      <a:gd name="connsiteY1" fmla="*/ 739511 h 1865438"/>
                      <a:gd name="connsiteX2" fmla="*/ 1387738 w 1466816"/>
                      <a:gd name="connsiteY2" fmla="*/ 471447 h 1865438"/>
                      <a:gd name="connsiteX3" fmla="*/ 1221283 w 1466816"/>
                      <a:gd name="connsiteY3" fmla="*/ 177853 h 1865438"/>
                      <a:gd name="connsiteX4" fmla="*/ 1108000 w 1466816"/>
                      <a:gd name="connsiteY4" fmla="*/ 96157 h 1865438"/>
                      <a:gd name="connsiteX5" fmla="*/ 851382 w 1466816"/>
                      <a:gd name="connsiteY5" fmla="*/ 167640 h 1865438"/>
                      <a:gd name="connsiteX6" fmla="*/ 578580 w 1466816"/>
                      <a:gd name="connsiteY6" fmla="*/ 1699 h 1865438"/>
                      <a:gd name="connsiteX7" fmla="*/ 107994 w 1466816"/>
                      <a:gd name="connsiteY7" fmla="*/ 185347 h 1865438"/>
                      <a:gd name="connsiteX8" fmla="*/ 32157 w 1466816"/>
                      <a:gd name="connsiteY8" fmla="*/ 240683 h 1865438"/>
                      <a:gd name="connsiteX9" fmla="*/ 1981 w 1466816"/>
                      <a:gd name="connsiteY9" fmla="*/ 374643 h 1865438"/>
                      <a:gd name="connsiteX10" fmla="*/ 16611 w 1466816"/>
                      <a:gd name="connsiteY10" fmla="*/ 484371 h 1865438"/>
                      <a:gd name="connsiteX11" fmla="*/ 126339 w 1466816"/>
                      <a:gd name="connsiteY11" fmla="*/ 499001 h 1865438"/>
                      <a:gd name="connsiteX12" fmla="*/ 184861 w 1466816"/>
                      <a:gd name="connsiteY12" fmla="*/ 506316 h 1865438"/>
                      <a:gd name="connsiteX13" fmla="*/ 228752 w 1466816"/>
                      <a:gd name="connsiteY13" fmla="*/ 572153 h 1865438"/>
                      <a:gd name="connsiteX14" fmla="*/ 206806 w 1466816"/>
                      <a:gd name="connsiteY14" fmla="*/ 645305 h 1865438"/>
                      <a:gd name="connsiteX15" fmla="*/ 155600 w 1466816"/>
                      <a:gd name="connsiteY15" fmla="*/ 740403 h 1865438"/>
                      <a:gd name="connsiteX16" fmla="*/ 228752 w 1466816"/>
                      <a:gd name="connsiteY16" fmla="*/ 850131 h 1865438"/>
                      <a:gd name="connsiteX17" fmla="*/ 228752 w 1466816"/>
                      <a:gd name="connsiteY17" fmla="*/ 915967 h 1865438"/>
                      <a:gd name="connsiteX18" fmla="*/ 301904 w 1466816"/>
                      <a:gd name="connsiteY18" fmla="*/ 1084217 h 1865438"/>
                      <a:gd name="connsiteX19" fmla="*/ 316534 w 1466816"/>
                      <a:gd name="connsiteY19" fmla="*/ 1142739 h 1865438"/>
                      <a:gd name="connsiteX20" fmla="*/ 279958 w 1466816"/>
                      <a:gd name="connsiteY20" fmla="*/ 1237836 h 1865438"/>
                      <a:gd name="connsiteX21" fmla="*/ 170230 w 1466816"/>
                      <a:gd name="connsiteY21" fmla="*/ 1281727 h 1865438"/>
                      <a:gd name="connsiteX22" fmla="*/ 133654 w 1466816"/>
                      <a:gd name="connsiteY22" fmla="*/ 1296358 h 1865438"/>
                      <a:gd name="connsiteX23" fmla="*/ 111709 w 1466816"/>
                      <a:gd name="connsiteY23" fmla="*/ 1362195 h 1865438"/>
                      <a:gd name="connsiteX24" fmla="*/ 75133 w 1466816"/>
                      <a:gd name="connsiteY24" fmla="*/ 1391455 h 1865438"/>
                      <a:gd name="connsiteX25" fmla="*/ 9296 w 1466816"/>
                      <a:gd name="connsiteY25" fmla="*/ 1442662 h 1865438"/>
                      <a:gd name="connsiteX26" fmla="*/ 60502 w 1466816"/>
                      <a:gd name="connsiteY26" fmla="*/ 1515814 h 1865438"/>
                      <a:gd name="connsiteX27" fmla="*/ 104394 w 1466816"/>
                      <a:gd name="connsiteY27" fmla="*/ 1567020 h 1865438"/>
                      <a:gd name="connsiteX28" fmla="*/ 82448 w 1466816"/>
                      <a:gd name="connsiteY28" fmla="*/ 1698694 h 1865438"/>
                      <a:gd name="connsiteX29" fmla="*/ 111709 w 1466816"/>
                      <a:gd name="connsiteY29" fmla="*/ 1779161 h 1865438"/>
                      <a:gd name="connsiteX30" fmla="*/ 234113 w 1466816"/>
                      <a:gd name="connsiteY30" fmla="*/ 1842409 h 1865438"/>
                      <a:gd name="connsiteX31" fmla="*/ 1267520 w 1466816"/>
                      <a:gd name="connsiteY31" fmla="*/ 1359890 h 1865438"/>
                      <a:gd name="connsiteX32" fmla="*/ 1332253 w 1466816"/>
                      <a:gd name="connsiteY32" fmla="*/ 1296066 h 1865438"/>
                      <a:gd name="connsiteX33" fmla="*/ 1466816 w 1466816"/>
                      <a:gd name="connsiteY33" fmla="*/ 1254077 h 1865438"/>
                      <a:gd name="connsiteX0" fmla="*/ 1466439 w 1466816"/>
                      <a:gd name="connsiteY0" fmla="*/ 864666 h 1869870"/>
                      <a:gd name="connsiteX1" fmla="*/ 1355372 w 1466816"/>
                      <a:gd name="connsiteY1" fmla="*/ 739511 h 1869870"/>
                      <a:gd name="connsiteX2" fmla="*/ 1387738 w 1466816"/>
                      <a:gd name="connsiteY2" fmla="*/ 471447 h 1869870"/>
                      <a:gd name="connsiteX3" fmla="*/ 1221283 w 1466816"/>
                      <a:gd name="connsiteY3" fmla="*/ 177853 h 1869870"/>
                      <a:gd name="connsiteX4" fmla="*/ 1108000 w 1466816"/>
                      <a:gd name="connsiteY4" fmla="*/ 96157 h 1869870"/>
                      <a:gd name="connsiteX5" fmla="*/ 851382 w 1466816"/>
                      <a:gd name="connsiteY5" fmla="*/ 167640 h 1869870"/>
                      <a:gd name="connsiteX6" fmla="*/ 578580 w 1466816"/>
                      <a:gd name="connsiteY6" fmla="*/ 1699 h 1869870"/>
                      <a:gd name="connsiteX7" fmla="*/ 107994 w 1466816"/>
                      <a:gd name="connsiteY7" fmla="*/ 185347 h 1869870"/>
                      <a:gd name="connsiteX8" fmla="*/ 32157 w 1466816"/>
                      <a:gd name="connsiteY8" fmla="*/ 240683 h 1869870"/>
                      <a:gd name="connsiteX9" fmla="*/ 1981 w 1466816"/>
                      <a:gd name="connsiteY9" fmla="*/ 374643 h 1869870"/>
                      <a:gd name="connsiteX10" fmla="*/ 16611 w 1466816"/>
                      <a:gd name="connsiteY10" fmla="*/ 484371 h 1869870"/>
                      <a:gd name="connsiteX11" fmla="*/ 126339 w 1466816"/>
                      <a:gd name="connsiteY11" fmla="*/ 499001 h 1869870"/>
                      <a:gd name="connsiteX12" fmla="*/ 184861 w 1466816"/>
                      <a:gd name="connsiteY12" fmla="*/ 506316 h 1869870"/>
                      <a:gd name="connsiteX13" fmla="*/ 228752 w 1466816"/>
                      <a:gd name="connsiteY13" fmla="*/ 572153 h 1869870"/>
                      <a:gd name="connsiteX14" fmla="*/ 206806 w 1466816"/>
                      <a:gd name="connsiteY14" fmla="*/ 645305 h 1869870"/>
                      <a:gd name="connsiteX15" fmla="*/ 155600 w 1466816"/>
                      <a:gd name="connsiteY15" fmla="*/ 740403 h 1869870"/>
                      <a:gd name="connsiteX16" fmla="*/ 228752 w 1466816"/>
                      <a:gd name="connsiteY16" fmla="*/ 850131 h 1869870"/>
                      <a:gd name="connsiteX17" fmla="*/ 228752 w 1466816"/>
                      <a:gd name="connsiteY17" fmla="*/ 915967 h 1869870"/>
                      <a:gd name="connsiteX18" fmla="*/ 301904 w 1466816"/>
                      <a:gd name="connsiteY18" fmla="*/ 1084217 h 1869870"/>
                      <a:gd name="connsiteX19" fmla="*/ 316534 w 1466816"/>
                      <a:gd name="connsiteY19" fmla="*/ 1142739 h 1869870"/>
                      <a:gd name="connsiteX20" fmla="*/ 279958 w 1466816"/>
                      <a:gd name="connsiteY20" fmla="*/ 1237836 h 1869870"/>
                      <a:gd name="connsiteX21" fmla="*/ 170230 w 1466816"/>
                      <a:gd name="connsiteY21" fmla="*/ 1281727 h 1869870"/>
                      <a:gd name="connsiteX22" fmla="*/ 133654 w 1466816"/>
                      <a:gd name="connsiteY22" fmla="*/ 1296358 h 1869870"/>
                      <a:gd name="connsiteX23" fmla="*/ 111709 w 1466816"/>
                      <a:gd name="connsiteY23" fmla="*/ 1362195 h 1869870"/>
                      <a:gd name="connsiteX24" fmla="*/ 75133 w 1466816"/>
                      <a:gd name="connsiteY24" fmla="*/ 1391455 h 1869870"/>
                      <a:gd name="connsiteX25" fmla="*/ 9296 w 1466816"/>
                      <a:gd name="connsiteY25" fmla="*/ 1442662 h 1869870"/>
                      <a:gd name="connsiteX26" fmla="*/ 60502 w 1466816"/>
                      <a:gd name="connsiteY26" fmla="*/ 1515814 h 1869870"/>
                      <a:gd name="connsiteX27" fmla="*/ 104394 w 1466816"/>
                      <a:gd name="connsiteY27" fmla="*/ 1567020 h 1869870"/>
                      <a:gd name="connsiteX28" fmla="*/ 82448 w 1466816"/>
                      <a:gd name="connsiteY28" fmla="*/ 1698694 h 1869870"/>
                      <a:gd name="connsiteX29" fmla="*/ 111709 w 1466816"/>
                      <a:gd name="connsiteY29" fmla="*/ 1779161 h 1869870"/>
                      <a:gd name="connsiteX30" fmla="*/ 234113 w 1466816"/>
                      <a:gd name="connsiteY30" fmla="*/ 1842409 h 1869870"/>
                      <a:gd name="connsiteX31" fmla="*/ 1332253 w 1466816"/>
                      <a:gd name="connsiteY31" fmla="*/ 1296066 h 1869870"/>
                      <a:gd name="connsiteX32" fmla="*/ 1466816 w 1466816"/>
                      <a:gd name="connsiteY32" fmla="*/ 1254077 h 1869870"/>
                      <a:gd name="connsiteX0" fmla="*/ 1466439 w 1466816"/>
                      <a:gd name="connsiteY0" fmla="*/ 864666 h 1872814"/>
                      <a:gd name="connsiteX1" fmla="*/ 1355372 w 1466816"/>
                      <a:gd name="connsiteY1" fmla="*/ 739511 h 1872814"/>
                      <a:gd name="connsiteX2" fmla="*/ 1387738 w 1466816"/>
                      <a:gd name="connsiteY2" fmla="*/ 471447 h 1872814"/>
                      <a:gd name="connsiteX3" fmla="*/ 1221283 w 1466816"/>
                      <a:gd name="connsiteY3" fmla="*/ 177853 h 1872814"/>
                      <a:gd name="connsiteX4" fmla="*/ 1108000 w 1466816"/>
                      <a:gd name="connsiteY4" fmla="*/ 96157 h 1872814"/>
                      <a:gd name="connsiteX5" fmla="*/ 851382 w 1466816"/>
                      <a:gd name="connsiteY5" fmla="*/ 167640 h 1872814"/>
                      <a:gd name="connsiteX6" fmla="*/ 578580 w 1466816"/>
                      <a:gd name="connsiteY6" fmla="*/ 1699 h 1872814"/>
                      <a:gd name="connsiteX7" fmla="*/ 107994 w 1466816"/>
                      <a:gd name="connsiteY7" fmla="*/ 185347 h 1872814"/>
                      <a:gd name="connsiteX8" fmla="*/ 32157 w 1466816"/>
                      <a:gd name="connsiteY8" fmla="*/ 240683 h 1872814"/>
                      <a:gd name="connsiteX9" fmla="*/ 1981 w 1466816"/>
                      <a:gd name="connsiteY9" fmla="*/ 374643 h 1872814"/>
                      <a:gd name="connsiteX10" fmla="*/ 16611 w 1466816"/>
                      <a:gd name="connsiteY10" fmla="*/ 484371 h 1872814"/>
                      <a:gd name="connsiteX11" fmla="*/ 126339 w 1466816"/>
                      <a:gd name="connsiteY11" fmla="*/ 499001 h 1872814"/>
                      <a:gd name="connsiteX12" fmla="*/ 184861 w 1466816"/>
                      <a:gd name="connsiteY12" fmla="*/ 506316 h 1872814"/>
                      <a:gd name="connsiteX13" fmla="*/ 228752 w 1466816"/>
                      <a:gd name="connsiteY13" fmla="*/ 572153 h 1872814"/>
                      <a:gd name="connsiteX14" fmla="*/ 206806 w 1466816"/>
                      <a:gd name="connsiteY14" fmla="*/ 645305 h 1872814"/>
                      <a:gd name="connsiteX15" fmla="*/ 155600 w 1466816"/>
                      <a:gd name="connsiteY15" fmla="*/ 740403 h 1872814"/>
                      <a:gd name="connsiteX16" fmla="*/ 228752 w 1466816"/>
                      <a:gd name="connsiteY16" fmla="*/ 850131 h 1872814"/>
                      <a:gd name="connsiteX17" fmla="*/ 228752 w 1466816"/>
                      <a:gd name="connsiteY17" fmla="*/ 915967 h 1872814"/>
                      <a:gd name="connsiteX18" fmla="*/ 301904 w 1466816"/>
                      <a:gd name="connsiteY18" fmla="*/ 1084217 h 1872814"/>
                      <a:gd name="connsiteX19" fmla="*/ 316534 w 1466816"/>
                      <a:gd name="connsiteY19" fmla="*/ 1142739 h 1872814"/>
                      <a:gd name="connsiteX20" fmla="*/ 279958 w 1466816"/>
                      <a:gd name="connsiteY20" fmla="*/ 1237836 h 1872814"/>
                      <a:gd name="connsiteX21" fmla="*/ 170230 w 1466816"/>
                      <a:gd name="connsiteY21" fmla="*/ 1281727 h 1872814"/>
                      <a:gd name="connsiteX22" fmla="*/ 133654 w 1466816"/>
                      <a:gd name="connsiteY22" fmla="*/ 1296358 h 1872814"/>
                      <a:gd name="connsiteX23" fmla="*/ 111709 w 1466816"/>
                      <a:gd name="connsiteY23" fmla="*/ 1362195 h 1872814"/>
                      <a:gd name="connsiteX24" fmla="*/ 75133 w 1466816"/>
                      <a:gd name="connsiteY24" fmla="*/ 1391455 h 1872814"/>
                      <a:gd name="connsiteX25" fmla="*/ 9296 w 1466816"/>
                      <a:gd name="connsiteY25" fmla="*/ 1442662 h 1872814"/>
                      <a:gd name="connsiteX26" fmla="*/ 60502 w 1466816"/>
                      <a:gd name="connsiteY26" fmla="*/ 1515814 h 1872814"/>
                      <a:gd name="connsiteX27" fmla="*/ 104394 w 1466816"/>
                      <a:gd name="connsiteY27" fmla="*/ 1567020 h 1872814"/>
                      <a:gd name="connsiteX28" fmla="*/ 82448 w 1466816"/>
                      <a:gd name="connsiteY28" fmla="*/ 1698694 h 1872814"/>
                      <a:gd name="connsiteX29" fmla="*/ 111709 w 1466816"/>
                      <a:gd name="connsiteY29" fmla="*/ 1779161 h 1872814"/>
                      <a:gd name="connsiteX30" fmla="*/ 234113 w 1466816"/>
                      <a:gd name="connsiteY30" fmla="*/ 1842409 h 1872814"/>
                      <a:gd name="connsiteX31" fmla="*/ 1466816 w 1466816"/>
                      <a:gd name="connsiteY31" fmla="*/ 1254077 h 1872814"/>
                      <a:gd name="connsiteX0" fmla="*/ 1466439 w 1466439"/>
                      <a:gd name="connsiteY0" fmla="*/ 864666 h 1872814"/>
                      <a:gd name="connsiteX1" fmla="*/ 1355372 w 1466439"/>
                      <a:gd name="connsiteY1" fmla="*/ 739511 h 1872814"/>
                      <a:gd name="connsiteX2" fmla="*/ 1387738 w 1466439"/>
                      <a:gd name="connsiteY2" fmla="*/ 471447 h 1872814"/>
                      <a:gd name="connsiteX3" fmla="*/ 1221283 w 1466439"/>
                      <a:gd name="connsiteY3" fmla="*/ 177853 h 1872814"/>
                      <a:gd name="connsiteX4" fmla="*/ 1108000 w 1466439"/>
                      <a:gd name="connsiteY4" fmla="*/ 96157 h 1872814"/>
                      <a:gd name="connsiteX5" fmla="*/ 851382 w 1466439"/>
                      <a:gd name="connsiteY5" fmla="*/ 167640 h 1872814"/>
                      <a:gd name="connsiteX6" fmla="*/ 578580 w 1466439"/>
                      <a:gd name="connsiteY6" fmla="*/ 1699 h 1872814"/>
                      <a:gd name="connsiteX7" fmla="*/ 107994 w 1466439"/>
                      <a:gd name="connsiteY7" fmla="*/ 185347 h 1872814"/>
                      <a:gd name="connsiteX8" fmla="*/ 32157 w 1466439"/>
                      <a:gd name="connsiteY8" fmla="*/ 240683 h 1872814"/>
                      <a:gd name="connsiteX9" fmla="*/ 1981 w 1466439"/>
                      <a:gd name="connsiteY9" fmla="*/ 374643 h 1872814"/>
                      <a:gd name="connsiteX10" fmla="*/ 16611 w 1466439"/>
                      <a:gd name="connsiteY10" fmla="*/ 484371 h 1872814"/>
                      <a:gd name="connsiteX11" fmla="*/ 126339 w 1466439"/>
                      <a:gd name="connsiteY11" fmla="*/ 499001 h 1872814"/>
                      <a:gd name="connsiteX12" fmla="*/ 184861 w 1466439"/>
                      <a:gd name="connsiteY12" fmla="*/ 506316 h 1872814"/>
                      <a:gd name="connsiteX13" fmla="*/ 228752 w 1466439"/>
                      <a:gd name="connsiteY13" fmla="*/ 572153 h 1872814"/>
                      <a:gd name="connsiteX14" fmla="*/ 206806 w 1466439"/>
                      <a:gd name="connsiteY14" fmla="*/ 645305 h 1872814"/>
                      <a:gd name="connsiteX15" fmla="*/ 155600 w 1466439"/>
                      <a:gd name="connsiteY15" fmla="*/ 740403 h 1872814"/>
                      <a:gd name="connsiteX16" fmla="*/ 228752 w 1466439"/>
                      <a:gd name="connsiteY16" fmla="*/ 850131 h 1872814"/>
                      <a:gd name="connsiteX17" fmla="*/ 228752 w 1466439"/>
                      <a:gd name="connsiteY17" fmla="*/ 915967 h 1872814"/>
                      <a:gd name="connsiteX18" fmla="*/ 301904 w 1466439"/>
                      <a:gd name="connsiteY18" fmla="*/ 1084217 h 1872814"/>
                      <a:gd name="connsiteX19" fmla="*/ 316534 w 1466439"/>
                      <a:gd name="connsiteY19" fmla="*/ 1142739 h 1872814"/>
                      <a:gd name="connsiteX20" fmla="*/ 279958 w 1466439"/>
                      <a:gd name="connsiteY20" fmla="*/ 1237836 h 1872814"/>
                      <a:gd name="connsiteX21" fmla="*/ 170230 w 1466439"/>
                      <a:gd name="connsiteY21" fmla="*/ 1281727 h 1872814"/>
                      <a:gd name="connsiteX22" fmla="*/ 133654 w 1466439"/>
                      <a:gd name="connsiteY22" fmla="*/ 1296358 h 1872814"/>
                      <a:gd name="connsiteX23" fmla="*/ 111709 w 1466439"/>
                      <a:gd name="connsiteY23" fmla="*/ 1362195 h 1872814"/>
                      <a:gd name="connsiteX24" fmla="*/ 75133 w 1466439"/>
                      <a:gd name="connsiteY24" fmla="*/ 1391455 h 1872814"/>
                      <a:gd name="connsiteX25" fmla="*/ 9296 w 1466439"/>
                      <a:gd name="connsiteY25" fmla="*/ 1442662 h 1872814"/>
                      <a:gd name="connsiteX26" fmla="*/ 60502 w 1466439"/>
                      <a:gd name="connsiteY26" fmla="*/ 1515814 h 1872814"/>
                      <a:gd name="connsiteX27" fmla="*/ 104394 w 1466439"/>
                      <a:gd name="connsiteY27" fmla="*/ 1567020 h 1872814"/>
                      <a:gd name="connsiteX28" fmla="*/ 82448 w 1466439"/>
                      <a:gd name="connsiteY28" fmla="*/ 1698694 h 1872814"/>
                      <a:gd name="connsiteX29" fmla="*/ 111709 w 1466439"/>
                      <a:gd name="connsiteY29" fmla="*/ 1779161 h 1872814"/>
                      <a:gd name="connsiteX30" fmla="*/ 234113 w 1466439"/>
                      <a:gd name="connsiteY30" fmla="*/ 1842409 h 1872814"/>
                      <a:gd name="connsiteX0" fmla="*/ 1355372 w 1396937"/>
                      <a:gd name="connsiteY0" fmla="*/ 739511 h 1872814"/>
                      <a:gd name="connsiteX1" fmla="*/ 1387738 w 1396937"/>
                      <a:gd name="connsiteY1" fmla="*/ 471447 h 1872814"/>
                      <a:gd name="connsiteX2" fmla="*/ 1221283 w 1396937"/>
                      <a:gd name="connsiteY2" fmla="*/ 177853 h 1872814"/>
                      <a:gd name="connsiteX3" fmla="*/ 1108000 w 1396937"/>
                      <a:gd name="connsiteY3" fmla="*/ 96157 h 1872814"/>
                      <a:gd name="connsiteX4" fmla="*/ 851382 w 1396937"/>
                      <a:gd name="connsiteY4" fmla="*/ 167640 h 1872814"/>
                      <a:gd name="connsiteX5" fmla="*/ 578580 w 1396937"/>
                      <a:gd name="connsiteY5" fmla="*/ 1699 h 1872814"/>
                      <a:gd name="connsiteX6" fmla="*/ 107994 w 1396937"/>
                      <a:gd name="connsiteY6" fmla="*/ 185347 h 1872814"/>
                      <a:gd name="connsiteX7" fmla="*/ 32157 w 1396937"/>
                      <a:gd name="connsiteY7" fmla="*/ 240683 h 1872814"/>
                      <a:gd name="connsiteX8" fmla="*/ 1981 w 1396937"/>
                      <a:gd name="connsiteY8" fmla="*/ 374643 h 1872814"/>
                      <a:gd name="connsiteX9" fmla="*/ 16611 w 1396937"/>
                      <a:gd name="connsiteY9" fmla="*/ 484371 h 1872814"/>
                      <a:gd name="connsiteX10" fmla="*/ 126339 w 1396937"/>
                      <a:gd name="connsiteY10" fmla="*/ 499001 h 1872814"/>
                      <a:gd name="connsiteX11" fmla="*/ 184861 w 1396937"/>
                      <a:gd name="connsiteY11" fmla="*/ 506316 h 1872814"/>
                      <a:gd name="connsiteX12" fmla="*/ 228752 w 1396937"/>
                      <a:gd name="connsiteY12" fmla="*/ 572153 h 1872814"/>
                      <a:gd name="connsiteX13" fmla="*/ 206806 w 1396937"/>
                      <a:gd name="connsiteY13" fmla="*/ 645305 h 1872814"/>
                      <a:gd name="connsiteX14" fmla="*/ 155600 w 1396937"/>
                      <a:gd name="connsiteY14" fmla="*/ 740403 h 1872814"/>
                      <a:gd name="connsiteX15" fmla="*/ 228752 w 1396937"/>
                      <a:gd name="connsiteY15" fmla="*/ 850131 h 1872814"/>
                      <a:gd name="connsiteX16" fmla="*/ 228752 w 1396937"/>
                      <a:gd name="connsiteY16" fmla="*/ 915967 h 1872814"/>
                      <a:gd name="connsiteX17" fmla="*/ 301904 w 1396937"/>
                      <a:gd name="connsiteY17" fmla="*/ 1084217 h 1872814"/>
                      <a:gd name="connsiteX18" fmla="*/ 316534 w 1396937"/>
                      <a:gd name="connsiteY18" fmla="*/ 1142739 h 1872814"/>
                      <a:gd name="connsiteX19" fmla="*/ 279958 w 1396937"/>
                      <a:gd name="connsiteY19" fmla="*/ 1237836 h 1872814"/>
                      <a:gd name="connsiteX20" fmla="*/ 170230 w 1396937"/>
                      <a:gd name="connsiteY20" fmla="*/ 1281727 h 1872814"/>
                      <a:gd name="connsiteX21" fmla="*/ 133654 w 1396937"/>
                      <a:gd name="connsiteY21" fmla="*/ 1296358 h 1872814"/>
                      <a:gd name="connsiteX22" fmla="*/ 111709 w 1396937"/>
                      <a:gd name="connsiteY22" fmla="*/ 1362195 h 1872814"/>
                      <a:gd name="connsiteX23" fmla="*/ 75133 w 1396937"/>
                      <a:gd name="connsiteY23" fmla="*/ 1391455 h 1872814"/>
                      <a:gd name="connsiteX24" fmla="*/ 9296 w 1396937"/>
                      <a:gd name="connsiteY24" fmla="*/ 1442662 h 1872814"/>
                      <a:gd name="connsiteX25" fmla="*/ 60502 w 1396937"/>
                      <a:gd name="connsiteY25" fmla="*/ 1515814 h 1872814"/>
                      <a:gd name="connsiteX26" fmla="*/ 104394 w 1396937"/>
                      <a:gd name="connsiteY26" fmla="*/ 1567020 h 1872814"/>
                      <a:gd name="connsiteX27" fmla="*/ 82448 w 1396937"/>
                      <a:gd name="connsiteY27" fmla="*/ 1698694 h 1872814"/>
                      <a:gd name="connsiteX28" fmla="*/ 111709 w 1396937"/>
                      <a:gd name="connsiteY28" fmla="*/ 1779161 h 1872814"/>
                      <a:gd name="connsiteX29" fmla="*/ 234113 w 1396937"/>
                      <a:gd name="connsiteY29" fmla="*/ 1842409 h 1872814"/>
                      <a:gd name="connsiteX0" fmla="*/ 1387738 w 1387738"/>
                      <a:gd name="connsiteY0" fmla="*/ 471447 h 1872814"/>
                      <a:gd name="connsiteX1" fmla="*/ 1221283 w 1387738"/>
                      <a:gd name="connsiteY1" fmla="*/ 177853 h 1872814"/>
                      <a:gd name="connsiteX2" fmla="*/ 1108000 w 1387738"/>
                      <a:gd name="connsiteY2" fmla="*/ 96157 h 1872814"/>
                      <a:gd name="connsiteX3" fmla="*/ 851382 w 1387738"/>
                      <a:gd name="connsiteY3" fmla="*/ 167640 h 1872814"/>
                      <a:gd name="connsiteX4" fmla="*/ 578580 w 1387738"/>
                      <a:gd name="connsiteY4" fmla="*/ 1699 h 1872814"/>
                      <a:gd name="connsiteX5" fmla="*/ 107994 w 1387738"/>
                      <a:gd name="connsiteY5" fmla="*/ 185347 h 1872814"/>
                      <a:gd name="connsiteX6" fmla="*/ 32157 w 1387738"/>
                      <a:gd name="connsiteY6" fmla="*/ 240683 h 1872814"/>
                      <a:gd name="connsiteX7" fmla="*/ 1981 w 1387738"/>
                      <a:gd name="connsiteY7" fmla="*/ 374643 h 1872814"/>
                      <a:gd name="connsiteX8" fmla="*/ 16611 w 1387738"/>
                      <a:gd name="connsiteY8" fmla="*/ 484371 h 1872814"/>
                      <a:gd name="connsiteX9" fmla="*/ 126339 w 1387738"/>
                      <a:gd name="connsiteY9" fmla="*/ 499001 h 1872814"/>
                      <a:gd name="connsiteX10" fmla="*/ 184861 w 1387738"/>
                      <a:gd name="connsiteY10" fmla="*/ 506316 h 1872814"/>
                      <a:gd name="connsiteX11" fmla="*/ 228752 w 1387738"/>
                      <a:gd name="connsiteY11" fmla="*/ 572153 h 1872814"/>
                      <a:gd name="connsiteX12" fmla="*/ 206806 w 1387738"/>
                      <a:gd name="connsiteY12" fmla="*/ 645305 h 1872814"/>
                      <a:gd name="connsiteX13" fmla="*/ 155600 w 1387738"/>
                      <a:gd name="connsiteY13" fmla="*/ 740403 h 1872814"/>
                      <a:gd name="connsiteX14" fmla="*/ 228752 w 1387738"/>
                      <a:gd name="connsiteY14" fmla="*/ 850131 h 1872814"/>
                      <a:gd name="connsiteX15" fmla="*/ 228752 w 1387738"/>
                      <a:gd name="connsiteY15" fmla="*/ 915967 h 1872814"/>
                      <a:gd name="connsiteX16" fmla="*/ 301904 w 1387738"/>
                      <a:gd name="connsiteY16" fmla="*/ 1084217 h 1872814"/>
                      <a:gd name="connsiteX17" fmla="*/ 316534 w 1387738"/>
                      <a:gd name="connsiteY17" fmla="*/ 1142739 h 1872814"/>
                      <a:gd name="connsiteX18" fmla="*/ 279958 w 1387738"/>
                      <a:gd name="connsiteY18" fmla="*/ 1237836 h 1872814"/>
                      <a:gd name="connsiteX19" fmla="*/ 170230 w 1387738"/>
                      <a:gd name="connsiteY19" fmla="*/ 1281727 h 1872814"/>
                      <a:gd name="connsiteX20" fmla="*/ 133654 w 1387738"/>
                      <a:gd name="connsiteY20" fmla="*/ 1296358 h 1872814"/>
                      <a:gd name="connsiteX21" fmla="*/ 111709 w 1387738"/>
                      <a:gd name="connsiteY21" fmla="*/ 1362195 h 1872814"/>
                      <a:gd name="connsiteX22" fmla="*/ 75133 w 1387738"/>
                      <a:gd name="connsiteY22" fmla="*/ 1391455 h 1872814"/>
                      <a:gd name="connsiteX23" fmla="*/ 9296 w 1387738"/>
                      <a:gd name="connsiteY23" fmla="*/ 1442662 h 1872814"/>
                      <a:gd name="connsiteX24" fmla="*/ 60502 w 1387738"/>
                      <a:gd name="connsiteY24" fmla="*/ 1515814 h 1872814"/>
                      <a:gd name="connsiteX25" fmla="*/ 104394 w 1387738"/>
                      <a:gd name="connsiteY25" fmla="*/ 1567020 h 1872814"/>
                      <a:gd name="connsiteX26" fmla="*/ 82448 w 1387738"/>
                      <a:gd name="connsiteY26" fmla="*/ 1698694 h 1872814"/>
                      <a:gd name="connsiteX27" fmla="*/ 111709 w 1387738"/>
                      <a:gd name="connsiteY27" fmla="*/ 1779161 h 1872814"/>
                      <a:gd name="connsiteX28" fmla="*/ 234113 w 1387738"/>
                      <a:gd name="connsiteY28" fmla="*/ 1842409 h 1872814"/>
                      <a:gd name="connsiteX0" fmla="*/ 1221283 w 1221283"/>
                      <a:gd name="connsiteY0" fmla="*/ 177853 h 1872814"/>
                      <a:gd name="connsiteX1" fmla="*/ 1108000 w 1221283"/>
                      <a:gd name="connsiteY1" fmla="*/ 96157 h 1872814"/>
                      <a:gd name="connsiteX2" fmla="*/ 851382 w 1221283"/>
                      <a:gd name="connsiteY2" fmla="*/ 167640 h 1872814"/>
                      <a:gd name="connsiteX3" fmla="*/ 578580 w 1221283"/>
                      <a:gd name="connsiteY3" fmla="*/ 1699 h 1872814"/>
                      <a:gd name="connsiteX4" fmla="*/ 107994 w 1221283"/>
                      <a:gd name="connsiteY4" fmla="*/ 185347 h 1872814"/>
                      <a:gd name="connsiteX5" fmla="*/ 32157 w 1221283"/>
                      <a:gd name="connsiteY5" fmla="*/ 240683 h 1872814"/>
                      <a:gd name="connsiteX6" fmla="*/ 1981 w 1221283"/>
                      <a:gd name="connsiteY6" fmla="*/ 374643 h 1872814"/>
                      <a:gd name="connsiteX7" fmla="*/ 16611 w 1221283"/>
                      <a:gd name="connsiteY7" fmla="*/ 484371 h 1872814"/>
                      <a:gd name="connsiteX8" fmla="*/ 126339 w 1221283"/>
                      <a:gd name="connsiteY8" fmla="*/ 499001 h 1872814"/>
                      <a:gd name="connsiteX9" fmla="*/ 184861 w 1221283"/>
                      <a:gd name="connsiteY9" fmla="*/ 506316 h 1872814"/>
                      <a:gd name="connsiteX10" fmla="*/ 228752 w 1221283"/>
                      <a:gd name="connsiteY10" fmla="*/ 572153 h 1872814"/>
                      <a:gd name="connsiteX11" fmla="*/ 206806 w 1221283"/>
                      <a:gd name="connsiteY11" fmla="*/ 645305 h 1872814"/>
                      <a:gd name="connsiteX12" fmla="*/ 155600 w 1221283"/>
                      <a:gd name="connsiteY12" fmla="*/ 740403 h 1872814"/>
                      <a:gd name="connsiteX13" fmla="*/ 228752 w 1221283"/>
                      <a:gd name="connsiteY13" fmla="*/ 850131 h 1872814"/>
                      <a:gd name="connsiteX14" fmla="*/ 228752 w 1221283"/>
                      <a:gd name="connsiteY14" fmla="*/ 915967 h 1872814"/>
                      <a:gd name="connsiteX15" fmla="*/ 301904 w 1221283"/>
                      <a:gd name="connsiteY15" fmla="*/ 1084217 h 1872814"/>
                      <a:gd name="connsiteX16" fmla="*/ 316534 w 1221283"/>
                      <a:gd name="connsiteY16" fmla="*/ 1142739 h 1872814"/>
                      <a:gd name="connsiteX17" fmla="*/ 279958 w 1221283"/>
                      <a:gd name="connsiteY17" fmla="*/ 1237836 h 1872814"/>
                      <a:gd name="connsiteX18" fmla="*/ 170230 w 1221283"/>
                      <a:gd name="connsiteY18" fmla="*/ 1281727 h 1872814"/>
                      <a:gd name="connsiteX19" fmla="*/ 133654 w 1221283"/>
                      <a:gd name="connsiteY19" fmla="*/ 1296358 h 1872814"/>
                      <a:gd name="connsiteX20" fmla="*/ 111709 w 1221283"/>
                      <a:gd name="connsiteY20" fmla="*/ 1362195 h 1872814"/>
                      <a:gd name="connsiteX21" fmla="*/ 75133 w 1221283"/>
                      <a:gd name="connsiteY21" fmla="*/ 1391455 h 1872814"/>
                      <a:gd name="connsiteX22" fmla="*/ 9296 w 1221283"/>
                      <a:gd name="connsiteY22" fmla="*/ 1442662 h 1872814"/>
                      <a:gd name="connsiteX23" fmla="*/ 60502 w 1221283"/>
                      <a:gd name="connsiteY23" fmla="*/ 1515814 h 1872814"/>
                      <a:gd name="connsiteX24" fmla="*/ 104394 w 1221283"/>
                      <a:gd name="connsiteY24" fmla="*/ 1567020 h 1872814"/>
                      <a:gd name="connsiteX25" fmla="*/ 82448 w 1221283"/>
                      <a:gd name="connsiteY25" fmla="*/ 1698694 h 1872814"/>
                      <a:gd name="connsiteX26" fmla="*/ 111709 w 1221283"/>
                      <a:gd name="connsiteY26" fmla="*/ 1779161 h 1872814"/>
                      <a:gd name="connsiteX27" fmla="*/ 234113 w 1221283"/>
                      <a:gd name="connsiteY27" fmla="*/ 1842409 h 1872814"/>
                      <a:gd name="connsiteX0" fmla="*/ 1108000 w 1108000"/>
                      <a:gd name="connsiteY0" fmla="*/ 96157 h 1872814"/>
                      <a:gd name="connsiteX1" fmla="*/ 851382 w 1108000"/>
                      <a:gd name="connsiteY1" fmla="*/ 167640 h 1872814"/>
                      <a:gd name="connsiteX2" fmla="*/ 578580 w 1108000"/>
                      <a:gd name="connsiteY2" fmla="*/ 1699 h 1872814"/>
                      <a:gd name="connsiteX3" fmla="*/ 107994 w 1108000"/>
                      <a:gd name="connsiteY3" fmla="*/ 185347 h 1872814"/>
                      <a:gd name="connsiteX4" fmla="*/ 32157 w 1108000"/>
                      <a:gd name="connsiteY4" fmla="*/ 240683 h 1872814"/>
                      <a:gd name="connsiteX5" fmla="*/ 1981 w 1108000"/>
                      <a:gd name="connsiteY5" fmla="*/ 374643 h 1872814"/>
                      <a:gd name="connsiteX6" fmla="*/ 16611 w 1108000"/>
                      <a:gd name="connsiteY6" fmla="*/ 484371 h 1872814"/>
                      <a:gd name="connsiteX7" fmla="*/ 126339 w 1108000"/>
                      <a:gd name="connsiteY7" fmla="*/ 499001 h 1872814"/>
                      <a:gd name="connsiteX8" fmla="*/ 184861 w 1108000"/>
                      <a:gd name="connsiteY8" fmla="*/ 506316 h 1872814"/>
                      <a:gd name="connsiteX9" fmla="*/ 228752 w 1108000"/>
                      <a:gd name="connsiteY9" fmla="*/ 572153 h 1872814"/>
                      <a:gd name="connsiteX10" fmla="*/ 206806 w 1108000"/>
                      <a:gd name="connsiteY10" fmla="*/ 645305 h 1872814"/>
                      <a:gd name="connsiteX11" fmla="*/ 155600 w 1108000"/>
                      <a:gd name="connsiteY11" fmla="*/ 740403 h 1872814"/>
                      <a:gd name="connsiteX12" fmla="*/ 228752 w 1108000"/>
                      <a:gd name="connsiteY12" fmla="*/ 850131 h 1872814"/>
                      <a:gd name="connsiteX13" fmla="*/ 228752 w 1108000"/>
                      <a:gd name="connsiteY13" fmla="*/ 915967 h 1872814"/>
                      <a:gd name="connsiteX14" fmla="*/ 301904 w 1108000"/>
                      <a:gd name="connsiteY14" fmla="*/ 1084217 h 1872814"/>
                      <a:gd name="connsiteX15" fmla="*/ 316534 w 1108000"/>
                      <a:gd name="connsiteY15" fmla="*/ 1142739 h 1872814"/>
                      <a:gd name="connsiteX16" fmla="*/ 279958 w 1108000"/>
                      <a:gd name="connsiteY16" fmla="*/ 1237836 h 1872814"/>
                      <a:gd name="connsiteX17" fmla="*/ 170230 w 1108000"/>
                      <a:gd name="connsiteY17" fmla="*/ 1281727 h 1872814"/>
                      <a:gd name="connsiteX18" fmla="*/ 133654 w 1108000"/>
                      <a:gd name="connsiteY18" fmla="*/ 1296358 h 1872814"/>
                      <a:gd name="connsiteX19" fmla="*/ 111709 w 1108000"/>
                      <a:gd name="connsiteY19" fmla="*/ 1362195 h 1872814"/>
                      <a:gd name="connsiteX20" fmla="*/ 75133 w 1108000"/>
                      <a:gd name="connsiteY20" fmla="*/ 1391455 h 1872814"/>
                      <a:gd name="connsiteX21" fmla="*/ 9296 w 1108000"/>
                      <a:gd name="connsiteY21" fmla="*/ 1442662 h 1872814"/>
                      <a:gd name="connsiteX22" fmla="*/ 60502 w 1108000"/>
                      <a:gd name="connsiteY22" fmla="*/ 1515814 h 1872814"/>
                      <a:gd name="connsiteX23" fmla="*/ 104394 w 1108000"/>
                      <a:gd name="connsiteY23" fmla="*/ 1567020 h 1872814"/>
                      <a:gd name="connsiteX24" fmla="*/ 82448 w 1108000"/>
                      <a:gd name="connsiteY24" fmla="*/ 1698694 h 1872814"/>
                      <a:gd name="connsiteX25" fmla="*/ 111709 w 1108000"/>
                      <a:gd name="connsiteY25" fmla="*/ 1779161 h 1872814"/>
                      <a:gd name="connsiteX26" fmla="*/ 234113 w 1108000"/>
                      <a:gd name="connsiteY26" fmla="*/ 1842409 h 1872814"/>
                      <a:gd name="connsiteX0" fmla="*/ 851382 w 851382"/>
                      <a:gd name="connsiteY0" fmla="*/ 167640 h 1872814"/>
                      <a:gd name="connsiteX1" fmla="*/ 578580 w 851382"/>
                      <a:gd name="connsiteY1" fmla="*/ 1699 h 1872814"/>
                      <a:gd name="connsiteX2" fmla="*/ 107994 w 851382"/>
                      <a:gd name="connsiteY2" fmla="*/ 185347 h 1872814"/>
                      <a:gd name="connsiteX3" fmla="*/ 32157 w 851382"/>
                      <a:gd name="connsiteY3" fmla="*/ 240683 h 1872814"/>
                      <a:gd name="connsiteX4" fmla="*/ 1981 w 851382"/>
                      <a:gd name="connsiteY4" fmla="*/ 374643 h 1872814"/>
                      <a:gd name="connsiteX5" fmla="*/ 16611 w 851382"/>
                      <a:gd name="connsiteY5" fmla="*/ 484371 h 1872814"/>
                      <a:gd name="connsiteX6" fmla="*/ 126339 w 851382"/>
                      <a:gd name="connsiteY6" fmla="*/ 499001 h 1872814"/>
                      <a:gd name="connsiteX7" fmla="*/ 184861 w 851382"/>
                      <a:gd name="connsiteY7" fmla="*/ 506316 h 1872814"/>
                      <a:gd name="connsiteX8" fmla="*/ 228752 w 851382"/>
                      <a:gd name="connsiteY8" fmla="*/ 572153 h 1872814"/>
                      <a:gd name="connsiteX9" fmla="*/ 206806 w 851382"/>
                      <a:gd name="connsiteY9" fmla="*/ 645305 h 1872814"/>
                      <a:gd name="connsiteX10" fmla="*/ 155600 w 851382"/>
                      <a:gd name="connsiteY10" fmla="*/ 740403 h 1872814"/>
                      <a:gd name="connsiteX11" fmla="*/ 228752 w 851382"/>
                      <a:gd name="connsiteY11" fmla="*/ 850131 h 1872814"/>
                      <a:gd name="connsiteX12" fmla="*/ 228752 w 851382"/>
                      <a:gd name="connsiteY12" fmla="*/ 915967 h 1872814"/>
                      <a:gd name="connsiteX13" fmla="*/ 301904 w 851382"/>
                      <a:gd name="connsiteY13" fmla="*/ 1084217 h 1872814"/>
                      <a:gd name="connsiteX14" fmla="*/ 316534 w 851382"/>
                      <a:gd name="connsiteY14" fmla="*/ 1142739 h 1872814"/>
                      <a:gd name="connsiteX15" fmla="*/ 279958 w 851382"/>
                      <a:gd name="connsiteY15" fmla="*/ 1237836 h 1872814"/>
                      <a:gd name="connsiteX16" fmla="*/ 170230 w 851382"/>
                      <a:gd name="connsiteY16" fmla="*/ 1281727 h 1872814"/>
                      <a:gd name="connsiteX17" fmla="*/ 133654 w 851382"/>
                      <a:gd name="connsiteY17" fmla="*/ 1296358 h 1872814"/>
                      <a:gd name="connsiteX18" fmla="*/ 111709 w 851382"/>
                      <a:gd name="connsiteY18" fmla="*/ 1362195 h 1872814"/>
                      <a:gd name="connsiteX19" fmla="*/ 75133 w 851382"/>
                      <a:gd name="connsiteY19" fmla="*/ 1391455 h 1872814"/>
                      <a:gd name="connsiteX20" fmla="*/ 9296 w 851382"/>
                      <a:gd name="connsiteY20" fmla="*/ 1442662 h 1872814"/>
                      <a:gd name="connsiteX21" fmla="*/ 60502 w 851382"/>
                      <a:gd name="connsiteY21" fmla="*/ 1515814 h 1872814"/>
                      <a:gd name="connsiteX22" fmla="*/ 104394 w 851382"/>
                      <a:gd name="connsiteY22" fmla="*/ 1567020 h 1872814"/>
                      <a:gd name="connsiteX23" fmla="*/ 82448 w 851382"/>
                      <a:gd name="connsiteY23" fmla="*/ 1698694 h 1872814"/>
                      <a:gd name="connsiteX24" fmla="*/ 111709 w 851382"/>
                      <a:gd name="connsiteY24" fmla="*/ 1779161 h 1872814"/>
                      <a:gd name="connsiteX25" fmla="*/ 234113 w 851382"/>
                      <a:gd name="connsiteY25" fmla="*/ 1842409 h 1872814"/>
                      <a:gd name="connsiteX0" fmla="*/ 578580 w 578580"/>
                      <a:gd name="connsiteY0" fmla="*/ 0 h 1871115"/>
                      <a:gd name="connsiteX1" fmla="*/ 107994 w 578580"/>
                      <a:gd name="connsiteY1" fmla="*/ 183648 h 1871115"/>
                      <a:gd name="connsiteX2" fmla="*/ 32157 w 578580"/>
                      <a:gd name="connsiteY2" fmla="*/ 238984 h 1871115"/>
                      <a:gd name="connsiteX3" fmla="*/ 1981 w 578580"/>
                      <a:gd name="connsiteY3" fmla="*/ 372944 h 1871115"/>
                      <a:gd name="connsiteX4" fmla="*/ 16611 w 578580"/>
                      <a:gd name="connsiteY4" fmla="*/ 482672 h 1871115"/>
                      <a:gd name="connsiteX5" fmla="*/ 126339 w 578580"/>
                      <a:gd name="connsiteY5" fmla="*/ 497302 h 1871115"/>
                      <a:gd name="connsiteX6" fmla="*/ 184861 w 578580"/>
                      <a:gd name="connsiteY6" fmla="*/ 504617 h 1871115"/>
                      <a:gd name="connsiteX7" fmla="*/ 228752 w 578580"/>
                      <a:gd name="connsiteY7" fmla="*/ 570454 h 1871115"/>
                      <a:gd name="connsiteX8" fmla="*/ 206806 w 578580"/>
                      <a:gd name="connsiteY8" fmla="*/ 643606 h 1871115"/>
                      <a:gd name="connsiteX9" fmla="*/ 155600 w 578580"/>
                      <a:gd name="connsiteY9" fmla="*/ 738704 h 1871115"/>
                      <a:gd name="connsiteX10" fmla="*/ 228752 w 578580"/>
                      <a:gd name="connsiteY10" fmla="*/ 848432 h 1871115"/>
                      <a:gd name="connsiteX11" fmla="*/ 228752 w 578580"/>
                      <a:gd name="connsiteY11" fmla="*/ 914268 h 1871115"/>
                      <a:gd name="connsiteX12" fmla="*/ 301904 w 578580"/>
                      <a:gd name="connsiteY12" fmla="*/ 1082518 h 1871115"/>
                      <a:gd name="connsiteX13" fmla="*/ 316534 w 578580"/>
                      <a:gd name="connsiteY13" fmla="*/ 1141040 h 1871115"/>
                      <a:gd name="connsiteX14" fmla="*/ 279958 w 578580"/>
                      <a:gd name="connsiteY14" fmla="*/ 1236137 h 1871115"/>
                      <a:gd name="connsiteX15" fmla="*/ 170230 w 578580"/>
                      <a:gd name="connsiteY15" fmla="*/ 1280028 h 1871115"/>
                      <a:gd name="connsiteX16" fmla="*/ 133654 w 578580"/>
                      <a:gd name="connsiteY16" fmla="*/ 1294659 h 1871115"/>
                      <a:gd name="connsiteX17" fmla="*/ 111709 w 578580"/>
                      <a:gd name="connsiteY17" fmla="*/ 1360496 h 1871115"/>
                      <a:gd name="connsiteX18" fmla="*/ 75133 w 578580"/>
                      <a:gd name="connsiteY18" fmla="*/ 1389756 h 1871115"/>
                      <a:gd name="connsiteX19" fmla="*/ 9296 w 578580"/>
                      <a:gd name="connsiteY19" fmla="*/ 1440963 h 1871115"/>
                      <a:gd name="connsiteX20" fmla="*/ 60502 w 578580"/>
                      <a:gd name="connsiteY20" fmla="*/ 1514115 h 1871115"/>
                      <a:gd name="connsiteX21" fmla="*/ 104394 w 578580"/>
                      <a:gd name="connsiteY21" fmla="*/ 1565321 h 1871115"/>
                      <a:gd name="connsiteX22" fmla="*/ 82448 w 578580"/>
                      <a:gd name="connsiteY22" fmla="*/ 1696995 h 1871115"/>
                      <a:gd name="connsiteX23" fmla="*/ 111709 w 578580"/>
                      <a:gd name="connsiteY23" fmla="*/ 1777462 h 1871115"/>
                      <a:gd name="connsiteX24" fmla="*/ 234113 w 578580"/>
                      <a:gd name="connsiteY24" fmla="*/ 1840710 h 1871115"/>
                      <a:gd name="connsiteX0" fmla="*/ 291908 w 317853"/>
                      <a:gd name="connsiteY0" fmla="*/ 0 h 1748571"/>
                      <a:gd name="connsiteX1" fmla="*/ 107994 w 317853"/>
                      <a:gd name="connsiteY1" fmla="*/ 61104 h 1748571"/>
                      <a:gd name="connsiteX2" fmla="*/ 32157 w 317853"/>
                      <a:gd name="connsiteY2" fmla="*/ 116440 h 1748571"/>
                      <a:gd name="connsiteX3" fmla="*/ 1981 w 317853"/>
                      <a:gd name="connsiteY3" fmla="*/ 250400 h 1748571"/>
                      <a:gd name="connsiteX4" fmla="*/ 16611 w 317853"/>
                      <a:gd name="connsiteY4" fmla="*/ 360128 h 1748571"/>
                      <a:gd name="connsiteX5" fmla="*/ 126339 w 317853"/>
                      <a:gd name="connsiteY5" fmla="*/ 374758 h 1748571"/>
                      <a:gd name="connsiteX6" fmla="*/ 184861 w 317853"/>
                      <a:gd name="connsiteY6" fmla="*/ 382073 h 1748571"/>
                      <a:gd name="connsiteX7" fmla="*/ 228752 w 317853"/>
                      <a:gd name="connsiteY7" fmla="*/ 447910 h 1748571"/>
                      <a:gd name="connsiteX8" fmla="*/ 206806 w 317853"/>
                      <a:gd name="connsiteY8" fmla="*/ 521062 h 1748571"/>
                      <a:gd name="connsiteX9" fmla="*/ 155600 w 317853"/>
                      <a:gd name="connsiteY9" fmla="*/ 616160 h 1748571"/>
                      <a:gd name="connsiteX10" fmla="*/ 228752 w 317853"/>
                      <a:gd name="connsiteY10" fmla="*/ 725888 h 1748571"/>
                      <a:gd name="connsiteX11" fmla="*/ 228752 w 317853"/>
                      <a:gd name="connsiteY11" fmla="*/ 791724 h 1748571"/>
                      <a:gd name="connsiteX12" fmla="*/ 301904 w 317853"/>
                      <a:gd name="connsiteY12" fmla="*/ 959974 h 1748571"/>
                      <a:gd name="connsiteX13" fmla="*/ 316534 w 317853"/>
                      <a:gd name="connsiteY13" fmla="*/ 1018496 h 1748571"/>
                      <a:gd name="connsiteX14" fmla="*/ 279958 w 317853"/>
                      <a:gd name="connsiteY14" fmla="*/ 1113593 h 1748571"/>
                      <a:gd name="connsiteX15" fmla="*/ 170230 w 317853"/>
                      <a:gd name="connsiteY15" fmla="*/ 1157484 h 1748571"/>
                      <a:gd name="connsiteX16" fmla="*/ 133654 w 317853"/>
                      <a:gd name="connsiteY16" fmla="*/ 1172115 h 1748571"/>
                      <a:gd name="connsiteX17" fmla="*/ 111709 w 317853"/>
                      <a:gd name="connsiteY17" fmla="*/ 1237952 h 1748571"/>
                      <a:gd name="connsiteX18" fmla="*/ 75133 w 317853"/>
                      <a:gd name="connsiteY18" fmla="*/ 1267212 h 1748571"/>
                      <a:gd name="connsiteX19" fmla="*/ 9296 w 317853"/>
                      <a:gd name="connsiteY19" fmla="*/ 1318419 h 1748571"/>
                      <a:gd name="connsiteX20" fmla="*/ 60502 w 317853"/>
                      <a:gd name="connsiteY20" fmla="*/ 1391571 h 1748571"/>
                      <a:gd name="connsiteX21" fmla="*/ 104394 w 317853"/>
                      <a:gd name="connsiteY21" fmla="*/ 1442777 h 1748571"/>
                      <a:gd name="connsiteX22" fmla="*/ 82448 w 317853"/>
                      <a:gd name="connsiteY22" fmla="*/ 1574451 h 1748571"/>
                      <a:gd name="connsiteX23" fmla="*/ 111709 w 317853"/>
                      <a:gd name="connsiteY23" fmla="*/ 1654918 h 1748571"/>
                      <a:gd name="connsiteX24" fmla="*/ 234113 w 317853"/>
                      <a:gd name="connsiteY24" fmla="*/ 1718166 h 1748571"/>
                      <a:gd name="connsiteX0" fmla="*/ 254918 w 317853"/>
                      <a:gd name="connsiteY0" fmla="*/ 0 h 1758783"/>
                      <a:gd name="connsiteX1" fmla="*/ 107994 w 317853"/>
                      <a:gd name="connsiteY1" fmla="*/ 71316 h 1758783"/>
                      <a:gd name="connsiteX2" fmla="*/ 32157 w 317853"/>
                      <a:gd name="connsiteY2" fmla="*/ 126652 h 1758783"/>
                      <a:gd name="connsiteX3" fmla="*/ 1981 w 317853"/>
                      <a:gd name="connsiteY3" fmla="*/ 260612 h 1758783"/>
                      <a:gd name="connsiteX4" fmla="*/ 16611 w 317853"/>
                      <a:gd name="connsiteY4" fmla="*/ 370340 h 1758783"/>
                      <a:gd name="connsiteX5" fmla="*/ 126339 w 317853"/>
                      <a:gd name="connsiteY5" fmla="*/ 384970 h 1758783"/>
                      <a:gd name="connsiteX6" fmla="*/ 184861 w 317853"/>
                      <a:gd name="connsiteY6" fmla="*/ 392285 h 1758783"/>
                      <a:gd name="connsiteX7" fmla="*/ 228752 w 317853"/>
                      <a:gd name="connsiteY7" fmla="*/ 458122 h 1758783"/>
                      <a:gd name="connsiteX8" fmla="*/ 206806 w 317853"/>
                      <a:gd name="connsiteY8" fmla="*/ 531274 h 1758783"/>
                      <a:gd name="connsiteX9" fmla="*/ 155600 w 317853"/>
                      <a:gd name="connsiteY9" fmla="*/ 626372 h 1758783"/>
                      <a:gd name="connsiteX10" fmla="*/ 228752 w 317853"/>
                      <a:gd name="connsiteY10" fmla="*/ 736100 h 1758783"/>
                      <a:gd name="connsiteX11" fmla="*/ 228752 w 317853"/>
                      <a:gd name="connsiteY11" fmla="*/ 801936 h 1758783"/>
                      <a:gd name="connsiteX12" fmla="*/ 301904 w 317853"/>
                      <a:gd name="connsiteY12" fmla="*/ 970186 h 1758783"/>
                      <a:gd name="connsiteX13" fmla="*/ 316534 w 317853"/>
                      <a:gd name="connsiteY13" fmla="*/ 1028708 h 1758783"/>
                      <a:gd name="connsiteX14" fmla="*/ 279958 w 317853"/>
                      <a:gd name="connsiteY14" fmla="*/ 1123805 h 1758783"/>
                      <a:gd name="connsiteX15" fmla="*/ 170230 w 317853"/>
                      <a:gd name="connsiteY15" fmla="*/ 1167696 h 1758783"/>
                      <a:gd name="connsiteX16" fmla="*/ 133654 w 317853"/>
                      <a:gd name="connsiteY16" fmla="*/ 1182327 h 1758783"/>
                      <a:gd name="connsiteX17" fmla="*/ 111709 w 317853"/>
                      <a:gd name="connsiteY17" fmla="*/ 1248164 h 1758783"/>
                      <a:gd name="connsiteX18" fmla="*/ 75133 w 317853"/>
                      <a:gd name="connsiteY18" fmla="*/ 1277424 h 1758783"/>
                      <a:gd name="connsiteX19" fmla="*/ 9296 w 317853"/>
                      <a:gd name="connsiteY19" fmla="*/ 1328631 h 1758783"/>
                      <a:gd name="connsiteX20" fmla="*/ 60502 w 317853"/>
                      <a:gd name="connsiteY20" fmla="*/ 1401783 h 1758783"/>
                      <a:gd name="connsiteX21" fmla="*/ 104394 w 317853"/>
                      <a:gd name="connsiteY21" fmla="*/ 1452989 h 1758783"/>
                      <a:gd name="connsiteX22" fmla="*/ 82448 w 317853"/>
                      <a:gd name="connsiteY22" fmla="*/ 1584663 h 1758783"/>
                      <a:gd name="connsiteX23" fmla="*/ 111709 w 317853"/>
                      <a:gd name="connsiteY23" fmla="*/ 1665130 h 1758783"/>
                      <a:gd name="connsiteX24" fmla="*/ 234113 w 317853"/>
                      <a:gd name="connsiteY24" fmla="*/ 1728378 h 1758783"/>
                      <a:gd name="connsiteX0" fmla="*/ 254918 w 317853"/>
                      <a:gd name="connsiteY0" fmla="*/ 0 h 1729295"/>
                      <a:gd name="connsiteX1" fmla="*/ 107994 w 317853"/>
                      <a:gd name="connsiteY1" fmla="*/ 71316 h 1729295"/>
                      <a:gd name="connsiteX2" fmla="*/ 32157 w 317853"/>
                      <a:gd name="connsiteY2" fmla="*/ 126652 h 1729295"/>
                      <a:gd name="connsiteX3" fmla="*/ 1981 w 317853"/>
                      <a:gd name="connsiteY3" fmla="*/ 260612 h 1729295"/>
                      <a:gd name="connsiteX4" fmla="*/ 16611 w 317853"/>
                      <a:gd name="connsiteY4" fmla="*/ 370340 h 1729295"/>
                      <a:gd name="connsiteX5" fmla="*/ 126339 w 317853"/>
                      <a:gd name="connsiteY5" fmla="*/ 384970 h 1729295"/>
                      <a:gd name="connsiteX6" fmla="*/ 184861 w 317853"/>
                      <a:gd name="connsiteY6" fmla="*/ 392285 h 1729295"/>
                      <a:gd name="connsiteX7" fmla="*/ 228752 w 317853"/>
                      <a:gd name="connsiteY7" fmla="*/ 458122 h 1729295"/>
                      <a:gd name="connsiteX8" fmla="*/ 206806 w 317853"/>
                      <a:gd name="connsiteY8" fmla="*/ 531274 h 1729295"/>
                      <a:gd name="connsiteX9" fmla="*/ 155600 w 317853"/>
                      <a:gd name="connsiteY9" fmla="*/ 626372 h 1729295"/>
                      <a:gd name="connsiteX10" fmla="*/ 228752 w 317853"/>
                      <a:gd name="connsiteY10" fmla="*/ 736100 h 1729295"/>
                      <a:gd name="connsiteX11" fmla="*/ 228752 w 317853"/>
                      <a:gd name="connsiteY11" fmla="*/ 801936 h 1729295"/>
                      <a:gd name="connsiteX12" fmla="*/ 301904 w 317853"/>
                      <a:gd name="connsiteY12" fmla="*/ 970186 h 1729295"/>
                      <a:gd name="connsiteX13" fmla="*/ 316534 w 317853"/>
                      <a:gd name="connsiteY13" fmla="*/ 1028708 h 1729295"/>
                      <a:gd name="connsiteX14" fmla="*/ 279958 w 317853"/>
                      <a:gd name="connsiteY14" fmla="*/ 1123805 h 1729295"/>
                      <a:gd name="connsiteX15" fmla="*/ 170230 w 317853"/>
                      <a:gd name="connsiteY15" fmla="*/ 1167696 h 1729295"/>
                      <a:gd name="connsiteX16" fmla="*/ 133654 w 317853"/>
                      <a:gd name="connsiteY16" fmla="*/ 1182327 h 1729295"/>
                      <a:gd name="connsiteX17" fmla="*/ 111709 w 317853"/>
                      <a:gd name="connsiteY17" fmla="*/ 1248164 h 1729295"/>
                      <a:gd name="connsiteX18" fmla="*/ 75133 w 317853"/>
                      <a:gd name="connsiteY18" fmla="*/ 1277424 h 1729295"/>
                      <a:gd name="connsiteX19" fmla="*/ 9296 w 317853"/>
                      <a:gd name="connsiteY19" fmla="*/ 1328631 h 1729295"/>
                      <a:gd name="connsiteX20" fmla="*/ 60502 w 317853"/>
                      <a:gd name="connsiteY20" fmla="*/ 1401783 h 1729295"/>
                      <a:gd name="connsiteX21" fmla="*/ 104394 w 317853"/>
                      <a:gd name="connsiteY21" fmla="*/ 1452989 h 1729295"/>
                      <a:gd name="connsiteX22" fmla="*/ 82448 w 317853"/>
                      <a:gd name="connsiteY22" fmla="*/ 1584663 h 1729295"/>
                      <a:gd name="connsiteX23" fmla="*/ 111709 w 317853"/>
                      <a:gd name="connsiteY23" fmla="*/ 1665130 h 1729295"/>
                      <a:gd name="connsiteX24" fmla="*/ 234113 w 317853"/>
                      <a:gd name="connsiteY24" fmla="*/ 1728378 h 1729295"/>
                      <a:gd name="connsiteX0" fmla="*/ 254918 w 317853"/>
                      <a:gd name="connsiteY0" fmla="*/ 0 h 1728378"/>
                      <a:gd name="connsiteX1" fmla="*/ 107994 w 317853"/>
                      <a:gd name="connsiteY1" fmla="*/ 71316 h 1728378"/>
                      <a:gd name="connsiteX2" fmla="*/ 32157 w 317853"/>
                      <a:gd name="connsiteY2" fmla="*/ 126652 h 1728378"/>
                      <a:gd name="connsiteX3" fmla="*/ 1981 w 317853"/>
                      <a:gd name="connsiteY3" fmla="*/ 260612 h 1728378"/>
                      <a:gd name="connsiteX4" fmla="*/ 16611 w 317853"/>
                      <a:gd name="connsiteY4" fmla="*/ 370340 h 1728378"/>
                      <a:gd name="connsiteX5" fmla="*/ 126339 w 317853"/>
                      <a:gd name="connsiteY5" fmla="*/ 384970 h 1728378"/>
                      <a:gd name="connsiteX6" fmla="*/ 184861 w 317853"/>
                      <a:gd name="connsiteY6" fmla="*/ 392285 h 1728378"/>
                      <a:gd name="connsiteX7" fmla="*/ 228752 w 317853"/>
                      <a:gd name="connsiteY7" fmla="*/ 458122 h 1728378"/>
                      <a:gd name="connsiteX8" fmla="*/ 206806 w 317853"/>
                      <a:gd name="connsiteY8" fmla="*/ 531274 h 1728378"/>
                      <a:gd name="connsiteX9" fmla="*/ 155600 w 317853"/>
                      <a:gd name="connsiteY9" fmla="*/ 626372 h 1728378"/>
                      <a:gd name="connsiteX10" fmla="*/ 228752 w 317853"/>
                      <a:gd name="connsiteY10" fmla="*/ 736100 h 1728378"/>
                      <a:gd name="connsiteX11" fmla="*/ 228752 w 317853"/>
                      <a:gd name="connsiteY11" fmla="*/ 801936 h 1728378"/>
                      <a:gd name="connsiteX12" fmla="*/ 301904 w 317853"/>
                      <a:gd name="connsiteY12" fmla="*/ 970186 h 1728378"/>
                      <a:gd name="connsiteX13" fmla="*/ 316534 w 317853"/>
                      <a:gd name="connsiteY13" fmla="*/ 1028708 h 1728378"/>
                      <a:gd name="connsiteX14" fmla="*/ 279958 w 317853"/>
                      <a:gd name="connsiteY14" fmla="*/ 1123805 h 1728378"/>
                      <a:gd name="connsiteX15" fmla="*/ 170230 w 317853"/>
                      <a:gd name="connsiteY15" fmla="*/ 1167696 h 1728378"/>
                      <a:gd name="connsiteX16" fmla="*/ 133654 w 317853"/>
                      <a:gd name="connsiteY16" fmla="*/ 1182327 h 1728378"/>
                      <a:gd name="connsiteX17" fmla="*/ 111709 w 317853"/>
                      <a:gd name="connsiteY17" fmla="*/ 1248164 h 1728378"/>
                      <a:gd name="connsiteX18" fmla="*/ 75133 w 317853"/>
                      <a:gd name="connsiteY18" fmla="*/ 1277424 h 1728378"/>
                      <a:gd name="connsiteX19" fmla="*/ 9296 w 317853"/>
                      <a:gd name="connsiteY19" fmla="*/ 1328631 h 1728378"/>
                      <a:gd name="connsiteX20" fmla="*/ 60502 w 317853"/>
                      <a:gd name="connsiteY20" fmla="*/ 1401783 h 1728378"/>
                      <a:gd name="connsiteX21" fmla="*/ 104394 w 317853"/>
                      <a:gd name="connsiteY21" fmla="*/ 1452989 h 1728378"/>
                      <a:gd name="connsiteX22" fmla="*/ 82448 w 317853"/>
                      <a:gd name="connsiteY22" fmla="*/ 1584663 h 1728378"/>
                      <a:gd name="connsiteX23" fmla="*/ 111709 w 317853"/>
                      <a:gd name="connsiteY23" fmla="*/ 1665130 h 1728378"/>
                      <a:gd name="connsiteX24" fmla="*/ 234113 w 317853"/>
                      <a:gd name="connsiteY24" fmla="*/ 1728378 h 1728378"/>
                      <a:gd name="connsiteX0" fmla="*/ 254918 w 317853"/>
                      <a:gd name="connsiteY0" fmla="*/ 0 h 1728378"/>
                      <a:gd name="connsiteX1" fmla="*/ 107994 w 317853"/>
                      <a:gd name="connsiteY1" fmla="*/ 71316 h 1728378"/>
                      <a:gd name="connsiteX2" fmla="*/ 32157 w 317853"/>
                      <a:gd name="connsiteY2" fmla="*/ 126652 h 1728378"/>
                      <a:gd name="connsiteX3" fmla="*/ 1981 w 317853"/>
                      <a:gd name="connsiteY3" fmla="*/ 260612 h 1728378"/>
                      <a:gd name="connsiteX4" fmla="*/ 16611 w 317853"/>
                      <a:gd name="connsiteY4" fmla="*/ 370340 h 1728378"/>
                      <a:gd name="connsiteX5" fmla="*/ 126339 w 317853"/>
                      <a:gd name="connsiteY5" fmla="*/ 384970 h 1728378"/>
                      <a:gd name="connsiteX6" fmla="*/ 184861 w 317853"/>
                      <a:gd name="connsiteY6" fmla="*/ 392285 h 1728378"/>
                      <a:gd name="connsiteX7" fmla="*/ 228752 w 317853"/>
                      <a:gd name="connsiteY7" fmla="*/ 458122 h 1728378"/>
                      <a:gd name="connsiteX8" fmla="*/ 206806 w 317853"/>
                      <a:gd name="connsiteY8" fmla="*/ 531274 h 1728378"/>
                      <a:gd name="connsiteX9" fmla="*/ 155600 w 317853"/>
                      <a:gd name="connsiteY9" fmla="*/ 626372 h 1728378"/>
                      <a:gd name="connsiteX10" fmla="*/ 228752 w 317853"/>
                      <a:gd name="connsiteY10" fmla="*/ 736100 h 1728378"/>
                      <a:gd name="connsiteX11" fmla="*/ 228752 w 317853"/>
                      <a:gd name="connsiteY11" fmla="*/ 801936 h 1728378"/>
                      <a:gd name="connsiteX12" fmla="*/ 301904 w 317853"/>
                      <a:gd name="connsiteY12" fmla="*/ 970186 h 1728378"/>
                      <a:gd name="connsiteX13" fmla="*/ 316534 w 317853"/>
                      <a:gd name="connsiteY13" fmla="*/ 1028708 h 1728378"/>
                      <a:gd name="connsiteX14" fmla="*/ 279958 w 317853"/>
                      <a:gd name="connsiteY14" fmla="*/ 1123805 h 1728378"/>
                      <a:gd name="connsiteX15" fmla="*/ 170230 w 317853"/>
                      <a:gd name="connsiteY15" fmla="*/ 1167696 h 1728378"/>
                      <a:gd name="connsiteX16" fmla="*/ 133654 w 317853"/>
                      <a:gd name="connsiteY16" fmla="*/ 1182327 h 1728378"/>
                      <a:gd name="connsiteX17" fmla="*/ 111709 w 317853"/>
                      <a:gd name="connsiteY17" fmla="*/ 1248164 h 1728378"/>
                      <a:gd name="connsiteX18" fmla="*/ 75133 w 317853"/>
                      <a:gd name="connsiteY18" fmla="*/ 1277424 h 1728378"/>
                      <a:gd name="connsiteX19" fmla="*/ 9296 w 317853"/>
                      <a:gd name="connsiteY19" fmla="*/ 1328631 h 1728378"/>
                      <a:gd name="connsiteX20" fmla="*/ 60502 w 317853"/>
                      <a:gd name="connsiteY20" fmla="*/ 1401783 h 1728378"/>
                      <a:gd name="connsiteX21" fmla="*/ 104394 w 317853"/>
                      <a:gd name="connsiteY21" fmla="*/ 1452989 h 1728378"/>
                      <a:gd name="connsiteX22" fmla="*/ 82448 w 317853"/>
                      <a:gd name="connsiteY22" fmla="*/ 1584663 h 1728378"/>
                      <a:gd name="connsiteX23" fmla="*/ 111709 w 317853"/>
                      <a:gd name="connsiteY23" fmla="*/ 1665130 h 1728378"/>
                      <a:gd name="connsiteX24" fmla="*/ 234113 w 317853"/>
                      <a:gd name="connsiteY24" fmla="*/ 1728378 h 1728378"/>
                      <a:gd name="connsiteX0" fmla="*/ 254918 w 317853"/>
                      <a:gd name="connsiteY0" fmla="*/ 0 h 1799982"/>
                      <a:gd name="connsiteX1" fmla="*/ 107994 w 317853"/>
                      <a:gd name="connsiteY1" fmla="*/ 71316 h 1799982"/>
                      <a:gd name="connsiteX2" fmla="*/ 32157 w 317853"/>
                      <a:gd name="connsiteY2" fmla="*/ 126652 h 1799982"/>
                      <a:gd name="connsiteX3" fmla="*/ 1981 w 317853"/>
                      <a:gd name="connsiteY3" fmla="*/ 260612 h 1799982"/>
                      <a:gd name="connsiteX4" fmla="*/ 16611 w 317853"/>
                      <a:gd name="connsiteY4" fmla="*/ 370340 h 1799982"/>
                      <a:gd name="connsiteX5" fmla="*/ 126339 w 317853"/>
                      <a:gd name="connsiteY5" fmla="*/ 384970 h 1799982"/>
                      <a:gd name="connsiteX6" fmla="*/ 184861 w 317853"/>
                      <a:gd name="connsiteY6" fmla="*/ 392285 h 1799982"/>
                      <a:gd name="connsiteX7" fmla="*/ 228752 w 317853"/>
                      <a:gd name="connsiteY7" fmla="*/ 458122 h 1799982"/>
                      <a:gd name="connsiteX8" fmla="*/ 206806 w 317853"/>
                      <a:gd name="connsiteY8" fmla="*/ 531274 h 1799982"/>
                      <a:gd name="connsiteX9" fmla="*/ 155600 w 317853"/>
                      <a:gd name="connsiteY9" fmla="*/ 626372 h 1799982"/>
                      <a:gd name="connsiteX10" fmla="*/ 228752 w 317853"/>
                      <a:gd name="connsiteY10" fmla="*/ 736100 h 1799982"/>
                      <a:gd name="connsiteX11" fmla="*/ 228752 w 317853"/>
                      <a:gd name="connsiteY11" fmla="*/ 801936 h 1799982"/>
                      <a:gd name="connsiteX12" fmla="*/ 301904 w 317853"/>
                      <a:gd name="connsiteY12" fmla="*/ 970186 h 1799982"/>
                      <a:gd name="connsiteX13" fmla="*/ 316534 w 317853"/>
                      <a:gd name="connsiteY13" fmla="*/ 1028708 h 1799982"/>
                      <a:gd name="connsiteX14" fmla="*/ 279958 w 317853"/>
                      <a:gd name="connsiteY14" fmla="*/ 1123805 h 1799982"/>
                      <a:gd name="connsiteX15" fmla="*/ 170230 w 317853"/>
                      <a:gd name="connsiteY15" fmla="*/ 1167696 h 1799982"/>
                      <a:gd name="connsiteX16" fmla="*/ 133654 w 317853"/>
                      <a:gd name="connsiteY16" fmla="*/ 1182327 h 1799982"/>
                      <a:gd name="connsiteX17" fmla="*/ 111709 w 317853"/>
                      <a:gd name="connsiteY17" fmla="*/ 1248164 h 1799982"/>
                      <a:gd name="connsiteX18" fmla="*/ 75133 w 317853"/>
                      <a:gd name="connsiteY18" fmla="*/ 1277424 h 1799982"/>
                      <a:gd name="connsiteX19" fmla="*/ 9296 w 317853"/>
                      <a:gd name="connsiteY19" fmla="*/ 1328631 h 1799982"/>
                      <a:gd name="connsiteX20" fmla="*/ 60502 w 317853"/>
                      <a:gd name="connsiteY20" fmla="*/ 1401783 h 1799982"/>
                      <a:gd name="connsiteX21" fmla="*/ 104394 w 317853"/>
                      <a:gd name="connsiteY21" fmla="*/ 1452989 h 1799982"/>
                      <a:gd name="connsiteX22" fmla="*/ 82448 w 317853"/>
                      <a:gd name="connsiteY22" fmla="*/ 1584663 h 1799982"/>
                      <a:gd name="connsiteX23" fmla="*/ 111709 w 317853"/>
                      <a:gd name="connsiteY23" fmla="*/ 1665130 h 1799982"/>
                      <a:gd name="connsiteX24" fmla="*/ 234113 w 317853"/>
                      <a:gd name="connsiteY24" fmla="*/ 1728378 h 1799982"/>
                      <a:gd name="connsiteX0" fmla="*/ 254918 w 317853"/>
                      <a:gd name="connsiteY0" fmla="*/ 0 h 1728378"/>
                      <a:gd name="connsiteX1" fmla="*/ 107994 w 317853"/>
                      <a:gd name="connsiteY1" fmla="*/ 71316 h 1728378"/>
                      <a:gd name="connsiteX2" fmla="*/ 32157 w 317853"/>
                      <a:gd name="connsiteY2" fmla="*/ 126652 h 1728378"/>
                      <a:gd name="connsiteX3" fmla="*/ 1981 w 317853"/>
                      <a:gd name="connsiteY3" fmla="*/ 260612 h 1728378"/>
                      <a:gd name="connsiteX4" fmla="*/ 16611 w 317853"/>
                      <a:gd name="connsiteY4" fmla="*/ 370340 h 1728378"/>
                      <a:gd name="connsiteX5" fmla="*/ 126339 w 317853"/>
                      <a:gd name="connsiteY5" fmla="*/ 384970 h 1728378"/>
                      <a:gd name="connsiteX6" fmla="*/ 184861 w 317853"/>
                      <a:gd name="connsiteY6" fmla="*/ 392285 h 1728378"/>
                      <a:gd name="connsiteX7" fmla="*/ 228752 w 317853"/>
                      <a:gd name="connsiteY7" fmla="*/ 458122 h 1728378"/>
                      <a:gd name="connsiteX8" fmla="*/ 206806 w 317853"/>
                      <a:gd name="connsiteY8" fmla="*/ 531274 h 1728378"/>
                      <a:gd name="connsiteX9" fmla="*/ 155600 w 317853"/>
                      <a:gd name="connsiteY9" fmla="*/ 626372 h 1728378"/>
                      <a:gd name="connsiteX10" fmla="*/ 228752 w 317853"/>
                      <a:gd name="connsiteY10" fmla="*/ 736100 h 1728378"/>
                      <a:gd name="connsiteX11" fmla="*/ 228752 w 317853"/>
                      <a:gd name="connsiteY11" fmla="*/ 801936 h 1728378"/>
                      <a:gd name="connsiteX12" fmla="*/ 301904 w 317853"/>
                      <a:gd name="connsiteY12" fmla="*/ 970186 h 1728378"/>
                      <a:gd name="connsiteX13" fmla="*/ 316534 w 317853"/>
                      <a:gd name="connsiteY13" fmla="*/ 1028708 h 1728378"/>
                      <a:gd name="connsiteX14" fmla="*/ 279958 w 317853"/>
                      <a:gd name="connsiteY14" fmla="*/ 1123805 h 1728378"/>
                      <a:gd name="connsiteX15" fmla="*/ 170230 w 317853"/>
                      <a:gd name="connsiteY15" fmla="*/ 1167696 h 1728378"/>
                      <a:gd name="connsiteX16" fmla="*/ 133654 w 317853"/>
                      <a:gd name="connsiteY16" fmla="*/ 1182327 h 1728378"/>
                      <a:gd name="connsiteX17" fmla="*/ 111709 w 317853"/>
                      <a:gd name="connsiteY17" fmla="*/ 1248164 h 1728378"/>
                      <a:gd name="connsiteX18" fmla="*/ 75133 w 317853"/>
                      <a:gd name="connsiteY18" fmla="*/ 1277424 h 1728378"/>
                      <a:gd name="connsiteX19" fmla="*/ 9296 w 317853"/>
                      <a:gd name="connsiteY19" fmla="*/ 1328631 h 1728378"/>
                      <a:gd name="connsiteX20" fmla="*/ 60502 w 317853"/>
                      <a:gd name="connsiteY20" fmla="*/ 1401783 h 1728378"/>
                      <a:gd name="connsiteX21" fmla="*/ 104394 w 317853"/>
                      <a:gd name="connsiteY21" fmla="*/ 1452989 h 1728378"/>
                      <a:gd name="connsiteX22" fmla="*/ 82448 w 317853"/>
                      <a:gd name="connsiteY22" fmla="*/ 1584663 h 1728378"/>
                      <a:gd name="connsiteX23" fmla="*/ 111709 w 317853"/>
                      <a:gd name="connsiteY23" fmla="*/ 1665130 h 1728378"/>
                      <a:gd name="connsiteX24" fmla="*/ 234113 w 317853"/>
                      <a:gd name="connsiteY24" fmla="*/ 1728378 h 1728378"/>
                      <a:gd name="connsiteX0" fmla="*/ 254918 w 317853"/>
                      <a:gd name="connsiteY0" fmla="*/ 0 h 1728378"/>
                      <a:gd name="connsiteX1" fmla="*/ 107994 w 317853"/>
                      <a:gd name="connsiteY1" fmla="*/ 71316 h 1728378"/>
                      <a:gd name="connsiteX2" fmla="*/ 32157 w 317853"/>
                      <a:gd name="connsiteY2" fmla="*/ 126652 h 1728378"/>
                      <a:gd name="connsiteX3" fmla="*/ 1981 w 317853"/>
                      <a:gd name="connsiteY3" fmla="*/ 260612 h 1728378"/>
                      <a:gd name="connsiteX4" fmla="*/ 16611 w 317853"/>
                      <a:gd name="connsiteY4" fmla="*/ 370340 h 1728378"/>
                      <a:gd name="connsiteX5" fmla="*/ 126339 w 317853"/>
                      <a:gd name="connsiteY5" fmla="*/ 384970 h 1728378"/>
                      <a:gd name="connsiteX6" fmla="*/ 184861 w 317853"/>
                      <a:gd name="connsiteY6" fmla="*/ 392285 h 1728378"/>
                      <a:gd name="connsiteX7" fmla="*/ 228752 w 317853"/>
                      <a:gd name="connsiteY7" fmla="*/ 458122 h 1728378"/>
                      <a:gd name="connsiteX8" fmla="*/ 206806 w 317853"/>
                      <a:gd name="connsiteY8" fmla="*/ 531274 h 1728378"/>
                      <a:gd name="connsiteX9" fmla="*/ 155600 w 317853"/>
                      <a:gd name="connsiteY9" fmla="*/ 626372 h 1728378"/>
                      <a:gd name="connsiteX10" fmla="*/ 228752 w 317853"/>
                      <a:gd name="connsiteY10" fmla="*/ 736100 h 1728378"/>
                      <a:gd name="connsiteX11" fmla="*/ 228752 w 317853"/>
                      <a:gd name="connsiteY11" fmla="*/ 801936 h 1728378"/>
                      <a:gd name="connsiteX12" fmla="*/ 301904 w 317853"/>
                      <a:gd name="connsiteY12" fmla="*/ 970186 h 1728378"/>
                      <a:gd name="connsiteX13" fmla="*/ 316534 w 317853"/>
                      <a:gd name="connsiteY13" fmla="*/ 1028708 h 1728378"/>
                      <a:gd name="connsiteX14" fmla="*/ 279958 w 317853"/>
                      <a:gd name="connsiteY14" fmla="*/ 1123805 h 1728378"/>
                      <a:gd name="connsiteX15" fmla="*/ 170230 w 317853"/>
                      <a:gd name="connsiteY15" fmla="*/ 1167696 h 1728378"/>
                      <a:gd name="connsiteX16" fmla="*/ 133654 w 317853"/>
                      <a:gd name="connsiteY16" fmla="*/ 1182327 h 1728378"/>
                      <a:gd name="connsiteX17" fmla="*/ 111709 w 317853"/>
                      <a:gd name="connsiteY17" fmla="*/ 1248164 h 1728378"/>
                      <a:gd name="connsiteX18" fmla="*/ 75133 w 317853"/>
                      <a:gd name="connsiteY18" fmla="*/ 1277424 h 1728378"/>
                      <a:gd name="connsiteX19" fmla="*/ 9296 w 317853"/>
                      <a:gd name="connsiteY19" fmla="*/ 1328631 h 1728378"/>
                      <a:gd name="connsiteX20" fmla="*/ 60502 w 317853"/>
                      <a:gd name="connsiteY20" fmla="*/ 1401783 h 1728378"/>
                      <a:gd name="connsiteX21" fmla="*/ 104394 w 317853"/>
                      <a:gd name="connsiteY21" fmla="*/ 1452989 h 1728378"/>
                      <a:gd name="connsiteX22" fmla="*/ 82448 w 317853"/>
                      <a:gd name="connsiteY22" fmla="*/ 1584663 h 1728378"/>
                      <a:gd name="connsiteX23" fmla="*/ 111709 w 317853"/>
                      <a:gd name="connsiteY23" fmla="*/ 1665130 h 1728378"/>
                      <a:gd name="connsiteX24" fmla="*/ 234113 w 317853"/>
                      <a:gd name="connsiteY24" fmla="*/ 1728378 h 1728378"/>
                      <a:gd name="connsiteX0" fmla="*/ 254918 w 317853"/>
                      <a:gd name="connsiteY0" fmla="*/ 0 h 1748860"/>
                      <a:gd name="connsiteX1" fmla="*/ 107994 w 317853"/>
                      <a:gd name="connsiteY1" fmla="*/ 71316 h 1748860"/>
                      <a:gd name="connsiteX2" fmla="*/ 32157 w 317853"/>
                      <a:gd name="connsiteY2" fmla="*/ 126652 h 1748860"/>
                      <a:gd name="connsiteX3" fmla="*/ 1981 w 317853"/>
                      <a:gd name="connsiteY3" fmla="*/ 260612 h 1748860"/>
                      <a:gd name="connsiteX4" fmla="*/ 16611 w 317853"/>
                      <a:gd name="connsiteY4" fmla="*/ 370340 h 1748860"/>
                      <a:gd name="connsiteX5" fmla="*/ 126339 w 317853"/>
                      <a:gd name="connsiteY5" fmla="*/ 384970 h 1748860"/>
                      <a:gd name="connsiteX6" fmla="*/ 184861 w 317853"/>
                      <a:gd name="connsiteY6" fmla="*/ 392285 h 1748860"/>
                      <a:gd name="connsiteX7" fmla="*/ 228752 w 317853"/>
                      <a:gd name="connsiteY7" fmla="*/ 458122 h 1748860"/>
                      <a:gd name="connsiteX8" fmla="*/ 206806 w 317853"/>
                      <a:gd name="connsiteY8" fmla="*/ 531274 h 1748860"/>
                      <a:gd name="connsiteX9" fmla="*/ 155600 w 317853"/>
                      <a:gd name="connsiteY9" fmla="*/ 626372 h 1748860"/>
                      <a:gd name="connsiteX10" fmla="*/ 228752 w 317853"/>
                      <a:gd name="connsiteY10" fmla="*/ 736100 h 1748860"/>
                      <a:gd name="connsiteX11" fmla="*/ 228752 w 317853"/>
                      <a:gd name="connsiteY11" fmla="*/ 801936 h 1748860"/>
                      <a:gd name="connsiteX12" fmla="*/ 301904 w 317853"/>
                      <a:gd name="connsiteY12" fmla="*/ 970186 h 1748860"/>
                      <a:gd name="connsiteX13" fmla="*/ 316534 w 317853"/>
                      <a:gd name="connsiteY13" fmla="*/ 1028708 h 1748860"/>
                      <a:gd name="connsiteX14" fmla="*/ 279958 w 317853"/>
                      <a:gd name="connsiteY14" fmla="*/ 1123805 h 1748860"/>
                      <a:gd name="connsiteX15" fmla="*/ 170230 w 317853"/>
                      <a:gd name="connsiteY15" fmla="*/ 1167696 h 1748860"/>
                      <a:gd name="connsiteX16" fmla="*/ 133654 w 317853"/>
                      <a:gd name="connsiteY16" fmla="*/ 1182327 h 1748860"/>
                      <a:gd name="connsiteX17" fmla="*/ 111709 w 317853"/>
                      <a:gd name="connsiteY17" fmla="*/ 1248164 h 1748860"/>
                      <a:gd name="connsiteX18" fmla="*/ 75133 w 317853"/>
                      <a:gd name="connsiteY18" fmla="*/ 1277424 h 1748860"/>
                      <a:gd name="connsiteX19" fmla="*/ 9296 w 317853"/>
                      <a:gd name="connsiteY19" fmla="*/ 1328631 h 1748860"/>
                      <a:gd name="connsiteX20" fmla="*/ 60502 w 317853"/>
                      <a:gd name="connsiteY20" fmla="*/ 1401783 h 1748860"/>
                      <a:gd name="connsiteX21" fmla="*/ 104394 w 317853"/>
                      <a:gd name="connsiteY21" fmla="*/ 1452989 h 1748860"/>
                      <a:gd name="connsiteX22" fmla="*/ 82448 w 317853"/>
                      <a:gd name="connsiteY22" fmla="*/ 1584663 h 1748860"/>
                      <a:gd name="connsiteX23" fmla="*/ 111709 w 317853"/>
                      <a:gd name="connsiteY23" fmla="*/ 1665130 h 1748860"/>
                      <a:gd name="connsiteX24" fmla="*/ 234113 w 317853"/>
                      <a:gd name="connsiteY24" fmla="*/ 1728378 h 1748860"/>
                      <a:gd name="connsiteX0" fmla="*/ 254918 w 317853"/>
                      <a:gd name="connsiteY0" fmla="*/ 0 h 1739410"/>
                      <a:gd name="connsiteX1" fmla="*/ 107994 w 317853"/>
                      <a:gd name="connsiteY1" fmla="*/ 71316 h 1739410"/>
                      <a:gd name="connsiteX2" fmla="*/ 32157 w 317853"/>
                      <a:gd name="connsiteY2" fmla="*/ 126652 h 1739410"/>
                      <a:gd name="connsiteX3" fmla="*/ 1981 w 317853"/>
                      <a:gd name="connsiteY3" fmla="*/ 260612 h 1739410"/>
                      <a:gd name="connsiteX4" fmla="*/ 16611 w 317853"/>
                      <a:gd name="connsiteY4" fmla="*/ 370340 h 1739410"/>
                      <a:gd name="connsiteX5" fmla="*/ 126339 w 317853"/>
                      <a:gd name="connsiteY5" fmla="*/ 384970 h 1739410"/>
                      <a:gd name="connsiteX6" fmla="*/ 184861 w 317853"/>
                      <a:gd name="connsiteY6" fmla="*/ 392285 h 1739410"/>
                      <a:gd name="connsiteX7" fmla="*/ 228752 w 317853"/>
                      <a:gd name="connsiteY7" fmla="*/ 458122 h 1739410"/>
                      <a:gd name="connsiteX8" fmla="*/ 206806 w 317853"/>
                      <a:gd name="connsiteY8" fmla="*/ 531274 h 1739410"/>
                      <a:gd name="connsiteX9" fmla="*/ 155600 w 317853"/>
                      <a:gd name="connsiteY9" fmla="*/ 626372 h 1739410"/>
                      <a:gd name="connsiteX10" fmla="*/ 228752 w 317853"/>
                      <a:gd name="connsiteY10" fmla="*/ 736100 h 1739410"/>
                      <a:gd name="connsiteX11" fmla="*/ 228752 w 317853"/>
                      <a:gd name="connsiteY11" fmla="*/ 801936 h 1739410"/>
                      <a:gd name="connsiteX12" fmla="*/ 301904 w 317853"/>
                      <a:gd name="connsiteY12" fmla="*/ 970186 h 1739410"/>
                      <a:gd name="connsiteX13" fmla="*/ 316534 w 317853"/>
                      <a:gd name="connsiteY13" fmla="*/ 1028708 h 1739410"/>
                      <a:gd name="connsiteX14" fmla="*/ 279958 w 317853"/>
                      <a:gd name="connsiteY14" fmla="*/ 1123805 h 1739410"/>
                      <a:gd name="connsiteX15" fmla="*/ 170230 w 317853"/>
                      <a:gd name="connsiteY15" fmla="*/ 1167696 h 1739410"/>
                      <a:gd name="connsiteX16" fmla="*/ 133654 w 317853"/>
                      <a:gd name="connsiteY16" fmla="*/ 1182327 h 1739410"/>
                      <a:gd name="connsiteX17" fmla="*/ 111709 w 317853"/>
                      <a:gd name="connsiteY17" fmla="*/ 1248164 h 1739410"/>
                      <a:gd name="connsiteX18" fmla="*/ 75133 w 317853"/>
                      <a:gd name="connsiteY18" fmla="*/ 1277424 h 1739410"/>
                      <a:gd name="connsiteX19" fmla="*/ 9296 w 317853"/>
                      <a:gd name="connsiteY19" fmla="*/ 1328631 h 1739410"/>
                      <a:gd name="connsiteX20" fmla="*/ 60502 w 317853"/>
                      <a:gd name="connsiteY20" fmla="*/ 1401783 h 1739410"/>
                      <a:gd name="connsiteX21" fmla="*/ 104394 w 317853"/>
                      <a:gd name="connsiteY21" fmla="*/ 1452989 h 1739410"/>
                      <a:gd name="connsiteX22" fmla="*/ 82448 w 317853"/>
                      <a:gd name="connsiteY22" fmla="*/ 1584663 h 1739410"/>
                      <a:gd name="connsiteX23" fmla="*/ 111709 w 317853"/>
                      <a:gd name="connsiteY23" fmla="*/ 1665130 h 1739410"/>
                      <a:gd name="connsiteX24" fmla="*/ 234113 w 317853"/>
                      <a:gd name="connsiteY24" fmla="*/ 1728378 h 1739410"/>
                      <a:gd name="connsiteX0" fmla="*/ 254918 w 348059"/>
                      <a:gd name="connsiteY0" fmla="*/ 0 h 1732179"/>
                      <a:gd name="connsiteX1" fmla="*/ 107994 w 348059"/>
                      <a:gd name="connsiteY1" fmla="*/ 71316 h 1732179"/>
                      <a:gd name="connsiteX2" fmla="*/ 32157 w 348059"/>
                      <a:gd name="connsiteY2" fmla="*/ 126652 h 1732179"/>
                      <a:gd name="connsiteX3" fmla="*/ 1981 w 348059"/>
                      <a:gd name="connsiteY3" fmla="*/ 260612 h 1732179"/>
                      <a:gd name="connsiteX4" fmla="*/ 16611 w 348059"/>
                      <a:gd name="connsiteY4" fmla="*/ 370340 h 1732179"/>
                      <a:gd name="connsiteX5" fmla="*/ 126339 w 348059"/>
                      <a:gd name="connsiteY5" fmla="*/ 384970 h 1732179"/>
                      <a:gd name="connsiteX6" fmla="*/ 184861 w 348059"/>
                      <a:gd name="connsiteY6" fmla="*/ 392285 h 1732179"/>
                      <a:gd name="connsiteX7" fmla="*/ 228752 w 348059"/>
                      <a:gd name="connsiteY7" fmla="*/ 458122 h 1732179"/>
                      <a:gd name="connsiteX8" fmla="*/ 206806 w 348059"/>
                      <a:gd name="connsiteY8" fmla="*/ 531274 h 1732179"/>
                      <a:gd name="connsiteX9" fmla="*/ 155600 w 348059"/>
                      <a:gd name="connsiteY9" fmla="*/ 626372 h 1732179"/>
                      <a:gd name="connsiteX10" fmla="*/ 228752 w 348059"/>
                      <a:gd name="connsiteY10" fmla="*/ 736100 h 1732179"/>
                      <a:gd name="connsiteX11" fmla="*/ 228752 w 348059"/>
                      <a:gd name="connsiteY11" fmla="*/ 801936 h 1732179"/>
                      <a:gd name="connsiteX12" fmla="*/ 301904 w 348059"/>
                      <a:gd name="connsiteY12" fmla="*/ 970186 h 1732179"/>
                      <a:gd name="connsiteX13" fmla="*/ 316534 w 348059"/>
                      <a:gd name="connsiteY13" fmla="*/ 1028708 h 1732179"/>
                      <a:gd name="connsiteX14" fmla="*/ 279958 w 348059"/>
                      <a:gd name="connsiteY14" fmla="*/ 1123805 h 1732179"/>
                      <a:gd name="connsiteX15" fmla="*/ 170230 w 348059"/>
                      <a:gd name="connsiteY15" fmla="*/ 1167696 h 1732179"/>
                      <a:gd name="connsiteX16" fmla="*/ 133654 w 348059"/>
                      <a:gd name="connsiteY16" fmla="*/ 1182327 h 1732179"/>
                      <a:gd name="connsiteX17" fmla="*/ 111709 w 348059"/>
                      <a:gd name="connsiteY17" fmla="*/ 1248164 h 1732179"/>
                      <a:gd name="connsiteX18" fmla="*/ 75133 w 348059"/>
                      <a:gd name="connsiteY18" fmla="*/ 1277424 h 1732179"/>
                      <a:gd name="connsiteX19" fmla="*/ 9296 w 348059"/>
                      <a:gd name="connsiteY19" fmla="*/ 1328631 h 1732179"/>
                      <a:gd name="connsiteX20" fmla="*/ 60502 w 348059"/>
                      <a:gd name="connsiteY20" fmla="*/ 1401783 h 1732179"/>
                      <a:gd name="connsiteX21" fmla="*/ 104394 w 348059"/>
                      <a:gd name="connsiteY21" fmla="*/ 1452989 h 1732179"/>
                      <a:gd name="connsiteX22" fmla="*/ 82448 w 348059"/>
                      <a:gd name="connsiteY22" fmla="*/ 1584663 h 1732179"/>
                      <a:gd name="connsiteX23" fmla="*/ 111709 w 348059"/>
                      <a:gd name="connsiteY23" fmla="*/ 1665130 h 1732179"/>
                      <a:gd name="connsiteX24" fmla="*/ 284461 w 348059"/>
                      <a:gd name="connsiteY24" fmla="*/ 1720435 h 1732179"/>
                      <a:gd name="connsiteX0" fmla="*/ 254918 w 348876"/>
                      <a:gd name="connsiteY0" fmla="*/ 0 h 1736782"/>
                      <a:gd name="connsiteX1" fmla="*/ 107994 w 348876"/>
                      <a:gd name="connsiteY1" fmla="*/ 71316 h 1736782"/>
                      <a:gd name="connsiteX2" fmla="*/ 32157 w 348876"/>
                      <a:gd name="connsiteY2" fmla="*/ 126652 h 1736782"/>
                      <a:gd name="connsiteX3" fmla="*/ 1981 w 348876"/>
                      <a:gd name="connsiteY3" fmla="*/ 260612 h 1736782"/>
                      <a:gd name="connsiteX4" fmla="*/ 16611 w 348876"/>
                      <a:gd name="connsiteY4" fmla="*/ 370340 h 1736782"/>
                      <a:gd name="connsiteX5" fmla="*/ 126339 w 348876"/>
                      <a:gd name="connsiteY5" fmla="*/ 384970 h 1736782"/>
                      <a:gd name="connsiteX6" fmla="*/ 184861 w 348876"/>
                      <a:gd name="connsiteY6" fmla="*/ 392285 h 1736782"/>
                      <a:gd name="connsiteX7" fmla="*/ 228752 w 348876"/>
                      <a:gd name="connsiteY7" fmla="*/ 458122 h 1736782"/>
                      <a:gd name="connsiteX8" fmla="*/ 206806 w 348876"/>
                      <a:gd name="connsiteY8" fmla="*/ 531274 h 1736782"/>
                      <a:gd name="connsiteX9" fmla="*/ 155600 w 348876"/>
                      <a:gd name="connsiteY9" fmla="*/ 626372 h 1736782"/>
                      <a:gd name="connsiteX10" fmla="*/ 228752 w 348876"/>
                      <a:gd name="connsiteY10" fmla="*/ 736100 h 1736782"/>
                      <a:gd name="connsiteX11" fmla="*/ 228752 w 348876"/>
                      <a:gd name="connsiteY11" fmla="*/ 801936 h 1736782"/>
                      <a:gd name="connsiteX12" fmla="*/ 301904 w 348876"/>
                      <a:gd name="connsiteY12" fmla="*/ 970186 h 1736782"/>
                      <a:gd name="connsiteX13" fmla="*/ 316534 w 348876"/>
                      <a:gd name="connsiteY13" fmla="*/ 1028708 h 1736782"/>
                      <a:gd name="connsiteX14" fmla="*/ 279958 w 348876"/>
                      <a:gd name="connsiteY14" fmla="*/ 1123805 h 1736782"/>
                      <a:gd name="connsiteX15" fmla="*/ 170230 w 348876"/>
                      <a:gd name="connsiteY15" fmla="*/ 1167696 h 1736782"/>
                      <a:gd name="connsiteX16" fmla="*/ 133654 w 348876"/>
                      <a:gd name="connsiteY16" fmla="*/ 1182327 h 1736782"/>
                      <a:gd name="connsiteX17" fmla="*/ 111709 w 348876"/>
                      <a:gd name="connsiteY17" fmla="*/ 1248164 h 1736782"/>
                      <a:gd name="connsiteX18" fmla="*/ 75133 w 348876"/>
                      <a:gd name="connsiteY18" fmla="*/ 1277424 h 1736782"/>
                      <a:gd name="connsiteX19" fmla="*/ 9296 w 348876"/>
                      <a:gd name="connsiteY19" fmla="*/ 1328631 h 1736782"/>
                      <a:gd name="connsiteX20" fmla="*/ 60502 w 348876"/>
                      <a:gd name="connsiteY20" fmla="*/ 1401783 h 1736782"/>
                      <a:gd name="connsiteX21" fmla="*/ 104394 w 348876"/>
                      <a:gd name="connsiteY21" fmla="*/ 1452989 h 1736782"/>
                      <a:gd name="connsiteX22" fmla="*/ 82448 w 348876"/>
                      <a:gd name="connsiteY22" fmla="*/ 1584663 h 1736782"/>
                      <a:gd name="connsiteX23" fmla="*/ 111709 w 348876"/>
                      <a:gd name="connsiteY23" fmla="*/ 1665130 h 1736782"/>
                      <a:gd name="connsiteX24" fmla="*/ 284461 w 348876"/>
                      <a:gd name="connsiteY24" fmla="*/ 1720435 h 1736782"/>
                      <a:gd name="connsiteX0" fmla="*/ 254918 w 348876"/>
                      <a:gd name="connsiteY0" fmla="*/ 0 h 1725448"/>
                      <a:gd name="connsiteX1" fmla="*/ 107994 w 348876"/>
                      <a:gd name="connsiteY1" fmla="*/ 71316 h 1725448"/>
                      <a:gd name="connsiteX2" fmla="*/ 32157 w 348876"/>
                      <a:gd name="connsiteY2" fmla="*/ 126652 h 1725448"/>
                      <a:gd name="connsiteX3" fmla="*/ 1981 w 348876"/>
                      <a:gd name="connsiteY3" fmla="*/ 260612 h 1725448"/>
                      <a:gd name="connsiteX4" fmla="*/ 16611 w 348876"/>
                      <a:gd name="connsiteY4" fmla="*/ 370340 h 1725448"/>
                      <a:gd name="connsiteX5" fmla="*/ 126339 w 348876"/>
                      <a:gd name="connsiteY5" fmla="*/ 384970 h 1725448"/>
                      <a:gd name="connsiteX6" fmla="*/ 184861 w 348876"/>
                      <a:gd name="connsiteY6" fmla="*/ 392285 h 1725448"/>
                      <a:gd name="connsiteX7" fmla="*/ 228752 w 348876"/>
                      <a:gd name="connsiteY7" fmla="*/ 458122 h 1725448"/>
                      <a:gd name="connsiteX8" fmla="*/ 206806 w 348876"/>
                      <a:gd name="connsiteY8" fmla="*/ 531274 h 1725448"/>
                      <a:gd name="connsiteX9" fmla="*/ 155600 w 348876"/>
                      <a:gd name="connsiteY9" fmla="*/ 626372 h 1725448"/>
                      <a:gd name="connsiteX10" fmla="*/ 228752 w 348876"/>
                      <a:gd name="connsiteY10" fmla="*/ 736100 h 1725448"/>
                      <a:gd name="connsiteX11" fmla="*/ 228752 w 348876"/>
                      <a:gd name="connsiteY11" fmla="*/ 801936 h 1725448"/>
                      <a:gd name="connsiteX12" fmla="*/ 301904 w 348876"/>
                      <a:gd name="connsiteY12" fmla="*/ 970186 h 1725448"/>
                      <a:gd name="connsiteX13" fmla="*/ 316534 w 348876"/>
                      <a:gd name="connsiteY13" fmla="*/ 1028708 h 1725448"/>
                      <a:gd name="connsiteX14" fmla="*/ 279958 w 348876"/>
                      <a:gd name="connsiteY14" fmla="*/ 1123805 h 1725448"/>
                      <a:gd name="connsiteX15" fmla="*/ 170230 w 348876"/>
                      <a:gd name="connsiteY15" fmla="*/ 1167696 h 1725448"/>
                      <a:gd name="connsiteX16" fmla="*/ 133654 w 348876"/>
                      <a:gd name="connsiteY16" fmla="*/ 1182327 h 1725448"/>
                      <a:gd name="connsiteX17" fmla="*/ 111709 w 348876"/>
                      <a:gd name="connsiteY17" fmla="*/ 1248164 h 1725448"/>
                      <a:gd name="connsiteX18" fmla="*/ 75133 w 348876"/>
                      <a:gd name="connsiteY18" fmla="*/ 1277424 h 1725448"/>
                      <a:gd name="connsiteX19" fmla="*/ 9296 w 348876"/>
                      <a:gd name="connsiteY19" fmla="*/ 1328631 h 1725448"/>
                      <a:gd name="connsiteX20" fmla="*/ 60502 w 348876"/>
                      <a:gd name="connsiteY20" fmla="*/ 1401783 h 1725448"/>
                      <a:gd name="connsiteX21" fmla="*/ 104394 w 348876"/>
                      <a:gd name="connsiteY21" fmla="*/ 1452989 h 1725448"/>
                      <a:gd name="connsiteX22" fmla="*/ 82448 w 348876"/>
                      <a:gd name="connsiteY22" fmla="*/ 1584663 h 1725448"/>
                      <a:gd name="connsiteX23" fmla="*/ 111709 w 348876"/>
                      <a:gd name="connsiteY23" fmla="*/ 1665130 h 1725448"/>
                      <a:gd name="connsiteX24" fmla="*/ 284461 w 348876"/>
                      <a:gd name="connsiteY24" fmla="*/ 1720435 h 1725448"/>
                      <a:gd name="connsiteX0" fmla="*/ 1120715 w 1120715"/>
                      <a:gd name="connsiteY0" fmla="*/ 0 h 1749276"/>
                      <a:gd name="connsiteX1" fmla="*/ 107994 w 1120715"/>
                      <a:gd name="connsiteY1" fmla="*/ 95144 h 1749276"/>
                      <a:gd name="connsiteX2" fmla="*/ 32157 w 1120715"/>
                      <a:gd name="connsiteY2" fmla="*/ 150480 h 1749276"/>
                      <a:gd name="connsiteX3" fmla="*/ 1981 w 1120715"/>
                      <a:gd name="connsiteY3" fmla="*/ 284440 h 1749276"/>
                      <a:gd name="connsiteX4" fmla="*/ 16611 w 1120715"/>
                      <a:gd name="connsiteY4" fmla="*/ 394168 h 1749276"/>
                      <a:gd name="connsiteX5" fmla="*/ 126339 w 1120715"/>
                      <a:gd name="connsiteY5" fmla="*/ 408798 h 1749276"/>
                      <a:gd name="connsiteX6" fmla="*/ 184861 w 1120715"/>
                      <a:gd name="connsiteY6" fmla="*/ 416113 h 1749276"/>
                      <a:gd name="connsiteX7" fmla="*/ 228752 w 1120715"/>
                      <a:gd name="connsiteY7" fmla="*/ 481950 h 1749276"/>
                      <a:gd name="connsiteX8" fmla="*/ 206806 w 1120715"/>
                      <a:gd name="connsiteY8" fmla="*/ 555102 h 1749276"/>
                      <a:gd name="connsiteX9" fmla="*/ 155600 w 1120715"/>
                      <a:gd name="connsiteY9" fmla="*/ 650200 h 1749276"/>
                      <a:gd name="connsiteX10" fmla="*/ 228752 w 1120715"/>
                      <a:gd name="connsiteY10" fmla="*/ 759928 h 1749276"/>
                      <a:gd name="connsiteX11" fmla="*/ 228752 w 1120715"/>
                      <a:gd name="connsiteY11" fmla="*/ 825764 h 1749276"/>
                      <a:gd name="connsiteX12" fmla="*/ 301904 w 1120715"/>
                      <a:gd name="connsiteY12" fmla="*/ 994014 h 1749276"/>
                      <a:gd name="connsiteX13" fmla="*/ 316534 w 1120715"/>
                      <a:gd name="connsiteY13" fmla="*/ 1052536 h 1749276"/>
                      <a:gd name="connsiteX14" fmla="*/ 279958 w 1120715"/>
                      <a:gd name="connsiteY14" fmla="*/ 1147633 h 1749276"/>
                      <a:gd name="connsiteX15" fmla="*/ 170230 w 1120715"/>
                      <a:gd name="connsiteY15" fmla="*/ 1191524 h 1749276"/>
                      <a:gd name="connsiteX16" fmla="*/ 133654 w 1120715"/>
                      <a:gd name="connsiteY16" fmla="*/ 1206155 h 1749276"/>
                      <a:gd name="connsiteX17" fmla="*/ 111709 w 1120715"/>
                      <a:gd name="connsiteY17" fmla="*/ 1271992 h 1749276"/>
                      <a:gd name="connsiteX18" fmla="*/ 75133 w 1120715"/>
                      <a:gd name="connsiteY18" fmla="*/ 1301252 h 1749276"/>
                      <a:gd name="connsiteX19" fmla="*/ 9296 w 1120715"/>
                      <a:gd name="connsiteY19" fmla="*/ 1352459 h 1749276"/>
                      <a:gd name="connsiteX20" fmla="*/ 60502 w 1120715"/>
                      <a:gd name="connsiteY20" fmla="*/ 1425611 h 1749276"/>
                      <a:gd name="connsiteX21" fmla="*/ 104394 w 1120715"/>
                      <a:gd name="connsiteY21" fmla="*/ 1476817 h 1749276"/>
                      <a:gd name="connsiteX22" fmla="*/ 82448 w 1120715"/>
                      <a:gd name="connsiteY22" fmla="*/ 1608491 h 1749276"/>
                      <a:gd name="connsiteX23" fmla="*/ 111709 w 1120715"/>
                      <a:gd name="connsiteY23" fmla="*/ 1688958 h 1749276"/>
                      <a:gd name="connsiteX24" fmla="*/ 284461 w 1120715"/>
                      <a:gd name="connsiteY24" fmla="*/ 1744263 h 1749276"/>
                      <a:gd name="connsiteX0" fmla="*/ 1120715 w 1120715"/>
                      <a:gd name="connsiteY0" fmla="*/ 94654 h 1843930"/>
                      <a:gd name="connsiteX1" fmla="*/ 553151 w 1120715"/>
                      <a:gd name="connsiteY1" fmla="*/ 1464 h 1843930"/>
                      <a:gd name="connsiteX2" fmla="*/ 107994 w 1120715"/>
                      <a:gd name="connsiteY2" fmla="*/ 189798 h 1843930"/>
                      <a:gd name="connsiteX3" fmla="*/ 32157 w 1120715"/>
                      <a:gd name="connsiteY3" fmla="*/ 245134 h 1843930"/>
                      <a:gd name="connsiteX4" fmla="*/ 1981 w 1120715"/>
                      <a:gd name="connsiteY4" fmla="*/ 379094 h 1843930"/>
                      <a:gd name="connsiteX5" fmla="*/ 16611 w 1120715"/>
                      <a:gd name="connsiteY5" fmla="*/ 488822 h 1843930"/>
                      <a:gd name="connsiteX6" fmla="*/ 126339 w 1120715"/>
                      <a:gd name="connsiteY6" fmla="*/ 503452 h 1843930"/>
                      <a:gd name="connsiteX7" fmla="*/ 184861 w 1120715"/>
                      <a:gd name="connsiteY7" fmla="*/ 510767 h 1843930"/>
                      <a:gd name="connsiteX8" fmla="*/ 228752 w 1120715"/>
                      <a:gd name="connsiteY8" fmla="*/ 576604 h 1843930"/>
                      <a:gd name="connsiteX9" fmla="*/ 206806 w 1120715"/>
                      <a:gd name="connsiteY9" fmla="*/ 649756 h 1843930"/>
                      <a:gd name="connsiteX10" fmla="*/ 155600 w 1120715"/>
                      <a:gd name="connsiteY10" fmla="*/ 744854 h 1843930"/>
                      <a:gd name="connsiteX11" fmla="*/ 228752 w 1120715"/>
                      <a:gd name="connsiteY11" fmla="*/ 854582 h 1843930"/>
                      <a:gd name="connsiteX12" fmla="*/ 228752 w 1120715"/>
                      <a:gd name="connsiteY12" fmla="*/ 920418 h 1843930"/>
                      <a:gd name="connsiteX13" fmla="*/ 301904 w 1120715"/>
                      <a:gd name="connsiteY13" fmla="*/ 1088668 h 1843930"/>
                      <a:gd name="connsiteX14" fmla="*/ 316534 w 1120715"/>
                      <a:gd name="connsiteY14" fmla="*/ 1147190 h 1843930"/>
                      <a:gd name="connsiteX15" fmla="*/ 279958 w 1120715"/>
                      <a:gd name="connsiteY15" fmla="*/ 1242287 h 1843930"/>
                      <a:gd name="connsiteX16" fmla="*/ 170230 w 1120715"/>
                      <a:gd name="connsiteY16" fmla="*/ 1286178 h 1843930"/>
                      <a:gd name="connsiteX17" fmla="*/ 133654 w 1120715"/>
                      <a:gd name="connsiteY17" fmla="*/ 1300809 h 1843930"/>
                      <a:gd name="connsiteX18" fmla="*/ 111709 w 1120715"/>
                      <a:gd name="connsiteY18" fmla="*/ 1366646 h 1843930"/>
                      <a:gd name="connsiteX19" fmla="*/ 75133 w 1120715"/>
                      <a:gd name="connsiteY19" fmla="*/ 1395906 h 1843930"/>
                      <a:gd name="connsiteX20" fmla="*/ 9296 w 1120715"/>
                      <a:gd name="connsiteY20" fmla="*/ 1447113 h 1843930"/>
                      <a:gd name="connsiteX21" fmla="*/ 60502 w 1120715"/>
                      <a:gd name="connsiteY21" fmla="*/ 1520265 h 1843930"/>
                      <a:gd name="connsiteX22" fmla="*/ 104394 w 1120715"/>
                      <a:gd name="connsiteY22" fmla="*/ 1571471 h 1843930"/>
                      <a:gd name="connsiteX23" fmla="*/ 82448 w 1120715"/>
                      <a:gd name="connsiteY23" fmla="*/ 1703145 h 1843930"/>
                      <a:gd name="connsiteX24" fmla="*/ 111709 w 1120715"/>
                      <a:gd name="connsiteY24" fmla="*/ 1783612 h 1843930"/>
                      <a:gd name="connsiteX25" fmla="*/ 284461 w 1120715"/>
                      <a:gd name="connsiteY25" fmla="*/ 1838917 h 1843930"/>
                      <a:gd name="connsiteX0" fmla="*/ 1120715 w 1120715"/>
                      <a:gd name="connsiteY0" fmla="*/ 95254 h 1844530"/>
                      <a:gd name="connsiteX1" fmla="*/ 866025 w 1120715"/>
                      <a:gd name="connsiteY1" fmla="*/ 177796 h 1844530"/>
                      <a:gd name="connsiteX2" fmla="*/ 553151 w 1120715"/>
                      <a:gd name="connsiteY2" fmla="*/ 2064 h 1844530"/>
                      <a:gd name="connsiteX3" fmla="*/ 107994 w 1120715"/>
                      <a:gd name="connsiteY3" fmla="*/ 190398 h 1844530"/>
                      <a:gd name="connsiteX4" fmla="*/ 32157 w 1120715"/>
                      <a:gd name="connsiteY4" fmla="*/ 245734 h 1844530"/>
                      <a:gd name="connsiteX5" fmla="*/ 1981 w 1120715"/>
                      <a:gd name="connsiteY5" fmla="*/ 379694 h 1844530"/>
                      <a:gd name="connsiteX6" fmla="*/ 16611 w 1120715"/>
                      <a:gd name="connsiteY6" fmla="*/ 489422 h 1844530"/>
                      <a:gd name="connsiteX7" fmla="*/ 126339 w 1120715"/>
                      <a:gd name="connsiteY7" fmla="*/ 504052 h 1844530"/>
                      <a:gd name="connsiteX8" fmla="*/ 184861 w 1120715"/>
                      <a:gd name="connsiteY8" fmla="*/ 511367 h 1844530"/>
                      <a:gd name="connsiteX9" fmla="*/ 228752 w 1120715"/>
                      <a:gd name="connsiteY9" fmla="*/ 577204 h 1844530"/>
                      <a:gd name="connsiteX10" fmla="*/ 206806 w 1120715"/>
                      <a:gd name="connsiteY10" fmla="*/ 650356 h 1844530"/>
                      <a:gd name="connsiteX11" fmla="*/ 155600 w 1120715"/>
                      <a:gd name="connsiteY11" fmla="*/ 745454 h 1844530"/>
                      <a:gd name="connsiteX12" fmla="*/ 228752 w 1120715"/>
                      <a:gd name="connsiteY12" fmla="*/ 855182 h 1844530"/>
                      <a:gd name="connsiteX13" fmla="*/ 228752 w 1120715"/>
                      <a:gd name="connsiteY13" fmla="*/ 921018 h 1844530"/>
                      <a:gd name="connsiteX14" fmla="*/ 301904 w 1120715"/>
                      <a:gd name="connsiteY14" fmla="*/ 1089268 h 1844530"/>
                      <a:gd name="connsiteX15" fmla="*/ 316534 w 1120715"/>
                      <a:gd name="connsiteY15" fmla="*/ 1147790 h 1844530"/>
                      <a:gd name="connsiteX16" fmla="*/ 279958 w 1120715"/>
                      <a:gd name="connsiteY16" fmla="*/ 1242887 h 1844530"/>
                      <a:gd name="connsiteX17" fmla="*/ 170230 w 1120715"/>
                      <a:gd name="connsiteY17" fmla="*/ 1286778 h 1844530"/>
                      <a:gd name="connsiteX18" fmla="*/ 133654 w 1120715"/>
                      <a:gd name="connsiteY18" fmla="*/ 1301409 h 1844530"/>
                      <a:gd name="connsiteX19" fmla="*/ 111709 w 1120715"/>
                      <a:gd name="connsiteY19" fmla="*/ 1367246 h 1844530"/>
                      <a:gd name="connsiteX20" fmla="*/ 75133 w 1120715"/>
                      <a:gd name="connsiteY20" fmla="*/ 1396506 h 1844530"/>
                      <a:gd name="connsiteX21" fmla="*/ 9296 w 1120715"/>
                      <a:gd name="connsiteY21" fmla="*/ 1447713 h 1844530"/>
                      <a:gd name="connsiteX22" fmla="*/ 60502 w 1120715"/>
                      <a:gd name="connsiteY22" fmla="*/ 1520865 h 1844530"/>
                      <a:gd name="connsiteX23" fmla="*/ 104394 w 1120715"/>
                      <a:gd name="connsiteY23" fmla="*/ 1572071 h 1844530"/>
                      <a:gd name="connsiteX24" fmla="*/ 82448 w 1120715"/>
                      <a:gd name="connsiteY24" fmla="*/ 1703745 h 1844530"/>
                      <a:gd name="connsiteX25" fmla="*/ 111709 w 1120715"/>
                      <a:gd name="connsiteY25" fmla="*/ 1784212 h 1844530"/>
                      <a:gd name="connsiteX26" fmla="*/ 284461 w 1120715"/>
                      <a:gd name="connsiteY26" fmla="*/ 1839517 h 18445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120715" h="1844530">
                        <a:moveTo>
                          <a:pt x="1120715" y="95254"/>
                        </a:moveTo>
                        <a:cubicBezTo>
                          <a:pt x="1080065" y="87665"/>
                          <a:pt x="960619" y="193328"/>
                          <a:pt x="866025" y="177796"/>
                        </a:cubicBezTo>
                        <a:cubicBezTo>
                          <a:pt x="771431" y="162264"/>
                          <a:pt x="681288" y="-21382"/>
                          <a:pt x="553151" y="2064"/>
                        </a:cubicBezTo>
                        <a:cubicBezTo>
                          <a:pt x="425014" y="25510"/>
                          <a:pt x="194826" y="149786"/>
                          <a:pt x="107994" y="190398"/>
                        </a:cubicBezTo>
                        <a:cubicBezTo>
                          <a:pt x="21162" y="231010"/>
                          <a:pt x="49826" y="214185"/>
                          <a:pt x="32157" y="245734"/>
                        </a:cubicBezTo>
                        <a:cubicBezTo>
                          <a:pt x="14488" y="277283"/>
                          <a:pt x="4572" y="339079"/>
                          <a:pt x="1981" y="379694"/>
                        </a:cubicBezTo>
                        <a:cubicBezTo>
                          <a:pt x="-610" y="420309"/>
                          <a:pt x="-4115" y="468696"/>
                          <a:pt x="16611" y="489422"/>
                        </a:cubicBezTo>
                        <a:cubicBezTo>
                          <a:pt x="37337" y="510148"/>
                          <a:pt x="126339" y="504052"/>
                          <a:pt x="126339" y="504052"/>
                        </a:cubicBezTo>
                        <a:lnTo>
                          <a:pt x="184861" y="511367"/>
                        </a:lnTo>
                        <a:cubicBezTo>
                          <a:pt x="201930" y="523559"/>
                          <a:pt x="225095" y="554039"/>
                          <a:pt x="228752" y="577204"/>
                        </a:cubicBezTo>
                        <a:cubicBezTo>
                          <a:pt x="232409" y="600369"/>
                          <a:pt x="218998" y="622314"/>
                          <a:pt x="206806" y="650356"/>
                        </a:cubicBezTo>
                        <a:cubicBezTo>
                          <a:pt x="194614" y="678398"/>
                          <a:pt x="151942" y="711316"/>
                          <a:pt x="155600" y="745454"/>
                        </a:cubicBezTo>
                        <a:cubicBezTo>
                          <a:pt x="159258" y="779592"/>
                          <a:pt x="216560" y="825921"/>
                          <a:pt x="228752" y="855182"/>
                        </a:cubicBezTo>
                        <a:cubicBezTo>
                          <a:pt x="240944" y="884443"/>
                          <a:pt x="216560" y="882004"/>
                          <a:pt x="228752" y="921018"/>
                        </a:cubicBezTo>
                        <a:cubicBezTo>
                          <a:pt x="240944" y="960032"/>
                          <a:pt x="287274" y="1051473"/>
                          <a:pt x="301904" y="1089268"/>
                        </a:cubicBezTo>
                        <a:cubicBezTo>
                          <a:pt x="316534" y="1127063"/>
                          <a:pt x="320192" y="1122187"/>
                          <a:pt x="316534" y="1147790"/>
                        </a:cubicBezTo>
                        <a:cubicBezTo>
                          <a:pt x="312876" y="1173393"/>
                          <a:pt x="304342" y="1219722"/>
                          <a:pt x="279958" y="1242887"/>
                        </a:cubicBezTo>
                        <a:cubicBezTo>
                          <a:pt x="255574" y="1266052"/>
                          <a:pt x="170230" y="1286778"/>
                          <a:pt x="170230" y="1286778"/>
                        </a:cubicBezTo>
                        <a:cubicBezTo>
                          <a:pt x="145846" y="1296532"/>
                          <a:pt x="143408" y="1287998"/>
                          <a:pt x="133654" y="1301409"/>
                        </a:cubicBezTo>
                        <a:cubicBezTo>
                          <a:pt x="123901" y="1314820"/>
                          <a:pt x="121463" y="1351396"/>
                          <a:pt x="111709" y="1367246"/>
                        </a:cubicBezTo>
                        <a:cubicBezTo>
                          <a:pt x="101955" y="1383096"/>
                          <a:pt x="75133" y="1396506"/>
                          <a:pt x="75133" y="1396506"/>
                        </a:cubicBezTo>
                        <a:cubicBezTo>
                          <a:pt x="58064" y="1409917"/>
                          <a:pt x="11735" y="1426986"/>
                          <a:pt x="9296" y="1447713"/>
                        </a:cubicBezTo>
                        <a:cubicBezTo>
                          <a:pt x="6857" y="1468440"/>
                          <a:pt x="44652" y="1500139"/>
                          <a:pt x="60502" y="1520865"/>
                        </a:cubicBezTo>
                        <a:cubicBezTo>
                          <a:pt x="76352" y="1541591"/>
                          <a:pt x="100736" y="1541591"/>
                          <a:pt x="104394" y="1572071"/>
                        </a:cubicBezTo>
                        <a:cubicBezTo>
                          <a:pt x="108052" y="1602551"/>
                          <a:pt x="81229" y="1668388"/>
                          <a:pt x="82448" y="1703745"/>
                        </a:cubicBezTo>
                        <a:cubicBezTo>
                          <a:pt x="83667" y="1739102"/>
                          <a:pt x="71226" y="1727723"/>
                          <a:pt x="111709" y="1784212"/>
                        </a:cubicBezTo>
                        <a:cubicBezTo>
                          <a:pt x="152192" y="1840701"/>
                          <a:pt x="486562" y="1853037"/>
                          <a:pt x="284461" y="1839517"/>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nvGrpSpPr>
                  <p:cNvPr id="22" name="Group 24"/>
                  <p:cNvGrpSpPr/>
                  <p:nvPr/>
                </p:nvGrpSpPr>
                <p:grpSpPr>
                  <a:xfrm>
                    <a:off x="4508942" y="2957839"/>
                    <a:ext cx="1234838" cy="2574620"/>
                    <a:chOff x="4508942" y="2957839"/>
                    <a:chExt cx="1234838" cy="2574620"/>
                  </a:xfrm>
                </p:grpSpPr>
                <p:sp>
                  <p:nvSpPr>
                    <p:cNvPr id="29" name="Freeform 28"/>
                    <p:cNvSpPr/>
                    <p:nvPr/>
                  </p:nvSpPr>
                  <p:spPr>
                    <a:xfrm>
                      <a:off x="4508942" y="2957839"/>
                      <a:ext cx="786618" cy="1562404"/>
                    </a:xfrm>
                    <a:custGeom>
                      <a:avLst/>
                      <a:gdLst>
                        <a:gd name="connsiteX0" fmla="*/ 641229 w 641229"/>
                        <a:gd name="connsiteY0" fmla="*/ 51758 h 1595887"/>
                        <a:gd name="connsiteX1" fmla="*/ 115018 w 641229"/>
                        <a:gd name="connsiteY1" fmla="*/ 69011 h 1595887"/>
                        <a:gd name="connsiteX2" fmla="*/ 54633 w 641229"/>
                        <a:gd name="connsiteY2" fmla="*/ 465826 h 1595887"/>
                        <a:gd name="connsiteX3" fmla="*/ 192656 w 641229"/>
                        <a:gd name="connsiteY3" fmla="*/ 638354 h 1595887"/>
                        <a:gd name="connsiteX4" fmla="*/ 218535 w 641229"/>
                        <a:gd name="connsiteY4" fmla="*/ 810883 h 1595887"/>
                        <a:gd name="connsiteX5" fmla="*/ 37380 w 641229"/>
                        <a:gd name="connsiteY5" fmla="*/ 948905 h 1595887"/>
                        <a:gd name="connsiteX6" fmla="*/ 20128 w 641229"/>
                        <a:gd name="connsiteY6" fmla="*/ 1095554 h 1595887"/>
                        <a:gd name="connsiteX7" fmla="*/ 158150 w 641229"/>
                        <a:gd name="connsiteY7" fmla="*/ 1224951 h 1595887"/>
                        <a:gd name="connsiteX8" fmla="*/ 115018 w 641229"/>
                        <a:gd name="connsiteY8" fmla="*/ 1354347 h 1595887"/>
                        <a:gd name="connsiteX9" fmla="*/ 175403 w 641229"/>
                        <a:gd name="connsiteY9" fmla="*/ 1595887 h 1595887"/>
                        <a:gd name="connsiteX0" fmla="*/ 633248 w 633248"/>
                        <a:gd name="connsiteY0" fmla="*/ 27030 h 1571159"/>
                        <a:gd name="connsiteX1" fmla="*/ 107037 w 633248"/>
                        <a:gd name="connsiteY1" fmla="*/ 44283 h 1571159"/>
                        <a:gd name="connsiteX2" fmla="*/ 46652 w 633248"/>
                        <a:gd name="connsiteY2" fmla="*/ 441098 h 1571159"/>
                        <a:gd name="connsiteX3" fmla="*/ 171728 w 633248"/>
                        <a:gd name="connsiteY3" fmla="*/ 613626 h 1571159"/>
                        <a:gd name="connsiteX4" fmla="*/ 210554 w 633248"/>
                        <a:gd name="connsiteY4" fmla="*/ 786155 h 1571159"/>
                        <a:gd name="connsiteX5" fmla="*/ 29399 w 633248"/>
                        <a:gd name="connsiteY5" fmla="*/ 924177 h 1571159"/>
                        <a:gd name="connsiteX6" fmla="*/ 12147 w 633248"/>
                        <a:gd name="connsiteY6" fmla="*/ 1070826 h 1571159"/>
                        <a:gd name="connsiteX7" fmla="*/ 150169 w 633248"/>
                        <a:gd name="connsiteY7" fmla="*/ 1200223 h 1571159"/>
                        <a:gd name="connsiteX8" fmla="*/ 107037 w 633248"/>
                        <a:gd name="connsiteY8" fmla="*/ 1329619 h 1571159"/>
                        <a:gd name="connsiteX9" fmla="*/ 167422 w 633248"/>
                        <a:gd name="connsiteY9" fmla="*/ 1571159 h 1571159"/>
                        <a:gd name="connsiteX0" fmla="*/ 633248 w 633248"/>
                        <a:gd name="connsiteY0" fmla="*/ 27030 h 1571159"/>
                        <a:gd name="connsiteX1" fmla="*/ 107037 w 633248"/>
                        <a:gd name="connsiteY1" fmla="*/ 44283 h 1571159"/>
                        <a:gd name="connsiteX2" fmla="*/ 46652 w 633248"/>
                        <a:gd name="connsiteY2" fmla="*/ 441098 h 1571159"/>
                        <a:gd name="connsiteX3" fmla="*/ 171728 w 633248"/>
                        <a:gd name="connsiteY3" fmla="*/ 613626 h 1571159"/>
                        <a:gd name="connsiteX4" fmla="*/ 192196 w 633248"/>
                        <a:gd name="connsiteY4" fmla="*/ 763625 h 1571159"/>
                        <a:gd name="connsiteX5" fmla="*/ 210554 w 633248"/>
                        <a:gd name="connsiteY5" fmla="*/ 786155 h 1571159"/>
                        <a:gd name="connsiteX6" fmla="*/ 29399 w 633248"/>
                        <a:gd name="connsiteY6" fmla="*/ 924177 h 1571159"/>
                        <a:gd name="connsiteX7" fmla="*/ 12147 w 633248"/>
                        <a:gd name="connsiteY7" fmla="*/ 1070826 h 1571159"/>
                        <a:gd name="connsiteX8" fmla="*/ 150169 w 633248"/>
                        <a:gd name="connsiteY8" fmla="*/ 1200223 h 1571159"/>
                        <a:gd name="connsiteX9" fmla="*/ 107037 w 633248"/>
                        <a:gd name="connsiteY9" fmla="*/ 1329619 h 1571159"/>
                        <a:gd name="connsiteX10" fmla="*/ 167422 w 633248"/>
                        <a:gd name="connsiteY10" fmla="*/ 1571159 h 1571159"/>
                        <a:gd name="connsiteX0" fmla="*/ 632401 w 632401"/>
                        <a:gd name="connsiteY0" fmla="*/ 27030 h 1571159"/>
                        <a:gd name="connsiteX1" fmla="*/ 106190 w 632401"/>
                        <a:gd name="connsiteY1" fmla="*/ 44283 h 1571159"/>
                        <a:gd name="connsiteX2" fmla="*/ 45805 w 632401"/>
                        <a:gd name="connsiteY2" fmla="*/ 441098 h 1571159"/>
                        <a:gd name="connsiteX3" fmla="*/ 170881 w 632401"/>
                        <a:gd name="connsiteY3" fmla="*/ 613626 h 1571159"/>
                        <a:gd name="connsiteX4" fmla="*/ 191349 w 632401"/>
                        <a:gd name="connsiteY4" fmla="*/ 763625 h 1571159"/>
                        <a:gd name="connsiteX5" fmla="*/ 28552 w 632401"/>
                        <a:gd name="connsiteY5" fmla="*/ 924177 h 1571159"/>
                        <a:gd name="connsiteX6" fmla="*/ 11300 w 632401"/>
                        <a:gd name="connsiteY6" fmla="*/ 1070826 h 1571159"/>
                        <a:gd name="connsiteX7" fmla="*/ 149322 w 632401"/>
                        <a:gd name="connsiteY7" fmla="*/ 1200223 h 1571159"/>
                        <a:gd name="connsiteX8" fmla="*/ 106190 w 632401"/>
                        <a:gd name="connsiteY8" fmla="*/ 1329619 h 1571159"/>
                        <a:gd name="connsiteX9" fmla="*/ 166575 w 632401"/>
                        <a:gd name="connsiteY9" fmla="*/ 1571159 h 1571159"/>
                        <a:gd name="connsiteX0" fmla="*/ 632401 w 632401"/>
                        <a:gd name="connsiteY0" fmla="*/ 26475 h 1570604"/>
                        <a:gd name="connsiteX1" fmla="*/ 320815 w 632401"/>
                        <a:gd name="connsiteY1" fmla="*/ 8200 h 1570604"/>
                        <a:gd name="connsiteX2" fmla="*/ 106190 w 632401"/>
                        <a:gd name="connsiteY2" fmla="*/ 43728 h 1570604"/>
                        <a:gd name="connsiteX3" fmla="*/ 45805 w 632401"/>
                        <a:gd name="connsiteY3" fmla="*/ 440543 h 1570604"/>
                        <a:gd name="connsiteX4" fmla="*/ 170881 w 632401"/>
                        <a:gd name="connsiteY4" fmla="*/ 613071 h 1570604"/>
                        <a:gd name="connsiteX5" fmla="*/ 191349 w 632401"/>
                        <a:gd name="connsiteY5" fmla="*/ 763070 h 1570604"/>
                        <a:gd name="connsiteX6" fmla="*/ 28552 w 632401"/>
                        <a:gd name="connsiteY6" fmla="*/ 923622 h 1570604"/>
                        <a:gd name="connsiteX7" fmla="*/ 11300 w 632401"/>
                        <a:gd name="connsiteY7" fmla="*/ 1070271 h 1570604"/>
                        <a:gd name="connsiteX8" fmla="*/ 149322 w 632401"/>
                        <a:gd name="connsiteY8" fmla="*/ 1199668 h 1570604"/>
                        <a:gd name="connsiteX9" fmla="*/ 106190 w 632401"/>
                        <a:gd name="connsiteY9" fmla="*/ 1329064 h 1570604"/>
                        <a:gd name="connsiteX10" fmla="*/ 166575 w 632401"/>
                        <a:gd name="connsiteY10" fmla="*/ 1570604 h 1570604"/>
                        <a:gd name="connsiteX0" fmla="*/ 632401 w 632401"/>
                        <a:gd name="connsiteY0" fmla="*/ 29847 h 1573976"/>
                        <a:gd name="connsiteX1" fmla="*/ 320815 w 632401"/>
                        <a:gd name="connsiteY1" fmla="*/ 11572 h 1573976"/>
                        <a:gd name="connsiteX2" fmla="*/ 106190 w 632401"/>
                        <a:gd name="connsiteY2" fmla="*/ 47100 h 1573976"/>
                        <a:gd name="connsiteX3" fmla="*/ 45805 w 632401"/>
                        <a:gd name="connsiteY3" fmla="*/ 443915 h 1573976"/>
                        <a:gd name="connsiteX4" fmla="*/ 170881 w 632401"/>
                        <a:gd name="connsiteY4" fmla="*/ 616443 h 1573976"/>
                        <a:gd name="connsiteX5" fmla="*/ 191349 w 632401"/>
                        <a:gd name="connsiteY5" fmla="*/ 766442 h 1573976"/>
                        <a:gd name="connsiteX6" fmla="*/ 28552 w 632401"/>
                        <a:gd name="connsiteY6" fmla="*/ 926994 h 1573976"/>
                        <a:gd name="connsiteX7" fmla="*/ 11300 w 632401"/>
                        <a:gd name="connsiteY7" fmla="*/ 1073643 h 1573976"/>
                        <a:gd name="connsiteX8" fmla="*/ 149322 w 632401"/>
                        <a:gd name="connsiteY8" fmla="*/ 1203040 h 1573976"/>
                        <a:gd name="connsiteX9" fmla="*/ 106190 w 632401"/>
                        <a:gd name="connsiteY9" fmla="*/ 1332436 h 1573976"/>
                        <a:gd name="connsiteX10" fmla="*/ 166575 w 632401"/>
                        <a:gd name="connsiteY10" fmla="*/ 1573976 h 1573976"/>
                        <a:gd name="connsiteX0" fmla="*/ 632401 w 632401"/>
                        <a:gd name="connsiteY0" fmla="*/ 24315 h 1568444"/>
                        <a:gd name="connsiteX1" fmla="*/ 320815 w 632401"/>
                        <a:gd name="connsiteY1" fmla="*/ 6040 h 1568444"/>
                        <a:gd name="connsiteX2" fmla="*/ 106190 w 632401"/>
                        <a:gd name="connsiteY2" fmla="*/ 41568 h 1568444"/>
                        <a:gd name="connsiteX3" fmla="*/ 45805 w 632401"/>
                        <a:gd name="connsiteY3" fmla="*/ 438383 h 1568444"/>
                        <a:gd name="connsiteX4" fmla="*/ 170881 w 632401"/>
                        <a:gd name="connsiteY4" fmla="*/ 610911 h 1568444"/>
                        <a:gd name="connsiteX5" fmla="*/ 191349 w 632401"/>
                        <a:gd name="connsiteY5" fmla="*/ 760910 h 1568444"/>
                        <a:gd name="connsiteX6" fmla="*/ 28552 w 632401"/>
                        <a:gd name="connsiteY6" fmla="*/ 921462 h 1568444"/>
                        <a:gd name="connsiteX7" fmla="*/ 11300 w 632401"/>
                        <a:gd name="connsiteY7" fmla="*/ 1068111 h 1568444"/>
                        <a:gd name="connsiteX8" fmla="*/ 149322 w 632401"/>
                        <a:gd name="connsiteY8" fmla="*/ 1197508 h 1568444"/>
                        <a:gd name="connsiteX9" fmla="*/ 106190 w 632401"/>
                        <a:gd name="connsiteY9" fmla="*/ 1326904 h 1568444"/>
                        <a:gd name="connsiteX10" fmla="*/ 166575 w 632401"/>
                        <a:gd name="connsiteY10" fmla="*/ 1568444 h 1568444"/>
                        <a:gd name="connsiteX0" fmla="*/ 632401 w 632401"/>
                        <a:gd name="connsiteY0" fmla="*/ 18607 h 1562736"/>
                        <a:gd name="connsiteX1" fmla="*/ 320815 w 632401"/>
                        <a:gd name="connsiteY1" fmla="*/ 332 h 1562736"/>
                        <a:gd name="connsiteX2" fmla="*/ 106190 w 632401"/>
                        <a:gd name="connsiteY2" fmla="*/ 35860 h 1562736"/>
                        <a:gd name="connsiteX3" fmla="*/ 45805 w 632401"/>
                        <a:gd name="connsiteY3" fmla="*/ 432675 h 1562736"/>
                        <a:gd name="connsiteX4" fmla="*/ 170881 w 632401"/>
                        <a:gd name="connsiteY4" fmla="*/ 605203 h 1562736"/>
                        <a:gd name="connsiteX5" fmla="*/ 191349 w 632401"/>
                        <a:gd name="connsiteY5" fmla="*/ 755202 h 1562736"/>
                        <a:gd name="connsiteX6" fmla="*/ 28552 w 632401"/>
                        <a:gd name="connsiteY6" fmla="*/ 915754 h 1562736"/>
                        <a:gd name="connsiteX7" fmla="*/ 11300 w 632401"/>
                        <a:gd name="connsiteY7" fmla="*/ 1062403 h 1562736"/>
                        <a:gd name="connsiteX8" fmla="*/ 149322 w 632401"/>
                        <a:gd name="connsiteY8" fmla="*/ 1191800 h 1562736"/>
                        <a:gd name="connsiteX9" fmla="*/ 106190 w 632401"/>
                        <a:gd name="connsiteY9" fmla="*/ 1321196 h 1562736"/>
                        <a:gd name="connsiteX10" fmla="*/ 166575 w 632401"/>
                        <a:gd name="connsiteY10" fmla="*/ 1562736 h 1562736"/>
                        <a:gd name="connsiteX0" fmla="*/ 1435085 w 1435085"/>
                        <a:gd name="connsiteY0" fmla="*/ 86900 h 1562404"/>
                        <a:gd name="connsiteX1" fmla="*/ 320815 w 1435085"/>
                        <a:gd name="connsiteY1" fmla="*/ 0 h 1562404"/>
                        <a:gd name="connsiteX2" fmla="*/ 106190 w 1435085"/>
                        <a:gd name="connsiteY2" fmla="*/ 35528 h 1562404"/>
                        <a:gd name="connsiteX3" fmla="*/ 45805 w 1435085"/>
                        <a:gd name="connsiteY3" fmla="*/ 432343 h 1562404"/>
                        <a:gd name="connsiteX4" fmla="*/ 170881 w 1435085"/>
                        <a:gd name="connsiteY4" fmla="*/ 604871 h 1562404"/>
                        <a:gd name="connsiteX5" fmla="*/ 191349 w 1435085"/>
                        <a:gd name="connsiteY5" fmla="*/ 754870 h 1562404"/>
                        <a:gd name="connsiteX6" fmla="*/ 28552 w 1435085"/>
                        <a:gd name="connsiteY6" fmla="*/ 915422 h 1562404"/>
                        <a:gd name="connsiteX7" fmla="*/ 11300 w 1435085"/>
                        <a:gd name="connsiteY7" fmla="*/ 1062071 h 1562404"/>
                        <a:gd name="connsiteX8" fmla="*/ 149322 w 1435085"/>
                        <a:gd name="connsiteY8" fmla="*/ 1191468 h 1562404"/>
                        <a:gd name="connsiteX9" fmla="*/ 106190 w 1435085"/>
                        <a:gd name="connsiteY9" fmla="*/ 1320864 h 1562404"/>
                        <a:gd name="connsiteX10" fmla="*/ 166575 w 1435085"/>
                        <a:gd name="connsiteY10" fmla="*/ 1562404 h 1562404"/>
                        <a:gd name="connsiteX0" fmla="*/ 1435085 w 1435085"/>
                        <a:gd name="connsiteY0" fmla="*/ 86900 h 1562404"/>
                        <a:gd name="connsiteX1" fmla="*/ 1084659 w 1435085"/>
                        <a:gd name="connsiteY1" fmla="*/ 25734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4659 w 1435085"/>
                        <a:gd name="connsiteY1" fmla="*/ 25734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84282 w 1484282"/>
                        <a:gd name="connsiteY0" fmla="*/ 141228 h 1562404"/>
                        <a:gd name="connsiteX1" fmla="*/ 1089838 w 1484282"/>
                        <a:gd name="connsiteY1" fmla="*/ 42890 h 1562404"/>
                        <a:gd name="connsiteX2" fmla="*/ 320815 w 1484282"/>
                        <a:gd name="connsiteY2" fmla="*/ 0 h 1562404"/>
                        <a:gd name="connsiteX3" fmla="*/ 106190 w 1484282"/>
                        <a:gd name="connsiteY3" fmla="*/ 35528 h 1562404"/>
                        <a:gd name="connsiteX4" fmla="*/ 45805 w 1484282"/>
                        <a:gd name="connsiteY4" fmla="*/ 432343 h 1562404"/>
                        <a:gd name="connsiteX5" fmla="*/ 170881 w 1484282"/>
                        <a:gd name="connsiteY5" fmla="*/ 604871 h 1562404"/>
                        <a:gd name="connsiteX6" fmla="*/ 191349 w 1484282"/>
                        <a:gd name="connsiteY6" fmla="*/ 754870 h 1562404"/>
                        <a:gd name="connsiteX7" fmla="*/ 28552 w 1484282"/>
                        <a:gd name="connsiteY7" fmla="*/ 915422 h 1562404"/>
                        <a:gd name="connsiteX8" fmla="*/ 11300 w 1484282"/>
                        <a:gd name="connsiteY8" fmla="*/ 1062071 h 1562404"/>
                        <a:gd name="connsiteX9" fmla="*/ 149322 w 1484282"/>
                        <a:gd name="connsiteY9" fmla="*/ 1191468 h 1562404"/>
                        <a:gd name="connsiteX10" fmla="*/ 106190 w 1484282"/>
                        <a:gd name="connsiteY10" fmla="*/ 1320864 h 1562404"/>
                        <a:gd name="connsiteX11" fmla="*/ 166575 w 1484282"/>
                        <a:gd name="connsiteY11" fmla="*/ 1562404 h 1562404"/>
                        <a:gd name="connsiteX0" fmla="*/ 1484282 w 1484282"/>
                        <a:gd name="connsiteY0" fmla="*/ 141228 h 1562404"/>
                        <a:gd name="connsiteX1" fmla="*/ 1089838 w 1484282"/>
                        <a:gd name="connsiteY1" fmla="*/ 42890 h 1562404"/>
                        <a:gd name="connsiteX2" fmla="*/ 320815 w 1484282"/>
                        <a:gd name="connsiteY2" fmla="*/ 0 h 1562404"/>
                        <a:gd name="connsiteX3" fmla="*/ 106190 w 1484282"/>
                        <a:gd name="connsiteY3" fmla="*/ 35528 h 1562404"/>
                        <a:gd name="connsiteX4" fmla="*/ 45805 w 1484282"/>
                        <a:gd name="connsiteY4" fmla="*/ 432343 h 1562404"/>
                        <a:gd name="connsiteX5" fmla="*/ 170881 w 1484282"/>
                        <a:gd name="connsiteY5" fmla="*/ 604871 h 1562404"/>
                        <a:gd name="connsiteX6" fmla="*/ 191349 w 1484282"/>
                        <a:gd name="connsiteY6" fmla="*/ 754870 h 1562404"/>
                        <a:gd name="connsiteX7" fmla="*/ 28552 w 1484282"/>
                        <a:gd name="connsiteY7" fmla="*/ 915422 h 1562404"/>
                        <a:gd name="connsiteX8" fmla="*/ 11300 w 1484282"/>
                        <a:gd name="connsiteY8" fmla="*/ 1062071 h 1562404"/>
                        <a:gd name="connsiteX9" fmla="*/ 149322 w 1484282"/>
                        <a:gd name="connsiteY9" fmla="*/ 1191468 h 1562404"/>
                        <a:gd name="connsiteX10" fmla="*/ 106190 w 1484282"/>
                        <a:gd name="connsiteY10" fmla="*/ 1320864 h 1562404"/>
                        <a:gd name="connsiteX11" fmla="*/ 166575 w 1484282"/>
                        <a:gd name="connsiteY11" fmla="*/ 1562404 h 1562404"/>
                        <a:gd name="connsiteX0" fmla="*/ 1481693 w 1481693"/>
                        <a:gd name="connsiteY0" fmla="*/ 195555 h 1562404"/>
                        <a:gd name="connsiteX1" fmla="*/ 1089838 w 1481693"/>
                        <a:gd name="connsiteY1" fmla="*/ 42890 h 1562404"/>
                        <a:gd name="connsiteX2" fmla="*/ 320815 w 1481693"/>
                        <a:gd name="connsiteY2" fmla="*/ 0 h 1562404"/>
                        <a:gd name="connsiteX3" fmla="*/ 106190 w 1481693"/>
                        <a:gd name="connsiteY3" fmla="*/ 35528 h 1562404"/>
                        <a:gd name="connsiteX4" fmla="*/ 45805 w 1481693"/>
                        <a:gd name="connsiteY4" fmla="*/ 432343 h 1562404"/>
                        <a:gd name="connsiteX5" fmla="*/ 170881 w 1481693"/>
                        <a:gd name="connsiteY5" fmla="*/ 604871 h 1562404"/>
                        <a:gd name="connsiteX6" fmla="*/ 191349 w 1481693"/>
                        <a:gd name="connsiteY6" fmla="*/ 754870 h 1562404"/>
                        <a:gd name="connsiteX7" fmla="*/ 28552 w 1481693"/>
                        <a:gd name="connsiteY7" fmla="*/ 915422 h 1562404"/>
                        <a:gd name="connsiteX8" fmla="*/ 11300 w 1481693"/>
                        <a:gd name="connsiteY8" fmla="*/ 1062071 h 1562404"/>
                        <a:gd name="connsiteX9" fmla="*/ 149322 w 1481693"/>
                        <a:gd name="connsiteY9" fmla="*/ 1191468 h 1562404"/>
                        <a:gd name="connsiteX10" fmla="*/ 106190 w 1481693"/>
                        <a:gd name="connsiteY10" fmla="*/ 1320864 h 1562404"/>
                        <a:gd name="connsiteX11" fmla="*/ 166575 w 1481693"/>
                        <a:gd name="connsiteY11" fmla="*/ 1562404 h 1562404"/>
                        <a:gd name="connsiteX0" fmla="*/ 1481693 w 1481693"/>
                        <a:gd name="connsiteY0" fmla="*/ 195555 h 1562404"/>
                        <a:gd name="connsiteX1" fmla="*/ 1392787 w 1481693"/>
                        <a:gd name="connsiteY1" fmla="*/ 74343 h 1562404"/>
                        <a:gd name="connsiteX2" fmla="*/ 1089838 w 1481693"/>
                        <a:gd name="connsiteY2" fmla="*/ 42890 h 1562404"/>
                        <a:gd name="connsiteX3" fmla="*/ 320815 w 1481693"/>
                        <a:gd name="connsiteY3" fmla="*/ 0 h 1562404"/>
                        <a:gd name="connsiteX4" fmla="*/ 106190 w 1481693"/>
                        <a:gd name="connsiteY4" fmla="*/ 35528 h 1562404"/>
                        <a:gd name="connsiteX5" fmla="*/ 45805 w 1481693"/>
                        <a:gd name="connsiteY5" fmla="*/ 432343 h 1562404"/>
                        <a:gd name="connsiteX6" fmla="*/ 170881 w 1481693"/>
                        <a:gd name="connsiteY6" fmla="*/ 604871 h 1562404"/>
                        <a:gd name="connsiteX7" fmla="*/ 191349 w 1481693"/>
                        <a:gd name="connsiteY7" fmla="*/ 754870 h 1562404"/>
                        <a:gd name="connsiteX8" fmla="*/ 28552 w 1481693"/>
                        <a:gd name="connsiteY8" fmla="*/ 915422 h 1562404"/>
                        <a:gd name="connsiteX9" fmla="*/ 11300 w 1481693"/>
                        <a:gd name="connsiteY9" fmla="*/ 1062071 h 1562404"/>
                        <a:gd name="connsiteX10" fmla="*/ 149322 w 1481693"/>
                        <a:gd name="connsiteY10" fmla="*/ 1191468 h 1562404"/>
                        <a:gd name="connsiteX11" fmla="*/ 106190 w 1481693"/>
                        <a:gd name="connsiteY11" fmla="*/ 1320864 h 1562404"/>
                        <a:gd name="connsiteX12" fmla="*/ 166575 w 1481693"/>
                        <a:gd name="connsiteY12" fmla="*/ 1562404 h 1562404"/>
                        <a:gd name="connsiteX0" fmla="*/ 1706962 w 1706962"/>
                        <a:gd name="connsiteY0" fmla="*/ 298492 h 1562404"/>
                        <a:gd name="connsiteX1" fmla="*/ 1392787 w 1706962"/>
                        <a:gd name="connsiteY1" fmla="*/ 74343 h 1562404"/>
                        <a:gd name="connsiteX2" fmla="*/ 1089838 w 1706962"/>
                        <a:gd name="connsiteY2" fmla="*/ 42890 h 1562404"/>
                        <a:gd name="connsiteX3" fmla="*/ 320815 w 1706962"/>
                        <a:gd name="connsiteY3" fmla="*/ 0 h 1562404"/>
                        <a:gd name="connsiteX4" fmla="*/ 106190 w 1706962"/>
                        <a:gd name="connsiteY4" fmla="*/ 35528 h 1562404"/>
                        <a:gd name="connsiteX5" fmla="*/ 45805 w 1706962"/>
                        <a:gd name="connsiteY5" fmla="*/ 432343 h 1562404"/>
                        <a:gd name="connsiteX6" fmla="*/ 170881 w 1706962"/>
                        <a:gd name="connsiteY6" fmla="*/ 604871 h 1562404"/>
                        <a:gd name="connsiteX7" fmla="*/ 191349 w 1706962"/>
                        <a:gd name="connsiteY7" fmla="*/ 754870 h 1562404"/>
                        <a:gd name="connsiteX8" fmla="*/ 28552 w 1706962"/>
                        <a:gd name="connsiteY8" fmla="*/ 915422 h 1562404"/>
                        <a:gd name="connsiteX9" fmla="*/ 11300 w 1706962"/>
                        <a:gd name="connsiteY9" fmla="*/ 1062071 h 1562404"/>
                        <a:gd name="connsiteX10" fmla="*/ 149322 w 1706962"/>
                        <a:gd name="connsiteY10" fmla="*/ 1191468 h 1562404"/>
                        <a:gd name="connsiteX11" fmla="*/ 106190 w 1706962"/>
                        <a:gd name="connsiteY11" fmla="*/ 1320864 h 1562404"/>
                        <a:gd name="connsiteX12" fmla="*/ 166575 w 1706962"/>
                        <a:gd name="connsiteY12" fmla="*/ 1562404 h 1562404"/>
                        <a:gd name="connsiteX0" fmla="*/ 1706962 w 1706962"/>
                        <a:gd name="connsiteY0" fmla="*/ 298492 h 1562404"/>
                        <a:gd name="connsiteX1" fmla="*/ 1501537 w 1706962"/>
                        <a:gd name="connsiteY1" fmla="*/ 217311 h 1562404"/>
                        <a:gd name="connsiteX2" fmla="*/ 1392787 w 1706962"/>
                        <a:gd name="connsiteY2" fmla="*/ 74343 h 1562404"/>
                        <a:gd name="connsiteX3" fmla="*/ 1089838 w 1706962"/>
                        <a:gd name="connsiteY3" fmla="*/ 42890 h 1562404"/>
                        <a:gd name="connsiteX4" fmla="*/ 320815 w 1706962"/>
                        <a:gd name="connsiteY4" fmla="*/ 0 h 1562404"/>
                        <a:gd name="connsiteX5" fmla="*/ 106190 w 1706962"/>
                        <a:gd name="connsiteY5" fmla="*/ 35528 h 1562404"/>
                        <a:gd name="connsiteX6" fmla="*/ 45805 w 1706962"/>
                        <a:gd name="connsiteY6" fmla="*/ 432343 h 1562404"/>
                        <a:gd name="connsiteX7" fmla="*/ 170881 w 1706962"/>
                        <a:gd name="connsiteY7" fmla="*/ 604871 h 1562404"/>
                        <a:gd name="connsiteX8" fmla="*/ 191349 w 1706962"/>
                        <a:gd name="connsiteY8" fmla="*/ 754870 h 1562404"/>
                        <a:gd name="connsiteX9" fmla="*/ 28552 w 1706962"/>
                        <a:gd name="connsiteY9" fmla="*/ 915422 h 1562404"/>
                        <a:gd name="connsiteX10" fmla="*/ 11300 w 1706962"/>
                        <a:gd name="connsiteY10" fmla="*/ 1062071 h 1562404"/>
                        <a:gd name="connsiteX11" fmla="*/ 149322 w 1706962"/>
                        <a:gd name="connsiteY11" fmla="*/ 1191468 h 1562404"/>
                        <a:gd name="connsiteX12" fmla="*/ 106190 w 1706962"/>
                        <a:gd name="connsiteY12" fmla="*/ 1320864 h 1562404"/>
                        <a:gd name="connsiteX13" fmla="*/ 166575 w 1706962"/>
                        <a:gd name="connsiteY13" fmla="*/ 1562404 h 1562404"/>
                        <a:gd name="connsiteX0" fmla="*/ 1885624 w 1885624"/>
                        <a:gd name="connsiteY0" fmla="*/ 407148 h 1562404"/>
                        <a:gd name="connsiteX1" fmla="*/ 1501537 w 1885624"/>
                        <a:gd name="connsiteY1" fmla="*/ 217311 h 1562404"/>
                        <a:gd name="connsiteX2" fmla="*/ 1392787 w 1885624"/>
                        <a:gd name="connsiteY2" fmla="*/ 74343 h 1562404"/>
                        <a:gd name="connsiteX3" fmla="*/ 1089838 w 1885624"/>
                        <a:gd name="connsiteY3" fmla="*/ 42890 h 1562404"/>
                        <a:gd name="connsiteX4" fmla="*/ 320815 w 1885624"/>
                        <a:gd name="connsiteY4" fmla="*/ 0 h 1562404"/>
                        <a:gd name="connsiteX5" fmla="*/ 106190 w 1885624"/>
                        <a:gd name="connsiteY5" fmla="*/ 35528 h 1562404"/>
                        <a:gd name="connsiteX6" fmla="*/ 45805 w 1885624"/>
                        <a:gd name="connsiteY6" fmla="*/ 432343 h 1562404"/>
                        <a:gd name="connsiteX7" fmla="*/ 170881 w 1885624"/>
                        <a:gd name="connsiteY7" fmla="*/ 604871 h 1562404"/>
                        <a:gd name="connsiteX8" fmla="*/ 191349 w 1885624"/>
                        <a:gd name="connsiteY8" fmla="*/ 754870 h 1562404"/>
                        <a:gd name="connsiteX9" fmla="*/ 28552 w 1885624"/>
                        <a:gd name="connsiteY9" fmla="*/ 915422 h 1562404"/>
                        <a:gd name="connsiteX10" fmla="*/ 11300 w 1885624"/>
                        <a:gd name="connsiteY10" fmla="*/ 1062071 h 1562404"/>
                        <a:gd name="connsiteX11" fmla="*/ 149322 w 1885624"/>
                        <a:gd name="connsiteY11" fmla="*/ 1191468 h 1562404"/>
                        <a:gd name="connsiteX12" fmla="*/ 106190 w 1885624"/>
                        <a:gd name="connsiteY12" fmla="*/ 1320864 h 1562404"/>
                        <a:gd name="connsiteX13" fmla="*/ 166575 w 1885624"/>
                        <a:gd name="connsiteY13" fmla="*/ 1562404 h 1562404"/>
                        <a:gd name="connsiteX0" fmla="*/ 1501537 w 1501537"/>
                        <a:gd name="connsiteY0" fmla="*/ 217311 h 1562404"/>
                        <a:gd name="connsiteX1" fmla="*/ 1392787 w 1501537"/>
                        <a:gd name="connsiteY1" fmla="*/ 74343 h 1562404"/>
                        <a:gd name="connsiteX2" fmla="*/ 1089838 w 1501537"/>
                        <a:gd name="connsiteY2" fmla="*/ 42890 h 1562404"/>
                        <a:gd name="connsiteX3" fmla="*/ 320815 w 1501537"/>
                        <a:gd name="connsiteY3" fmla="*/ 0 h 1562404"/>
                        <a:gd name="connsiteX4" fmla="*/ 106190 w 1501537"/>
                        <a:gd name="connsiteY4" fmla="*/ 35528 h 1562404"/>
                        <a:gd name="connsiteX5" fmla="*/ 45805 w 1501537"/>
                        <a:gd name="connsiteY5" fmla="*/ 432343 h 1562404"/>
                        <a:gd name="connsiteX6" fmla="*/ 170881 w 1501537"/>
                        <a:gd name="connsiteY6" fmla="*/ 604871 h 1562404"/>
                        <a:gd name="connsiteX7" fmla="*/ 191349 w 1501537"/>
                        <a:gd name="connsiteY7" fmla="*/ 754870 h 1562404"/>
                        <a:gd name="connsiteX8" fmla="*/ 28552 w 1501537"/>
                        <a:gd name="connsiteY8" fmla="*/ 915422 h 1562404"/>
                        <a:gd name="connsiteX9" fmla="*/ 11300 w 1501537"/>
                        <a:gd name="connsiteY9" fmla="*/ 1062071 h 1562404"/>
                        <a:gd name="connsiteX10" fmla="*/ 149322 w 1501537"/>
                        <a:gd name="connsiteY10" fmla="*/ 1191468 h 1562404"/>
                        <a:gd name="connsiteX11" fmla="*/ 106190 w 1501537"/>
                        <a:gd name="connsiteY11" fmla="*/ 1320864 h 1562404"/>
                        <a:gd name="connsiteX12" fmla="*/ 166575 w 1501537"/>
                        <a:gd name="connsiteY12" fmla="*/ 1562404 h 1562404"/>
                        <a:gd name="connsiteX0" fmla="*/ 1392787 w 1392787"/>
                        <a:gd name="connsiteY0" fmla="*/ 74343 h 1562404"/>
                        <a:gd name="connsiteX1" fmla="*/ 1089838 w 1392787"/>
                        <a:gd name="connsiteY1" fmla="*/ 42890 h 1562404"/>
                        <a:gd name="connsiteX2" fmla="*/ 320815 w 1392787"/>
                        <a:gd name="connsiteY2" fmla="*/ 0 h 1562404"/>
                        <a:gd name="connsiteX3" fmla="*/ 106190 w 1392787"/>
                        <a:gd name="connsiteY3" fmla="*/ 35528 h 1562404"/>
                        <a:gd name="connsiteX4" fmla="*/ 45805 w 1392787"/>
                        <a:gd name="connsiteY4" fmla="*/ 432343 h 1562404"/>
                        <a:gd name="connsiteX5" fmla="*/ 170881 w 1392787"/>
                        <a:gd name="connsiteY5" fmla="*/ 604871 h 1562404"/>
                        <a:gd name="connsiteX6" fmla="*/ 191349 w 1392787"/>
                        <a:gd name="connsiteY6" fmla="*/ 754870 h 1562404"/>
                        <a:gd name="connsiteX7" fmla="*/ 28552 w 1392787"/>
                        <a:gd name="connsiteY7" fmla="*/ 915422 h 1562404"/>
                        <a:gd name="connsiteX8" fmla="*/ 11300 w 1392787"/>
                        <a:gd name="connsiteY8" fmla="*/ 1062071 h 1562404"/>
                        <a:gd name="connsiteX9" fmla="*/ 149322 w 1392787"/>
                        <a:gd name="connsiteY9" fmla="*/ 1191468 h 1562404"/>
                        <a:gd name="connsiteX10" fmla="*/ 106190 w 1392787"/>
                        <a:gd name="connsiteY10" fmla="*/ 1320864 h 1562404"/>
                        <a:gd name="connsiteX11" fmla="*/ 166575 w 1392787"/>
                        <a:gd name="connsiteY11" fmla="*/ 1562404 h 1562404"/>
                        <a:gd name="connsiteX0" fmla="*/ 1089838 w 1089838"/>
                        <a:gd name="connsiteY0" fmla="*/ 42890 h 1562404"/>
                        <a:gd name="connsiteX1" fmla="*/ 320815 w 1089838"/>
                        <a:gd name="connsiteY1" fmla="*/ 0 h 1562404"/>
                        <a:gd name="connsiteX2" fmla="*/ 106190 w 1089838"/>
                        <a:gd name="connsiteY2" fmla="*/ 35528 h 1562404"/>
                        <a:gd name="connsiteX3" fmla="*/ 45805 w 1089838"/>
                        <a:gd name="connsiteY3" fmla="*/ 432343 h 1562404"/>
                        <a:gd name="connsiteX4" fmla="*/ 170881 w 1089838"/>
                        <a:gd name="connsiteY4" fmla="*/ 604871 h 1562404"/>
                        <a:gd name="connsiteX5" fmla="*/ 191349 w 1089838"/>
                        <a:gd name="connsiteY5" fmla="*/ 754870 h 1562404"/>
                        <a:gd name="connsiteX6" fmla="*/ 28552 w 1089838"/>
                        <a:gd name="connsiteY6" fmla="*/ 915422 h 1562404"/>
                        <a:gd name="connsiteX7" fmla="*/ 11300 w 1089838"/>
                        <a:gd name="connsiteY7" fmla="*/ 1062071 h 1562404"/>
                        <a:gd name="connsiteX8" fmla="*/ 149322 w 1089838"/>
                        <a:gd name="connsiteY8" fmla="*/ 1191468 h 1562404"/>
                        <a:gd name="connsiteX9" fmla="*/ 106190 w 1089838"/>
                        <a:gd name="connsiteY9" fmla="*/ 1320864 h 1562404"/>
                        <a:gd name="connsiteX10" fmla="*/ 166575 w 1089838"/>
                        <a:gd name="connsiteY10" fmla="*/ 1562404 h 1562404"/>
                        <a:gd name="connsiteX0" fmla="*/ 786617 w 786617"/>
                        <a:gd name="connsiteY0" fmla="*/ 24078 h 1562404"/>
                        <a:gd name="connsiteX1" fmla="*/ 320815 w 786617"/>
                        <a:gd name="connsiteY1" fmla="*/ 0 h 1562404"/>
                        <a:gd name="connsiteX2" fmla="*/ 106190 w 786617"/>
                        <a:gd name="connsiteY2" fmla="*/ 35528 h 1562404"/>
                        <a:gd name="connsiteX3" fmla="*/ 45805 w 786617"/>
                        <a:gd name="connsiteY3" fmla="*/ 432343 h 1562404"/>
                        <a:gd name="connsiteX4" fmla="*/ 170881 w 786617"/>
                        <a:gd name="connsiteY4" fmla="*/ 604871 h 1562404"/>
                        <a:gd name="connsiteX5" fmla="*/ 191349 w 786617"/>
                        <a:gd name="connsiteY5" fmla="*/ 754870 h 1562404"/>
                        <a:gd name="connsiteX6" fmla="*/ 28552 w 786617"/>
                        <a:gd name="connsiteY6" fmla="*/ 915422 h 1562404"/>
                        <a:gd name="connsiteX7" fmla="*/ 11300 w 786617"/>
                        <a:gd name="connsiteY7" fmla="*/ 1062071 h 1562404"/>
                        <a:gd name="connsiteX8" fmla="*/ 149322 w 786617"/>
                        <a:gd name="connsiteY8" fmla="*/ 1191468 h 1562404"/>
                        <a:gd name="connsiteX9" fmla="*/ 106190 w 786617"/>
                        <a:gd name="connsiteY9" fmla="*/ 1320864 h 1562404"/>
                        <a:gd name="connsiteX10" fmla="*/ 166575 w 786617"/>
                        <a:gd name="connsiteY10" fmla="*/ 1562404 h 1562404"/>
                        <a:gd name="connsiteX0" fmla="*/ 786617 w 786617"/>
                        <a:gd name="connsiteY0" fmla="*/ 24078 h 1562404"/>
                        <a:gd name="connsiteX1" fmla="*/ 320815 w 786617"/>
                        <a:gd name="connsiteY1" fmla="*/ 0 h 1562404"/>
                        <a:gd name="connsiteX2" fmla="*/ 106190 w 786617"/>
                        <a:gd name="connsiteY2" fmla="*/ 35528 h 1562404"/>
                        <a:gd name="connsiteX3" fmla="*/ 45805 w 786617"/>
                        <a:gd name="connsiteY3" fmla="*/ 432343 h 1562404"/>
                        <a:gd name="connsiteX4" fmla="*/ 170881 w 786617"/>
                        <a:gd name="connsiteY4" fmla="*/ 604871 h 1562404"/>
                        <a:gd name="connsiteX5" fmla="*/ 191349 w 786617"/>
                        <a:gd name="connsiteY5" fmla="*/ 754870 h 1562404"/>
                        <a:gd name="connsiteX6" fmla="*/ 28552 w 786617"/>
                        <a:gd name="connsiteY6" fmla="*/ 915422 h 1562404"/>
                        <a:gd name="connsiteX7" fmla="*/ 11300 w 786617"/>
                        <a:gd name="connsiteY7" fmla="*/ 1062071 h 1562404"/>
                        <a:gd name="connsiteX8" fmla="*/ 149322 w 786617"/>
                        <a:gd name="connsiteY8" fmla="*/ 1191468 h 1562404"/>
                        <a:gd name="connsiteX9" fmla="*/ 106190 w 786617"/>
                        <a:gd name="connsiteY9" fmla="*/ 1320864 h 1562404"/>
                        <a:gd name="connsiteX10" fmla="*/ 166575 w 786617"/>
                        <a:gd name="connsiteY10" fmla="*/ 1562404 h 15624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6617" h="1562404">
                          <a:moveTo>
                            <a:pt x="786617" y="24078"/>
                          </a:moveTo>
                          <a:cubicBezTo>
                            <a:pt x="519193" y="10984"/>
                            <a:pt x="575430" y="8578"/>
                            <a:pt x="320815" y="0"/>
                          </a:cubicBezTo>
                          <a:cubicBezTo>
                            <a:pt x="233113" y="2875"/>
                            <a:pt x="211580" y="-2216"/>
                            <a:pt x="106190" y="35528"/>
                          </a:cubicBezTo>
                          <a:cubicBezTo>
                            <a:pt x="800" y="73272"/>
                            <a:pt x="35023" y="337453"/>
                            <a:pt x="45805" y="432343"/>
                          </a:cubicBezTo>
                          <a:cubicBezTo>
                            <a:pt x="56587" y="527233"/>
                            <a:pt x="146624" y="551117"/>
                            <a:pt x="170881" y="604871"/>
                          </a:cubicBezTo>
                          <a:cubicBezTo>
                            <a:pt x="195138" y="658625"/>
                            <a:pt x="215070" y="703112"/>
                            <a:pt x="191349" y="754870"/>
                          </a:cubicBezTo>
                          <a:cubicBezTo>
                            <a:pt x="167628" y="806628"/>
                            <a:pt x="58560" y="864222"/>
                            <a:pt x="28552" y="915422"/>
                          </a:cubicBezTo>
                          <a:cubicBezTo>
                            <a:pt x="-1456" y="966622"/>
                            <a:pt x="-8828" y="1016063"/>
                            <a:pt x="11300" y="1062071"/>
                          </a:cubicBezTo>
                          <a:cubicBezTo>
                            <a:pt x="31428" y="1108079"/>
                            <a:pt x="133507" y="1148336"/>
                            <a:pt x="149322" y="1191468"/>
                          </a:cubicBezTo>
                          <a:cubicBezTo>
                            <a:pt x="165137" y="1234600"/>
                            <a:pt x="103315" y="1259041"/>
                            <a:pt x="106190" y="1320864"/>
                          </a:cubicBezTo>
                          <a:cubicBezTo>
                            <a:pt x="109065" y="1382687"/>
                            <a:pt x="137820" y="1472545"/>
                            <a:pt x="166575" y="1562404"/>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sp>
                  <p:nvSpPr>
                    <p:cNvPr id="30" name="Freeform 29"/>
                    <p:cNvSpPr/>
                    <p:nvPr/>
                  </p:nvSpPr>
                  <p:spPr>
                    <a:xfrm>
                      <a:off x="4666891" y="4502990"/>
                      <a:ext cx="1076889" cy="1029469"/>
                    </a:xfrm>
                    <a:custGeom>
                      <a:avLst/>
                      <a:gdLst>
                        <a:gd name="connsiteX0" fmla="*/ 0 w 957532"/>
                        <a:gd name="connsiteY0" fmla="*/ 0 h 1061049"/>
                        <a:gd name="connsiteX1" fmla="*/ 163901 w 957532"/>
                        <a:gd name="connsiteY1" fmla="*/ 138022 h 1061049"/>
                        <a:gd name="connsiteX2" fmla="*/ 163901 w 957532"/>
                        <a:gd name="connsiteY2" fmla="*/ 138022 h 1061049"/>
                        <a:gd name="connsiteX3" fmla="*/ 336430 w 957532"/>
                        <a:gd name="connsiteY3" fmla="*/ 258792 h 1061049"/>
                        <a:gd name="connsiteX4" fmla="*/ 370935 w 957532"/>
                        <a:gd name="connsiteY4" fmla="*/ 388188 h 1061049"/>
                        <a:gd name="connsiteX5" fmla="*/ 526211 w 957532"/>
                        <a:gd name="connsiteY5" fmla="*/ 431320 h 1061049"/>
                        <a:gd name="connsiteX6" fmla="*/ 552090 w 957532"/>
                        <a:gd name="connsiteY6" fmla="*/ 534837 h 1061049"/>
                        <a:gd name="connsiteX7" fmla="*/ 664234 w 957532"/>
                        <a:gd name="connsiteY7" fmla="*/ 586596 h 1061049"/>
                        <a:gd name="connsiteX8" fmla="*/ 793630 w 957532"/>
                        <a:gd name="connsiteY8" fmla="*/ 733245 h 1061049"/>
                        <a:gd name="connsiteX9" fmla="*/ 957532 w 957532"/>
                        <a:gd name="connsiteY9" fmla="*/ 1061049 h 1061049"/>
                        <a:gd name="connsiteX0" fmla="*/ 0 w 1055926"/>
                        <a:gd name="connsiteY0" fmla="*/ 0 h 926659"/>
                        <a:gd name="connsiteX1" fmla="*/ 163901 w 1055926"/>
                        <a:gd name="connsiteY1" fmla="*/ 138022 h 926659"/>
                        <a:gd name="connsiteX2" fmla="*/ 163901 w 1055926"/>
                        <a:gd name="connsiteY2" fmla="*/ 138022 h 926659"/>
                        <a:gd name="connsiteX3" fmla="*/ 336430 w 1055926"/>
                        <a:gd name="connsiteY3" fmla="*/ 258792 h 926659"/>
                        <a:gd name="connsiteX4" fmla="*/ 370935 w 1055926"/>
                        <a:gd name="connsiteY4" fmla="*/ 388188 h 926659"/>
                        <a:gd name="connsiteX5" fmla="*/ 526211 w 1055926"/>
                        <a:gd name="connsiteY5" fmla="*/ 431320 h 926659"/>
                        <a:gd name="connsiteX6" fmla="*/ 552090 w 1055926"/>
                        <a:gd name="connsiteY6" fmla="*/ 534837 h 926659"/>
                        <a:gd name="connsiteX7" fmla="*/ 664234 w 1055926"/>
                        <a:gd name="connsiteY7" fmla="*/ 586596 h 926659"/>
                        <a:gd name="connsiteX8" fmla="*/ 793630 w 1055926"/>
                        <a:gd name="connsiteY8" fmla="*/ 733245 h 926659"/>
                        <a:gd name="connsiteX9" fmla="*/ 1055926 w 1055926"/>
                        <a:gd name="connsiteY9" fmla="*/ 926659 h 926659"/>
                        <a:gd name="connsiteX0" fmla="*/ 0 w 1055926"/>
                        <a:gd name="connsiteY0" fmla="*/ 0 h 935968"/>
                        <a:gd name="connsiteX1" fmla="*/ 163901 w 1055926"/>
                        <a:gd name="connsiteY1" fmla="*/ 138022 h 935968"/>
                        <a:gd name="connsiteX2" fmla="*/ 163901 w 1055926"/>
                        <a:gd name="connsiteY2" fmla="*/ 138022 h 935968"/>
                        <a:gd name="connsiteX3" fmla="*/ 336430 w 1055926"/>
                        <a:gd name="connsiteY3" fmla="*/ 258792 h 935968"/>
                        <a:gd name="connsiteX4" fmla="*/ 370935 w 1055926"/>
                        <a:gd name="connsiteY4" fmla="*/ 388188 h 935968"/>
                        <a:gd name="connsiteX5" fmla="*/ 526211 w 1055926"/>
                        <a:gd name="connsiteY5" fmla="*/ 431320 h 935968"/>
                        <a:gd name="connsiteX6" fmla="*/ 552090 w 1055926"/>
                        <a:gd name="connsiteY6" fmla="*/ 534837 h 935968"/>
                        <a:gd name="connsiteX7" fmla="*/ 664234 w 1055926"/>
                        <a:gd name="connsiteY7" fmla="*/ 586596 h 935968"/>
                        <a:gd name="connsiteX8" fmla="*/ 793630 w 1055926"/>
                        <a:gd name="connsiteY8" fmla="*/ 733245 h 935968"/>
                        <a:gd name="connsiteX9" fmla="*/ 1055926 w 1055926"/>
                        <a:gd name="connsiteY9" fmla="*/ 926659 h 935968"/>
                        <a:gd name="connsiteX0" fmla="*/ 0 w 1055926"/>
                        <a:gd name="connsiteY0" fmla="*/ 0 h 1024857"/>
                        <a:gd name="connsiteX1" fmla="*/ 163901 w 1055926"/>
                        <a:gd name="connsiteY1" fmla="*/ 138022 h 1024857"/>
                        <a:gd name="connsiteX2" fmla="*/ 163901 w 1055926"/>
                        <a:gd name="connsiteY2" fmla="*/ 138022 h 1024857"/>
                        <a:gd name="connsiteX3" fmla="*/ 336430 w 1055926"/>
                        <a:gd name="connsiteY3" fmla="*/ 258792 h 1024857"/>
                        <a:gd name="connsiteX4" fmla="*/ 370935 w 1055926"/>
                        <a:gd name="connsiteY4" fmla="*/ 388188 h 1024857"/>
                        <a:gd name="connsiteX5" fmla="*/ 526211 w 1055926"/>
                        <a:gd name="connsiteY5" fmla="*/ 431320 h 1024857"/>
                        <a:gd name="connsiteX6" fmla="*/ 552090 w 1055926"/>
                        <a:gd name="connsiteY6" fmla="*/ 534837 h 1024857"/>
                        <a:gd name="connsiteX7" fmla="*/ 664234 w 1055926"/>
                        <a:gd name="connsiteY7" fmla="*/ 586596 h 1024857"/>
                        <a:gd name="connsiteX8" fmla="*/ 793630 w 1055926"/>
                        <a:gd name="connsiteY8" fmla="*/ 733245 h 1024857"/>
                        <a:gd name="connsiteX9" fmla="*/ 944836 w 1055926"/>
                        <a:gd name="connsiteY9" fmla="*/ 1019691 h 1024857"/>
                        <a:gd name="connsiteX10" fmla="*/ 1055926 w 1055926"/>
                        <a:gd name="connsiteY10" fmla="*/ 926659 h 1024857"/>
                        <a:gd name="connsiteX0" fmla="*/ 0 w 1055926"/>
                        <a:gd name="connsiteY0" fmla="*/ 0 h 1024857"/>
                        <a:gd name="connsiteX1" fmla="*/ 163901 w 1055926"/>
                        <a:gd name="connsiteY1" fmla="*/ 138022 h 1024857"/>
                        <a:gd name="connsiteX2" fmla="*/ 163901 w 1055926"/>
                        <a:gd name="connsiteY2" fmla="*/ 138022 h 1024857"/>
                        <a:gd name="connsiteX3" fmla="*/ 336430 w 1055926"/>
                        <a:gd name="connsiteY3" fmla="*/ 258792 h 1024857"/>
                        <a:gd name="connsiteX4" fmla="*/ 370935 w 1055926"/>
                        <a:gd name="connsiteY4" fmla="*/ 388188 h 1024857"/>
                        <a:gd name="connsiteX5" fmla="*/ 526211 w 1055926"/>
                        <a:gd name="connsiteY5" fmla="*/ 431320 h 1024857"/>
                        <a:gd name="connsiteX6" fmla="*/ 552090 w 1055926"/>
                        <a:gd name="connsiteY6" fmla="*/ 534837 h 1024857"/>
                        <a:gd name="connsiteX7" fmla="*/ 664234 w 1055926"/>
                        <a:gd name="connsiteY7" fmla="*/ 586596 h 1024857"/>
                        <a:gd name="connsiteX8" fmla="*/ 793630 w 1055926"/>
                        <a:gd name="connsiteY8" fmla="*/ 733245 h 1024857"/>
                        <a:gd name="connsiteX9" fmla="*/ 830906 w 1055926"/>
                        <a:gd name="connsiteY9" fmla="*/ 839552 h 1024857"/>
                        <a:gd name="connsiteX10" fmla="*/ 944836 w 1055926"/>
                        <a:gd name="connsiteY10" fmla="*/ 1019691 h 1024857"/>
                        <a:gd name="connsiteX11" fmla="*/ 1055926 w 1055926"/>
                        <a:gd name="connsiteY11" fmla="*/ 926659 h 1024857"/>
                        <a:gd name="connsiteX0" fmla="*/ 0 w 1055926"/>
                        <a:gd name="connsiteY0" fmla="*/ 0 h 1033158"/>
                        <a:gd name="connsiteX1" fmla="*/ 163901 w 1055926"/>
                        <a:gd name="connsiteY1" fmla="*/ 138022 h 1033158"/>
                        <a:gd name="connsiteX2" fmla="*/ 163901 w 1055926"/>
                        <a:gd name="connsiteY2" fmla="*/ 138022 h 1033158"/>
                        <a:gd name="connsiteX3" fmla="*/ 336430 w 1055926"/>
                        <a:gd name="connsiteY3" fmla="*/ 258792 h 1033158"/>
                        <a:gd name="connsiteX4" fmla="*/ 370935 w 1055926"/>
                        <a:gd name="connsiteY4" fmla="*/ 388188 h 1033158"/>
                        <a:gd name="connsiteX5" fmla="*/ 526211 w 1055926"/>
                        <a:gd name="connsiteY5" fmla="*/ 431320 h 1033158"/>
                        <a:gd name="connsiteX6" fmla="*/ 552090 w 1055926"/>
                        <a:gd name="connsiteY6" fmla="*/ 534837 h 1033158"/>
                        <a:gd name="connsiteX7" fmla="*/ 664234 w 1055926"/>
                        <a:gd name="connsiteY7" fmla="*/ 586596 h 1033158"/>
                        <a:gd name="connsiteX8" fmla="*/ 793630 w 1055926"/>
                        <a:gd name="connsiteY8" fmla="*/ 733245 h 1033158"/>
                        <a:gd name="connsiteX9" fmla="*/ 830906 w 1055926"/>
                        <a:gd name="connsiteY9" fmla="*/ 839552 h 1033158"/>
                        <a:gd name="connsiteX10" fmla="*/ 944836 w 1055926"/>
                        <a:gd name="connsiteY10" fmla="*/ 1028269 h 1033158"/>
                        <a:gd name="connsiteX11" fmla="*/ 1055926 w 1055926"/>
                        <a:gd name="connsiteY11" fmla="*/ 926659 h 1033158"/>
                        <a:gd name="connsiteX0" fmla="*/ 0 w 1055926"/>
                        <a:gd name="connsiteY0" fmla="*/ 0 h 1028269"/>
                        <a:gd name="connsiteX1" fmla="*/ 163901 w 1055926"/>
                        <a:gd name="connsiteY1" fmla="*/ 138022 h 1028269"/>
                        <a:gd name="connsiteX2" fmla="*/ 163901 w 1055926"/>
                        <a:gd name="connsiteY2" fmla="*/ 138022 h 1028269"/>
                        <a:gd name="connsiteX3" fmla="*/ 336430 w 1055926"/>
                        <a:gd name="connsiteY3" fmla="*/ 258792 h 1028269"/>
                        <a:gd name="connsiteX4" fmla="*/ 370935 w 1055926"/>
                        <a:gd name="connsiteY4" fmla="*/ 388188 h 1028269"/>
                        <a:gd name="connsiteX5" fmla="*/ 526211 w 1055926"/>
                        <a:gd name="connsiteY5" fmla="*/ 431320 h 1028269"/>
                        <a:gd name="connsiteX6" fmla="*/ 552090 w 1055926"/>
                        <a:gd name="connsiteY6" fmla="*/ 534837 h 1028269"/>
                        <a:gd name="connsiteX7" fmla="*/ 664234 w 1055926"/>
                        <a:gd name="connsiteY7" fmla="*/ 586596 h 1028269"/>
                        <a:gd name="connsiteX8" fmla="*/ 793630 w 1055926"/>
                        <a:gd name="connsiteY8" fmla="*/ 733245 h 1028269"/>
                        <a:gd name="connsiteX9" fmla="*/ 830906 w 1055926"/>
                        <a:gd name="connsiteY9" fmla="*/ 839552 h 1028269"/>
                        <a:gd name="connsiteX10" fmla="*/ 944836 w 1055926"/>
                        <a:gd name="connsiteY10" fmla="*/ 1028269 h 1028269"/>
                        <a:gd name="connsiteX11" fmla="*/ 1055926 w 1055926"/>
                        <a:gd name="connsiteY11" fmla="*/ 926659 h 1028269"/>
                        <a:gd name="connsiteX0" fmla="*/ 0 w 1055926"/>
                        <a:gd name="connsiteY0" fmla="*/ 0 h 1031162"/>
                        <a:gd name="connsiteX1" fmla="*/ 163901 w 1055926"/>
                        <a:gd name="connsiteY1" fmla="*/ 138022 h 1031162"/>
                        <a:gd name="connsiteX2" fmla="*/ 163901 w 1055926"/>
                        <a:gd name="connsiteY2" fmla="*/ 138022 h 1031162"/>
                        <a:gd name="connsiteX3" fmla="*/ 336430 w 1055926"/>
                        <a:gd name="connsiteY3" fmla="*/ 258792 h 1031162"/>
                        <a:gd name="connsiteX4" fmla="*/ 370935 w 1055926"/>
                        <a:gd name="connsiteY4" fmla="*/ 388188 h 1031162"/>
                        <a:gd name="connsiteX5" fmla="*/ 526211 w 1055926"/>
                        <a:gd name="connsiteY5" fmla="*/ 431320 h 1031162"/>
                        <a:gd name="connsiteX6" fmla="*/ 552090 w 1055926"/>
                        <a:gd name="connsiteY6" fmla="*/ 534837 h 1031162"/>
                        <a:gd name="connsiteX7" fmla="*/ 664234 w 1055926"/>
                        <a:gd name="connsiteY7" fmla="*/ 586596 h 1031162"/>
                        <a:gd name="connsiteX8" fmla="*/ 793630 w 1055926"/>
                        <a:gd name="connsiteY8" fmla="*/ 733245 h 1031162"/>
                        <a:gd name="connsiteX9" fmla="*/ 830906 w 1055926"/>
                        <a:gd name="connsiteY9" fmla="*/ 839552 h 1031162"/>
                        <a:gd name="connsiteX10" fmla="*/ 944836 w 1055926"/>
                        <a:gd name="connsiteY10" fmla="*/ 1028269 h 1031162"/>
                        <a:gd name="connsiteX11" fmla="*/ 1055926 w 1055926"/>
                        <a:gd name="connsiteY11" fmla="*/ 926659 h 1031162"/>
                        <a:gd name="connsiteX0" fmla="*/ 0 w 1164677"/>
                        <a:gd name="connsiteY0" fmla="*/ 0 h 1030182"/>
                        <a:gd name="connsiteX1" fmla="*/ 163901 w 1164677"/>
                        <a:gd name="connsiteY1" fmla="*/ 138022 h 1030182"/>
                        <a:gd name="connsiteX2" fmla="*/ 163901 w 1164677"/>
                        <a:gd name="connsiteY2" fmla="*/ 138022 h 1030182"/>
                        <a:gd name="connsiteX3" fmla="*/ 336430 w 1164677"/>
                        <a:gd name="connsiteY3" fmla="*/ 258792 h 1030182"/>
                        <a:gd name="connsiteX4" fmla="*/ 370935 w 1164677"/>
                        <a:gd name="connsiteY4" fmla="*/ 388188 h 1030182"/>
                        <a:gd name="connsiteX5" fmla="*/ 526211 w 1164677"/>
                        <a:gd name="connsiteY5" fmla="*/ 431320 h 1030182"/>
                        <a:gd name="connsiteX6" fmla="*/ 552090 w 1164677"/>
                        <a:gd name="connsiteY6" fmla="*/ 534837 h 1030182"/>
                        <a:gd name="connsiteX7" fmla="*/ 664234 w 1164677"/>
                        <a:gd name="connsiteY7" fmla="*/ 586596 h 1030182"/>
                        <a:gd name="connsiteX8" fmla="*/ 793630 w 1164677"/>
                        <a:gd name="connsiteY8" fmla="*/ 733245 h 1030182"/>
                        <a:gd name="connsiteX9" fmla="*/ 830906 w 1164677"/>
                        <a:gd name="connsiteY9" fmla="*/ 839552 h 1030182"/>
                        <a:gd name="connsiteX10" fmla="*/ 944836 w 1164677"/>
                        <a:gd name="connsiteY10" fmla="*/ 1028269 h 1030182"/>
                        <a:gd name="connsiteX11" fmla="*/ 1164677 w 1164677"/>
                        <a:gd name="connsiteY11" fmla="*/ 852316 h 1030182"/>
                        <a:gd name="connsiteX0" fmla="*/ 0 w 1164677"/>
                        <a:gd name="connsiteY0" fmla="*/ 0 h 1029292"/>
                        <a:gd name="connsiteX1" fmla="*/ 163901 w 1164677"/>
                        <a:gd name="connsiteY1" fmla="*/ 138022 h 1029292"/>
                        <a:gd name="connsiteX2" fmla="*/ 163901 w 1164677"/>
                        <a:gd name="connsiteY2" fmla="*/ 138022 h 1029292"/>
                        <a:gd name="connsiteX3" fmla="*/ 336430 w 1164677"/>
                        <a:gd name="connsiteY3" fmla="*/ 258792 h 1029292"/>
                        <a:gd name="connsiteX4" fmla="*/ 370935 w 1164677"/>
                        <a:gd name="connsiteY4" fmla="*/ 388188 h 1029292"/>
                        <a:gd name="connsiteX5" fmla="*/ 526211 w 1164677"/>
                        <a:gd name="connsiteY5" fmla="*/ 431320 h 1029292"/>
                        <a:gd name="connsiteX6" fmla="*/ 552090 w 1164677"/>
                        <a:gd name="connsiteY6" fmla="*/ 534837 h 1029292"/>
                        <a:gd name="connsiteX7" fmla="*/ 664234 w 1164677"/>
                        <a:gd name="connsiteY7" fmla="*/ 586596 h 1029292"/>
                        <a:gd name="connsiteX8" fmla="*/ 793630 w 1164677"/>
                        <a:gd name="connsiteY8" fmla="*/ 733245 h 1029292"/>
                        <a:gd name="connsiteX9" fmla="*/ 830906 w 1164677"/>
                        <a:gd name="connsiteY9" fmla="*/ 839552 h 1029292"/>
                        <a:gd name="connsiteX10" fmla="*/ 944836 w 1164677"/>
                        <a:gd name="connsiteY10" fmla="*/ 1028269 h 1029292"/>
                        <a:gd name="connsiteX11" fmla="*/ 1076891 w 1164677"/>
                        <a:gd name="connsiteY11" fmla="*/ 899599 h 1029292"/>
                        <a:gd name="connsiteX12" fmla="*/ 1164677 w 1164677"/>
                        <a:gd name="connsiteY12" fmla="*/ 852316 h 1029292"/>
                        <a:gd name="connsiteX0" fmla="*/ 0 w 1534948"/>
                        <a:gd name="connsiteY0" fmla="*/ 0 h 1029292"/>
                        <a:gd name="connsiteX1" fmla="*/ 163901 w 1534948"/>
                        <a:gd name="connsiteY1" fmla="*/ 138022 h 1029292"/>
                        <a:gd name="connsiteX2" fmla="*/ 163901 w 1534948"/>
                        <a:gd name="connsiteY2" fmla="*/ 138022 h 1029292"/>
                        <a:gd name="connsiteX3" fmla="*/ 336430 w 1534948"/>
                        <a:gd name="connsiteY3" fmla="*/ 258792 h 1029292"/>
                        <a:gd name="connsiteX4" fmla="*/ 370935 w 1534948"/>
                        <a:gd name="connsiteY4" fmla="*/ 388188 h 1029292"/>
                        <a:gd name="connsiteX5" fmla="*/ 526211 w 1534948"/>
                        <a:gd name="connsiteY5" fmla="*/ 431320 h 1029292"/>
                        <a:gd name="connsiteX6" fmla="*/ 552090 w 1534948"/>
                        <a:gd name="connsiteY6" fmla="*/ 534837 h 1029292"/>
                        <a:gd name="connsiteX7" fmla="*/ 664234 w 1534948"/>
                        <a:gd name="connsiteY7" fmla="*/ 586596 h 1029292"/>
                        <a:gd name="connsiteX8" fmla="*/ 793630 w 1534948"/>
                        <a:gd name="connsiteY8" fmla="*/ 733245 h 1029292"/>
                        <a:gd name="connsiteX9" fmla="*/ 830906 w 1534948"/>
                        <a:gd name="connsiteY9" fmla="*/ 839552 h 1029292"/>
                        <a:gd name="connsiteX10" fmla="*/ 944836 w 1534948"/>
                        <a:gd name="connsiteY10" fmla="*/ 1028269 h 1029292"/>
                        <a:gd name="connsiteX11" fmla="*/ 1076891 w 1534948"/>
                        <a:gd name="connsiteY11" fmla="*/ 899599 h 1029292"/>
                        <a:gd name="connsiteX12" fmla="*/ 1534948 w 1534948"/>
                        <a:gd name="connsiteY12" fmla="*/ 614989 h 1029292"/>
                        <a:gd name="connsiteX0" fmla="*/ 0 w 1534948"/>
                        <a:gd name="connsiteY0" fmla="*/ 0 h 1029468"/>
                        <a:gd name="connsiteX1" fmla="*/ 163901 w 1534948"/>
                        <a:gd name="connsiteY1" fmla="*/ 138022 h 1029468"/>
                        <a:gd name="connsiteX2" fmla="*/ 163901 w 1534948"/>
                        <a:gd name="connsiteY2" fmla="*/ 138022 h 1029468"/>
                        <a:gd name="connsiteX3" fmla="*/ 336430 w 1534948"/>
                        <a:gd name="connsiteY3" fmla="*/ 258792 h 1029468"/>
                        <a:gd name="connsiteX4" fmla="*/ 370935 w 1534948"/>
                        <a:gd name="connsiteY4" fmla="*/ 388188 h 1029468"/>
                        <a:gd name="connsiteX5" fmla="*/ 526211 w 1534948"/>
                        <a:gd name="connsiteY5" fmla="*/ 431320 h 1029468"/>
                        <a:gd name="connsiteX6" fmla="*/ 552090 w 1534948"/>
                        <a:gd name="connsiteY6" fmla="*/ 534837 h 1029468"/>
                        <a:gd name="connsiteX7" fmla="*/ 664234 w 1534948"/>
                        <a:gd name="connsiteY7" fmla="*/ 586596 h 1029468"/>
                        <a:gd name="connsiteX8" fmla="*/ 793630 w 1534948"/>
                        <a:gd name="connsiteY8" fmla="*/ 733245 h 1029468"/>
                        <a:gd name="connsiteX9" fmla="*/ 830906 w 1534948"/>
                        <a:gd name="connsiteY9" fmla="*/ 839552 h 1029468"/>
                        <a:gd name="connsiteX10" fmla="*/ 944836 w 1534948"/>
                        <a:gd name="connsiteY10" fmla="*/ 1028269 h 1029468"/>
                        <a:gd name="connsiteX11" fmla="*/ 1076891 w 1534948"/>
                        <a:gd name="connsiteY11" fmla="*/ 899599 h 1029468"/>
                        <a:gd name="connsiteX12" fmla="*/ 1328055 w 1534948"/>
                        <a:gd name="connsiteY12" fmla="*/ 762349 h 1029468"/>
                        <a:gd name="connsiteX13" fmla="*/ 1534948 w 1534948"/>
                        <a:gd name="connsiteY13" fmla="*/ 614989 h 1029468"/>
                        <a:gd name="connsiteX0" fmla="*/ 0 w 1804236"/>
                        <a:gd name="connsiteY0" fmla="*/ 0 h 1029468"/>
                        <a:gd name="connsiteX1" fmla="*/ 163901 w 1804236"/>
                        <a:gd name="connsiteY1" fmla="*/ 138022 h 1029468"/>
                        <a:gd name="connsiteX2" fmla="*/ 163901 w 1804236"/>
                        <a:gd name="connsiteY2" fmla="*/ 138022 h 1029468"/>
                        <a:gd name="connsiteX3" fmla="*/ 336430 w 1804236"/>
                        <a:gd name="connsiteY3" fmla="*/ 258792 h 1029468"/>
                        <a:gd name="connsiteX4" fmla="*/ 370935 w 1804236"/>
                        <a:gd name="connsiteY4" fmla="*/ 388188 h 1029468"/>
                        <a:gd name="connsiteX5" fmla="*/ 526211 w 1804236"/>
                        <a:gd name="connsiteY5" fmla="*/ 431320 h 1029468"/>
                        <a:gd name="connsiteX6" fmla="*/ 552090 w 1804236"/>
                        <a:gd name="connsiteY6" fmla="*/ 534837 h 1029468"/>
                        <a:gd name="connsiteX7" fmla="*/ 664234 w 1804236"/>
                        <a:gd name="connsiteY7" fmla="*/ 586596 h 1029468"/>
                        <a:gd name="connsiteX8" fmla="*/ 793630 w 1804236"/>
                        <a:gd name="connsiteY8" fmla="*/ 733245 h 1029468"/>
                        <a:gd name="connsiteX9" fmla="*/ 830906 w 1804236"/>
                        <a:gd name="connsiteY9" fmla="*/ 839552 h 1029468"/>
                        <a:gd name="connsiteX10" fmla="*/ 944836 w 1804236"/>
                        <a:gd name="connsiteY10" fmla="*/ 1028269 h 1029468"/>
                        <a:gd name="connsiteX11" fmla="*/ 1076891 w 1804236"/>
                        <a:gd name="connsiteY11" fmla="*/ 899599 h 1029468"/>
                        <a:gd name="connsiteX12" fmla="*/ 1328055 w 1804236"/>
                        <a:gd name="connsiteY12" fmla="*/ 762349 h 1029468"/>
                        <a:gd name="connsiteX13" fmla="*/ 1804236 w 1804236"/>
                        <a:gd name="connsiteY13" fmla="*/ 514912 h 1029468"/>
                        <a:gd name="connsiteX0" fmla="*/ 0 w 1726557"/>
                        <a:gd name="connsiteY0" fmla="*/ 0 h 1029468"/>
                        <a:gd name="connsiteX1" fmla="*/ 163901 w 1726557"/>
                        <a:gd name="connsiteY1" fmla="*/ 138022 h 1029468"/>
                        <a:gd name="connsiteX2" fmla="*/ 163901 w 1726557"/>
                        <a:gd name="connsiteY2" fmla="*/ 138022 h 1029468"/>
                        <a:gd name="connsiteX3" fmla="*/ 336430 w 1726557"/>
                        <a:gd name="connsiteY3" fmla="*/ 258792 h 1029468"/>
                        <a:gd name="connsiteX4" fmla="*/ 370935 w 1726557"/>
                        <a:gd name="connsiteY4" fmla="*/ 388188 h 1029468"/>
                        <a:gd name="connsiteX5" fmla="*/ 526211 w 1726557"/>
                        <a:gd name="connsiteY5" fmla="*/ 431320 h 1029468"/>
                        <a:gd name="connsiteX6" fmla="*/ 552090 w 1726557"/>
                        <a:gd name="connsiteY6" fmla="*/ 534837 h 1029468"/>
                        <a:gd name="connsiteX7" fmla="*/ 664234 w 1726557"/>
                        <a:gd name="connsiteY7" fmla="*/ 586596 h 1029468"/>
                        <a:gd name="connsiteX8" fmla="*/ 793630 w 1726557"/>
                        <a:gd name="connsiteY8" fmla="*/ 733245 h 1029468"/>
                        <a:gd name="connsiteX9" fmla="*/ 830906 w 1726557"/>
                        <a:gd name="connsiteY9" fmla="*/ 839552 h 1029468"/>
                        <a:gd name="connsiteX10" fmla="*/ 944836 w 1726557"/>
                        <a:gd name="connsiteY10" fmla="*/ 1028269 h 1029468"/>
                        <a:gd name="connsiteX11" fmla="*/ 1076891 w 1726557"/>
                        <a:gd name="connsiteY11" fmla="*/ 899599 h 1029468"/>
                        <a:gd name="connsiteX12" fmla="*/ 1328055 w 1726557"/>
                        <a:gd name="connsiteY12" fmla="*/ 762349 h 1029468"/>
                        <a:gd name="connsiteX13" fmla="*/ 1726557 w 1726557"/>
                        <a:gd name="connsiteY13" fmla="*/ 503474 h 1029468"/>
                        <a:gd name="connsiteX0" fmla="*/ 0 w 1726557"/>
                        <a:gd name="connsiteY0" fmla="*/ 0 h 1029468"/>
                        <a:gd name="connsiteX1" fmla="*/ 163901 w 1726557"/>
                        <a:gd name="connsiteY1" fmla="*/ 138022 h 1029468"/>
                        <a:gd name="connsiteX2" fmla="*/ 163901 w 1726557"/>
                        <a:gd name="connsiteY2" fmla="*/ 138022 h 1029468"/>
                        <a:gd name="connsiteX3" fmla="*/ 336430 w 1726557"/>
                        <a:gd name="connsiteY3" fmla="*/ 258792 h 1029468"/>
                        <a:gd name="connsiteX4" fmla="*/ 370935 w 1726557"/>
                        <a:gd name="connsiteY4" fmla="*/ 388188 h 1029468"/>
                        <a:gd name="connsiteX5" fmla="*/ 526211 w 1726557"/>
                        <a:gd name="connsiteY5" fmla="*/ 431320 h 1029468"/>
                        <a:gd name="connsiteX6" fmla="*/ 552090 w 1726557"/>
                        <a:gd name="connsiteY6" fmla="*/ 534837 h 1029468"/>
                        <a:gd name="connsiteX7" fmla="*/ 664234 w 1726557"/>
                        <a:gd name="connsiteY7" fmla="*/ 586596 h 1029468"/>
                        <a:gd name="connsiteX8" fmla="*/ 793630 w 1726557"/>
                        <a:gd name="connsiteY8" fmla="*/ 733245 h 1029468"/>
                        <a:gd name="connsiteX9" fmla="*/ 830906 w 1726557"/>
                        <a:gd name="connsiteY9" fmla="*/ 839552 h 1029468"/>
                        <a:gd name="connsiteX10" fmla="*/ 944836 w 1726557"/>
                        <a:gd name="connsiteY10" fmla="*/ 1028269 h 1029468"/>
                        <a:gd name="connsiteX11" fmla="*/ 1076891 w 1726557"/>
                        <a:gd name="connsiteY11" fmla="*/ 899599 h 1029468"/>
                        <a:gd name="connsiteX12" fmla="*/ 1328055 w 1726557"/>
                        <a:gd name="connsiteY12" fmla="*/ 762349 h 1029468"/>
                        <a:gd name="connsiteX13" fmla="*/ 1605111 w 1726557"/>
                        <a:gd name="connsiteY13" fmla="*/ 567913 h 1029468"/>
                        <a:gd name="connsiteX14" fmla="*/ 1726557 w 1726557"/>
                        <a:gd name="connsiteY14" fmla="*/ 503474 h 1029468"/>
                        <a:gd name="connsiteX0" fmla="*/ 0 w 1726557"/>
                        <a:gd name="connsiteY0" fmla="*/ 0 h 1029468"/>
                        <a:gd name="connsiteX1" fmla="*/ 163901 w 1726557"/>
                        <a:gd name="connsiteY1" fmla="*/ 138022 h 1029468"/>
                        <a:gd name="connsiteX2" fmla="*/ 163901 w 1726557"/>
                        <a:gd name="connsiteY2" fmla="*/ 138022 h 1029468"/>
                        <a:gd name="connsiteX3" fmla="*/ 336430 w 1726557"/>
                        <a:gd name="connsiteY3" fmla="*/ 258792 h 1029468"/>
                        <a:gd name="connsiteX4" fmla="*/ 370935 w 1726557"/>
                        <a:gd name="connsiteY4" fmla="*/ 388188 h 1029468"/>
                        <a:gd name="connsiteX5" fmla="*/ 526211 w 1726557"/>
                        <a:gd name="connsiteY5" fmla="*/ 431320 h 1029468"/>
                        <a:gd name="connsiteX6" fmla="*/ 552090 w 1726557"/>
                        <a:gd name="connsiteY6" fmla="*/ 534837 h 1029468"/>
                        <a:gd name="connsiteX7" fmla="*/ 664234 w 1726557"/>
                        <a:gd name="connsiteY7" fmla="*/ 586596 h 1029468"/>
                        <a:gd name="connsiteX8" fmla="*/ 793630 w 1726557"/>
                        <a:gd name="connsiteY8" fmla="*/ 733245 h 1029468"/>
                        <a:gd name="connsiteX9" fmla="*/ 830906 w 1726557"/>
                        <a:gd name="connsiteY9" fmla="*/ 839552 h 1029468"/>
                        <a:gd name="connsiteX10" fmla="*/ 944836 w 1726557"/>
                        <a:gd name="connsiteY10" fmla="*/ 1028269 h 1029468"/>
                        <a:gd name="connsiteX11" fmla="*/ 1076891 w 1726557"/>
                        <a:gd name="connsiteY11" fmla="*/ 899599 h 1029468"/>
                        <a:gd name="connsiteX12" fmla="*/ 1328055 w 1726557"/>
                        <a:gd name="connsiteY12" fmla="*/ 762349 h 1029468"/>
                        <a:gd name="connsiteX13" fmla="*/ 1605111 w 1726557"/>
                        <a:gd name="connsiteY13" fmla="*/ 567913 h 1029468"/>
                        <a:gd name="connsiteX14" fmla="*/ 1726557 w 1726557"/>
                        <a:gd name="connsiteY14" fmla="*/ 492037 h 1029468"/>
                        <a:gd name="connsiteX0" fmla="*/ 0 w 1726557"/>
                        <a:gd name="connsiteY0" fmla="*/ 0 h 1029468"/>
                        <a:gd name="connsiteX1" fmla="*/ 163901 w 1726557"/>
                        <a:gd name="connsiteY1" fmla="*/ 138022 h 1029468"/>
                        <a:gd name="connsiteX2" fmla="*/ 163901 w 1726557"/>
                        <a:gd name="connsiteY2" fmla="*/ 138022 h 1029468"/>
                        <a:gd name="connsiteX3" fmla="*/ 336430 w 1726557"/>
                        <a:gd name="connsiteY3" fmla="*/ 258792 h 1029468"/>
                        <a:gd name="connsiteX4" fmla="*/ 370935 w 1726557"/>
                        <a:gd name="connsiteY4" fmla="*/ 388188 h 1029468"/>
                        <a:gd name="connsiteX5" fmla="*/ 526211 w 1726557"/>
                        <a:gd name="connsiteY5" fmla="*/ 431320 h 1029468"/>
                        <a:gd name="connsiteX6" fmla="*/ 552090 w 1726557"/>
                        <a:gd name="connsiteY6" fmla="*/ 534837 h 1029468"/>
                        <a:gd name="connsiteX7" fmla="*/ 664234 w 1726557"/>
                        <a:gd name="connsiteY7" fmla="*/ 586596 h 1029468"/>
                        <a:gd name="connsiteX8" fmla="*/ 793630 w 1726557"/>
                        <a:gd name="connsiteY8" fmla="*/ 733245 h 1029468"/>
                        <a:gd name="connsiteX9" fmla="*/ 830906 w 1726557"/>
                        <a:gd name="connsiteY9" fmla="*/ 839552 h 1029468"/>
                        <a:gd name="connsiteX10" fmla="*/ 944836 w 1726557"/>
                        <a:gd name="connsiteY10" fmla="*/ 1028269 h 1029468"/>
                        <a:gd name="connsiteX11" fmla="*/ 1076891 w 1726557"/>
                        <a:gd name="connsiteY11" fmla="*/ 899599 h 1029468"/>
                        <a:gd name="connsiteX12" fmla="*/ 1328055 w 1726557"/>
                        <a:gd name="connsiteY12" fmla="*/ 762349 h 1029468"/>
                        <a:gd name="connsiteX13" fmla="*/ 1605111 w 1726557"/>
                        <a:gd name="connsiteY13" fmla="*/ 567913 h 1029468"/>
                        <a:gd name="connsiteX14" fmla="*/ 1726557 w 1726557"/>
                        <a:gd name="connsiteY14" fmla="*/ 492037 h 1029468"/>
                        <a:gd name="connsiteX0" fmla="*/ 0 w 1605111"/>
                        <a:gd name="connsiteY0" fmla="*/ 0 h 1029468"/>
                        <a:gd name="connsiteX1" fmla="*/ 163901 w 1605111"/>
                        <a:gd name="connsiteY1" fmla="*/ 138022 h 1029468"/>
                        <a:gd name="connsiteX2" fmla="*/ 163901 w 1605111"/>
                        <a:gd name="connsiteY2" fmla="*/ 138022 h 1029468"/>
                        <a:gd name="connsiteX3" fmla="*/ 336430 w 1605111"/>
                        <a:gd name="connsiteY3" fmla="*/ 258792 h 1029468"/>
                        <a:gd name="connsiteX4" fmla="*/ 370935 w 1605111"/>
                        <a:gd name="connsiteY4" fmla="*/ 388188 h 1029468"/>
                        <a:gd name="connsiteX5" fmla="*/ 526211 w 1605111"/>
                        <a:gd name="connsiteY5" fmla="*/ 431320 h 1029468"/>
                        <a:gd name="connsiteX6" fmla="*/ 552090 w 1605111"/>
                        <a:gd name="connsiteY6" fmla="*/ 534837 h 1029468"/>
                        <a:gd name="connsiteX7" fmla="*/ 664234 w 1605111"/>
                        <a:gd name="connsiteY7" fmla="*/ 586596 h 1029468"/>
                        <a:gd name="connsiteX8" fmla="*/ 793630 w 1605111"/>
                        <a:gd name="connsiteY8" fmla="*/ 733245 h 1029468"/>
                        <a:gd name="connsiteX9" fmla="*/ 830906 w 1605111"/>
                        <a:gd name="connsiteY9" fmla="*/ 839552 h 1029468"/>
                        <a:gd name="connsiteX10" fmla="*/ 944836 w 1605111"/>
                        <a:gd name="connsiteY10" fmla="*/ 1028269 h 1029468"/>
                        <a:gd name="connsiteX11" fmla="*/ 1076891 w 1605111"/>
                        <a:gd name="connsiteY11" fmla="*/ 899599 h 1029468"/>
                        <a:gd name="connsiteX12" fmla="*/ 1328055 w 1605111"/>
                        <a:gd name="connsiteY12" fmla="*/ 762349 h 1029468"/>
                        <a:gd name="connsiteX13" fmla="*/ 1605111 w 1605111"/>
                        <a:gd name="connsiteY13" fmla="*/ 567913 h 1029468"/>
                        <a:gd name="connsiteX0" fmla="*/ 0 w 1328055"/>
                        <a:gd name="connsiteY0" fmla="*/ 0 h 1029468"/>
                        <a:gd name="connsiteX1" fmla="*/ 163901 w 1328055"/>
                        <a:gd name="connsiteY1" fmla="*/ 138022 h 1029468"/>
                        <a:gd name="connsiteX2" fmla="*/ 163901 w 1328055"/>
                        <a:gd name="connsiteY2" fmla="*/ 138022 h 1029468"/>
                        <a:gd name="connsiteX3" fmla="*/ 336430 w 1328055"/>
                        <a:gd name="connsiteY3" fmla="*/ 258792 h 1029468"/>
                        <a:gd name="connsiteX4" fmla="*/ 370935 w 1328055"/>
                        <a:gd name="connsiteY4" fmla="*/ 388188 h 1029468"/>
                        <a:gd name="connsiteX5" fmla="*/ 526211 w 1328055"/>
                        <a:gd name="connsiteY5" fmla="*/ 431320 h 1029468"/>
                        <a:gd name="connsiteX6" fmla="*/ 552090 w 1328055"/>
                        <a:gd name="connsiteY6" fmla="*/ 534837 h 1029468"/>
                        <a:gd name="connsiteX7" fmla="*/ 664234 w 1328055"/>
                        <a:gd name="connsiteY7" fmla="*/ 586596 h 1029468"/>
                        <a:gd name="connsiteX8" fmla="*/ 793630 w 1328055"/>
                        <a:gd name="connsiteY8" fmla="*/ 733245 h 1029468"/>
                        <a:gd name="connsiteX9" fmla="*/ 830906 w 1328055"/>
                        <a:gd name="connsiteY9" fmla="*/ 839552 h 1029468"/>
                        <a:gd name="connsiteX10" fmla="*/ 944836 w 1328055"/>
                        <a:gd name="connsiteY10" fmla="*/ 1028269 h 1029468"/>
                        <a:gd name="connsiteX11" fmla="*/ 1076891 w 1328055"/>
                        <a:gd name="connsiteY11" fmla="*/ 899599 h 1029468"/>
                        <a:gd name="connsiteX12" fmla="*/ 1328055 w 1328055"/>
                        <a:gd name="connsiteY12" fmla="*/ 762349 h 1029468"/>
                        <a:gd name="connsiteX0" fmla="*/ 0 w 1076891"/>
                        <a:gd name="connsiteY0" fmla="*/ 0 h 1029468"/>
                        <a:gd name="connsiteX1" fmla="*/ 163901 w 1076891"/>
                        <a:gd name="connsiteY1" fmla="*/ 138022 h 1029468"/>
                        <a:gd name="connsiteX2" fmla="*/ 163901 w 1076891"/>
                        <a:gd name="connsiteY2" fmla="*/ 138022 h 1029468"/>
                        <a:gd name="connsiteX3" fmla="*/ 336430 w 1076891"/>
                        <a:gd name="connsiteY3" fmla="*/ 258792 h 1029468"/>
                        <a:gd name="connsiteX4" fmla="*/ 370935 w 1076891"/>
                        <a:gd name="connsiteY4" fmla="*/ 388188 h 1029468"/>
                        <a:gd name="connsiteX5" fmla="*/ 526211 w 1076891"/>
                        <a:gd name="connsiteY5" fmla="*/ 431320 h 1029468"/>
                        <a:gd name="connsiteX6" fmla="*/ 552090 w 1076891"/>
                        <a:gd name="connsiteY6" fmla="*/ 534837 h 1029468"/>
                        <a:gd name="connsiteX7" fmla="*/ 664234 w 1076891"/>
                        <a:gd name="connsiteY7" fmla="*/ 586596 h 1029468"/>
                        <a:gd name="connsiteX8" fmla="*/ 793630 w 1076891"/>
                        <a:gd name="connsiteY8" fmla="*/ 733245 h 1029468"/>
                        <a:gd name="connsiteX9" fmla="*/ 830906 w 1076891"/>
                        <a:gd name="connsiteY9" fmla="*/ 839552 h 1029468"/>
                        <a:gd name="connsiteX10" fmla="*/ 944836 w 1076891"/>
                        <a:gd name="connsiteY10" fmla="*/ 1028269 h 1029468"/>
                        <a:gd name="connsiteX11" fmla="*/ 1076891 w 1076891"/>
                        <a:gd name="connsiteY11" fmla="*/ 899599 h 1029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76891" h="1029468">
                          <a:moveTo>
                            <a:pt x="0" y="0"/>
                          </a:moveTo>
                          <a:lnTo>
                            <a:pt x="163901" y="138022"/>
                          </a:lnTo>
                          <a:lnTo>
                            <a:pt x="163901" y="138022"/>
                          </a:lnTo>
                          <a:cubicBezTo>
                            <a:pt x="192656" y="158150"/>
                            <a:pt x="301924" y="217098"/>
                            <a:pt x="336430" y="258792"/>
                          </a:cubicBezTo>
                          <a:cubicBezTo>
                            <a:pt x="370936" y="300486"/>
                            <a:pt x="339305" y="359433"/>
                            <a:pt x="370935" y="388188"/>
                          </a:cubicBezTo>
                          <a:cubicBezTo>
                            <a:pt x="402565" y="416943"/>
                            <a:pt x="496019" y="406879"/>
                            <a:pt x="526211" y="431320"/>
                          </a:cubicBezTo>
                          <a:cubicBezTo>
                            <a:pt x="556403" y="455761"/>
                            <a:pt x="529086" y="508958"/>
                            <a:pt x="552090" y="534837"/>
                          </a:cubicBezTo>
                          <a:cubicBezTo>
                            <a:pt x="575094" y="560716"/>
                            <a:pt x="623977" y="553528"/>
                            <a:pt x="664234" y="586596"/>
                          </a:cubicBezTo>
                          <a:cubicBezTo>
                            <a:pt x="704491" y="619664"/>
                            <a:pt x="762831" y="693468"/>
                            <a:pt x="793630" y="733245"/>
                          </a:cubicBezTo>
                          <a:cubicBezTo>
                            <a:pt x="824429" y="773022"/>
                            <a:pt x="805705" y="791811"/>
                            <a:pt x="830906" y="839552"/>
                          </a:cubicBezTo>
                          <a:cubicBezTo>
                            <a:pt x="856107" y="887293"/>
                            <a:pt x="900386" y="1015402"/>
                            <a:pt x="944836" y="1028269"/>
                          </a:cubicBezTo>
                          <a:cubicBezTo>
                            <a:pt x="989286" y="1041136"/>
                            <a:pt x="1013884" y="947255"/>
                            <a:pt x="1076891" y="899599"/>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sp>
                <p:nvSpPr>
                  <p:cNvPr id="23" name="Freeform 22"/>
                  <p:cNvSpPr/>
                  <p:nvPr/>
                </p:nvSpPr>
                <p:spPr>
                  <a:xfrm>
                    <a:off x="3968151" y="5736566"/>
                    <a:ext cx="1630392" cy="897147"/>
                  </a:xfrm>
                  <a:custGeom>
                    <a:avLst/>
                    <a:gdLst>
                      <a:gd name="connsiteX0" fmla="*/ 1630392 w 1630392"/>
                      <a:gd name="connsiteY0" fmla="*/ 0 h 897147"/>
                      <a:gd name="connsiteX1" fmla="*/ 1345721 w 1630392"/>
                      <a:gd name="connsiteY1" fmla="*/ 181155 h 897147"/>
                      <a:gd name="connsiteX2" fmla="*/ 1207698 w 1630392"/>
                      <a:gd name="connsiteY2" fmla="*/ 224287 h 897147"/>
                      <a:gd name="connsiteX3" fmla="*/ 1035170 w 1630392"/>
                      <a:gd name="connsiteY3" fmla="*/ 327804 h 897147"/>
                      <a:gd name="connsiteX4" fmla="*/ 923026 w 1630392"/>
                      <a:gd name="connsiteY4" fmla="*/ 370936 h 897147"/>
                      <a:gd name="connsiteX5" fmla="*/ 836762 w 1630392"/>
                      <a:gd name="connsiteY5" fmla="*/ 465826 h 897147"/>
                      <a:gd name="connsiteX6" fmla="*/ 629728 w 1630392"/>
                      <a:gd name="connsiteY6" fmla="*/ 526211 h 897147"/>
                      <a:gd name="connsiteX7" fmla="*/ 491706 w 1630392"/>
                      <a:gd name="connsiteY7" fmla="*/ 629728 h 897147"/>
                      <a:gd name="connsiteX8" fmla="*/ 405441 w 1630392"/>
                      <a:gd name="connsiteY8" fmla="*/ 681487 h 897147"/>
                      <a:gd name="connsiteX9" fmla="*/ 146649 w 1630392"/>
                      <a:gd name="connsiteY9" fmla="*/ 836762 h 897147"/>
                      <a:gd name="connsiteX10" fmla="*/ 0 w 1630392"/>
                      <a:gd name="connsiteY10" fmla="*/ 897147 h 897147"/>
                      <a:gd name="connsiteX0" fmla="*/ 1630392 w 1630392"/>
                      <a:gd name="connsiteY0" fmla="*/ 0 h 897147"/>
                      <a:gd name="connsiteX1" fmla="*/ 1345721 w 1630392"/>
                      <a:gd name="connsiteY1" fmla="*/ 181155 h 897147"/>
                      <a:gd name="connsiteX2" fmla="*/ 1207698 w 1630392"/>
                      <a:gd name="connsiteY2" fmla="*/ 224287 h 897147"/>
                      <a:gd name="connsiteX3" fmla="*/ 1035170 w 1630392"/>
                      <a:gd name="connsiteY3" fmla="*/ 327804 h 897147"/>
                      <a:gd name="connsiteX4" fmla="*/ 923026 w 1630392"/>
                      <a:gd name="connsiteY4" fmla="*/ 370936 h 897147"/>
                      <a:gd name="connsiteX5" fmla="*/ 779612 w 1630392"/>
                      <a:gd name="connsiteY5" fmla="*/ 435346 h 897147"/>
                      <a:gd name="connsiteX6" fmla="*/ 629728 w 1630392"/>
                      <a:gd name="connsiteY6" fmla="*/ 526211 h 897147"/>
                      <a:gd name="connsiteX7" fmla="*/ 491706 w 1630392"/>
                      <a:gd name="connsiteY7" fmla="*/ 629728 h 897147"/>
                      <a:gd name="connsiteX8" fmla="*/ 405441 w 1630392"/>
                      <a:gd name="connsiteY8" fmla="*/ 681487 h 897147"/>
                      <a:gd name="connsiteX9" fmla="*/ 146649 w 1630392"/>
                      <a:gd name="connsiteY9" fmla="*/ 836762 h 897147"/>
                      <a:gd name="connsiteX10" fmla="*/ 0 w 1630392"/>
                      <a:gd name="connsiteY10" fmla="*/ 897147 h 897147"/>
                      <a:gd name="connsiteX0" fmla="*/ 1630392 w 1630392"/>
                      <a:gd name="connsiteY0" fmla="*/ 0 h 897147"/>
                      <a:gd name="connsiteX1" fmla="*/ 1345721 w 1630392"/>
                      <a:gd name="connsiteY1" fmla="*/ 181155 h 897147"/>
                      <a:gd name="connsiteX2" fmla="*/ 1207698 w 1630392"/>
                      <a:gd name="connsiteY2" fmla="*/ 224287 h 897147"/>
                      <a:gd name="connsiteX3" fmla="*/ 1035170 w 1630392"/>
                      <a:gd name="connsiteY3" fmla="*/ 327804 h 897147"/>
                      <a:gd name="connsiteX4" fmla="*/ 923026 w 1630392"/>
                      <a:gd name="connsiteY4" fmla="*/ 370936 h 897147"/>
                      <a:gd name="connsiteX5" fmla="*/ 779612 w 1630392"/>
                      <a:gd name="connsiteY5" fmla="*/ 435346 h 897147"/>
                      <a:gd name="connsiteX6" fmla="*/ 629728 w 1630392"/>
                      <a:gd name="connsiteY6" fmla="*/ 526211 h 897147"/>
                      <a:gd name="connsiteX7" fmla="*/ 491706 w 1630392"/>
                      <a:gd name="connsiteY7" fmla="*/ 629728 h 897147"/>
                      <a:gd name="connsiteX8" fmla="*/ 405441 w 1630392"/>
                      <a:gd name="connsiteY8" fmla="*/ 681487 h 897147"/>
                      <a:gd name="connsiteX9" fmla="*/ 146649 w 1630392"/>
                      <a:gd name="connsiteY9" fmla="*/ 836762 h 897147"/>
                      <a:gd name="connsiteX10" fmla="*/ 0 w 1630392"/>
                      <a:gd name="connsiteY10" fmla="*/ 897147 h 897147"/>
                      <a:gd name="connsiteX0" fmla="*/ 1630392 w 1630392"/>
                      <a:gd name="connsiteY0" fmla="*/ 0 h 897147"/>
                      <a:gd name="connsiteX1" fmla="*/ 1345721 w 1630392"/>
                      <a:gd name="connsiteY1" fmla="*/ 181155 h 897147"/>
                      <a:gd name="connsiteX2" fmla="*/ 1207698 w 1630392"/>
                      <a:gd name="connsiteY2" fmla="*/ 224287 h 897147"/>
                      <a:gd name="connsiteX3" fmla="*/ 1035170 w 1630392"/>
                      <a:gd name="connsiteY3" fmla="*/ 327804 h 897147"/>
                      <a:gd name="connsiteX4" fmla="*/ 923026 w 1630392"/>
                      <a:gd name="connsiteY4" fmla="*/ 370936 h 897147"/>
                      <a:gd name="connsiteX5" fmla="*/ 779612 w 1630392"/>
                      <a:gd name="connsiteY5" fmla="*/ 435346 h 897147"/>
                      <a:gd name="connsiteX6" fmla="*/ 629728 w 1630392"/>
                      <a:gd name="connsiteY6" fmla="*/ 526211 h 897147"/>
                      <a:gd name="connsiteX7" fmla="*/ 405441 w 1630392"/>
                      <a:gd name="connsiteY7" fmla="*/ 681487 h 897147"/>
                      <a:gd name="connsiteX8" fmla="*/ 146649 w 1630392"/>
                      <a:gd name="connsiteY8" fmla="*/ 836762 h 897147"/>
                      <a:gd name="connsiteX9" fmla="*/ 0 w 1630392"/>
                      <a:gd name="connsiteY9"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79612 w 1630392"/>
                      <a:gd name="connsiteY4" fmla="*/ 435346 h 897147"/>
                      <a:gd name="connsiteX5" fmla="*/ 629728 w 1630392"/>
                      <a:gd name="connsiteY5" fmla="*/ 526211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79612 w 1630392"/>
                      <a:gd name="connsiteY4" fmla="*/ 435346 h 897147"/>
                      <a:gd name="connsiteX5" fmla="*/ 606868 w 1630392"/>
                      <a:gd name="connsiteY5" fmla="*/ 522401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79612 w 1630392"/>
                      <a:gd name="connsiteY4" fmla="*/ 435346 h 897147"/>
                      <a:gd name="connsiteX5" fmla="*/ 611784 w 1630392"/>
                      <a:gd name="connsiteY5" fmla="*/ 532233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84528 w 1630392"/>
                      <a:gd name="connsiteY4" fmla="*/ 445178 h 897147"/>
                      <a:gd name="connsiteX5" fmla="*/ 611784 w 1630392"/>
                      <a:gd name="connsiteY5" fmla="*/ 532233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79612 w 1630392"/>
                      <a:gd name="connsiteY4" fmla="*/ 430430 h 897147"/>
                      <a:gd name="connsiteX5" fmla="*/ 611784 w 1630392"/>
                      <a:gd name="connsiteY5" fmla="*/ 532233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779612 w 1630392"/>
                      <a:gd name="connsiteY4" fmla="*/ 448573 h 897147"/>
                      <a:gd name="connsiteX5" fmla="*/ 611784 w 1630392"/>
                      <a:gd name="connsiteY5" fmla="*/ 532233 h 897147"/>
                      <a:gd name="connsiteX6" fmla="*/ 405441 w 1630392"/>
                      <a:gd name="connsiteY6" fmla="*/ 681487 h 897147"/>
                      <a:gd name="connsiteX7" fmla="*/ 146649 w 1630392"/>
                      <a:gd name="connsiteY7" fmla="*/ 836762 h 897147"/>
                      <a:gd name="connsiteX8" fmla="*/ 0 w 1630392"/>
                      <a:gd name="connsiteY8" fmla="*/ 897147 h 897147"/>
                      <a:gd name="connsiteX0" fmla="*/ 1630392 w 1630392"/>
                      <a:gd name="connsiteY0" fmla="*/ 0 h 897147"/>
                      <a:gd name="connsiteX1" fmla="*/ 1207698 w 1630392"/>
                      <a:gd name="connsiteY1" fmla="*/ 224287 h 897147"/>
                      <a:gd name="connsiteX2" fmla="*/ 1035170 w 1630392"/>
                      <a:gd name="connsiteY2" fmla="*/ 327804 h 897147"/>
                      <a:gd name="connsiteX3" fmla="*/ 923026 w 1630392"/>
                      <a:gd name="connsiteY3" fmla="*/ 370936 h 897147"/>
                      <a:gd name="connsiteX4" fmla="*/ 611784 w 1630392"/>
                      <a:gd name="connsiteY4" fmla="*/ 532233 h 897147"/>
                      <a:gd name="connsiteX5" fmla="*/ 405441 w 1630392"/>
                      <a:gd name="connsiteY5" fmla="*/ 681487 h 897147"/>
                      <a:gd name="connsiteX6" fmla="*/ 146649 w 1630392"/>
                      <a:gd name="connsiteY6" fmla="*/ 836762 h 897147"/>
                      <a:gd name="connsiteX7" fmla="*/ 0 w 1630392"/>
                      <a:gd name="connsiteY7" fmla="*/ 897147 h 897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30392" h="897147">
                        <a:moveTo>
                          <a:pt x="1630392" y="0"/>
                        </a:moveTo>
                        <a:lnTo>
                          <a:pt x="1207698" y="224287"/>
                        </a:lnTo>
                        <a:cubicBezTo>
                          <a:pt x="1108494" y="278921"/>
                          <a:pt x="1082615" y="303363"/>
                          <a:pt x="1035170" y="327804"/>
                        </a:cubicBezTo>
                        <a:cubicBezTo>
                          <a:pt x="987725" y="352245"/>
                          <a:pt x="993590" y="336865"/>
                          <a:pt x="923026" y="370936"/>
                        </a:cubicBezTo>
                        <a:cubicBezTo>
                          <a:pt x="852462" y="405007"/>
                          <a:pt x="698048" y="480475"/>
                          <a:pt x="611784" y="532233"/>
                        </a:cubicBezTo>
                        <a:cubicBezTo>
                          <a:pt x="525520" y="583992"/>
                          <a:pt x="482963" y="630732"/>
                          <a:pt x="405441" y="681487"/>
                        </a:cubicBezTo>
                        <a:cubicBezTo>
                          <a:pt x="327919" y="732242"/>
                          <a:pt x="214223" y="800819"/>
                          <a:pt x="146649" y="836762"/>
                        </a:cubicBezTo>
                        <a:cubicBezTo>
                          <a:pt x="79076" y="872705"/>
                          <a:pt x="39538" y="884926"/>
                          <a:pt x="0" y="897147"/>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sp>
                <p:nvSpPr>
                  <p:cNvPr id="24" name="Freeform 23"/>
                  <p:cNvSpPr/>
                  <p:nvPr/>
                </p:nvSpPr>
                <p:spPr>
                  <a:xfrm>
                    <a:off x="4234094" y="221994"/>
                    <a:ext cx="740539" cy="1712627"/>
                  </a:xfrm>
                  <a:custGeom>
                    <a:avLst/>
                    <a:gdLst>
                      <a:gd name="connsiteX0" fmla="*/ 68239 w 252484"/>
                      <a:gd name="connsiteY0" fmla="*/ 0 h 628934"/>
                      <a:gd name="connsiteX1" fmla="*/ 109182 w 252484"/>
                      <a:gd name="connsiteY1" fmla="*/ 75063 h 628934"/>
                      <a:gd name="connsiteX2" fmla="*/ 47767 w 252484"/>
                      <a:gd name="connsiteY2" fmla="*/ 259308 h 628934"/>
                      <a:gd name="connsiteX3" fmla="*/ 136478 w 252484"/>
                      <a:gd name="connsiteY3" fmla="*/ 416257 h 628934"/>
                      <a:gd name="connsiteX4" fmla="*/ 150126 w 252484"/>
                      <a:gd name="connsiteY4" fmla="*/ 464024 h 628934"/>
                      <a:gd name="connsiteX5" fmla="*/ 238836 w 252484"/>
                      <a:gd name="connsiteY5" fmla="*/ 552734 h 628934"/>
                      <a:gd name="connsiteX6" fmla="*/ 232012 w 252484"/>
                      <a:gd name="connsiteY6" fmla="*/ 614149 h 628934"/>
                      <a:gd name="connsiteX7" fmla="*/ 170597 w 252484"/>
                      <a:gd name="connsiteY7" fmla="*/ 620973 h 628934"/>
                      <a:gd name="connsiteX8" fmla="*/ 116006 w 252484"/>
                      <a:gd name="connsiteY8" fmla="*/ 566382 h 628934"/>
                      <a:gd name="connsiteX9" fmla="*/ 34120 w 252484"/>
                      <a:gd name="connsiteY9" fmla="*/ 559558 h 628934"/>
                      <a:gd name="connsiteX10" fmla="*/ 0 w 252484"/>
                      <a:gd name="connsiteY10" fmla="*/ 552734 h 628934"/>
                      <a:gd name="connsiteX0" fmla="*/ 0 w 249838"/>
                      <a:gd name="connsiteY0" fmla="*/ 0 h 682461"/>
                      <a:gd name="connsiteX1" fmla="*/ 113333 w 249838"/>
                      <a:gd name="connsiteY1" fmla="*/ 132213 h 682461"/>
                      <a:gd name="connsiteX2" fmla="*/ 51918 w 249838"/>
                      <a:gd name="connsiteY2" fmla="*/ 316458 h 682461"/>
                      <a:gd name="connsiteX3" fmla="*/ 140629 w 249838"/>
                      <a:gd name="connsiteY3" fmla="*/ 473407 h 682461"/>
                      <a:gd name="connsiteX4" fmla="*/ 154277 w 249838"/>
                      <a:gd name="connsiteY4" fmla="*/ 521174 h 682461"/>
                      <a:gd name="connsiteX5" fmla="*/ 242987 w 249838"/>
                      <a:gd name="connsiteY5" fmla="*/ 609884 h 682461"/>
                      <a:gd name="connsiteX6" fmla="*/ 236163 w 249838"/>
                      <a:gd name="connsiteY6" fmla="*/ 671299 h 682461"/>
                      <a:gd name="connsiteX7" fmla="*/ 174748 w 249838"/>
                      <a:gd name="connsiteY7" fmla="*/ 678123 h 682461"/>
                      <a:gd name="connsiteX8" fmla="*/ 120157 w 249838"/>
                      <a:gd name="connsiteY8" fmla="*/ 623532 h 682461"/>
                      <a:gd name="connsiteX9" fmla="*/ 38271 w 249838"/>
                      <a:gd name="connsiteY9" fmla="*/ 616708 h 682461"/>
                      <a:gd name="connsiteX10" fmla="*/ 4151 w 249838"/>
                      <a:gd name="connsiteY10" fmla="*/ 609884 h 682461"/>
                      <a:gd name="connsiteX0" fmla="*/ 0 w 249838"/>
                      <a:gd name="connsiteY0" fmla="*/ 0 h 682461"/>
                      <a:gd name="connsiteX1" fmla="*/ 46774 w 249838"/>
                      <a:gd name="connsiteY1" fmla="*/ 27852 h 682461"/>
                      <a:gd name="connsiteX2" fmla="*/ 113333 w 249838"/>
                      <a:gd name="connsiteY2" fmla="*/ 132213 h 682461"/>
                      <a:gd name="connsiteX3" fmla="*/ 51918 w 249838"/>
                      <a:gd name="connsiteY3" fmla="*/ 316458 h 682461"/>
                      <a:gd name="connsiteX4" fmla="*/ 140629 w 249838"/>
                      <a:gd name="connsiteY4" fmla="*/ 473407 h 682461"/>
                      <a:gd name="connsiteX5" fmla="*/ 154277 w 249838"/>
                      <a:gd name="connsiteY5" fmla="*/ 521174 h 682461"/>
                      <a:gd name="connsiteX6" fmla="*/ 242987 w 249838"/>
                      <a:gd name="connsiteY6" fmla="*/ 609884 h 682461"/>
                      <a:gd name="connsiteX7" fmla="*/ 236163 w 249838"/>
                      <a:gd name="connsiteY7" fmla="*/ 671299 h 682461"/>
                      <a:gd name="connsiteX8" fmla="*/ 174748 w 249838"/>
                      <a:gd name="connsiteY8" fmla="*/ 678123 h 682461"/>
                      <a:gd name="connsiteX9" fmla="*/ 120157 w 249838"/>
                      <a:gd name="connsiteY9" fmla="*/ 623532 h 682461"/>
                      <a:gd name="connsiteX10" fmla="*/ 38271 w 249838"/>
                      <a:gd name="connsiteY10" fmla="*/ 616708 h 682461"/>
                      <a:gd name="connsiteX11" fmla="*/ 4151 w 249838"/>
                      <a:gd name="connsiteY11" fmla="*/ 609884 h 682461"/>
                      <a:gd name="connsiteX0" fmla="*/ 0 w 278867"/>
                      <a:gd name="connsiteY0" fmla="*/ 0 h 900176"/>
                      <a:gd name="connsiteX1" fmla="*/ 75803 w 278867"/>
                      <a:gd name="connsiteY1" fmla="*/ 245567 h 900176"/>
                      <a:gd name="connsiteX2" fmla="*/ 142362 w 278867"/>
                      <a:gd name="connsiteY2" fmla="*/ 349928 h 900176"/>
                      <a:gd name="connsiteX3" fmla="*/ 80947 w 278867"/>
                      <a:gd name="connsiteY3" fmla="*/ 534173 h 900176"/>
                      <a:gd name="connsiteX4" fmla="*/ 169658 w 278867"/>
                      <a:gd name="connsiteY4" fmla="*/ 691122 h 900176"/>
                      <a:gd name="connsiteX5" fmla="*/ 183306 w 278867"/>
                      <a:gd name="connsiteY5" fmla="*/ 738889 h 900176"/>
                      <a:gd name="connsiteX6" fmla="*/ 272016 w 278867"/>
                      <a:gd name="connsiteY6" fmla="*/ 827599 h 900176"/>
                      <a:gd name="connsiteX7" fmla="*/ 265192 w 278867"/>
                      <a:gd name="connsiteY7" fmla="*/ 889014 h 900176"/>
                      <a:gd name="connsiteX8" fmla="*/ 203777 w 278867"/>
                      <a:gd name="connsiteY8" fmla="*/ 895838 h 900176"/>
                      <a:gd name="connsiteX9" fmla="*/ 149186 w 278867"/>
                      <a:gd name="connsiteY9" fmla="*/ 841247 h 900176"/>
                      <a:gd name="connsiteX10" fmla="*/ 67300 w 278867"/>
                      <a:gd name="connsiteY10" fmla="*/ 834423 h 900176"/>
                      <a:gd name="connsiteX11" fmla="*/ 33180 w 278867"/>
                      <a:gd name="connsiteY11" fmla="*/ 827599 h 900176"/>
                      <a:gd name="connsiteX0" fmla="*/ 56309 w 335176"/>
                      <a:gd name="connsiteY0" fmla="*/ 0 h 900176"/>
                      <a:gd name="connsiteX1" fmla="*/ 1485 w 335176"/>
                      <a:gd name="connsiteY1" fmla="*/ 104052 h 900176"/>
                      <a:gd name="connsiteX2" fmla="*/ 132112 w 335176"/>
                      <a:gd name="connsiteY2" fmla="*/ 245567 h 900176"/>
                      <a:gd name="connsiteX3" fmla="*/ 198671 w 335176"/>
                      <a:gd name="connsiteY3" fmla="*/ 349928 h 900176"/>
                      <a:gd name="connsiteX4" fmla="*/ 137256 w 335176"/>
                      <a:gd name="connsiteY4" fmla="*/ 534173 h 900176"/>
                      <a:gd name="connsiteX5" fmla="*/ 225967 w 335176"/>
                      <a:gd name="connsiteY5" fmla="*/ 691122 h 900176"/>
                      <a:gd name="connsiteX6" fmla="*/ 239615 w 335176"/>
                      <a:gd name="connsiteY6" fmla="*/ 738889 h 900176"/>
                      <a:gd name="connsiteX7" fmla="*/ 328325 w 335176"/>
                      <a:gd name="connsiteY7" fmla="*/ 827599 h 900176"/>
                      <a:gd name="connsiteX8" fmla="*/ 321501 w 335176"/>
                      <a:gd name="connsiteY8" fmla="*/ 889014 h 900176"/>
                      <a:gd name="connsiteX9" fmla="*/ 260086 w 335176"/>
                      <a:gd name="connsiteY9" fmla="*/ 895838 h 900176"/>
                      <a:gd name="connsiteX10" fmla="*/ 205495 w 335176"/>
                      <a:gd name="connsiteY10" fmla="*/ 841247 h 900176"/>
                      <a:gd name="connsiteX11" fmla="*/ 123609 w 335176"/>
                      <a:gd name="connsiteY11" fmla="*/ 834423 h 900176"/>
                      <a:gd name="connsiteX12" fmla="*/ 89489 w 335176"/>
                      <a:gd name="connsiteY12" fmla="*/ 827599 h 900176"/>
                      <a:gd name="connsiteX0" fmla="*/ 56309 w 335176"/>
                      <a:gd name="connsiteY0" fmla="*/ 0 h 900176"/>
                      <a:gd name="connsiteX1" fmla="*/ 1485 w 335176"/>
                      <a:gd name="connsiteY1" fmla="*/ 104052 h 900176"/>
                      <a:gd name="connsiteX2" fmla="*/ 132112 w 335176"/>
                      <a:gd name="connsiteY2" fmla="*/ 245567 h 900176"/>
                      <a:gd name="connsiteX3" fmla="*/ 198671 w 335176"/>
                      <a:gd name="connsiteY3" fmla="*/ 349928 h 900176"/>
                      <a:gd name="connsiteX4" fmla="*/ 137256 w 335176"/>
                      <a:gd name="connsiteY4" fmla="*/ 534173 h 900176"/>
                      <a:gd name="connsiteX5" fmla="*/ 225967 w 335176"/>
                      <a:gd name="connsiteY5" fmla="*/ 691122 h 900176"/>
                      <a:gd name="connsiteX6" fmla="*/ 239615 w 335176"/>
                      <a:gd name="connsiteY6" fmla="*/ 738889 h 900176"/>
                      <a:gd name="connsiteX7" fmla="*/ 328325 w 335176"/>
                      <a:gd name="connsiteY7" fmla="*/ 827599 h 900176"/>
                      <a:gd name="connsiteX8" fmla="*/ 321501 w 335176"/>
                      <a:gd name="connsiteY8" fmla="*/ 889014 h 900176"/>
                      <a:gd name="connsiteX9" fmla="*/ 260086 w 335176"/>
                      <a:gd name="connsiteY9" fmla="*/ 895838 h 900176"/>
                      <a:gd name="connsiteX10" fmla="*/ 205495 w 335176"/>
                      <a:gd name="connsiteY10" fmla="*/ 841247 h 900176"/>
                      <a:gd name="connsiteX11" fmla="*/ 123609 w 335176"/>
                      <a:gd name="connsiteY11" fmla="*/ 834423 h 900176"/>
                      <a:gd name="connsiteX12" fmla="*/ 89489 w 335176"/>
                      <a:gd name="connsiteY12" fmla="*/ 827599 h 900176"/>
                      <a:gd name="connsiteX0" fmla="*/ 56309 w 335176"/>
                      <a:gd name="connsiteY0" fmla="*/ 0 h 900176"/>
                      <a:gd name="connsiteX1" fmla="*/ 1485 w 335176"/>
                      <a:gd name="connsiteY1" fmla="*/ 104052 h 900176"/>
                      <a:gd name="connsiteX2" fmla="*/ 132112 w 335176"/>
                      <a:gd name="connsiteY2" fmla="*/ 245567 h 900176"/>
                      <a:gd name="connsiteX3" fmla="*/ 198671 w 335176"/>
                      <a:gd name="connsiteY3" fmla="*/ 349928 h 900176"/>
                      <a:gd name="connsiteX4" fmla="*/ 137256 w 335176"/>
                      <a:gd name="connsiteY4" fmla="*/ 534173 h 900176"/>
                      <a:gd name="connsiteX5" fmla="*/ 225967 w 335176"/>
                      <a:gd name="connsiteY5" fmla="*/ 691122 h 900176"/>
                      <a:gd name="connsiteX6" fmla="*/ 239615 w 335176"/>
                      <a:gd name="connsiteY6" fmla="*/ 738889 h 900176"/>
                      <a:gd name="connsiteX7" fmla="*/ 328325 w 335176"/>
                      <a:gd name="connsiteY7" fmla="*/ 827599 h 900176"/>
                      <a:gd name="connsiteX8" fmla="*/ 321501 w 335176"/>
                      <a:gd name="connsiteY8" fmla="*/ 889014 h 900176"/>
                      <a:gd name="connsiteX9" fmla="*/ 260086 w 335176"/>
                      <a:gd name="connsiteY9" fmla="*/ 895838 h 900176"/>
                      <a:gd name="connsiteX10" fmla="*/ 205495 w 335176"/>
                      <a:gd name="connsiteY10" fmla="*/ 841247 h 900176"/>
                      <a:gd name="connsiteX11" fmla="*/ 123609 w 335176"/>
                      <a:gd name="connsiteY11" fmla="*/ 834423 h 900176"/>
                      <a:gd name="connsiteX12" fmla="*/ 89489 w 335176"/>
                      <a:gd name="connsiteY12" fmla="*/ 827599 h 900176"/>
                      <a:gd name="connsiteX0" fmla="*/ 56309 w 335176"/>
                      <a:gd name="connsiteY0" fmla="*/ 0 h 900176"/>
                      <a:gd name="connsiteX1" fmla="*/ 1485 w 335176"/>
                      <a:gd name="connsiteY1" fmla="*/ 104052 h 900176"/>
                      <a:gd name="connsiteX2" fmla="*/ 132112 w 335176"/>
                      <a:gd name="connsiteY2" fmla="*/ 245567 h 900176"/>
                      <a:gd name="connsiteX3" fmla="*/ 198671 w 335176"/>
                      <a:gd name="connsiteY3" fmla="*/ 349928 h 900176"/>
                      <a:gd name="connsiteX4" fmla="*/ 137256 w 335176"/>
                      <a:gd name="connsiteY4" fmla="*/ 534173 h 900176"/>
                      <a:gd name="connsiteX5" fmla="*/ 225967 w 335176"/>
                      <a:gd name="connsiteY5" fmla="*/ 691122 h 900176"/>
                      <a:gd name="connsiteX6" fmla="*/ 239615 w 335176"/>
                      <a:gd name="connsiteY6" fmla="*/ 738889 h 900176"/>
                      <a:gd name="connsiteX7" fmla="*/ 328325 w 335176"/>
                      <a:gd name="connsiteY7" fmla="*/ 827599 h 900176"/>
                      <a:gd name="connsiteX8" fmla="*/ 321501 w 335176"/>
                      <a:gd name="connsiteY8" fmla="*/ 889014 h 900176"/>
                      <a:gd name="connsiteX9" fmla="*/ 260086 w 335176"/>
                      <a:gd name="connsiteY9" fmla="*/ 895838 h 900176"/>
                      <a:gd name="connsiteX10" fmla="*/ 205495 w 335176"/>
                      <a:gd name="connsiteY10" fmla="*/ 841247 h 900176"/>
                      <a:gd name="connsiteX11" fmla="*/ 123609 w 335176"/>
                      <a:gd name="connsiteY11" fmla="*/ 834423 h 900176"/>
                      <a:gd name="connsiteX12" fmla="*/ 89489 w 335176"/>
                      <a:gd name="connsiteY12" fmla="*/ 827599 h 900176"/>
                      <a:gd name="connsiteX0" fmla="*/ 108892 w 334586"/>
                      <a:gd name="connsiteY0" fmla="*/ 0 h 941023"/>
                      <a:gd name="connsiteX1" fmla="*/ 895 w 334586"/>
                      <a:gd name="connsiteY1" fmla="*/ 144899 h 941023"/>
                      <a:gd name="connsiteX2" fmla="*/ 131522 w 334586"/>
                      <a:gd name="connsiteY2" fmla="*/ 286414 h 941023"/>
                      <a:gd name="connsiteX3" fmla="*/ 198081 w 334586"/>
                      <a:gd name="connsiteY3" fmla="*/ 390775 h 941023"/>
                      <a:gd name="connsiteX4" fmla="*/ 136666 w 334586"/>
                      <a:gd name="connsiteY4" fmla="*/ 575020 h 941023"/>
                      <a:gd name="connsiteX5" fmla="*/ 225377 w 334586"/>
                      <a:gd name="connsiteY5" fmla="*/ 731969 h 941023"/>
                      <a:gd name="connsiteX6" fmla="*/ 239025 w 334586"/>
                      <a:gd name="connsiteY6" fmla="*/ 779736 h 941023"/>
                      <a:gd name="connsiteX7" fmla="*/ 327735 w 334586"/>
                      <a:gd name="connsiteY7" fmla="*/ 868446 h 941023"/>
                      <a:gd name="connsiteX8" fmla="*/ 320911 w 334586"/>
                      <a:gd name="connsiteY8" fmla="*/ 929861 h 941023"/>
                      <a:gd name="connsiteX9" fmla="*/ 259496 w 334586"/>
                      <a:gd name="connsiteY9" fmla="*/ 936685 h 941023"/>
                      <a:gd name="connsiteX10" fmla="*/ 204905 w 334586"/>
                      <a:gd name="connsiteY10" fmla="*/ 882094 h 941023"/>
                      <a:gd name="connsiteX11" fmla="*/ 123019 w 334586"/>
                      <a:gd name="connsiteY11" fmla="*/ 875270 h 941023"/>
                      <a:gd name="connsiteX12" fmla="*/ 88899 w 334586"/>
                      <a:gd name="connsiteY12" fmla="*/ 868446 h 941023"/>
                      <a:gd name="connsiteX0" fmla="*/ 20584 w 336442"/>
                      <a:gd name="connsiteY0" fmla="*/ 0 h 1020167"/>
                      <a:gd name="connsiteX1" fmla="*/ 2751 w 336442"/>
                      <a:gd name="connsiteY1" fmla="*/ 224043 h 1020167"/>
                      <a:gd name="connsiteX2" fmla="*/ 133378 w 336442"/>
                      <a:gd name="connsiteY2" fmla="*/ 365558 h 1020167"/>
                      <a:gd name="connsiteX3" fmla="*/ 199937 w 336442"/>
                      <a:gd name="connsiteY3" fmla="*/ 469919 h 1020167"/>
                      <a:gd name="connsiteX4" fmla="*/ 138522 w 336442"/>
                      <a:gd name="connsiteY4" fmla="*/ 654164 h 1020167"/>
                      <a:gd name="connsiteX5" fmla="*/ 227233 w 336442"/>
                      <a:gd name="connsiteY5" fmla="*/ 811113 h 1020167"/>
                      <a:gd name="connsiteX6" fmla="*/ 240881 w 336442"/>
                      <a:gd name="connsiteY6" fmla="*/ 858880 h 1020167"/>
                      <a:gd name="connsiteX7" fmla="*/ 329591 w 336442"/>
                      <a:gd name="connsiteY7" fmla="*/ 947590 h 1020167"/>
                      <a:gd name="connsiteX8" fmla="*/ 322767 w 336442"/>
                      <a:gd name="connsiteY8" fmla="*/ 1009005 h 1020167"/>
                      <a:gd name="connsiteX9" fmla="*/ 261352 w 336442"/>
                      <a:gd name="connsiteY9" fmla="*/ 1015829 h 1020167"/>
                      <a:gd name="connsiteX10" fmla="*/ 206761 w 336442"/>
                      <a:gd name="connsiteY10" fmla="*/ 961238 h 1020167"/>
                      <a:gd name="connsiteX11" fmla="*/ 124875 w 336442"/>
                      <a:gd name="connsiteY11" fmla="*/ 954414 h 1020167"/>
                      <a:gd name="connsiteX12" fmla="*/ 90755 w 336442"/>
                      <a:gd name="connsiteY12" fmla="*/ 947590 h 1020167"/>
                      <a:gd name="connsiteX0" fmla="*/ 20451 w 336309"/>
                      <a:gd name="connsiteY0" fmla="*/ 0 h 1020167"/>
                      <a:gd name="connsiteX1" fmla="*/ 94242 w 336309"/>
                      <a:gd name="connsiteY1" fmla="*/ 78441 h 1020167"/>
                      <a:gd name="connsiteX2" fmla="*/ 2618 w 336309"/>
                      <a:gd name="connsiteY2" fmla="*/ 224043 h 1020167"/>
                      <a:gd name="connsiteX3" fmla="*/ 133245 w 336309"/>
                      <a:gd name="connsiteY3" fmla="*/ 365558 h 1020167"/>
                      <a:gd name="connsiteX4" fmla="*/ 199804 w 336309"/>
                      <a:gd name="connsiteY4" fmla="*/ 469919 h 1020167"/>
                      <a:gd name="connsiteX5" fmla="*/ 138389 w 336309"/>
                      <a:gd name="connsiteY5" fmla="*/ 654164 h 1020167"/>
                      <a:gd name="connsiteX6" fmla="*/ 227100 w 336309"/>
                      <a:gd name="connsiteY6" fmla="*/ 811113 h 1020167"/>
                      <a:gd name="connsiteX7" fmla="*/ 240748 w 336309"/>
                      <a:gd name="connsiteY7" fmla="*/ 858880 h 1020167"/>
                      <a:gd name="connsiteX8" fmla="*/ 329458 w 336309"/>
                      <a:gd name="connsiteY8" fmla="*/ 947590 h 1020167"/>
                      <a:gd name="connsiteX9" fmla="*/ 322634 w 336309"/>
                      <a:gd name="connsiteY9" fmla="*/ 1009005 h 1020167"/>
                      <a:gd name="connsiteX10" fmla="*/ 261219 w 336309"/>
                      <a:gd name="connsiteY10" fmla="*/ 1015829 h 1020167"/>
                      <a:gd name="connsiteX11" fmla="*/ 206628 w 336309"/>
                      <a:gd name="connsiteY11" fmla="*/ 961238 h 1020167"/>
                      <a:gd name="connsiteX12" fmla="*/ 124742 w 336309"/>
                      <a:gd name="connsiteY12" fmla="*/ 954414 h 1020167"/>
                      <a:gd name="connsiteX13" fmla="*/ 90622 w 336309"/>
                      <a:gd name="connsiteY13" fmla="*/ 947590 h 1020167"/>
                      <a:gd name="connsiteX0" fmla="*/ 16 w 410661"/>
                      <a:gd name="connsiteY0" fmla="*/ 0 h 1247384"/>
                      <a:gd name="connsiteX1" fmla="*/ 168594 w 410661"/>
                      <a:gd name="connsiteY1" fmla="*/ 305658 h 1247384"/>
                      <a:gd name="connsiteX2" fmla="*/ 76970 w 410661"/>
                      <a:gd name="connsiteY2" fmla="*/ 451260 h 1247384"/>
                      <a:gd name="connsiteX3" fmla="*/ 207597 w 410661"/>
                      <a:gd name="connsiteY3" fmla="*/ 592775 h 1247384"/>
                      <a:gd name="connsiteX4" fmla="*/ 274156 w 410661"/>
                      <a:gd name="connsiteY4" fmla="*/ 697136 h 1247384"/>
                      <a:gd name="connsiteX5" fmla="*/ 212741 w 410661"/>
                      <a:gd name="connsiteY5" fmla="*/ 881381 h 1247384"/>
                      <a:gd name="connsiteX6" fmla="*/ 301452 w 410661"/>
                      <a:gd name="connsiteY6" fmla="*/ 1038330 h 1247384"/>
                      <a:gd name="connsiteX7" fmla="*/ 315100 w 410661"/>
                      <a:gd name="connsiteY7" fmla="*/ 1086097 h 1247384"/>
                      <a:gd name="connsiteX8" fmla="*/ 403810 w 410661"/>
                      <a:gd name="connsiteY8" fmla="*/ 1174807 h 1247384"/>
                      <a:gd name="connsiteX9" fmla="*/ 396986 w 410661"/>
                      <a:gd name="connsiteY9" fmla="*/ 1236222 h 1247384"/>
                      <a:gd name="connsiteX10" fmla="*/ 335571 w 410661"/>
                      <a:gd name="connsiteY10" fmla="*/ 1243046 h 1247384"/>
                      <a:gd name="connsiteX11" fmla="*/ 280980 w 410661"/>
                      <a:gd name="connsiteY11" fmla="*/ 1188455 h 1247384"/>
                      <a:gd name="connsiteX12" fmla="*/ 199094 w 410661"/>
                      <a:gd name="connsiteY12" fmla="*/ 1181631 h 1247384"/>
                      <a:gd name="connsiteX13" fmla="*/ 164974 w 410661"/>
                      <a:gd name="connsiteY13" fmla="*/ 1174807 h 1247384"/>
                      <a:gd name="connsiteX0" fmla="*/ 0 w 410645"/>
                      <a:gd name="connsiteY0" fmla="*/ 0 h 1247384"/>
                      <a:gd name="connsiteX1" fmla="*/ 94597 w 410645"/>
                      <a:gd name="connsiteY1" fmla="*/ 221408 h 1247384"/>
                      <a:gd name="connsiteX2" fmla="*/ 168578 w 410645"/>
                      <a:gd name="connsiteY2" fmla="*/ 305658 h 1247384"/>
                      <a:gd name="connsiteX3" fmla="*/ 76954 w 410645"/>
                      <a:gd name="connsiteY3" fmla="*/ 451260 h 1247384"/>
                      <a:gd name="connsiteX4" fmla="*/ 207581 w 410645"/>
                      <a:gd name="connsiteY4" fmla="*/ 592775 h 1247384"/>
                      <a:gd name="connsiteX5" fmla="*/ 274140 w 410645"/>
                      <a:gd name="connsiteY5" fmla="*/ 697136 h 1247384"/>
                      <a:gd name="connsiteX6" fmla="*/ 212725 w 410645"/>
                      <a:gd name="connsiteY6" fmla="*/ 881381 h 1247384"/>
                      <a:gd name="connsiteX7" fmla="*/ 301436 w 410645"/>
                      <a:gd name="connsiteY7" fmla="*/ 1038330 h 1247384"/>
                      <a:gd name="connsiteX8" fmla="*/ 315084 w 410645"/>
                      <a:gd name="connsiteY8" fmla="*/ 1086097 h 1247384"/>
                      <a:gd name="connsiteX9" fmla="*/ 403794 w 410645"/>
                      <a:gd name="connsiteY9" fmla="*/ 1174807 h 1247384"/>
                      <a:gd name="connsiteX10" fmla="*/ 396970 w 410645"/>
                      <a:gd name="connsiteY10" fmla="*/ 1236222 h 1247384"/>
                      <a:gd name="connsiteX11" fmla="*/ 335555 w 410645"/>
                      <a:gd name="connsiteY11" fmla="*/ 1243046 h 1247384"/>
                      <a:gd name="connsiteX12" fmla="*/ 280964 w 410645"/>
                      <a:gd name="connsiteY12" fmla="*/ 1188455 h 1247384"/>
                      <a:gd name="connsiteX13" fmla="*/ 199078 w 410645"/>
                      <a:gd name="connsiteY13" fmla="*/ 1181631 h 1247384"/>
                      <a:gd name="connsiteX14" fmla="*/ 164958 w 410645"/>
                      <a:gd name="connsiteY14" fmla="*/ 1174807 h 1247384"/>
                      <a:gd name="connsiteX0" fmla="*/ 0 w 556294"/>
                      <a:gd name="connsiteY0" fmla="*/ 0 h 1436306"/>
                      <a:gd name="connsiteX1" fmla="*/ 240246 w 556294"/>
                      <a:gd name="connsiteY1" fmla="*/ 410330 h 1436306"/>
                      <a:gd name="connsiteX2" fmla="*/ 314227 w 556294"/>
                      <a:gd name="connsiteY2" fmla="*/ 494580 h 1436306"/>
                      <a:gd name="connsiteX3" fmla="*/ 222603 w 556294"/>
                      <a:gd name="connsiteY3" fmla="*/ 640182 h 1436306"/>
                      <a:gd name="connsiteX4" fmla="*/ 353230 w 556294"/>
                      <a:gd name="connsiteY4" fmla="*/ 781697 h 1436306"/>
                      <a:gd name="connsiteX5" fmla="*/ 419789 w 556294"/>
                      <a:gd name="connsiteY5" fmla="*/ 886058 h 1436306"/>
                      <a:gd name="connsiteX6" fmla="*/ 358374 w 556294"/>
                      <a:gd name="connsiteY6" fmla="*/ 1070303 h 1436306"/>
                      <a:gd name="connsiteX7" fmla="*/ 447085 w 556294"/>
                      <a:gd name="connsiteY7" fmla="*/ 1227252 h 1436306"/>
                      <a:gd name="connsiteX8" fmla="*/ 460733 w 556294"/>
                      <a:gd name="connsiteY8" fmla="*/ 1275019 h 1436306"/>
                      <a:gd name="connsiteX9" fmla="*/ 549443 w 556294"/>
                      <a:gd name="connsiteY9" fmla="*/ 1363729 h 1436306"/>
                      <a:gd name="connsiteX10" fmla="*/ 542619 w 556294"/>
                      <a:gd name="connsiteY10" fmla="*/ 1425144 h 1436306"/>
                      <a:gd name="connsiteX11" fmla="*/ 481204 w 556294"/>
                      <a:gd name="connsiteY11" fmla="*/ 1431968 h 1436306"/>
                      <a:gd name="connsiteX12" fmla="*/ 426613 w 556294"/>
                      <a:gd name="connsiteY12" fmla="*/ 1377377 h 1436306"/>
                      <a:gd name="connsiteX13" fmla="*/ 344727 w 556294"/>
                      <a:gd name="connsiteY13" fmla="*/ 1370553 h 1436306"/>
                      <a:gd name="connsiteX14" fmla="*/ 310607 w 556294"/>
                      <a:gd name="connsiteY14" fmla="*/ 1363729 h 1436306"/>
                      <a:gd name="connsiteX0" fmla="*/ 0 w 556294"/>
                      <a:gd name="connsiteY0" fmla="*/ 0 h 1436306"/>
                      <a:gd name="connsiteX1" fmla="*/ 126963 w 556294"/>
                      <a:gd name="connsiteY1" fmla="*/ 119289 h 1436306"/>
                      <a:gd name="connsiteX2" fmla="*/ 240246 w 556294"/>
                      <a:gd name="connsiteY2" fmla="*/ 410330 h 1436306"/>
                      <a:gd name="connsiteX3" fmla="*/ 314227 w 556294"/>
                      <a:gd name="connsiteY3" fmla="*/ 494580 h 1436306"/>
                      <a:gd name="connsiteX4" fmla="*/ 222603 w 556294"/>
                      <a:gd name="connsiteY4" fmla="*/ 640182 h 1436306"/>
                      <a:gd name="connsiteX5" fmla="*/ 353230 w 556294"/>
                      <a:gd name="connsiteY5" fmla="*/ 781697 h 1436306"/>
                      <a:gd name="connsiteX6" fmla="*/ 419789 w 556294"/>
                      <a:gd name="connsiteY6" fmla="*/ 886058 h 1436306"/>
                      <a:gd name="connsiteX7" fmla="*/ 358374 w 556294"/>
                      <a:gd name="connsiteY7" fmla="*/ 1070303 h 1436306"/>
                      <a:gd name="connsiteX8" fmla="*/ 447085 w 556294"/>
                      <a:gd name="connsiteY8" fmla="*/ 1227252 h 1436306"/>
                      <a:gd name="connsiteX9" fmla="*/ 460733 w 556294"/>
                      <a:gd name="connsiteY9" fmla="*/ 1275019 h 1436306"/>
                      <a:gd name="connsiteX10" fmla="*/ 549443 w 556294"/>
                      <a:gd name="connsiteY10" fmla="*/ 1363729 h 1436306"/>
                      <a:gd name="connsiteX11" fmla="*/ 542619 w 556294"/>
                      <a:gd name="connsiteY11" fmla="*/ 1425144 h 1436306"/>
                      <a:gd name="connsiteX12" fmla="*/ 481204 w 556294"/>
                      <a:gd name="connsiteY12" fmla="*/ 1431968 h 1436306"/>
                      <a:gd name="connsiteX13" fmla="*/ 426613 w 556294"/>
                      <a:gd name="connsiteY13" fmla="*/ 1377377 h 1436306"/>
                      <a:gd name="connsiteX14" fmla="*/ 344727 w 556294"/>
                      <a:gd name="connsiteY14" fmla="*/ 1370553 h 1436306"/>
                      <a:gd name="connsiteX15" fmla="*/ 310607 w 556294"/>
                      <a:gd name="connsiteY15" fmla="*/ 1363729 h 1436306"/>
                      <a:gd name="connsiteX0" fmla="*/ 0 w 600220"/>
                      <a:gd name="connsiteY0" fmla="*/ 0 h 1717137"/>
                      <a:gd name="connsiteX1" fmla="*/ 170889 w 600220"/>
                      <a:gd name="connsiteY1" fmla="*/ 400120 h 1717137"/>
                      <a:gd name="connsiteX2" fmla="*/ 284172 w 600220"/>
                      <a:gd name="connsiteY2" fmla="*/ 691161 h 1717137"/>
                      <a:gd name="connsiteX3" fmla="*/ 358153 w 600220"/>
                      <a:gd name="connsiteY3" fmla="*/ 775411 h 1717137"/>
                      <a:gd name="connsiteX4" fmla="*/ 266529 w 600220"/>
                      <a:gd name="connsiteY4" fmla="*/ 921013 h 1717137"/>
                      <a:gd name="connsiteX5" fmla="*/ 397156 w 600220"/>
                      <a:gd name="connsiteY5" fmla="*/ 1062528 h 1717137"/>
                      <a:gd name="connsiteX6" fmla="*/ 463715 w 600220"/>
                      <a:gd name="connsiteY6" fmla="*/ 1166889 h 1717137"/>
                      <a:gd name="connsiteX7" fmla="*/ 402300 w 600220"/>
                      <a:gd name="connsiteY7" fmla="*/ 1351134 h 1717137"/>
                      <a:gd name="connsiteX8" fmla="*/ 491011 w 600220"/>
                      <a:gd name="connsiteY8" fmla="*/ 1508083 h 1717137"/>
                      <a:gd name="connsiteX9" fmla="*/ 504659 w 600220"/>
                      <a:gd name="connsiteY9" fmla="*/ 1555850 h 1717137"/>
                      <a:gd name="connsiteX10" fmla="*/ 593369 w 600220"/>
                      <a:gd name="connsiteY10" fmla="*/ 1644560 h 1717137"/>
                      <a:gd name="connsiteX11" fmla="*/ 586545 w 600220"/>
                      <a:gd name="connsiteY11" fmla="*/ 1705975 h 1717137"/>
                      <a:gd name="connsiteX12" fmla="*/ 525130 w 600220"/>
                      <a:gd name="connsiteY12" fmla="*/ 1712799 h 1717137"/>
                      <a:gd name="connsiteX13" fmla="*/ 470539 w 600220"/>
                      <a:gd name="connsiteY13" fmla="*/ 1658208 h 1717137"/>
                      <a:gd name="connsiteX14" fmla="*/ 388653 w 600220"/>
                      <a:gd name="connsiteY14" fmla="*/ 1651384 h 1717137"/>
                      <a:gd name="connsiteX15" fmla="*/ 354533 w 600220"/>
                      <a:gd name="connsiteY15" fmla="*/ 1644560 h 1717137"/>
                      <a:gd name="connsiteX0" fmla="*/ 0 w 600220"/>
                      <a:gd name="connsiteY0" fmla="*/ 0 h 1717137"/>
                      <a:gd name="connsiteX1" fmla="*/ 25241 w 600220"/>
                      <a:gd name="connsiteY1" fmla="*/ 244386 h 1717137"/>
                      <a:gd name="connsiteX2" fmla="*/ 170889 w 600220"/>
                      <a:gd name="connsiteY2" fmla="*/ 400120 h 1717137"/>
                      <a:gd name="connsiteX3" fmla="*/ 284172 w 600220"/>
                      <a:gd name="connsiteY3" fmla="*/ 691161 h 1717137"/>
                      <a:gd name="connsiteX4" fmla="*/ 358153 w 600220"/>
                      <a:gd name="connsiteY4" fmla="*/ 775411 h 1717137"/>
                      <a:gd name="connsiteX5" fmla="*/ 266529 w 600220"/>
                      <a:gd name="connsiteY5" fmla="*/ 921013 h 1717137"/>
                      <a:gd name="connsiteX6" fmla="*/ 397156 w 600220"/>
                      <a:gd name="connsiteY6" fmla="*/ 1062528 h 1717137"/>
                      <a:gd name="connsiteX7" fmla="*/ 463715 w 600220"/>
                      <a:gd name="connsiteY7" fmla="*/ 1166889 h 1717137"/>
                      <a:gd name="connsiteX8" fmla="*/ 402300 w 600220"/>
                      <a:gd name="connsiteY8" fmla="*/ 1351134 h 1717137"/>
                      <a:gd name="connsiteX9" fmla="*/ 491011 w 600220"/>
                      <a:gd name="connsiteY9" fmla="*/ 1508083 h 1717137"/>
                      <a:gd name="connsiteX10" fmla="*/ 504659 w 600220"/>
                      <a:gd name="connsiteY10" fmla="*/ 1555850 h 1717137"/>
                      <a:gd name="connsiteX11" fmla="*/ 593369 w 600220"/>
                      <a:gd name="connsiteY11" fmla="*/ 1644560 h 1717137"/>
                      <a:gd name="connsiteX12" fmla="*/ 586545 w 600220"/>
                      <a:gd name="connsiteY12" fmla="*/ 1705975 h 1717137"/>
                      <a:gd name="connsiteX13" fmla="*/ 525130 w 600220"/>
                      <a:gd name="connsiteY13" fmla="*/ 1712799 h 1717137"/>
                      <a:gd name="connsiteX14" fmla="*/ 470539 w 600220"/>
                      <a:gd name="connsiteY14" fmla="*/ 1658208 h 1717137"/>
                      <a:gd name="connsiteX15" fmla="*/ 388653 w 600220"/>
                      <a:gd name="connsiteY15" fmla="*/ 1651384 h 1717137"/>
                      <a:gd name="connsiteX16" fmla="*/ 354533 w 600220"/>
                      <a:gd name="connsiteY16" fmla="*/ 1644560 h 1717137"/>
                      <a:gd name="connsiteX0" fmla="*/ 0 w 600220"/>
                      <a:gd name="connsiteY0" fmla="*/ 0 h 1717137"/>
                      <a:gd name="connsiteX1" fmla="*/ 25241 w 600220"/>
                      <a:gd name="connsiteY1" fmla="*/ 244386 h 1717137"/>
                      <a:gd name="connsiteX2" fmla="*/ 87662 w 600220"/>
                      <a:gd name="connsiteY2" fmla="*/ 323530 h 1717137"/>
                      <a:gd name="connsiteX3" fmla="*/ 170889 w 600220"/>
                      <a:gd name="connsiteY3" fmla="*/ 400120 h 1717137"/>
                      <a:gd name="connsiteX4" fmla="*/ 284172 w 600220"/>
                      <a:gd name="connsiteY4" fmla="*/ 691161 h 1717137"/>
                      <a:gd name="connsiteX5" fmla="*/ 358153 w 600220"/>
                      <a:gd name="connsiteY5" fmla="*/ 775411 h 1717137"/>
                      <a:gd name="connsiteX6" fmla="*/ 266529 w 600220"/>
                      <a:gd name="connsiteY6" fmla="*/ 921013 h 1717137"/>
                      <a:gd name="connsiteX7" fmla="*/ 397156 w 600220"/>
                      <a:gd name="connsiteY7" fmla="*/ 1062528 h 1717137"/>
                      <a:gd name="connsiteX8" fmla="*/ 463715 w 600220"/>
                      <a:gd name="connsiteY8" fmla="*/ 1166889 h 1717137"/>
                      <a:gd name="connsiteX9" fmla="*/ 402300 w 600220"/>
                      <a:gd name="connsiteY9" fmla="*/ 1351134 h 1717137"/>
                      <a:gd name="connsiteX10" fmla="*/ 491011 w 600220"/>
                      <a:gd name="connsiteY10" fmla="*/ 1508083 h 1717137"/>
                      <a:gd name="connsiteX11" fmla="*/ 504659 w 600220"/>
                      <a:gd name="connsiteY11" fmla="*/ 1555850 h 1717137"/>
                      <a:gd name="connsiteX12" fmla="*/ 593369 w 600220"/>
                      <a:gd name="connsiteY12" fmla="*/ 1644560 h 1717137"/>
                      <a:gd name="connsiteX13" fmla="*/ 586545 w 600220"/>
                      <a:gd name="connsiteY13" fmla="*/ 1705975 h 1717137"/>
                      <a:gd name="connsiteX14" fmla="*/ 525130 w 600220"/>
                      <a:gd name="connsiteY14" fmla="*/ 1712799 h 1717137"/>
                      <a:gd name="connsiteX15" fmla="*/ 470539 w 600220"/>
                      <a:gd name="connsiteY15" fmla="*/ 1658208 h 1717137"/>
                      <a:gd name="connsiteX16" fmla="*/ 388653 w 600220"/>
                      <a:gd name="connsiteY16" fmla="*/ 1651384 h 1717137"/>
                      <a:gd name="connsiteX17" fmla="*/ 354533 w 600220"/>
                      <a:gd name="connsiteY17" fmla="*/ 1644560 h 1717137"/>
                      <a:gd name="connsiteX0" fmla="*/ 0 w 600220"/>
                      <a:gd name="connsiteY0" fmla="*/ 0 h 1717137"/>
                      <a:gd name="connsiteX1" fmla="*/ 25241 w 600220"/>
                      <a:gd name="connsiteY1" fmla="*/ 244386 h 1717137"/>
                      <a:gd name="connsiteX2" fmla="*/ 87662 w 600220"/>
                      <a:gd name="connsiteY2" fmla="*/ 323530 h 1717137"/>
                      <a:gd name="connsiteX3" fmla="*/ 170889 w 600220"/>
                      <a:gd name="connsiteY3" fmla="*/ 400120 h 1717137"/>
                      <a:gd name="connsiteX4" fmla="*/ 284172 w 600220"/>
                      <a:gd name="connsiteY4" fmla="*/ 691161 h 1717137"/>
                      <a:gd name="connsiteX5" fmla="*/ 358153 w 600220"/>
                      <a:gd name="connsiteY5" fmla="*/ 775411 h 1717137"/>
                      <a:gd name="connsiteX6" fmla="*/ 266529 w 600220"/>
                      <a:gd name="connsiteY6" fmla="*/ 921013 h 1717137"/>
                      <a:gd name="connsiteX7" fmla="*/ 397156 w 600220"/>
                      <a:gd name="connsiteY7" fmla="*/ 1062528 h 1717137"/>
                      <a:gd name="connsiteX8" fmla="*/ 463715 w 600220"/>
                      <a:gd name="connsiteY8" fmla="*/ 1166889 h 1717137"/>
                      <a:gd name="connsiteX9" fmla="*/ 402300 w 600220"/>
                      <a:gd name="connsiteY9" fmla="*/ 1351134 h 1717137"/>
                      <a:gd name="connsiteX10" fmla="*/ 491011 w 600220"/>
                      <a:gd name="connsiteY10" fmla="*/ 1508083 h 1717137"/>
                      <a:gd name="connsiteX11" fmla="*/ 504659 w 600220"/>
                      <a:gd name="connsiteY11" fmla="*/ 1555850 h 1717137"/>
                      <a:gd name="connsiteX12" fmla="*/ 593369 w 600220"/>
                      <a:gd name="connsiteY12" fmla="*/ 1644560 h 1717137"/>
                      <a:gd name="connsiteX13" fmla="*/ 586545 w 600220"/>
                      <a:gd name="connsiteY13" fmla="*/ 1705975 h 1717137"/>
                      <a:gd name="connsiteX14" fmla="*/ 525130 w 600220"/>
                      <a:gd name="connsiteY14" fmla="*/ 1712799 h 1717137"/>
                      <a:gd name="connsiteX15" fmla="*/ 470539 w 600220"/>
                      <a:gd name="connsiteY15" fmla="*/ 1658208 h 1717137"/>
                      <a:gd name="connsiteX16" fmla="*/ 388653 w 600220"/>
                      <a:gd name="connsiteY16" fmla="*/ 1651384 h 1717137"/>
                      <a:gd name="connsiteX17" fmla="*/ 252039 w 600220"/>
                      <a:gd name="connsiteY17" fmla="*/ 1629668 h 1717137"/>
                      <a:gd name="connsiteX0" fmla="*/ 0 w 600220"/>
                      <a:gd name="connsiteY0" fmla="*/ 0 h 1717137"/>
                      <a:gd name="connsiteX1" fmla="*/ 25241 w 600220"/>
                      <a:gd name="connsiteY1" fmla="*/ 244386 h 1717137"/>
                      <a:gd name="connsiteX2" fmla="*/ 87662 w 600220"/>
                      <a:gd name="connsiteY2" fmla="*/ 323530 h 1717137"/>
                      <a:gd name="connsiteX3" fmla="*/ 170889 w 600220"/>
                      <a:gd name="connsiteY3" fmla="*/ 400120 h 1717137"/>
                      <a:gd name="connsiteX4" fmla="*/ 284172 w 600220"/>
                      <a:gd name="connsiteY4" fmla="*/ 691161 h 1717137"/>
                      <a:gd name="connsiteX5" fmla="*/ 358153 w 600220"/>
                      <a:gd name="connsiteY5" fmla="*/ 775411 h 1717137"/>
                      <a:gd name="connsiteX6" fmla="*/ 266529 w 600220"/>
                      <a:gd name="connsiteY6" fmla="*/ 921013 h 1717137"/>
                      <a:gd name="connsiteX7" fmla="*/ 397156 w 600220"/>
                      <a:gd name="connsiteY7" fmla="*/ 1062528 h 1717137"/>
                      <a:gd name="connsiteX8" fmla="*/ 463715 w 600220"/>
                      <a:gd name="connsiteY8" fmla="*/ 1166889 h 1717137"/>
                      <a:gd name="connsiteX9" fmla="*/ 402300 w 600220"/>
                      <a:gd name="connsiteY9" fmla="*/ 1351134 h 1717137"/>
                      <a:gd name="connsiteX10" fmla="*/ 491011 w 600220"/>
                      <a:gd name="connsiteY10" fmla="*/ 1508083 h 1717137"/>
                      <a:gd name="connsiteX11" fmla="*/ 504659 w 600220"/>
                      <a:gd name="connsiteY11" fmla="*/ 1555850 h 1717137"/>
                      <a:gd name="connsiteX12" fmla="*/ 593369 w 600220"/>
                      <a:gd name="connsiteY12" fmla="*/ 1644560 h 1717137"/>
                      <a:gd name="connsiteX13" fmla="*/ 586545 w 600220"/>
                      <a:gd name="connsiteY13" fmla="*/ 1705975 h 1717137"/>
                      <a:gd name="connsiteX14" fmla="*/ 525130 w 600220"/>
                      <a:gd name="connsiteY14" fmla="*/ 1712799 h 1717137"/>
                      <a:gd name="connsiteX15" fmla="*/ 470539 w 600220"/>
                      <a:gd name="connsiteY15" fmla="*/ 1658208 h 1717137"/>
                      <a:gd name="connsiteX16" fmla="*/ 361681 w 600220"/>
                      <a:gd name="connsiteY16" fmla="*/ 1657341 h 1717137"/>
                      <a:gd name="connsiteX17" fmla="*/ 252039 w 600220"/>
                      <a:gd name="connsiteY17" fmla="*/ 1629668 h 1717137"/>
                      <a:gd name="connsiteX0" fmla="*/ 0 w 600220"/>
                      <a:gd name="connsiteY0" fmla="*/ 0 h 1716264"/>
                      <a:gd name="connsiteX1" fmla="*/ 25241 w 600220"/>
                      <a:gd name="connsiteY1" fmla="*/ 244386 h 1716264"/>
                      <a:gd name="connsiteX2" fmla="*/ 87662 w 600220"/>
                      <a:gd name="connsiteY2" fmla="*/ 323530 h 1716264"/>
                      <a:gd name="connsiteX3" fmla="*/ 170889 w 600220"/>
                      <a:gd name="connsiteY3" fmla="*/ 400120 h 1716264"/>
                      <a:gd name="connsiteX4" fmla="*/ 284172 w 600220"/>
                      <a:gd name="connsiteY4" fmla="*/ 691161 h 1716264"/>
                      <a:gd name="connsiteX5" fmla="*/ 358153 w 600220"/>
                      <a:gd name="connsiteY5" fmla="*/ 775411 h 1716264"/>
                      <a:gd name="connsiteX6" fmla="*/ 266529 w 600220"/>
                      <a:gd name="connsiteY6" fmla="*/ 921013 h 1716264"/>
                      <a:gd name="connsiteX7" fmla="*/ 397156 w 600220"/>
                      <a:gd name="connsiteY7" fmla="*/ 1062528 h 1716264"/>
                      <a:gd name="connsiteX8" fmla="*/ 463715 w 600220"/>
                      <a:gd name="connsiteY8" fmla="*/ 1166889 h 1716264"/>
                      <a:gd name="connsiteX9" fmla="*/ 402300 w 600220"/>
                      <a:gd name="connsiteY9" fmla="*/ 1351134 h 1716264"/>
                      <a:gd name="connsiteX10" fmla="*/ 491011 w 600220"/>
                      <a:gd name="connsiteY10" fmla="*/ 1508083 h 1716264"/>
                      <a:gd name="connsiteX11" fmla="*/ 504659 w 600220"/>
                      <a:gd name="connsiteY11" fmla="*/ 1555850 h 1716264"/>
                      <a:gd name="connsiteX12" fmla="*/ 593369 w 600220"/>
                      <a:gd name="connsiteY12" fmla="*/ 1644560 h 1716264"/>
                      <a:gd name="connsiteX13" fmla="*/ 586545 w 600220"/>
                      <a:gd name="connsiteY13" fmla="*/ 1705975 h 1716264"/>
                      <a:gd name="connsiteX14" fmla="*/ 525130 w 600220"/>
                      <a:gd name="connsiteY14" fmla="*/ 1712799 h 1716264"/>
                      <a:gd name="connsiteX15" fmla="*/ 465145 w 600220"/>
                      <a:gd name="connsiteY15" fmla="*/ 1670122 h 1716264"/>
                      <a:gd name="connsiteX16" fmla="*/ 361681 w 600220"/>
                      <a:gd name="connsiteY16" fmla="*/ 1657341 h 1716264"/>
                      <a:gd name="connsiteX17" fmla="*/ 252039 w 600220"/>
                      <a:gd name="connsiteY17" fmla="*/ 1629668 h 1716264"/>
                      <a:gd name="connsiteX0" fmla="*/ 0 w 600220"/>
                      <a:gd name="connsiteY0" fmla="*/ 0 h 1716264"/>
                      <a:gd name="connsiteX1" fmla="*/ 25241 w 600220"/>
                      <a:gd name="connsiteY1" fmla="*/ 244386 h 1716264"/>
                      <a:gd name="connsiteX2" fmla="*/ 87662 w 600220"/>
                      <a:gd name="connsiteY2" fmla="*/ 323530 h 1716264"/>
                      <a:gd name="connsiteX3" fmla="*/ 170889 w 600220"/>
                      <a:gd name="connsiteY3" fmla="*/ 400120 h 1716264"/>
                      <a:gd name="connsiteX4" fmla="*/ 284172 w 600220"/>
                      <a:gd name="connsiteY4" fmla="*/ 691161 h 1716264"/>
                      <a:gd name="connsiteX5" fmla="*/ 358153 w 600220"/>
                      <a:gd name="connsiteY5" fmla="*/ 775411 h 1716264"/>
                      <a:gd name="connsiteX6" fmla="*/ 266529 w 600220"/>
                      <a:gd name="connsiteY6" fmla="*/ 921013 h 1716264"/>
                      <a:gd name="connsiteX7" fmla="*/ 397156 w 600220"/>
                      <a:gd name="connsiteY7" fmla="*/ 1062528 h 1716264"/>
                      <a:gd name="connsiteX8" fmla="*/ 463715 w 600220"/>
                      <a:gd name="connsiteY8" fmla="*/ 1166889 h 1716264"/>
                      <a:gd name="connsiteX9" fmla="*/ 402300 w 600220"/>
                      <a:gd name="connsiteY9" fmla="*/ 1351134 h 1716264"/>
                      <a:gd name="connsiteX10" fmla="*/ 491011 w 600220"/>
                      <a:gd name="connsiteY10" fmla="*/ 1508083 h 1716264"/>
                      <a:gd name="connsiteX11" fmla="*/ 504659 w 600220"/>
                      <a:gd name="connsiteY11" fmla="*/ 1555850 h 1716264"/>
                      <a:gd name="connsiteX12" fmla="*/ 593369 w 600220"/>
                      <a:gd name="connsiteY12" fmla="*/ 1644560 h 1716264"/>
                      <a:gd name="connsiteX13" fmla="*/ 586545 w 600220"/>
                      <a:gd name="connsiteY13" fmla="*/ 1705975 h 1716264"/>
                      <a:gd name="connsiteX14" fmla="*/ 525130 w 600220"/>
                      <a:gd name="connsiteY14" fmla="*/ 1712799 h 1716264"/>
                      <a:gd name="connsiteX15" fmla="*/ 465145 w 600220"/>
                      <a:gd name="connsiteY15" fmla="*/ 1670122 h 1716264"/>
                      <a:gd name="connsiteX16" fmla="*/ 361681 w 600220"/>
                      <a:gd name="connsiteY16" fmla="*/ 1657341 h 1716264"/>
                      <a:gd name="connsiteX17" fmla="*/ 33565 w 600220"/>
                      <a:gd name="connsiteY17" fmla="*/ 1552227 h 1716264"/>
                      <a:gd name="connsiteX0" fmla="*/ 0 w 600220"/>
                      <a:gd name="connsiteY0" fmla="*/ 0 h 1716264"/>
                      <a:gd name="connsiteX1" fmla="*/ 25241 w 600220"/>
                      <a:gd name="connsiteY1" fmla="*/ 244386 h 1716264"/>
                      <a:gd name="connsiteX2" fmla="*/ 87662 w 600220"/>
                      <a:gd name="connsiteY2" fmla="*/ 323530 h 1716264"/>
                      <a:gd name="connsiteX3" fmla="*/ 170889 w 600220"/>
                      <a:gd name="connsiteY3" fmla="*/ 400120 h 1716264"/>
                      <a:gd name="connsiteX4" fmla="*/ 284172 w 600220"/>
                      <a:gd name="connsiteY4" fmla="*/ 691161 h 1716264"/>
                      <a:gd name="connsiteX5" fmla="*/ 358153 w 600220"/>
                      <a:gd name="connsiteY5" fmla="*/ 775411 h 1716264"/>
                      <a:gd name="connsiteX6" fmla="*/ 266529 w 600220"/>
                      <a:gd name="connsiteY6" fmla="*/ 921013 h 1716264"/>
                      <a:gd name="connsiteX7" fmla="*/ 397156 w 600220"/>
                      <a:gd name="connsiteY7" fmla="*/ 1062528 h 1716264"/>
                      <a:gd name="connsiteX8" fmla="*/ 463715 w 600220"/>
                      <a:gd name="connsiteY8" fmla="*/ 1166889 h 1716264"/>
                      <a:gd name="connsiteX9" fmla="*/ 402300 w 600220"/>
                      <a:gd name="connsiteY9" fmla="*/ 1351134 h 1716264"/>
                      <a:gd name="connsiteX10" fmla="*/ 491011 w 600220"/>
                      <a:gd name="connsiteY10" fmla="*/ 1508083 h 1716264"/>
                      <a:gd name="connsiteX11" fmla="*/ 504659 w 600220"/>
                      <a:gd name="connsiteY11" fmla="*/ 1555850 h 1716264"/>
                      <a:gd name="connsiteX12" fmla="*/ 593369 w 600220"/>
                      <a:gd name="connsiteY12" fmla="*/ 1644560 h 1716264"/>
                      <a:gd name="connsiteX13" fmla="*/ 586545 w 600220"/>
                      <a:gd name="connsiteY13" fmla="*/ 1705975 h 1716264"/>
                      <a:gd name="connsiteX14" fmla="*/ 525130 w 600220"/>
                      <a:gd name="connsiteY14" fmla="*/ 1712799 h 1716264"/>
                      <a:gd name="connsiteX15" fmla="*/ 465145 w 600220"/>
                      <a:gd name="connsiteY15" fmla="*/ 1670122 h 1716264"/>
                      <a:gd name="connsiteX16" fmla="*/ 361681 w 600220"/>
                      <a:gd name="connsiteY16" fmla="*/ 1657341 h 1716264"/>
                      <a:gd name="connsiteX17" fmla="*/ 176670 w 600220"/>
                      <a:gd name="connsiteY17" fmla="*/ 1564288 h 1716264"/>
                      <a:gd name="connsiteX18" fmla="*/ 33565 w 600220"/>
                      <a:gd name="connsiteY18" fmla="*/ 1552227 h 1716264"/>
                      <a:gd name="connsiteX0" fmla="*/ 395291 w 995511"/>
                      <a:gd name="connsiteY0" fmla="*/ 0 h 1716264"/>
                      <a:gd name="connsiteX1" fmla="*/ 420532 w 995511"/>
                      <a:gd name="connsiteY1" fmla="*/ 244386 h 1716264"/>
                      <a:gd name="connsiteX2" fmla="*/ 482953 w 995511"/>
                      <a:gd name="connsiteY2" fmla="*/ 323530 h 1716264"/>
                      <a:gd name="connsiteX3" fmla="*/ 566180 w 995511"/>
                      <a:gd name="connsiteY3" fmla="*/ 400120 h 1716264"/>
                      <a:gd name="connsiteX4" fmla="*/ 679463 w 995511"/>
                      <a:gd name="connsiteY4" fmla="*/ 691161 h 1716264"/>
                      <a:gd name="connsiteX5" fmla="*/ 753444 w 995511"/>
                      <a:gd name="connsiteY5" fmla="*/ 775411 h 1716264"/>
                      <a:gd name="connsiteX6" fmla="*/ 661820 w 995511"/>
                      <a:gd name="connsiteY6" fmla="*/ 921013 h 1716264"/>
                      <a:gd name="connsiteX7" fmla="*/ 792447 w 995511"/>
                      <a:gd name="connsiteY7" fmla="*/ 1062528 h 1716264"/>
                      <a:gd name="connsiteX8" fmla="*/ 859006 w 995511"/>
                      <a:gd name="connsiteY8" fmla="*/ 1166889 h 1716264"/>
                      <a:gd name="connsiteX9" fmla="*/ 797591 w 995511"/>
                      <a:gd name="connsiteY9" fmla="*/ 1351134 h 1716264"/>
                      <a:gd name="connsiteX10" fmla="*/ 886302 w 995511"/>
                      <a:gd name="connsiteY10" fmla="*/ 1508083 h 1716264"/>
                      <a:gd name="connsiteX11" fmla="*/ 899950 w 995511"/>
                      <a:gd name="connsiteY11" fmla="*/ 1555850 h 1716264"/>
                      <a:gd name="connsiteX12" fmla="*/ 988660 w 995511"/>
                      <a:gd name="connsiteY12" fmla="*/ 1644560 h 1716264"/>
                      <a:gd name="connsiteX13" fmla="*/ 981836 w 995511"/>
                      <a:gd name="connsiteY13" fmla="*/ 1705975 h 1716264"/>
                      <a:gd name="connsiteX14" fmla="*/ 920421 w 995511"/>
                      <a:gd name="connsiteY14" fmla="*/ 1712799 h 1716264"/>
                      <a:gd name="connsiteX15" fmla="*/ 860436 w 995511"/>
                      <a:gd name="connsiteY15" fmla="*/ 1670122 h 1716264"/>
                      <a:gd name="connsiteX16" fmla="*/ 756972 w 995511"/>
                      <a:gd name="connsiteY16" fmla="*/ 1657341 h 1716264"/>
                      <a:gd name="connsiteX17" fmla="*/ 571961 w 995511"/>
                      <a:gd name="connsiteY17" fmla="*/ 1564288 h 1716264"/>
                      <a:gd name="connsiteX18" fmla="*/ 0 w 995511"/>
                      <a:gd name="connsiteY18" fmla="*/ 1382453 h 1716264"/>
                      <a:gd name="connsiteX0" fmla="*/ 395291 w 995511"/>
                      <a:gd name="connsiteY0" fmla="*/ 0 h 1716264"/>
                      <a:gd name="connsiteX1" fmla="*/ 420532 w 995511"/>
                      <a:gd name="connsiteY1" fmla="*/ 244386 h 1716264"/>
                      <a:gd name="connsiteX2" fmla="*/ 482953 w 995511"/>
                      <a:gd name="connsiteY2" fmla="*/ 323530 h 1716264"/>
                      <a:gd name="connsiteX3" fmla="*/ 566180 w 995511"/>
                      <a:gd name="connsiteY3" fmla="*/ 400120 h 1716264"/>
                      <a:gd name="connsiteX4" fmla="*/ 679463 w 995511"/>
                      <a:gd name="connsiteY4" fmla="*/ 691161 h 1716264"/>
                      <a:gd name="connsiteX5" fmla="*/ 753444 w 995511"/>
                      <a:gd name="connsiteY5" fmla="*/ 775411 h 1716264"/>
                      <a:gd name="connsiteX6" fmla="*/ 661820 w 995511"/>
                      <a:gd name="connsiteY6" fmla="*/ 921013 h 1716264"/>
                      <a:gd name="connsiteX7" fmla="*/ 792447 w 995511"/>
                      <a:gd name="connsiteY7" fmla="*/ 1062528 h 1716264"/>
                      <a:gd name="connsiteX8" fmla="*/ 859006 w 995511"/>
                      <a:gd name="connsiteY8" fmla="*/ 1166889 h 1716264"/>
                      <a:gd name="connsiteX9" fmla="*/ 797591 w 995511"/>
                      <a:gd name="connsiteY9" fmla="*/ 1351134 h 1716264"/>
                      <a:gd name="connsiteX10" fmla="*/ 886302 w 995511"/>
                      <a:gd name="connsiteY10" fmla="*/ 1508083 h 1716264"/>
                      <a:gd name="connsiteX11" fmla="*/ 899950 w 995511"/>
                      <a:gd name="connsiteY11" fmla="*/ 1555850 h 1716264"/>
                      <a:gd name="connsiteX12" fmla="*/ 988660 w 995511"/>
                      <a:gd name="connsiteY12" fmla="*/ 1644560 h 1716264"/>
                      <a:gd name="connsiteX13" fmla="*/ 981836 w 995511"/>
                      <a:gd name="connsiteY13" fmla="*/ 1705975 h 1716264"/>
                      <a:gd name="connsiteX14" fmla="*/ 920421 w 995511"/>
                      <a:gd name="connsiteY14" fmla="*/ 1712799 h 1716264"/>
                      <a:gd name="connsiteX15" fmla="*/ 860436 w 995511"/>
                      <a:gd name="connsiteY15" fmla="*/ 1670122 h 1716264"/>
                      <a:gd name="connsiteX16" fmla="*/ 756972 w 995511"/>
                      <a:gd name="connsiteY16" fmla="*/ 1657341 h 1716264"/>
                      <a:gd name="connsiteX17" fmla="*/ 571961 w 995511"/>
                      <a:gd name="connsiteY17" fmla="*/ 1564288 h 1716264"/>
                      <a:gd name="connsiteX18" fmla="*/ 450588 w 995511"/>
                      <a:gd name="connsiteY18" fmla="*/ 1564288 h 1716264"/>
                      <a:gd name="connsiteX19" fmla="*/ 0 w 995511"/>
                      <a:gd name="connsiteY19" fmla="*/ 1382453 h 1716264"/>
                      <a:gd name="connsiteX0" fmla="*/ 551729 w 1151949"/>
                      <a:gd name="connsiteY0" fmla="*/ 0 h 1716264"/>
                      <a:gd name="connsiteX1" fmla="*/ 576970 w 1151949"/>
                      <a:gd name="connsiteY1" fmla="*/ 244386 h 1716264"/>
                      <a:gd name="connsiteX2" fmla="*/ 639391 w 1151949"/>
                      <a:gd name="connsiteY2" fmla="*/ 323530 h 1716264"/>
                      <a:gd name="connsiteX3" fmla="*/ 722618 w 1151949"/>
                      <a:gd name="connsiteY3" fmla="*/ 400120 h 1716264"/>
                      <a:gd name="connsiteX4" fmla="*/ 835901 w 1151949"/>
                      <a:gd name="connsiteY4" fmla="*/ 691161 h 1716264"/>
                      <a:gd name="connsiteX5" fmla="*/ 909882 w 1151949"/>
                      <a:gd name="connsiteY5" fmla="*/ 775411 h 1716264"/>
                      <a:gd name="connsiteX6" fmla="*/ 818258 w 1151949"/>
                      <a:gd name="connsiteY6" fmla="*/ 921013 h 1716264"/>
                      <a:gd name="connsiteX7" fmla="*/ 948885 w 1151949"/>
                      <a:gd name="connsiteY7" fmla="*/ 1062528 h 1716264"/>
                      <a:gd name="connsiteX8" fmla="*/ 1015444 w 1151949"/>
                      <a:gd name="connsiteY8" fmla="*/ 1166889 h 1716264"/>
                      <a:gd name="connsiteX9" fmla="*/ 954029 w 1151949"/>
                      <a:gd name="connsiteY9" fmla="*/ 1351134 h 1716264"/>
                      <a:gd name="connsiteX10" fmla="*/ 1042740 w 1151949"/>
                      <a:gd name="connsiteY10" fmla="*/ 1508083 h 1716264"/>
                      <a:gd name="connsiteX11" fmla="*/ 1056388 w 1151949"/>
                      <a:gd name="connsiteY11" fmla="*/ 1555850 h 1716264"/>
                      <a:gd name="connsiteX12" fmla="*/ 1145098 w 1151949"/>
                      <a:gd name="connsiteY12" fmla="*/ 1644560 h 1716264"/>
                      <a:gd name="connsiteX13" fmla="*/ 1138274 w 1151949"/>
                      <a:gd name="connsiteY13" fmla="*/ 1705975 h 1716264"/>
                      <a:gd name="connsiteX14" fmla="*/ 1076859 w 1151949"/>
                      <a:gd name="connsiteY14" fmla="*/ 1712799 h 1716264"/>
                      <a:gd name="connsiteX15" fmla="*/ 1016874 w 1151949"/>
                      <a:gd name="connsiteY15" fmla="*/ 1670122 h 1716264"/>
                      <a:gd name="connsiteX16" fmla="*/ 913410 w 1151949"/>
                      <a:gd name="connsiteY16" fmla="*/ 1657341 h 1716264"/>
                      <a:gd name="connsiteX17" fmla="*/ 728399 w 1151949"/>
                      <a:gd name="connsiteY17" fmla="*/ 1564288 h 1716264"/>
                      <a:gd name="connsiteX18" fmla="*/ 607026 w 1151949"/>
                      <a:gd name="connsiteY18" fmla="*/ 1564288 h 1716264"/>
                      <a:gd name="connsiteX19" fmla="*/ 0 w 1151949"/>
                      <a:gd name="connsiteY19" fmla="*/ 1060776 h 1716264"/>
                      <a:gd name="connsiteX0" fmla="*/ 551729 w 1151949"/>
                      <a:gd name="connsiteY0" fmla="*/ 0 h 1716264"/>
                      <a:gd name="connsiteX1" fmla="*/ 576970 w 1151949"/>
                      <a:gd name="connsiteY1" fmla="*/ 244386 h 1716264"/>
                      <a:gd name="connsiteX2" fmla="*/ 639391 w 1151949"/>
                      <a:gd name="connsiteY2" fmla="*/ 323530 h 1716264"/>
                      <a:gd name="connsiteX3" fmla="*/ 722618 w 1151949"/>
                      <a:gd name="connsiteY3" fmla="*/ 400120 h 1716264"/>
                      <a:gd name="connsiteX4" fmla="*/ 835901 w 1151949"/>
                      <a:gd name="connsiteY4" fmla="*/ 691161 h 1716264"/>
                      <a:gd name="connsiteX5" fmla="*/ 909882 w 1151949"/>
                      <a:gd name="connsiteY5" fmla="*/ 775411 h 1716264"/>
                      <a:gd name="connsiteX6" fmla="*/ 818258 w 1151949"/>
                      <a:gd name="connsiteY6" fmla="*/ 921013 h 1716264"/>
                      <a:gd name="connsiteX7" fmla="*/ 948885 w 1151949"/>
                      <a:gd name="connsiteY7" fmla="*/ 1062528 h 1716264"/>
                      <a:gd name="connsiteX8" fmla="*/ 1015444 w 1151949"/>
                      <a:gd name="connsiteY8" fmla="*/ 1166889 h 1716264"/>
                      <a:gd name="connsiteX9" fmla="*/ 954029 w 1151949"/>
                      <a:gd name="connsiteY9" fmla="*/ 1351134 h 1716264"/>
                      <a:gd name="connsiteX10" fmla="*/ 1042740 w 1151949"/>
                      <a:gd name="connsiteY10" fmla="*/ 1508083 h 1716264"/>
                      <a:gd name="connsiteX11" fmla="*/ 1056388 w 1151949"/>
                      <a:gd name="connsiteY11" fmla="*/ 1555850 h 1716264"/>
                      <a:gd name="connsiteX12" fmla="*/ 1145098 w 1151949"/>
                      <a:gd name="connsiteY12" fmla="*/ 1644560 h 1716264"/>
                      <a:gd name="connsiteX13" fmla="*/ 1138274 w 1151949"/>
                      <a:gd name="connsiteY13" fmla="*/ 1705975 h 1716264"/>
                      <a:gd name="connsiteX14" fmla="*/ 1076859 w 1151949"/>
                      <a:gd name="connsiteY14" fmla="*/ 1712799 h 1716264"/>
                      <a:gd name="connsiteX15" fmla="*/ 1016874 w 1151949"/>
                      <a:gd name="connsiteY15" fmla="*/ 1670122 h 1716264"/>
                      <a:gd name="connsiteX16" fmla="*/ 913410 w 1151949"/>
                      <a:gd name="connsiteY16" fmla="*/ 1657341 h 1716264"/>
                      <a:gd name="connsiteX17" fmla="*/ 728399 w 1151949"/>
                      <a:gd name="connsiteY17" fmla="*/ 1564288 h 1716264"/>
                      <a:gd name="connsiteX18" fmla="*/ 607026 w 1151949"/>
                      <a:gd name="connsiteY18" fmla="*/ 1564288 h 1716264"/>
                      <a:gd name="connsiteX19" fmla="*/ 86465 w 1151949"/>
                      <a:gd name="connsiteY19" fmla="*/ 1311116 h 1716264"/>
                      <a:gd name="connsiteX20" fmla="*/ 0 w 1151949"/>
                      <a:gd name="connsiteY20" fmla="*/ 1060776 h 1716264"/>
                      <a:gd name="connsiteX0" fmla="*/ 551729 w 1151949"/>
                      <a:gd name="connsiteY0" fmla="*/ 0 h 1716264"/>
                      <a:gd name="connsiteX1" fmla="*/ 576970 w 1151949"/>
                      <a:gd name="connsiteY1" fmla="*/ 244386 h 1716264"/>
                      <a:gd name="connsiteX2" fmla="*/ 639391 w 1151949"/>
                      <a:gd name="connsiteY2" fmla="*/ 323530 h 1716264"/>
                      <a:gd name="connsiteX3" fmla="*/ 722618 w 1151949"/>
                      <a:gd name="connsiteY3" fmla="*/ 400120 h 1716264"/>
                      <a:gd name="connsiteX4" fmla="*/ 835901 w 1151949"/>
                      <a:gd name="connsiteY4" fmla="*/ 691161 h 1716264"/>
                      <a:gd name="connsiteX5" fmla="*/ 909882 w 1151949"/>
                      <a:gd name="connsiteY5" fmla="*/ 775411 h 1716264"/>
                      <a:gd name="connsiteX6" fmla="*/ 818258 w 1151949"/>
                      <a:gd name="connsiteY6" fmla="*/ 921013 h 1716264"/>
                      <a:gd name="connsiteX7" fmla="*/ 948885 w 1151949"/>
                      <a:gd name="connsiteY7" fmla="*/ 1062528 h 1716264"/>
                      <a:gd name="connsiteX8" fmla="*/ 1015444 w 1151949"/>
                      <a:gd name="connsiteY8" fmla="*/ 1166889 h 1716264"/>
                      <a:gd name="connsiteX9" fmla="*/ 954029 w 1151949"/>
                      <a:gd name="connsiteY9" fmla="*/ 1351134 h 1716264"/>
                      <a:gd name="connsiteX10" fmla="*/ 1042740 w 1151949"/>
                      <a:gd name="connsiteY10" fmla="*/ 1508083 h 1716264"/>
                      <a:gd name="connsiteX11" fmla="*/ 1056388 w 1151949"/>
                      <a:gd name="connsiteY11" fmla="*/ 1555850 h 1716264"/>
                      <a:gd name="connsiteX12" fmla="*/ 1145098 w 1151949"/>
                      <a:gd name="connsiteY12" fmla="*/ 1644560 h 1716264"/>
                      <a:gd name="connsiteX13" fmla="*/ 1138274 w 1151949"/>
                      <a:gd name="connsiteY13" fmla="*/ 1705975 h 1716264"/>
                      <a:gd name="connsiteX14" fmla="*/ 1076859 w 1151949"/>
                      <a:gd name="connsiteY14" fmla="*/ 1712799 h 1716264"/>
                      <a:gd name="connsiteX15" fmla="*/ 1016874 w 1151949"/>
                      <a:gd name="connsiteY15" fmla="*/ 1670122 h 1716264"/>
                      <a:gd name="connsiteX16" fmla="*/ 913410 w 1151949"/>
                      <a:gd name="connsiteY16" fmla="*/ 1657341 h 1716264"/>
                      <a:gd name="connsiteX17" fmla="*/ 728399 w 1151949"/>
                      <a:gd name="connsiteY17" fmla="*/ 1564288 h 1716264"/>
                      <a:gd name="connsiteX18" fmla="*/ 607026 w 1151949"/>
                      <a:gd name="connsiteY18" fmla="*/ 1564288 h 1716264"/>
                      <a:gd name="connsiteX19" fmla="*/ 224023 w 1151949"/>
                      <a:gd name="connsiteY19" fmla="*/ 1412385 h 1716264"/>
                      <a:gd name="connsiteX20" fmla="*/ 86465 w 1151949"/>
                      <a:gd name="connsiteY20" fmla="*/ 1311116 h 1716264"/>
                      <a:gd name="connsiteX21" fmla="*/ 0 w 1151949"/>
                      <a:gd name="connsiteY21" fmla="*/ 1060776 h 1716264"/>
                      <a:gd name="connsiteX0" fmla="*/ 551729 w 1151949"/>
                      <a:gd name="connsiteY0" fmla="*/ 0 h 1716264"/>
                      <a:gd name="connsiteX1" fmla="*/ 576970 w 1151949"/>
                      <a:gd name="connsiteY1" fmla="*/ 244386 h 1716264"/>
                      <a:gd name="connsiteX2" fmla="*/ 639391 w 1151949"/>
                      <a:gd name="connsiteY2" fmla="*/ 323530 h 1716264"/>
                      <a:gd name="connsiteX3" fmla="*/ 722618 w 1151949"/>
                      <a:gd name="connsiteY3" fmla="*/ 400120 h 1716264"/>
                      <a:gd name="connsiteX4" fmla="*/ 835901 w 1151949"/>
                      <a:gd name="connsiteY4" fmla="*/ 691161 h 1716264"/>
                      <a:gd name="connsiteX5" fmla="*/ 909882 w 1151949"/>
                      <a:gd name="connsiteY5" fmla="*/ 775411 h 1716264"/>
                      <a:gd name="connsiteX6" fmla="*/ 818258 w 1151949"/>
                      <a:gd name="connsiteY6" fmla="*/ 921013 h 1716264"/>
                      <a:gd name="connsiteX7" fmla="*/ 948885 w 1151949"/>
                      <a:gd name="connsiteY7" fmla="*/ 1062528 h 1716264"/>
                      <a:gd name="connsiteX8" fmla="*/ 1015444 w 1151949"/>
                      <a:gd name="connsiteY8" fmla="*/ 1166889 h 1716264"/>
                      <a:gd name="connsiteX9" fmla="*/ 954029 w 1151949"/>
                      <a:gd name="connsiteY9" fmla="*/ 1351134 h 1716264"/>
                      <a:gd name="connsiteX10" fmla="*/ 1042740 w 1151949"/>
                      <a:gd name="connsiteY10" fmla="*/ 1508083 h 1716264"/>
                      <a:gd name="connsiteX11" fmla="*/ 1056388 w 1151949"/>
                      <a:gd name="connsiteY11" fmla="*/ 1555850 h 1716264"/>
                      <a:gd name="connsiteX12" fmla="*/ 1145098 w 1151949"/>
                      <a:gd name="connsiteY12" fmla="*/ 1644560 h 1716264"/>
                      <a:gd name="connsiteX13" fmla="*/ 1138274 w 1151949"/>
                      <a:gd name="connsiteY13" fmla="*/ 1705975 h 1716264"/>
                      <a:gd name="connsiteX14" fmla="*/ 1076859 w 1151949"/>
                      <a:gd name="connsiteY14" fmla="*/ 1712799 h 1716264"/>
                      <a:gd name="connsiteX15" fmla="*/ 1016874 w 1151949"/>
                      <a:gd name="connsiteY15" fmla="*/ 1670122 h 1716264"/>
                      <a:gd name="connsiteX16" fmla="*/ 913410 w 1151949"/>
                      <a:gd name="connsiteY16" fmla="*/ 1657341 h 1716264"/>
                      <a:gd name="connsiteX17" fmla="*/ 728399 w 1151949"/>
                      <a:gd name="connsiteY17" fmla="*/ 1564288 h 1716264"/>
                      <a:gd name="connsiteX18" fmla="*/ 607026 w 1151949"/>
                      <a:gd name="connsiteY18" fmla="*/ 1564288 h 1716264"/>
                      <a:gd name="connsiteX19" fmla="*/ 224023 w 1151949"/>
                      <a:gd name="connsiteY19" fmla="*/ 1412385 h 1716264"/>
                      <a:gd name="connsiteX20" fmla="*/ 102649 w 1151949"/>
                      <a:gd name="connsiteY20" fmla="*/ 1302180 h 1716264"/>
                      <a:gd name="connsiteX21" fmla="*/ 0 w 1151949"/>
                      <a:gd name="connsiteY21" fmla="*/ 1060776 h 1716264"/>
                      <a:gd name="connsiteX0" fmla="*/ 551729 w 1151949"/>
                      <a:gd name="connsiteY0" fmla="*/ 0 h 1716264"/>
                      <a:gd name="connsiteX1" fmla="*/ 576970 w 1151949"/>
                      <a:gd name="connsiteY1" fmla="*/ 244386 h 1716264"/>
                      <a:gd name="connsiteX2" fmla="*/ 639391 w 1151949"/>
                      <a:gd name="connsiteY2" fmla="*/ 323530 h 1716264"/>
                      <a:gd name="connsiteX3" fmla="*/ 722618 w 1151949"/>
                      <a:gd name="connsiteY3" fmla="*/ 400120 h 1716264"/>
                      <a:gd name="connsiteX4" fmla="*/ 835901 w 1151949"/>
                      <a:gd name="connsiteY4" fmla="*/ 691161 h 1716264"/>
                      <a:gd name="connsiteX5" fmla="*/ 909882 w 1151949"/>
                      <a:gd name="connsiteY5" fmla="*/ 775411 h 1716264"/>
                      <a:gd name="connsiteX6" fmla="*/ 818258 w 1151949"/>
                      <a:gd name="connsiteY6" fmla="*/ 921013 h 1716264"/>
                      <a:gd name="connsiteX7" fmla="*/ 948885 w 1151949"/>
                      <a:gd name="connsiteY7" fmla="*/ 1062528 h 1716264"/>
                      <a:gd name="connsiteX8" fmla="*/ 1015444 w 1151949"/>
                      <a:gd name="connsiteY8" fmla="*/ 1166889 h 1716264"/>
                      <a:gd name="connsiteX9" fmla="*/ 954029 w 1151949"/>
                      <a:gd name="connsiteY9" fmla="*/ 1351134 h 1716264"/>
                      <a:gd name="connsiteX10" fmla="*/ 1042740 w 1151949"/>
                      <a:gd name="connsiteY10" fmla="*/ 1508083 h 1716264"/>
                      <a:gd name="connsiteX11" fmla="*/ 1056388 w 1151949"/>
                      <a:gd name="connsiteY11" fmla="*/ 1555850 h 1716264"/>
                      <a:gd name="connsiteX12" fmla="*/ 1145098 w 1151949"/>
                      <a:gd name="connsiteY12" fmla="*/ 1644560 h 1716264"/>
                      <a:gd name="connsiteX13" fmla="*/ 1138274 w 1151949"/>
                      <a:gd name="connsiteY13" fmla="*/ 1705975 h 1716264"/>
                      <a:gd name="connsiteX14" fmla="*/ 1076859 w 1151949"/>
                      <a:gd name="connsiteY14" fmla="*/ 1712799 h 1716264"/>
                      <a:gd name="connsiteX15" fmla="*/ 1016874 w 1151949"/>
                      <a:gd name="connsiteY15" fmla="*/ 1670122 h 1716264"/>
                      <a:gd name="connsiteX16" fmla="*/ 913410 w 1151949"/>
                      <a:gd name="connsiteY16" fmla="*/ 1657341 h 1716264"/>
                      <a:gd name="connsiteX17" fmla="*/ 728399 w 1151949"/>
                      <a:gd name="connsiteY17" fmla="*/ 1564288 h 1716264"/>
                      <a:gd name="connsiteX18" fmla="*/ 607026 w 1151949"/>
                      <a:gd name="connsiteY18" fmla="*/ 1564288 h 1716264"/>
                      <a:gd name="connsiteX19" fmla="*/ 224023 w 1151949"/>
                      <a:gd name="connsiteY19" fmla="*/ 1412385 h 1716264"/>
                      <a:gd name="connsiteX20" fmla="*/ 102649 w 1151949"/>
                      <a:gd name="connsiteY20" fmla="*/ 1302180 h 1716264"/>
                      <a:gd name="connsiteX21" fmla="*/ 35218 w 1151949"/>
                      <a:gd name="connsiteY21" fmla="*/ 1200911 h 1716264"/>
                      <a:gd name="connsiteX22" fmla="*/ 0 w 1151949"/>
                      <a:gd name="connsiteY22" fmla="*/ 1060776 h 1716264"/>
                      <a:gd name="connsiteX0" fmla="*/ 670406 w 1270626"/>
                      <a:gd name="connsiteY0" fmla="*/ 0 h 1716264"/>
                      <a:gd name="connsiteX1" fmla="*/ 695647 w 1270626"/>
                      <a:gd name="connsiteY1" fmla="*/ 244386 h 1716264"/>
                      <a:gd name="connsiteX2" fmla="*/ 758068 w 1270626"/>
                      <a:gd name="connsiteY2" fmla="*/ 323530 h 1716264"/>
                      <a:gd name="connsiteX3" fmla="*/ 841295 w 1270626"/>
                      <a:gd name="connsiteY3" fmla="*/ 400120 h 1716264"/>
                      <a:gd name="connsiteX4" fmla="*/ 954578 w 1270626"/>
                      <a:gd name="connsiteY4" fmla="*/ 691161 h 1716264"/>
                      <a:gd name="connsiteX5" fmla="*/ 1028559 w 1270626"/>
                      <a:gd name="connsiteY5" fmla="*/ 775411 h 1716264"/>
                      <a:gd name="connsiteX6" fmla="*/ 936935 w 1270626"/>
                      <a:gd name="connsiteY6" fmla="*/ 921013 h 1716264"/>
                      <a:gd name="connsiteX7" fmla="*/ 1067562 w 1270626"/>
                      <a:gd name="connsiteY7" fmla="*/ 1062528 h 1716264"/>
                      <a:gd name="connsiteX8" fmla="*/ 1134121 w 1270626"/>
                      <a:gd name="connsiteY8" fmla="*/ 1166889 h 1716264"/>
                      <a:gd name="connsiteX9" fmla="*/ 1072706 w 1270626"/>
                      <a:gd name="connsiteY9" fmla="*/ 1351134 h 1716264"/>
                      <a:gd name="connsiteX10" fmla="*/ 1161417 w 1270626"/>
                      <a:gd name="connsiteY10" fmla="*/ 1508083 h 1716264"/>
                      <a:gd name="connsiteX11" fmla="*/ 1175065 w 1270626"/>
                      <a:gd name="connsiteY11" fmla="*/ 1555850 h 1716264"/>
                      <a:gd name="connsiteX12" fmla="*/ 1263775 w 1270626"/>
                      <a:gd name="connsiteY12" fmla="*/ 1644560 h 1716264"/>
                      <a:gd name="connsiteX13" fmla="*/ 1256951 w 1270626"/>
                      <a:gd name="connsiteY13" fmla="*/ 1705975 h 1716264"/>
                      <a:gd name="connsiteX14" fmla="*/ 1195536 w 1270626"/>
                      <a:gd name="connsiteY14" fmla="*/ 1712799 h 1716264"/>
                      <a:gd name="connsiteX15" fmla="*/ 1135551 w 1270626"/>
                      <a:gd name="connsiteY15" fmla="*/ 1670122 h 1716264"/>
                      <a:gd name="connsiteX16" fmla="*/ 1032087 w 1270626"/>
                      <a:gd name="connsiteY16" fmla="*/ 1657341 h 1716264"/>
                      <a:gd name="connsiteX17" fmla="*/ 847076 w 1270626"/>
                      <a:gd name="connsiteY17" fmla="*/ 1564288 h 1716264"/>
                      <a:gd name="connsiteX18" fmla="*/ 725703 w 1270626"/>
                      <a:gd name="connsiteY18" fmla="*/ 1564288 h 1716264"/>
                      <a:gd name="connsiteX19" fmla="*/ 342700 w 1270626"/>
                      <a:gd name="connsiteY19" fmla="*/ 1412385 h 1716264"/>
                      <a:gd name="connsiteX20" fmla="*/ 221326 w 1270626"/>
                      <a:gd name="connsiteY20" fmla="*/ 1302180 h 1716264"/>
                      <a:gd name="connsiteX21" fmla="*/ 153895 w 1270626"/>
                      <a:gd name="connsiteY21" fmla="*/ 1200911 h 1716264"/>
                      <a:gd name="connsiteX22" fmla="*/ 0 w 1270626"/>
                      <a:gd name="connsiteY22" fmla="*/ 914830 h 1716264"/>
                      <a:gd name="connsiteX0" fmla="*/ 670406 w 1270626"/>
                      <a:gd name="connsiteY0" fmla="*/ 0 h 1716264"/>
                      <a:gd name="connsiteX1" fmla="*/ 695647 w 1270626"/>
                      <a:gd name="connsiteY1" fmla="*/ 244386 h 1716264"/>
                      <a:gd name="connsiteX2" fmla="*/ 758068 w 1270626"/>
                      <a:gd name="connsiteY2" fmla="*/ 323530 h 1716264"/>
                      <a:gd name="connsiteX3" fmla="*/ 841295 w 1270626"/>
                      <a:gd name="connsiteY3" fmla="*/ 400120 h 1716264"/>
                      <a:gd name="connsiteX4" fmla="*/ 954578 w 1270626"/>
                      <a:gd name="connsiteY4" fmla="*/ 691161 h 1716264"/>
                      <a:gd name="connsiteX5" fmla="*/ 1028559 w 1270626"/>
                      <a:gd name="connsiteY5" fmla="*/ 775411 h 1716264"/>
                      <a:gd name="connsiteX6" fmla="*/ 936935 w 1270626"/>
                      <a:gd name="connsiteY6" fmla="*/ 921013 h 1716264"/>
                      <a:gd name="connsiteX7" fmla="*/ 1067562 w 1270626"/>
                      <a:gd name="connsiteY7" fmla="*/ 1062528 h 1716264"/>
                      <a:gd name="connsiteX8" fmla="*/ 1134121 w 1270626"/>
                      <a:gd name="connsiteY8" fmla="*/ 1166889 h 1716264"/>
                      <a:gd name="connsiteX9" fmla="*/ 1072706 w 1270626"/>
                      <a:gd name="connsiteY9" fmla="*/ 1351134 h 1716264"/>
                      <a:gd name="connsiteX10" fmla="*/ 1161417 w 1270626"/>
                      <a:gd name="connsiteY10" fmla="*/ 1508083 h 1716264"/>
                      <a:gd name="connsiteX11" fmla="*/ 1175065 w 1270626"/>
                      <a:gd name="connsiteY11" fmla="*/ 1555850 h 1716264"/>
                      <a:gd name="connsiteX12" fmla="*/ 1263775 w 1270626"/>
                      <a:gd name="connsiteY12" fmla="*/ 1644560 h 1716264"/>
                      <a:gd name="connsiteX13" fmla="*/ 1256951 w 1270626"/>
                      <a:gd name="connsiteY13" fmla="*/ 1705975 h 1716264"/>
                      <a:gd name="connsiteX14" fmla="*/ 1195536 w 1270626"/>
                      <a:gd name="connsiteY14" fmla="*/ 1712799 h 1716264"/>
                      <a:gd name="connsiteX15" fmla="*/ 1135551 w 1270626"/>
                      <a:gd name="connsiteY15" fmla="*/ 1670122 h 1716264"/>
                      <a:gd name="connsiteX16" fmla="*/ 1032087 w 1270626"/>
                      <a:gd name="connsiteY16" fmla="*/ 1657341 h 1716264"/>
                      <a:gd name="connsiteX17" fmla="*/ 847076 w 1270626"/>
                      <a:gd name="connsiteY17" fmla="*/ 1564288 h 1716264"/>
                      <a:gd name="connsiteX18" fmla="*/ 725703 w 1270626"/>
                      <a:gd name="connsiteY18" fmla="*/ 1564288 h 1716264"/>
                      <a:gd name="connsiteX19" fmla="*/ 342700 w 1270626"/>
                      <a:gd name="connsiteY19" fmla="*/ 1412385 h 1716264"/>
                      <a:gd name="connsiteX20" fmla="*/ 221326 w 1270626"/>
                      <a:gd name="connsiteY20" fmla="*/ 1302180 h 1716264"/>
                      <a:gd name="connsiteX21" fmla="*/ 153895 w 1270626"/>
                      <a:gd name="connsiteY21" fmla="*/ 1200911 h 1716264"/>
                      <a:gd name="connsiteX22" fmla="*/ 99951 w 1270626"/>
                      <a:gd name="connsiteY22" fmla="*/ 1016244 h 1716264"/>
                      <a:gd name="connsiteX23" fmla="*/ 0 w 1270626"/>
                      <a:gd name="connsiteY23" fmla="*/ 914830 h 1716264"/>
                      <a:gd name="connsiteX0" fmla="*/ 859211 w 1459431"/>
                      <a:gd name="connsiteY0" fmla="*/ 0 h 1716264"/>
                      <a:gd name="connsiteX1" fmla="*/ 884452 w 1459431"/>
                      <a:gd name="connsiteY1" fmla="*/ 244386 h 1716264"/>
                      <a:gd name="connsiteX2" fmla="*/ 946873 w 1459431"/>
                      <a:gd name="connsiteY2" fmla="*/ 323530 h 1716264"/>
                      <a:gd name="connsiteX3" fmla="*/ 1030100 w 1459431"/>
                      <a:gd name="connsiteY3" fmla="*/ 400120 h 1716264"/>
                      <a:gd name="connsiteX4" fmla="*/ 1143383 w 1459431"/>
                      <a:gd name="connsiteY4" fmla="*/ 691161 h 1716264"/>
                      <a:gd name="connsiteX5" fmla="*/ 1217364 w 1459431"/>
                      <a:gd name="connsiteY5" fmla="*/ 775411 h 1716264"/>
                      <a:gd name="connsiteX6" fmla="*/ 1125740 w 1459431"/>
                      <a:gd name="connsiteY6" fmla="*/ 921013 h 1716264"/>
                      <a:gd name="connsiteX7" fmla="*/ 1256367 w 1459431"/>
                      <a:gd name="connsiteY7" fmla="*/ 1062528 h 1716264"/>
                      <a:gd name="connsiteX8" fmla="*/ 1322926 w 1459431"/>
                      <a:gd name="connsiteY8" fmla="*/ 1166889 h 1716264"/>
                      <a:gd name="connsiteX9" fmla="*/ 1261511 w 1459431"/>
                      <a:gd name="connsiteY9" fmla="*/ 1351134 h 1716264"/>
                      <a:gd name="connsiteX10" fmla="*/ 1350222 w 1459431"/>
                      <a:gd name="connsiteY10" fmla="*/ 1508083 h 1716264"/>
                      <a:gd name="connsiteX11" fmla="*/ 1363870 w 1459431"/>
                      <a:gd name="connsiteY11" fmla="*/ 1555850 h 1716264"/>
                      <a:gd name="connsiteX12" fmla="*/ 1452580 w 1459431"/>
                      <a:gd name="connsiteY12" fmla="*/ 1644560 h 1716264"/>
                      <a:gd name="connsiteX13" fmla="*/ 1445756 w 1459431"/>
                      <a:gd name="connsiteY13" fmla="*/ 1705975 h 1716264"/>
                      <a:gd name="connsiteX14" fmla="*/ 1384341 w 1459431"/>
                      <a:gd name="connsiteY14" fmla="*/ 1712799 h 1716264"/>
                      <a:gd name="connsiteX15" fmla="*/ 1324356 w 1459431"/>
                      <a:gd name="connsiteY15" fmla="*/ 1670122 h 1716264"/>
                      <a:gd name="connsiteX16" fmla="*/ 1220892 w 1459431"/>
                      <a:gd name="connsiteY16" fmla="*/ 1657341 h 1716264"/>
                      <a:gd name="connsiteX17" fmla="*/ 1035881 w 1459431"/>
                      <a:gd name="connsiteY17" fmla="*/ 1564288 h 1716264"/>
                      <a:gd name="connsiteX18" fmla="*/ 914508 w 1459431"/>
                      <a:gd name="connsiteY18" fmla="*/ 1564288 h 1716264"/>
                      <a:gd name="connsiteX19" fmla="*/ 531505 w 1459431"/>
                      <a:gd name="connsiteY19" fmla="*/ 1412385 h 1716264"/>
                      <a:gd name="connsiteX20" fmla="*/ 410131 w 1459431"/>
                      <a:gd name="connsiteY20" fmla="*/ 1302180 h 1716264"/>
                      <a:gd name="connsiteX21" fmla="*/ 342700 w 1459431"/>
                      <a:gd name="connsiteY21" fmla="*/ 1200911 h 1716264"/>
                      <a:gd name="connsiteX22" fmla="*/ 288756 w 1459431"/>
                      <a:gd name="connsiteY22" fmla="*/ 1016244 h 1716264"/>
                      <a:gd name="connsiteX23" fmla="*/ 0 w 1459431"/>
                      <a:gd name="connsiteY23" fmla="*/ 706335 h 1716264"/>
                      <a:gd name="connsiteX0" fmla="*/ 859211 w 1459431"/>
                      <a:gd name="connsiteY0" fmla="*/ 0 h 1716264"/>
                      <a:gd name="connsiteX1" fmla="*/ 884452 w 1459431"/>
                      <a:gd name="connsiteY1" fmla="*/ 244386 h 1716264"/>
                      <a:gd name="connsiteX2" fmla="*/ 946873 w 1459431"/>
                      <a:gd name="connsiteY2" fmla="*/ 323530 h 1716264"/>
                      <a:gd name="connsiteX3" fmla="*/ 1030100 w 1459431"/>
                      <a:gd name="connsiteY3" fmla="*/ 400120 h 1716264"/>
                      <a:gd name="connsiteX4" fmla="*/ 1143383 w 1459431"/>
                      <a:gd name="connsiteY4" fmla="*/ 691161 h 1716264"/>
                      <a:gd name="connsiteX5" fmla="*/ 1217364 w 1459431"/>
                      <a:gd name="connsiteY5" fmla="*/ 775411 h 1716264"/>
                      <a:gd name="connsiteX6" fmla="*/ 1125740 w 1459431"/>
                      <a:gd name="connsiteY6" fmla="*/ 921013 h 1716264"/>
                      <a:gd name="connsiteX7" fmla="*/ 1256367 w 1459431"/>
                      <a:gd name="connsiteY7" fmla="*/ 1062528 h 1716264"/>
                      <a:gd name="connsiteX8" fmla="*/ 1322926 w 1459431"/>
                      <a:gd name="connsiteY8" fmla="*/ 1166889 h 1716264"/>
                      <a:gd name="connsiteX9" fmla="*/ 1261511 w 1459431"/>
                      <a:gd name="connsiteY9" fmla="*/ 1351134 h 1716264"/>
                      <a:gd name="connsiteX10" fmla="*/ 1350222 w 1459431"/>
                      <a:gd name="connsiteY10" fmla="*/ 1508083 h 1716264"/>
                      <a:gd name="connsiteX11" fmla="*/ 1363870 w 1459431"/>
                      <a:gd name="connsiteY11" fmla="*/ 1555850 h 1716264"/>
                      <a:gd name="connsiteX12" fmla="*/ 1452580 w 1459431"/>
                      <a:gd name="connsiteY12" fmla="*/ 1644560 h 1716264"/>
                      <a:gd name="connsiteX13" fmla="*/ 1445756 w 1459431"/>
                      <a:gd name="connsiteY13" fmla="*/ 1705975 h 1716264"/>
                      <a:gd name="connsiteX14" fmla="*/ 1384341 w 1459431"/>
                      <a:gd name="connsiteY14" fmla="*/ 1712799 h 1716264"/>
                      <a:gd name="connsiteX15" fmla="*/ 1324356 w 1459431"/>
                      <a:gd name="connsiteY15" fmla="*/ 1670122 h 1716264"/>
                      <a:gd name="connsiteX16" fmla="*/ 1220892 w 1459431"/>
                      <a:gd name="connsiteY16" fmla="*/ 1657341 h 1716264"/>
                      <a:gd name="connsiteX17" fmla="*/ 1035881 w 1459431"/>
                      <a:gd name="connsiteY17" fmla="*/ 1564288 h 1716264"/>
                      <a:gd name="connsiteX18" fmla="*/ 914508 w 1459431"/>
                      <a:gd name="connsiteY18" fmla="*/ 1564288 h 1716264"/>
                      <a:gd name="connsiteX19" fmla="*/ 531505 w 1459431"/>
                      <a:gd name="connsiteY19" fmla="*/ 1412385 h 1716264"/>
                      <a:gd name="connsiteX20" fmla="*/ 410131 w 1459431"/>
                      <a:gd name="connsiteY20" fmla="*/ 1302180 h 1716264"/>
                      <a:gd name="connsiteX21" fmla="*/ 342700 w 1459431"/>
                      <a:gd name="connsiteY21" fmla="*/ 1200911 h 1716264"/>
                      <a:gd name="connsiteX22" fmla="*/ 288756 w 1459431"/>
                      <a:gd name="connsiteY22" fmla="*/ 1016244 h 1716264"/>
                      <a:gd name="connsiteX23" fmla="*/ 175472 w 1459431"/>
                      <a:gd name="connsiteY23" fmla="*/ 769029 h 1716264"/>
                      <a:gd name="connsiteX24" fmla="*/ 0 w 1459431"/>
                      <a:gd name="connsiteY24" fmla="*/ 706335 h 1716264"/>
                      <a:gd name="connsiteX0" fmla="*/ 859211 w 1459431"/>
                      <a:gd name="connsiteY0" fmla="*/ 0 h 1716264"/>
                      <a:gd name="connsiteX1" fmla="*/ 884452 w 1459431"/>
                      <a:gd name="connsiteY1" fmla="*/ 244386 h 1716264"/>
                      <a:gd name="connsiteX2" fmla="*/ 946873 w 1459431"/>
                      <a:gd name="connsiteY2" fmla="*/ 323530 h 1716264"/>
                      <a:gd name="connsiteX3" fmla="*/ 1030100 w 1459431"/>
                      <a:gd name="connsiteY3" fmla="*/ 400120 h 1716264"/>
                      <a:gd name="connsiteX4" fmla="*/ 1143383 w 1459431"/>
                      <a:gd name="connsiteY4" fmla="*/ 691161 h 1716264"/>
                      <a:gd name="connsiteX5" fmla="*/ 1217364 w 1459431"/>
                      <a:gd name="connsiteY5" fmla="*/ 775411 h 1716264"/>
                      <a:gd name="connsiteX6" fmla="*/ 1125740 w 1459431"/>
                      <a:gd name="connsiteY6" fmla="*/ 921013 h 1716264"/>
                      <a:gd name="connsiteX7" fmla="*/ 1256367 w 1459431"/>
                      <a:gd name="connsiteY7" fmla="*/ 1062528 h 1716264"/>
                      <a:gd name="connsiteX8" fmla="*/ 1322926 w 1459431"/>
                      <a:gd name="connsiteY8" fmla="*/ 1166889 h 1716264"/>
                      <a:gd name="connsiteX9" fmla="*/ 1261511 w 1459431"/>
                      <a:gd name="connsiteY9" fmla="*/ 1351134 h 1716264"/>
                      <a:gd name="connsiteX10" fmla="*/ 1350222 w 1459431"/>
                      <a:gd name="connsiteY10" fmla="*/ 1508083 h 1716264"/>
                      <a:gd name="connsiteX11" fmla="*/ 1363870 w 1459431"/>
                      <a:gd name="connsiteY11" fmla="*/ 1555850 h 1716264"/>
                      <a:gd name="connsiteX12" fmla="*/ 1452580 w 1459431"/>
                      <a:gd name="connsiteY12" fmla="*/ 1644560 h 1716264"/>
                      <a:gd name="connsiteX13" fmla="*/ 1445756 w 1459431"/>
                      <a:gd name="connsiteY13" fmla="*/ 1705975 h 1716264"/>
                      <a:gd name="connsiteX14" fmla="*/ 1384341 w 1459431"/>
                      <a:gd name="connsiteY14" fmla="*/ 1712799 h 1716264"/>
                      <a:gd name="connsiteX15" fmla="*/ 1324356 w 1459431"/>
                      <a:gd name="connsiteY15" fmla="*/ 1670122 h 1716264"/>
                      <a:gd name="connsiteX16" fmla="*/ 1220892 w 1459431"/>
                      <a:gd name="connsiteY16" fmla="*/ 1657341 h 1716264"/>
                      <a:gd name="connsiteX17" fmla="*/ 1035881 w 1459431"/>
                      <a:gd name="connsiteY17" fmla="*/ 1564288 h 1716264"/>
                      <a:gd name="connsiteX18" fmla="*/ 914508 w 1459431"/>
                      <a:gd name="connsiteY18" fmla="*/ 1564288 h 1716264"/>
                      <a:gd name="connsiteX19" fmla="*/ 531505 w 1459431"/>
                      <a:gd name="connsiteY19" fmla="*/ 1412385 h 1716264"/>
                      <a:gd name="connsiteX20" fmla="*/ 410131 w 1459431"/>
                      <a:gd name="connsiteY20" fmla="*/ 1302180 h 1716264"/>
                      <a:gd name="connsiteX21" fmla="*/ 342700 w 1459431"/>
                      <a:gd name="connsiteY21" fmla="*/ 1200911 h 1716264"/>
                      <a:gd name="connsiteX22" fmla="*/ 288756 w 1459431"/>
                      <a:gd name="connsiteY22" fmla="*/ 1016244 h 1716264"/>
                      <a:gd name="connsiteX23" fmla="*/ 175472 w 1459431"/>
                      <a:gd name="connsiteY23" fmla="*/ 769029 h 1716264"/>
                      <a:gd name="connsiteX24" fmla="*/ 0 w 1459431"/>
                      <a:gd name="connsiteY24" fmla="*/ 706335 h 1716264"/>
                      <a:gd name="connsiteX0" fmla="*/ 859211 w 1459431"/>
                      <a:gd name="connsiteY0" fmla="*/ 0 h 1716264"/>
                      <a:gd name="connsiteX1" fmla="*/ 884452 w 1459431"/>
                      <a:gd name="connsiteY1" fmla="*/ 244386 h 1716264"/>
                      <a:gd name="connsiteX2" fmla="*/ 946873 w 1459431"/>
                      <a:gd name="connsiteY2" fmla="*/ 323530 h 1716264"/>
                      <a:gd name="connsiteX3" fmla="*/ 1030100 w 1459431"/>
                      <a:gd name="connsiteY3" fmla="*/ 400120 h 1716264"/>
                      <a:gd name="connsiteX4" fmla="*/ 1143383 w 1459431"/>
                      <a:gd name="connsiteY4" fmla="*/ 691161 h 1716264"/>
                      <a:gd name="connsiteX5" fmla="*/ 1217364 w 1459431"/>
                      <a:gd name="connsiteY5" fmla="*/ 775411 h 1716264"/>
                      <a:gd name="connsiteX6" fmla="*/ 1125740 w 1459431"/>
                      <a:gd name="connsiteY6" fmla="*/ 921013 h 1716264"/>
                      <a:gd name="connsiteX7" fmla="*/ 1256367 w 1459431"/>
                      <a:gd name="connsiteY7" fmla="*/ 1062528 h 1716264"/>
                      <a:gd name="connsiteX8" fmla="*/ 1322926 w 1459431"/>
                      <a:gd name="connsiteY8" fmla="*/ 1166889 h 1716264"/>
                      <a:gd name="connsiteX9" fmla="*/ 1261511 w 1459431"/>
                      <a:gd name="connsiteY9" fmla="*/ 1351134 h 1716264"/>
                      <a:gd name="connsiteX10" fmla="*/ 1350222 w 1459431"/>
                      <a:gd name="connsiteY10" fmla="*/ 1508083 h 1716264"/>
                      <a:gd name="connsiteX11" fmla="*/ 1363870 w 1459431"/>
                      <a:gd name="connsiteY11" fmla="*/ 1555850 h 1716264"/>
                      <a:gd name="connsiteX12" fmla="*/ 1452580 w 1459431"/>
                      <a:gd name="connsiteY12" fmla="*/ 1644560 h 1716264"/>
                      <a:gd name="connsiteX13" fmla="*/ 1445756 w 1459431"/>
                      <a:gd name="connsiteY13" fmla="*/ 1705975 h 1716264"/>
                      <a:gd name="connsiteX14" fmla="*/ 1384341 w 1459431"/>
                      <a:gd name="connsiteY14" fmla="*/ 1712799 h 1716264"/>
                      <a:gd name="connsiteX15" fmla="*/ 1324356 w 1459431"/>
                      <a:gd name="connsiteY15" fmla="*/ 1670122 h 1716264"/>
                      <a:gd name="connsiteX16" fmla="*/ 1220892 w 1459431"/>
                      <a:gd name="connsiteY16" fmla="*/ 1657341 h 1716264"/>
                      <a:gd name="connsiteX17" fmla="*/ 1035881 w 1459431"/>
                      <a:gd name="connsiteY17" fmla="*/ 1564288 h 1716264"/>
                      <a:gd name="connsiteX18" fmla="*/ 914508 w 1459431"/>
                      <a:gd name="connsiteY18" fmla="*/ 1564288 h 1716264"/>
                      <a:gd name="connsiteX19" fmla="*/ 531505 w 1459431"/>
                      <a:gd name="connsiteY19" fmla="*/ 1412385 h 1716264"/>
                      <a:gd name="connsiteX20" fmla="*/ 410131 w 1459431"/>
                      <a:gd name="connsiteY20" fmla="*/ 1302180 h 1716264"/>
                      <a:gd name="connsiteX21" fmla="*/ 342700 w 1459431"/>
                      <a:gd name="connsiteY21" fmla="*/ 1200911 h 1716264"/>
                      <a:gd name="connsiteX22" fmla="*/ 288756 w 1459431"/>
                      <a:gd name="connsiteY22" fmla="*/ 1016244 h 1716264"/>
                      <a:gd name="connsiteX23" fmla="*/ 205142 w 1459431"/>
                      <a:gd name="connsiteY23" fmla="*/ 950717 h 1716264"/>
                      <a:gd name="connsiteX24" fmla="*/ 175472 w 1459431"/>
                      <a:gd name="connsiteY24" fmla="*/ 769029 h 1716264"/>
                      <a:gd name="connsiteX25" fmla="*/ 0 w 1459431"/>
                      <a:gd name="connsiteY25" fmla="*/ 706335 h 1716264"/>
                      <a:gd name="connsiteX0" fmla="*/ 880789 w 1481009"/>
                      <a:gd name="connsiteY0" fmla="*/ 0 h 1716264"/>
                      <a:gd name="connsiteX1" fmla="*/ 906030 w 1481009"/>
                      <a:gd name="connsiteY1" fmla="*/ 244386 h 1716264"/>
                      <a:gd name="connsiteX2" fmla="*/ 968451 w 1481009"/>
                      <a:gd name="connsiteY2" fmla="*/ 323530 h 1716264"/>
                      <a:gd name="connsiteX3" fmla="*/ 1051678 w 1481009"/>
                      <a:gd name="connsiteY3" fmla="*/ 400120 h 1716264"/>
                      <a:gd name="connsiteX4" fmla="*/ 1164961 w 1481009"/>
                      <a:gd name="connsiteY4" fmla="*/ 691161 h 1716264"/>
                      <a:gd name="connsiteX5" fmla="*/ 1238942 w 1481009"/>
                      <a:gd name="connsiteY5" fmla="*/ 775411 h 1716264"/>
                      <a:gd name="connsiteX6" fmla="*/ 1147318 w 1481009"/>
                      <a:gd name="connsiteY6" fmla="*/ 921013 h 1716264"/>
                      <a:gd name="connsiteX7" fmla="*/ 1277945 w 1481009"/>
                      <a:gd name="connsiteY7" fmla="*/ 1062528 h 1716264"/>
                      <a:gd name="connsiteX8" fmla="*/ 1344504 w 1481009"/>
                      <a:gd name="connsiteY8" fmla="*/ 1166889 h 1716264"/>
                      <a:gd name="connsiteX9" fmla="*/ 1283089 w 1481009"/>
                      <a:gd name="connsiteY9" fmla="*/ 1351134 h 1716264"/>
                      <a:gd name="connsiteX10" fmla="*/ 1371800 w 1481009"/>
                      <a:gd name="connsiteY10" fmla="*/ 1508083 h 1716264"/>
                      <a:gd name="connsiteX11" fmla="*/ 1385448 w 1481009"/>
                      <a:gd name="connsiteY11" fmla="*/ 1555850 h 1716264"/>
                      <a:gd name="connsiteX12" fmla="*/ 1474158 w 1481009"/>
                      <a:gd name="connsiteY12" fmla="*/ 1644560 h 1716264"/>
                      <a:gd name="connsiteX13" fmla="*/ 1467334 w 1481009"/>
                      <a:gd name="connsiteY13" fmla="*/ 1705975 h 1716264"/>
                      <a:gd name="connsiteX14" fmla="*/ 1405919 w 1481009"/>
                      <a:gd name="connsiteY14" fmla="*/ 1712799 h 1716264"/>
                      <a:gd name="connsiteX15" fmla="*/ 1345934 w 1481009"/>
                      <a:gd name="connsiteY15" fmla="*/ 1670122 h 1716264"/>
                      <a:gd name="connsiteX16" fmla="*/ 1242470 w 1481009"/>
                      <a:gd name="connsiteY16" fmla="*/ 1657341 h 1716264"/>
                      <a:gd name="connsiteX17" fmla="*/ 1057459 w 1481009"/>
                      <a:gd name="connsiteY17" fmla="*/ 1564288 h 1716264"/>
                      <a:gd name="connsiteX18" fmla="*/ 936086 w 1481009"/>
                      <a:gd name="connsiteY18" fmla="*/ 1564288 h 1716264"/>
                      <a:gd name="connsiteX19" fmla="*/ 553083 w 1481009"/>
                      <a:gd name="connsiteY19" fmla="*/ 1412385 h 1716264"/>
                      <a:gd name="connsiteX20" fmla="*/ 431709 w 1481009"/>
                      <a:gd name="connsiteY20" fmla="*/ 1302180 h 1716264"/>
                      <a:gd name="connsiteX21" fmla="*/ 364278 w 1481009"/>
                      <a:gd name="connsiteY21" fmla="*/ 1200911 h 1716264"/>
                      <a:gd name="connsiteX22" fmla="*/ 310334 w 1481009"/>
                      <a:gd name="connsiteY22" fmla="*/ 1016244 h 1716264"/>
                      <a:gd name="connsiteX23" fmla="*/ 226720 w 1481009"/>
                      <a:gd name="connsiteY23" fmla="*/ 950717 h 1716264"/>
                      <a:gd name="connsiteX24" fmla="*/ 197050 w 1481009"/>
                      <a:gd name="connsiteY24" fmla="*/ 769029 h 1716264"/>
                      <a:gd name="connsiteX25" fmla="*/ 0 w 1481009"/>
                      <a:gd name="connsiteY25" fmla="*/ 378700 h 1716264"/>
                      <a:gd name="connsiteX0" fmla="*/ 880789 w 1481009"/>
                      <a:gd name="connsiteY0" fmla="*/ 0 h 1716264"/>
                      <a:gd name="connsiteX1" fmla="*/ 906030 w 1481009"/>
                      <a:gd name="connsiteY1" fmla="*/ 244386 h 1716264"/>
                      <a:gd name="connsiteX2" fmla="*/ 968451 w 1481009"/>
                      <a:gd name="connsiteY2" fmla="*/ 323530 h 1716264"/>
                      <a:gd name="connsiteX3" fmla="*/ 1051678 w 1481009"/>
                      <a:gd name="connsiteY3" fmla="*/ 400120 h 1716264"/>
                      <a:gd name="connsiteX4" fmla="*/ 1164961 w 1481009"/>
                      <a:gd name="connsiteY4" fmla="*/ 691161 h 1716264"/>
                      <a:gd name="connsiteX5" fmla="*/ 1238942 w 1481009"/>
                      <a:gd name="connsiteY5" fmla="*/ 775411 h 1716264"/>
                      <a:gd name="connsiteX6" fmla="*/ 1147318 w 1481009"/>
                      <a:gd name="connsiteY6" fmla="*/ 921013 h 1716264"/>
                      <a:gd name="connsiteX7" fmla="*/ 1277945 w 1481009"/>
                      <a:gd name="connsiteY7" fmla="*/ 1062528 h 1716264"/>
                      <a:gd name="connsiteX8" fmla="*/ 1344504 w 1481009"/>
                      <a:gd name="connsiteY8" fmla="*/ 1166889 h 1716264"/>
                      <a:gd name="connsiteX9" fmla="*/ 1283089 w 1481009"/>
                      <a:gd name="connsiteY9" fmla="*/ 1351134 h 1716264"/>
                      <a:gd name="connsiteX10" fmla="*/ 1371800 w 1481009"/>
                      <a:gd name="connsiteY10" fmla="*/ 1508083 h 1716264"/>
                      <a:gd name="connsiteX11" fmla="*/ 1385448 w 1481009"/>
                      <a:gd name="connsiteY11" fmla="*/ 1555850 h 1716264"/>
                      <a:gd name="connsiteX12" fmla="*/ 1474158 w 1481009"/>
                      <a:gd name="connsiteY12" fmla="*/ 1644560 h 1716264"/>
                      <a:gd name="connsiteX13" fmla="*/ 1467334 w 1481009"/>
                      <a:gd name="connsiteY13" fmla="*/ 1705975 h 1716264"/>
                      <a:gd name="connsiteX14" fmla="*/ 1405919 w 1481009"/>
                      <a:gd name="connsiteY14" fmla="*/ 1712799 h 1716264"/>
                      <a:gd name="connsiteX15" fmla="*/ 1345934 w 1481009"/>
                      <a:gd name="connsiteY15" fmla="*/ 1670122 h 1716264"/>
                      <a:gd name="connsiteX16" fmla="*/ 1242470 w 1481009"/>
                      <a:gd name="connsiteY16" fmla="*/ 1657341 h 1716264"/>
                      <a:gd name="connsiteX17" fmla="*/ 1057459 w 1481009"/>
                      <a:gd name="connsiteY17" fmla="*/ 1564288 h 1716264"/>
                      <a:gd name="connsiteX18" fmla="*/ 936086 w 1481009"/>
                      <a:gd name="connsiteY18" fmla="*/ 1564288 h 1716264"/>
                      <a:gd name="connsiteX19" fmla="*/ 553083 w 1481009"/>
                      <a:gd name="connsiteY19" fmla="*/ 1412385 h 1716264"/>
                      <a:gd name="connsiteX20" fmla="*/ 431709 w 1481009"/>
                      <a:gd name="connsiteY20" fmla="*/ 1302180 h 1716264"/>
                      <a:gd name="connsiteX21" fmla="*/ 364278 w 1481009"/>
                      <a:gd name="connsiteY21" fmla="*/ 1200911 h 1716264"/>
                      <a:gd name="connsiteX22" fmla="*/ 310334 w 1481009"/>
                      <a:gd name="connsiteY22" fmla="*/ 1016244 h 1716264"/>
                      <a:gd name="connsiteX23" fmla="*/ 226720 w 1481009"/>
                      <a:gd name="connsiteY23" fmla="*/ 950717 h 1716264"/>
                      <a:gd name="connsiteX24" fmla="*/ 197050 w 1481009"/>
                      <a:gd name="connsiteY24" fmla="*/ 769029 h 1716264"/>
                      <a:gd name="connsiteX25" fmla="*/ 32521 w 1481009"/>
                      <a:gd name="connsiteY25" fmla="*/ 727330 h 1716264"/>
                      <a:gd name="connsiteX26" fmla="*/ 0 w 1481009"/>
                      <a:gd name="connsiteY26" fmla="*/ 378700 h 1716264"/>
                      <a:gd name="connsiteX0" fmla="*/ 880789 w 1481009"/>
                      <a:gd name="connsiteY0" fmla="*/ 0 h 1716264"/>
                      <a:gd name="connsiteX1" fmla="*/ 906030 w 1481009"/>
                      <a:gd name="connsiteY1" fmla="*/ 244386 h 1716264"/>
                      <a:gd name="connsiteX2" fmla="*/ 968451 w 1481009"/>
                      <a:gd name="connsiteY2" fmla="*/ 323530 h 1716264"/>
                      <a:gd name="connsiteX3" fmla="*/ 1051678 w 1481009"/>
                      <a:gd name="connsiteY3" fmla="*/ 400120 h 1716264"/>
                      <a:gd name="connsiteX4" fmla="*/ 1164961 w 1481009"/>
                      <a:gd name="connsiteY4" fmla="*/ 691161 h 1716264"/>
                      <a:gd name="connsiteX5" fmla="*/ 1238942 w 1481009"/>
                      <a:gd name="connsiteY5" fmla="*/ 775411 h 1716264"/>
                      <a:gd name="connsiteX6" fmla="*/ 1147318 w 1481009"/>
                      <a:gd name="connsiteY6" fmla="*/ 921013 h 1716264"/>
                      <a:gd name="connsiteX7" fmla="*/ 1277945 w 1481009"/>
                      <a:gd name="connsiteY7" fmla="*/ 1062528 h 1716264"/>
                      <a:gd name="connsiteX8" fmla="*/ 1344504 w 1481009"/>
                      <a:gd name="connsiteY8" fmla="*/ 1166889 h 1716264"/>
                      <a:gd name="connsiteX9" fmla="*/ 1283089 w 1481009"/>
                      <a:gd name="connsiteY9" fmla="*/ 1351134 h 1716264"/>
                      <a:gd name="connsiteX10" fmla="*/ 1371800 w 1481009"/>
                      <a:gd name="connsiteY10" fmla="*/ 1508083 h 1716264"/>
                      <a:gd name="connsiteX11" fmla="*/ 1385448 w 1481009"/>
                      <a:gd name="connsiteY11" fmla="*/ 1555850 h 1716264"/>
                      <a:gd name="connsiteX12" fmla="*/ 1474158 w 1481009"/>
                      <a:gd name="connsiteY12" fmla="*/ 1644560 h 1716264"/>
                      <a:gd name="connsiteX13" fmla="*/ 1467334 w 1481009"/>
                      <a:gd name="connsiteY13" fmla="*/ 1705975 h 1716264"/>
                      <a:gd name="connsiteX14" fmla="*/ 1405919 w 1481009"/>
                      <a:gd name="connsiteY14" fmla="*/ 1712799 h 1716264"/>
                      <a:gd name="connsiteX15" fmla="*/ 1345934 w 1481009"/>
                      <a:gd name="connsiteY15" fmla="*/ 1670122 h 1716264"/>
                      <a:gd name="connsiteX16" fmla="*/ 1242470 w 1481009"/>
                      <a:gd name="connsiteY16" fmla="*/ 1657341 h 1716264"/>
                      <a:gd name="connsiteX17" fmla="*/ 1057459 w 1481009"/>
                      <a:gd name="connsiteY17" fmla="*/ 1564288 h 1716264"/>
                      <a:gd name="connsiteX18" fmla="*/ 936086 w 1481009"/>
                      <a:gd name="connsiteY18" fmla="*/ 1564288 h 1716264"/>
                      <a:gd name="connsiteX19" fmla="*/ 553083 w 1481009"/>
                      <a:gd name="connsiteY19" fmla="*/ 1412385 h 1716264"/>
                      <a:gd name="connsiteX20" fmla="*/ 431709 w 1481009"/>
                      <a:gd name="connsiteY20" fmla="*/ 1302180 h 1716264"/>
                      <a:gd name="connsiteX21" fmla="*/ 364278 w 1481009"/>
                      <a:gd name="connsiteY21" fmla="*/ 1200911 h 1716264"/>
                      <a:gd name="connsiteX22" fmla="*/ 310334 w 1481009"/>
                      <a:gd name="connsiteY22" fmla="*/ 1016244 h 1716264"/>
                      <a:gd name="connsiteX23" fmla="*/ 226720 w 1481009"/>
                      <a:gd name="connsiteY23" fmla="*/ 950717 h 1716264"/>
                      <a:gd name="connsiteX24" fmla="*/ 197050 w 1481009"/>
                      <a:gd name="connsiteY24" fmla="*/ 769029 h 1716264"/>
                      <a:gd name="connsiteX25" fmla="*/ 32521 w 1481009"/>
                      <a:gd name="connsiteY25" fmla="*/ 727330 h 1716264"/>
                      <a:gd name="connsiteX26" fmla="*/ 0 w 1481009"/>
                      <a:gd name="connsiteY26" fmla="*/ 378700 h 1716264"/>
                      <a:gd name="connsiteX0" fmla="*/ 880789 w 1481009"/>
                      <a:gd name="connsiteY0" fmla="*/ 0 h 1716264"/>
                      <a:gd name="connsiteX1" fmla="*/ 906030 w 1481009"/>
                      <a:gd name="connsiteY1" fmla="*/ 244386 h 1716264"/>
                      <a:gd name="connsiteX2" fmla="*/ 968451 w 1481009"/>
                      <a:gd name="connsiteY2" fmla="*/ 323530 h 1716264"/>
                      <a:gd name="connsiteX3" fmla="*/ 1051678 w 1481009"/>
                      <a:gd name="connsiteY3" fmla="*/ 400120 h 1716264"/>
                      <a:gd name="connsiteX4" fmla="*/ 1164961 w 1481009"/>
                      <a:gd name="connsiteY4" fmla="*/ 691161 h 1716264"/>
                      <a:gd name="connsiteX5" fmla="*/ 1238942 w 1481009"/>
                      <a:gd name="connsiteY5" fmla="*/ 775411 h 1716264"/>
                      <a:gd name="connsiteX6" fmla="*/ 1147318 w 1481009"/>
                      <a:gd name="connsiteY6" fmla="*/ 921013 h 1716264"/>
                      <a:gd name="connsiteX7" fmla="*/ 1277945 w 1481009"/>
                      <a:gd name="connsiteY7" fmla="*/ 1062528 h 1716264"/>
                      <a:gd name="connsiteX8" fmla="*/ 1344504 w 1481009"/>
                      <a:gd name="connsiteY8" fmla="*/ 1166889 h 1716264"/>
                      <a:gd name="connsiteX9" fmla="*/ 1283089 w 1481009"/>
                      <a:gd name="connsiteY9" fmla="*/ 1351134 h 1716264"/>
                      <a:gd name="connsiteX10" fmla="*/ 1371800 w 1481009"/>
                      <a:gd name="connsiteY10" fmla="*/ 1508083 h 1716264"/>
                      <a:gd name="connsiteX11" fmla="*/ 1385448 w 1481009"/>
                      <a:gd name="connsiteY11" fmla="*/ 1555850 h 1716264"/>
                      <a:gd name="connsiteX12" fmla="*/ 1474158 w 1481009"/>
                      <a:gd name="connsiteY12" fmla="*/ 1644560 h 1716264"/>
                      <a:gd name="connsiteX13" fmla="*/ 1467334 w 1481009"/>
                      <a:gd name="connsiteY13" fmla="*/ 1705975 h 1716264"/>
                      <a:gd name="connsiteX14" fmla="*/ 1405919 w 1481009"/>
                      <a:gd name="connsiteY14" fmla="*/ 1712799 h 1716264"/>
                      <a:gd name="connsiteX15" fmla="*/ 1345934 w 1481009"/>
                      <a:gd name="connsiteY15" fmla="*/ 1670122 h 1716264"/>
                      <a:gd name="connsiteX16" fmla="*/ 1242470 w 1481009"/>
                      <a:gd name="connsiteY16" fmla="*/ 1657341 h 1716264"/>
                      <a:gd name="connsiteX17" fmla="*/ 1057459 w 1481009"/>
                      <a:gd name="connsiteY17" fmla="*/ 1564288 h 1716264"/>
                      <a:gd name="connsiteX18" fmla="*/ 936086 w 1481009"/>
                      <a:gd name="connsiteY18" fmla="*/ 1564288 h 1716264"/>
                      <a:gd name="connsiteX19" fmla="*/ 553083 w 1481009"/>
                      <a:gd name="connsiteY19" fmla="*/ 1412385 h 1716264"/>
                      <a:gd name="connsiteX20" fmla="*/ 431709 w 1481009"/>
                      <a:gd name="connsiteY20" fmla="*/ 1302180 h 1716264"/>
                      <a:gd name="connsiteX21" fmla="*/ 364278 w 1481009"/>
                      <a:gd name="connsiteY21" fmla="*/ 1200911 h 1716264"/>
                      <a:gd name="connsiteX22" fmla="*/ 310334 w 1481009"/>
                      <a:gd name="connsiteY22" fmla="*/ 1016244 h 1716264"/>
                      <a:gd name="connsiteX23" fmla="*/ 226720 w 1481009"/>
                      <a:gd name="connsiteY23" fmla="*/ 950717 h 1716264"/>
                      <a:gd name="connsiteX24" fmla="*/ 197050 w 1481009"/>
                      <a:gd name="connsiteY24" fmla="*/ 769029 h 1716264"/>
                      <a:gd name="connsiteX25" fmla="*/ 32521 w 1481009"/>
                      <a:gd name="connsiteY25" fmla="*/ 727330 h 1716264"/>
                      <a:gd name="connsiteX26" fmla="*/ 0 w 1481009"/>
                      <a:gd name="connsiteY26" fmla="*/ 378700 h 1716264"/>
                      <a:gd name="connsiteX0" fmla="*/ 880789 w 1481009"/>
                      <a:gd name="connsiteY0" fmla="*/ 0 h 1716264"/>
                      <a:gd name="connsiteX1" fmla="*/ 906030 w 1481009"/>
                      <a:gd name="connsiteY1" fmla="*/ 244386 h 1716264"/>
                      <a:gd name="connsiteX2" fmla="*/ 968451 w 1481009"/>
                      <a:gd name="connsiteY2" fmla="*/ 323530 h 1716264"/>
                      <a:gd name="connsiteX3" fmla="*/ 1051678 w 1481009"/>
                      <a:gd name="connsiteY3" fmla="*/ 400120 h 1716264"/>
                      <a:gd name="connsiteX4" fmla="*/ 1164961 w 1481009"/>
                      <a:gd name="connsiteY4" fmla="*/ 691161 h 1716264"/>
                      <a:gd name="connsiteX5" fmla="*/ 1238942 w 1481009"/>
                      <a:gd name="connsiteY5" fmla="*/ 775411 h 1716264"/>
                      <a:gd name="connsiteX6" fmla="*/ 1147318 w 1481009"/>
                      <a:gd name="connsiteY6" fmla="*/ 921013 h 1716264"/>
                      <a:gd name="connsiteX7" fmla="*/ 1277945 w 1481009"/>
                      <a:gd name="connsiteY7" fmla="*/ 1062528 h 1716264"/>
                      <a:gd name="connsiteX8" fmla="*/ 1344504 w 1481009"/>
                      <a:gd name="connsiteY8" fmla="*/ 1166889 h 1716264"/>
                      <a:gd name="connsiteX9" fmla="*/ 1283089 w 1481009"/>
                      <a:gd name="connsiteY9" fmla="*/ 1351134 h 1716264"/>
                      <a:gd name="connsiteX10" fmla="*/ 1371800 w 1481009"/>
                      <a:gd name="connsiteY10" fmla="*/ 1508083 h 1716264"/>
                      <a:gd name="connsiteX11" fmla="*/ 1385448 w 1481009"/>
                      <a:gd name="connsiteY11" fmla="*/ 1555850 h 1716264"/>
                      <a:gd name="connsiteX12" fmla="*/ 1474158 w 1481009"/>
                      <a:gd name="connsiteY12" fmla="*/ 1644560 h 1716264"/>
                      <a:gd name="connsiteX13" fmla="*/ 1467334 w 1481009"/>
                      <a:gd name="connsiteY13" fmla="*/ 1705975 h 1716264"/>
                      <a:gd name="connsiteX14" fmla="*/ 1405919 w 1481009"/>
                      <a:gd name="connsiteY14" fmla="*/ 1712799 h 1716264"/>
                      <a:gd name="connsiteX15" fmla="*/ 1345934 w 1481009"/>
                      <a:gd name="connsiteY15" fmla="*/ 1670122 h 1716264"/>
                      <a:gd name="connsiteX16" fmla="*/ 1242470 w 1481009"/>
                      <a:gd name="connsiteY16" fmla="*/ 1657341 h 1716264"/>
                      <a:gd name="connsiteX17" fmla="*/ 1057459 w 1481009"/>
                      <a:gd name="connsiteY17" fmla="*/ 1564288 h 1716264"/>
                      <a:gd name="connsiteX18" fmla="*/ 936086 w 1481009"/>
                      <a:gd name="connsiteY18" fmla="*/ 1564288 h 1716264"/>
                      <a:gd name="connsiteX19" fmla="*/ 553083 w 1481009"/>
                      <a:gd name="connsiteY19" fmla="*/ 1412385 h 1716264"/>
                      <a:gd name="connsiteX20" fmla="*/ 431709 w 1481009"/>
                      <a:gd name="connsiteY20" fmla="*/ 1302180 h 1716264"/>
                      <a:gd name="connsiteX21" fmla="*/ 364278 w 1481009"/>
                      <a:gd name="connsiteY21" fmla="*/ 1200911 h 1716264"/>
                      <a:gd name="connsiteX22" fmla="*/ 310334 w 1481009"/>
                      <a:gd name="connsiteY22" fmla="*/ 1016244 h 1716264"/>
                      <a:gd name="connsiteX23" fmla="*/ 226720 w 1481009"/>
                      <a:gd name="connsiteY23" fmla="*/ 950717 h 1716264"/>
                      <a:gd name="connsiteX24" fmla="*/ 197050 w 1481009"/>
                      <a:gd name="connsiteY24" fmla="*/ 769029 h 1716264"/>
                      <a:gd name="connsiteX25" fmla="*/ 32521 w 1481009"/>
                      <a:gd name="connsiteY25" fmla="*/ 727330 h 1716264"/>
                      <a:gd name="connsiteX26" fmla="*/ 0 w 1481009"/>
                      <a:gd name="connsiteY26" fmla="*/ 378700 h 1716264"/>
                      <a:gd name="connsiteX0" fmla="*/ 940128 w 1540348"/>
                      <a:gd name="connsiteY0" fmla="*/ 0 h 1716264"/>
                      <a:gd name="connsiteX1" fmla="*/ 965369 w 1540348"/>
                      <a:gd name="connsiteY1" fmla="*/ 244386 h 1716264"/>
                      <a:gd name="connsiteX2" fmla="*/ 1027790 w 1540348"/>
                      <a:gd name="connsiteY2" fmla="*/ 323530 h 1716264"/>
                      <a:gd name="connsiteX3" fmla="*/ 1111017 w 1540348"/>
                      <a:gd name="connsiteY3" fmla="*/ 400120 h 1716264"/>
                      <a:gd name="connsiteX4" fmla="*/ 1224300 w 1540348"/>
                      <a:gd name="connsiteY4" fmla="*/ 691161 h 1716264"/>
                      <a:gd name="connsiteX5" fmla="*/ 1298281 w 1540348"/>
                      <a:gd name="connsiteY5" fmla="*/ 775411 h 1716264"/>
                      <a:gd name="connsiteX6" fmla="*/ 1206657 w 1540348"/>
                      <a:gd name="connsiteY6" fmla="*/ 921013 h 1716264"/>
                      <a:gd name="connsiteX7" fmla="*/ 1337284 w 1540348"/>
                      <a:gd name="connsiteY7" fmla="*/ 1062528 h 1716264"/>
                      <a:gd name="connsiteX8" fmla="*/ 1403843 w 1540348"/>
                      <a:gd name="connsiteY8" fmla="*/ 1166889 h 1716264"/>
                      <a:gd name="connsiteX9" fmla="*/ 1342428 w 1540348"/>
                      <a:gd name="connsiteY9" fmla="*/ 1351134 h 1716264"/>
                      <a:gd name="connsiteX10" fmla="*/ 1431139 w 1540348"/>
                      <a:gd name="connsiteY10" fmla="*/ 1508083 h 1716264"/>
                      <a:gd name="connsiteX11" fmla="*/ 1444787 w 1540348"/>
                      <a:gd name="connsiteY11" fmla="*/ 1555850 h 1716264"/>
                      <a:gd name="connsiteX12" fmla="*/ 1533497 w 1540348"/>
                      <a:gd name="connsiteY12" fmla="*/ 1644560 h 1716264"/>
                      <a:gd name="connsiteX13" fmla="*/ 1526673 w 1540348"/>
                      <a:gd name="connsiteY13" fmla="*/ 1705975 h 1716264"/>
                      <a:gd name="connsiteX14" fmla="*/ 1465258 w 1540348"/>
                      <a:gd name="connsiteY14" fmla="*/ 1712799 h 1716264"/>
                      <a:gd name="connsiteX15" fmla="*/ 1405273 w 1540348"/>
                      <a:gd name="connsiteY15" fmla="*/ 1670122 h 1716264"/>
                      <a:gd name="connsiteX16" fmla="*/ 1301809 w 1540348"/>
                      <a:gd name="connsiteY16" fmla="*/ 1657341 h 1716264"/>
                      <a:gd name="connsiteX17" fmla="*/ 1116798 w 1540348"/>
                      <a:gd name="connsiteY17" fmla="*/ 1564288 h 1716264"/>
                      <a:gd name="connsiteX18" fmla="*/ 995425 w 1540348"/>
                      <a:gd name="connsiteY18" fmla="*/ 1564288 h 1716264"/>
                      <a:gd name="connsiteX19" fmla="*/ 612422 w 1540348"/>
                      <a:gd name="connsiteY19" fmla="*/ 1412385 h 1716264"/>
                      <a:gd name="connsiteX20" fmla="*/ 491048 w 1540348"/>
                      <a:gd name="connsiteY20" fmla="*/ 1302180 h 1716264"/>
                      <a:gd name="connsiteX21" fmla="*/ 423617 w 1540348"/>
                      <a:gd name="connsiteY21" fmla="*/ 1200911 h 1716264"/>
                      <a:gd name="connsiteX22" fmla="*/ 369673 w 1540348"/>
                      <a:gd name="connsiteY22" fmla="*/ 1016244 h 1716264"/>
                      <a:gd name="connsiteX23" fmla="*/ 286059 w 1540348"/>
                      <a:gd name="connsiteY23" fmla="*/ 950717 h 1716264"/>
                      <a:gd name="connsiteX24" fmla="*/ 256389 w 1540348"/>
                      <a:gd name="connsiteY24" fmla="*/ 769029 h 1716264"/>
                      <a:gd name="connsiteX25" fmla="*/ 91860 w 1540348"/>
                      <a:gd name="connsiteY25" fmla="*/ 727330 h 1716264"/>
                      <a:gd name="connsiteX26" fmla="*/ 0 w 1540348"/>
                      <a:gd name="connsiteY26" fmla="*/ 357851 h 1716264"/>
                      <a:gd name="connsiteX0" fmla="*/ 940128 w 1540348"/>
                      <a:gd name="connsiteY0" fmla="*/ 0 h 1716264"/>
                      <a:gd name="connsiteX1" fmla="*/ 965369 w 1540348"/>
                      <a:gd name="connsiteY1" fmla="*/ 244386 h 1716264"/>
                      <a:gd name="connsiteX2" fmla="*/ 1027790 w 1540348"/>
                      <a:gd name="connsiteY2" fmla="*/ 323530 h 1716264"/>
                      <a:gd name="connsiteX3" fmla="*/ 1111017 w 1540348"/>
                      <a:gd name="connsiteY3" fmla="*/ 400120 h 1716264"/>
                      <a:gd name="connsiteX4" fmla="*/ 1224300 w 1540348"/>
                      <a:gd name="connsiteY4" fmla="*/ 691161 h 1716264"/>
                      <a:gd name="connsiteX5" fmla="*/ 1298281 w 1540348"/>
                      <a:gd name="connsiteY5" fmla="*/ 775411 h 1716264"/>
                      <a:gd name="connsiteX6" fmla="*/ 1206657 w 1540348"/>
                      <a:gd name="connsiteY6" fmla="*/ 921013 h 1716264"/>
                      <a:gd name="connsiteX7" fmla="*/ 1337284 w 1540348"/>
                      <a:gd name="connsiteY7" fmla="*/ 1062528 h 1716264"/>
                      <a:gd name="connsiteX8" fmla="*/ 1403843 w 1540348"/>
                      <a:gd name="connsiteY8" fmla="*/ 1166889 h 1716264"/>
                      <a:gd name="connsiteX9" fmla="*/ 1342428 w 1540348"/>
                      <a:gd name="connsiteY9" fmla="*/ 1351134 h 1716264"/>
                      <a:gd name="connsiteX10" fmla="*/ 1431139 w 1540348"/>
                      <a:gd name="connsiteY10" fmla="*/ 1508083 h 1716264"/>
                      <a:gd name="connsiteX11" fmla="*/ 1444787 w 1540348"/>
                      <a:gd name="connsiteY11" fmla="*/ 1555850 h 1716264"/>
                      <a:gd name="connsiteX12" fmla="*/ 1533497 w 1540348"/>
                      <a:gd name="connsiteY12" fmla="*/ 1644560 h 1716264"/>
                      <a:gd name="connsiteX13" fmla="*/ 1526673 w 1540348"/>
                      <a:gd name="connsiteY13" fmla="*/ 1705975 h 1716264"/>
                      <a:gd name="connsiteX14" fmla="*/ 1465258 w 1540348"/>
                      <a:gd name="connsiteY14" fmla="*/ 1712799 h 1716264"/>
                      <a:gd name="connsiteX15" fmla="*/ 1405273 w 1540348"/>
                      <a:gd name="connsiteY15" fmla="*/ 1670122 h 1716264"/>
                      <a:gd name="connsiteX16" fmla="*/ 1301809 w 1540348"/>
                      <a:gd name="connsiteY16" fmla="*/ 1657341 h 1716264"/>
                      <a:gd name="connsiteX17" fmla="*/ 1116798 w 1540348"/>
                      <a:gd name="connsiteY17" fmla="*/ 1564288 h 1716264"/>
                      <a:gd name="connsiteX18" fmla="*/ 995425 w 1540348"/>
                      <a:gd name="connsiteY18" fmla="*/ 1564288 h 1716264"/>
                      <a:gd name="connsiteX19" fmla="*/ 612422 w 1540348"/>
                      <a:gd name="connsiteY19" fmla="*/ 1412385 h 1716264"/>
                      <a:gd name="connsiteX20" fmla="*/ 491048 w 1540348"/>
                      <a:gd name="connsiteY20" fmla="*/ 1302180 h 1716264"/>
                      <a:gd name="connsiteX21" fmla="*/ 423617 w 1540348"/>
                      <a:gd name="connsiteY21" fmla="*/ 1200911 h 1716264"/>
                      <a:gd name="connsiteX22" fmla="*/ 369673 w 1540348"/>
                      <a:gd name="connsiteY22" fmla="*/ 1016244 h 1716264"/>
                      <a:gd name="connsiteX23" fmla="*/ 286059 w 1540348"/>
                      <a:gd name="connsiteY23" fmla="*/ 950717 h 1716264"/>
                      <a:gd name="connsiteX24" fmla="*/ 256389 w 1540348"/>
                      <a:gd name="connsiteY24" fmla="*/ 769029 h 1716264"/>
                      <a:gd name="connsiteX25" fmla="*/ 91860 w 1540348"/>
                      <a:gd name="connsiteY25" fmla="*/ 727330 h 1716264"/>
                      <a:gd name="connsiteX26" fmla="*/ 94557 w 1540348"/>
                      <a:gd name="connsiteY26" fmla="*/ 420544 h 1716264"/>
                      <a:gd name="connsiteX27" fmla="*/ 0 w 1540348"/>
                      <a:gd name="connsiteY27" fmla="*/ 357851 h 1716264"/>
                      <a:gd name="connsiteX0" fmla="*/ 1153208 w 1753428"/>
                      <a:gd name="connsiteY0" fmla="*/ 0 h 1716264"/>
                      <a:gd name="connsiteX1" fmla="*/ 1178449 w 1753428"/>
                      <a:gd name="connsiteY1" fmla="*/ 244386 h 1716264"/>
                      <a:gd name="connsiteX2" fmla="*/ 1240870 w 1753428"/>
                      <a:gd name="connsiteY2" fmla="*/ 323530 h 1716264"/>
                      <a:gd name="connsiteX3" fmla="*/ 1324097 w 1753428"/>
                      <a:gd name="connsiteY3" fmla="*/ 400120 h 1716264"/>
                      <a:gd name="connsiteX4" fmla="*/ 1437380 w 1753428"/>
                      <a:gd name="connsiteY4" fmla="*/ 691161 h 1716264"/>
                      <a:gd name="connsiteX5" fmla="*/ 1511361 w 1753428"/>
                      <a:gd name="connsiteY5" fmla="*/ 775411 h 1716264"/>
                      <a:gd name="connsiteX6" fmla="*/ 1419737 w 1753428"/>
                      <a:gd name="connsiteY6" fmla="*/ 921013 h 1716264"/>
                      <a:gd name="connsiteX7" fmla="*/ 1550364 w 1753428"/>
                      <a:gd name="connsiteY7" fmla="*/ 1062528 h 1716264"/>
                      <a:gd name="connsiteX8" fmla="*/ 1616923 w 1753428"/>
                      <a:gd name="connsiteY8" fmla="*/ 1166889 h 1716264"/>
                      <a:gd name="connsiteX9" fmla="*/ 1555508 w 1753428"/>
                      <a:gd name="connsiteY9" fmla="*/ 1351134 h 1716264"/>
                      <a:gd name="connsiteX10" fmla="*/ 1644219 w 1753428"/>
                      <a:gd name="connsiteY10" fmla="*/ 1508083 h 1716264"/>
                      <a:gd name="connsiteX11" fmla="*/ 1657867 w 1753428"/>
                      <a:gd name="connsiteY11" fmla="*/ 1555850 h 1716264"/>
                      <a:gd name="connsiteX12" fmla="*/ 1746577 w 1753428"/>
                      <a:gd name="connsiteY12" fmla="*/ 1644560 h 1716264"/>
                      <a:gd name="connsiteX13" fmla="*/ 1739753 w 1753428"/>
                      <a:gd name="connsiteY13" fmla="*/ 1705975 h 1716264"/>
                      <a:gd name="connsiteX14" fmla="*/ 1678338 w 1753428"/>
                      <a:gd name="connsiteY14" fmla="*/ 1712799 h 1716264"/>
                      <a:gd name="connsiteX15" fmla="*/ 1618353 w 1753428"/>
                      <a:gd name="connsiteY15" fmla="*/ 1670122 h 1716264"/>
                      <a:gd name="connsiteX16" fmla="*/ 1514889 w 1753428"/>
                      <a:gd name="connsiteY16" fmla="*/ 1657341 h 1716264"/>
                      <a:gd name="connsiteX17" fmla="*/ 1329878 w 1753428"/>
                      <a:gd name="connsiteY17" fmla="*/ 1564288 h 1716264"/>
                      <a:gd name="connsiteX18" fmla="*/ 1208505 w 1753428"/>
                      <a:gd name="connsiteY18" fmla="*/ 1564288 h 1716264"/>
                      <a:gd name="connsiteX19" fmla="*/ 825502 w 1753428"/>
                      <a:gd name="connsiteY19" fmla="*/ 1412385 h 1716264"/>
                      <a:gd name="connsiteX20" fmla="*/ 704128 w 1753428"/>
                      <a:gd name="connsiteY20" fmla="*/ 1302180 h 1716264"/>
                      <a:gd name="connsiteX21" fmla="*/ 636697 w 1753428"/>
                      <a:gd name="connsiteY21" fmla="*/ 1200911 h 1716264"/>
                      <a:gd name="connsiteX22" fmla="*/ 582753 w 1753428"/>
                      <a:gd name="connsiteY22" fmla="*/ 1016244 h 1716264"/>
                      <a:gd name="connsiteX23" fmla="*/ 499139 w 1753428"/>
                      <a:gd name="connsiteY23" fmla="*/ 950717 h 1716264"/>
                      <a:gd name="connsiteX24" fmla="*/ 469469 w 1753428"/>
                      <a:gd name="connsiteY24" fmla="*/ 769029 h 1716264"/>
                      <a:gd name="connsiteX25" fmla="*/ 304940 w 1753428"/>
                      <a:gd name="connsiteY25" fmla="*/ 727330 h 1716264"/>
                      <a:gd name="connsiteX26" fmla="*/ 307637 w 1753428"/>
                      <a:gd name="connsiteY26" fmla="*/ 420544 h 1716264"/>
                      <a:gd name="connsiteX27" fmla="*/ 0 w 1753428"/>
                      <a:gd name="connsiteY27" fmla="*/ 83829 h 1716264"/>
                      <a:gd name="connsiteX0" fmla="*/ 1153208 w 1753428"/>
                      <a:gd name="connsiteY0" fmla="*/ 0 h 1716264"/>
                      <a:gd name="connsiteX1" fmla="*/ 1178449 w 1753428"/>
                      <a:gd name="connsiteY1" fmla="*/ 244386 h 1716264"/>
                      <a:gd name="connsiteX2" fmla="*/ 1240870 w 1753428"/>
                      <a:gd name="connsiteY2" fmla="*/ 323530 h 1716264"/>
                      <a:gd name="connsiteX3" fmla="*/ 1324097 w 1753428"/>
                      <a:gd name="connsiteY3" fmla="*/ 400120 h 1716264"/>
                      <a:gd name="connsiteX4" fmla="*/ 1437380 w 1753428"/>
                      <a:gd name="connsiteY4" fmla="*/ 691161 h 1716264"/>
                      <a:gd name="connsiteX5" fmla="*/ 1511361 w 1753428"/>
                      <a:gd name="connsiteY5" fmla="*/ 775411 h 1716264"/>
                      <a:gd name="connsiteX6" fmla="*/ 1419737 w 1753428"/>
                      <a:gd name="connsiteY6" fmla="*/ 921013 h 1716264"/>
                      <a:gd name="connsiteX7" fmla="*/ 1550364 w 1753428"/>
                      <a:gd name="connsiteY7" fmla="*/ 1062528 h 1716264"/>
                      <a:gd name="connsiteX8" fmla="*/ 1616923 w 1753428"/>
                      <a:gd name="connsiteY8" fmla="*/ 1166889 h 1716264"/>
                      <a:gd name="connsiteX9" fmla="*/ 1555508 w 1753428"/>
                      <a:gd name="connsiteY9" fmla="*/ 1351134 h 1716264"/>
                      <a:gd name="connsiteX10" fmla="*/ 1644219 w 1753428"/>
                      <a:gd name="connsiteY10" fmla="*/ 1508083 h 1716264"/>
                      <a:gd name="connsiteX11" fmla="*/ 1657867 w 1753428"/>
                      <a:gd name="connsiteY11" fmla="*/ 1555850 h 1716264"/>
                      <a:gd name="connsiteX12" fmla="*/ 1746577 w 1753428"/>
                      <a:gd name="connsiteY12" fmla="*/ 1644560 h 1716264"/>
                      <a:gd name="connsiteX13" fmla="*/ 1739753 w 1753428"/>
                      <a:gd name="connsiteY13" fmla="*/ 1705975 h 1716264"/>
                      <a:gd name="connsiteX14" fmla="*/ 1678338 w 1753428"/>
                      <a:gd name="connsiteY14" fmla="*/ 1712799 h 1716264"/>
                      <a:gd name="connsiteX15" fmla="*/ 1618353 w 1753428"/>
                      <a:gd name="connsiteY15" fmla="*/ 1670122 h 1716264"/>
                      <a:gd name="connsiteX16" fmla="*/ 1514889 w 1753428"/>
                      <a:gd name="connsiteY16" fmla="*/ 1657341 h 1716264"/>
                      <a:gd name="connsiteX17" fmla="*/ 1329878 w 1753428"/>
                      <a:gd name="connsiteY17" fmla="*/ 1564288 h 1716264"/>
                      <a:gd name="connsiteX18" fmla="*/ 1208505 w 1753428"/>
                      <a:gd name="connsiteY18" fmla="*/ 1564288 h 1716264"/>
                      <a:gd name="connsiteX19" fmla="*/ 825502 w 1753428"/>
                      <a:gd name="connsiteY19" fmla="*/ 1412385 h 1716264"/>
                      <a:gd name="connsiteX20" fmla="*/ 704128 w 1753428"/>
                      <a:gd name="connsiteY20" fmla="*/ 1302180 h 1716264"/>
                      <a:gd name="connsiteX21" fmla="*/ 636697 w 1753428"/>
                      <a:gd name="connsiteY21" fmla="*/ 1200911 h 1716264"/>
                      <a:gd name="connsiteX22" fmla="*/ 582753 w 1753428"/>
                      <a:gd name="connsiteY22" fmla="*/ 1016244 h 1716264"/>
                      <a:gd name="connsiteX23" fmla="*/ 499139 w 1753428"/>
                      <a:gd name="connsiteY23" fmla="*/ 950717 h 1716264"/>
                      <a:gd name="connsiteX24" fmla="*/ 469469 w 1753428"/>
                      <a:gd name="connsiteY24" fmla="*/ 769029 h 1716264"/>
                      <a:gd name="connsiteX25" fmla="*/ 304940 w 1753428"/>
                      <a:gd name="connsiteY25" fmla="*/ 727330 h 1716264"/>
                      <a:gd name="connsiteX26" fmla="*/ 307637 w 1753428"/>
                      <a:gd name="connsiteY26" fmla="*/ 420544 h 1716264"/>
                      <a:gd name="connsiteX27" fmla="*/ 148501 w 1753428"/>
                      <a:gd name="connsiteY27" fmla="*/ 313318 h 1716264"/>
                      <a:gd name="connsiteX28" fmla="*/ 0 w 1753428"/>
                      <a:gd name="connsiteY28" fmla="*/ 83829 h 1716264"/>
                      <a:gd name="connsiteX0" fmla="*/ 1110053 w 1710273"/>
                      <a:gd name="connsiteY0" fmla="*/ 199129 h 1915393"/>
                      <a:gd name="connsiteX1" fmla="*/ 1135294 w 1710273"/>
                      <a:gd name="connsiteY1" fmla="*/ 443515 h 1915393"/>
                      <a:gd name="connsiteX2" fmla="*/ 1197715 w 1710273"/>
                      <a:gd name="connsiteY2" fmla="*/ 522659 h 1915393"/>
                      <a:gd name="connsiteX3" fmla="*/ 1280942 w 1710273"/>
                      <a:gd name="connsiteY3" fmla="*/ 599249 h 1915393"/>
                      <a:gd name="connsiteX4" fmla="*/ 1394225 w 1710273"/>
                      <a:gd name="connsiteY4" fmla="*/ 890290 h 1915393"/>
                      <a:gd name="connsiteX5" fmla="*/ 1468206 w 1710273"/>
                      <a:gd name="connsiteY5" fmla="*/ 974540 h 1915393"/>
                      <a:gd name="connsiteX6" fmla="*/ 1376582 w 1710273"/>
                      <a:gd name="connsiteY6" fmla="*/ 1120142 h 1915393"/>
                      <a:gd name="connsiteX7" fmla="*/ 1507209 w 1710273"/>
                      <a:gd name="connsiteY7" fmla="*/ 1261657 h 1915393"/>
                      <a:gd name="connsiteX8" fmla="*/ 1573768 w 1710273"/>
                      <a:gd name="connsiteY8" fmla="*/ 1366018 h 1915393"/>
                      <a:gd name="connsiteX9" fmla="*/ 1512353 w 1710273"/>
                      <a:gd name="connsiteY9" fmla="*/ 1550263 h 1915393"/>
                      <a:gd name="connsiteX10" fmla="*/ 1601064 w 1710273"/>
                      <a:gd name="connsiteY10" fmla="*/ 1707212 h 1915393"/>
                      <a:gd name="connsiteX11" fmla="*/ 1614712 w 1710273"/>
                      <a:gd name="connsiteY11" fmla="*/ 1754979 h 1915393"/>
                      <a:gd name="connsiteX12" fmla="*/ 1703422 w 1710273"/>
                      <a:gd name="connsiteY12" fmla="*/ 1843689 h 1915393"/>
                      <a:gd name="connsiteX13" fmla="*/ 1696598 w 1710273"/>
                      <a:gd name="connsiteY13" fmla="*/ 1905104 h 1915393"/>
                      <a:gd name="connsiteX14" fmla="*/ 1635183 w 1710273"/>
                      <a:gd name="connsiteY14" fmla="*/ 1911928 h 1915393"/>
                      <a:gd name="connsiteX15" fmla="*/ 1575198 w 1710273"/>
                      <a:gd name="connsiteY15" fmla="*/ 1869251 h 1915393"/>
                      <a:gd name="connsiteX16" fmla="*/ 1471734 w 1710273"/>
                      <a:gd name="connsiteY16" fmla="*/ 1856470 h 1915393"/>
                      <a:gd name="connsiteX17" fmla="*/ 1286723 w 1710273"/>
                      <a:gd name="connsiteY17" fmla="*/ 1763417 h 1915393"/>
                      <a:gd name="connsiteX18" fmla="*/ 1165350 w 1710273"/>
                      <a:gd name="connsiteY18" fmla="*/ 1763417 h 1915393"/>
                      <a:gd name="connsiteX19" fmla="*/ 782347 w 1710273"/>
                      <a:gd name="connsiteY19" fmla="*/ 1611514 h 1915393"/>
                      <a:gd name="connsiteX20" fmla="*/ 660973 w 1710273"/>
                      <a:gd name="connsiteY20" fmla="*/ 1501309 h 1915393"/>
                      <a:gd name="connsiteX21" fmla="*/ 593542 w 1710273"/>
                      <a:gd name="connsiteY21" fmla="*/ 1400040 h 1915393"/>
                      <a:gd name="connsiteX22" fmla="*/ 539598 w 1710273"/>
                      <a:gd name="connsiteY22" fmla="*/ 1215373 h 1915393"/>
                      <a:gd name="connsiteX23" fmla="*/ 455984 w 1710273"/>
                      <a:gd name="connsiteY23" fmla="*/ 1149846 h 1915393"/>
                      <a:gd name="connsiteX24" fmla="*/ 426314 w 1710273"/>
                      <a:gd name="connsiteY24" fmla="*/ 968158 h 1915393"/>
                      <a:gd name="connsiteX25" fmla="*/ 261785 w 1710273"/>
                      <a:gd name="connsiteY25" fmla="*/ 926459 h 1915393"/>
                      <a:gd name="connsiteX26" fmla="*/ 264482 w 1710273"/>
                      <a:gd name="connsiteY26" fmla="*/ 619673 h 1915393"/>
                      <a:gd name="connsiteX27" fmla="*/ 105346 w 1710273"/>
                      <a:gd name="connsiteY27" fmla="*/ 512447 h 1915393"/>
                      <a:gd name="connsiteX28" fmla="*/ 0 w 1710273"/>
                      <a:gd name="connsiteY28" fmla="*/ 0 h 1915393"/>
                      <a:gd name="connsiteX0" fmla="*/ 1163843 w 1764063"/>
                      <a:gd name="connsiteY0" fmla="*/ 199129 h 1915393"/>
                      <a:gd name="connsiteX1" fmla="*/ 1189084 w 1764063"/>
                      <a:gd name="connsiteY1" fmla="*/ 443515 h 1915393"/>
                      <a:gd name="connsiteX2" fmla="*/ 1251505 w 1764063"/>
                      <a:gd name="connsiteY2" fmla="*/ 522659 h 1915393"/>
                      <a:gd name="connsiteX3" fmla="*/ 1334732 w 1764063"/>
                      <a:gd name="connsiteY3" fmla="*/ 599249 h 1915393"/>
                      <a:gd name="connsiteX4" fmla="*/ 1448015 w 1764063"/>
                      <a:gd name="connsiteY4" fmla="*/ 890290 h 1915393"/>
                      <a:gd name="connsiteX5" fmla="*/ 1521996 w 1764063"/>
                      <a:gd name="connsiteY5" fmla="*/ 974540 h 1915393"/>
                      <a:gd name="connsiteX6" fmla="*/ 1430372 w 1764063"/>
                      <a:gd name="connsiteY6" fmla="*/ 1120142 h 1915393"/>
                      <a:gd name="connsiteX7" fmla="*/ 1560999 w 1764063"/>
                      <a:gd name="connsiteY7" fmla="*/ 1261657 h 1915393"/>
                      <a:gd name="connsiteX8" fmla="*/ 1627558 w 1764063"/>
                      <a:gd name="connsiteY8" fmla="*/ 1366018 h 1915393"/>
                      <a:gd name="connsiteX9" fmla="*/ 1566143 w 1764063"/>
                      <a:gd name="connsiteY9" fmla="*/ 1550263 h 1915393"/>
                      <a:gd name="connsiteX10" fmla="*/ 1654854 w 1764063"/>
                      <a:gd name="connsiteY10" fmla="*/ 1707212 h 1915393"/>
                      <a:gd name="connsiteX11" fmla="*/ 1668502 w 1764063"/>
                      <a:gd name="connsiteY11" fmla="*/ 1754979 h 1915393"/>
                      <a:gd name="connsiteX12" fmla="*/ 1757212 w 1764063"/>
                      <a:gd name="connsiteY12" fmla="*/ 1843689 h 1915393"/>
                      <a:gd name="connsiteX13" fmla="*/ 1750388 w 1764063"/>
                      <a:gd name="connsiteY13" fmla="*/ 1905104 h 1915393"/>
                      <a:gd name="connsiteX14" fmla="*/ 1688973 w 1764063"/>
                      <a:gd name="connsiteY14" fmla="*/ 1911928 h 1915393"/>
                      <a:gd name="connsiteX15" fmla="*/ 1628988 w 1764063"/>
                      <a:gd name="connsiteY15" fmla="*/ 1869251 h 1915393"/>
                      <a:gd name="connsiteX16" fmla="*/ 1525524 w 1764063"/>
                      <a:gd name="connsiteY16" fmla="*/ 1856470 h 1915393"/>
                      <a:gd name="connsiteX17" fmla="*/ 1340513 w 1764063"/>
                      <a:gd name="connsiteY17" fmla="*/ 1763417 h 1915393"/>
                      <a:gd name="connsiteX18" fmla="*/ 1219140 w 1764063"/>
                      <a:gd name="connsiteY18" fmla="*/ 1763417 h 1915393"/>
                      <a:gd name="connsiteX19" fmla="*/ 836137 w 1764063"/>
                      <a:gd name="connsiteY19" fmla="*/ 1611514 h 1915393"/>
                      <a:gd name="connsiteX20" fmla="*/ 714763 w 1764063"/>
                      <a:gd name="connsiteY20" fmla="*/ 1501309 h 1915393"/>
                      <a:gd name="connsiteX21" fmla="*/ 647332 w 1764063"/>
                      <a:gd name="connsiteY21" fmla="*/ 1400040 h 1915393"/>
                      <a:gd name="connsiteX22" fmla="*/ 593388 w 1764063"/>
                      <a:gd name="connsiteY22" fmla="*/ 1215373 h 1915393"/>
                      <a:gd name="connsiteX23" fmla="*/ 509774 w 1764063"/>
                      <a:gd name="connsiteY23" fmla="*/ 1149846 h 1915393"/>
                      <a:gd name="connsiteX24" fmla="*/ 480104 w 1764063"/>
                      <a:gd name="connsiteY24" fmla="*/ 968158 h 1915393"/>
                      <a:gd name="connsiteX25" fmla="*/ 315575 w 1764063"/>
                      <a:gd name="connsiteY25" fmla="*/ 926459 h 1915393"/>
                      <a:gd name="connsiteX26" fmla="*/ 318272 w 1764063"/>
                      <a:gd name="connsiteY26" fmla="*/ 619673 h 1915393"/>
                      <a:gd name="connsiteX27" fmla="*/ 159136 w 1764063"/>
                      <a:gd name="connsiteY27" fmla="*/ 512447 h 1915393"/>
                      <a:gd name="connsiteX28" fmla="*/ 2698 w 1764063"/>
                      <a:gd name="connsiteY28" fmla="*/ 208640 h 1915393"/>
                      <a:gd name="connsiteX29" fmla="*/ 53790 w 1764063"/>
                      <a:gd name="connsiteY29" fmla="*/ 0 h 1915393"/>
                      <a:gd name="connsiteX0" fmla="*/ 1163843 w 1764063"/>
                      <a:gd name="connsiteY0" fmla="*/ 199129 h 1915393"/>
                      <a:gd name="connsiteX1" fmla="*/ 1189084 w 1764063"/>
                      <a:gd name="connsiteY1" fmla="*/ 443515 h 1915393"/>
                      <a:gd name="connsiteX2" fmla="*/ 1251505 w 1764063"/>
                      <a:gd name="connsiteY2" fmla="*/ 522659 h 1915393"/>
                      <a:gd name="connsiteX3" fmla="*/ 1334732 w 1764063"/>
                      <a:gd name="connsiteY3" fmla="*/ 599249 h 1915393"/>
                      <a:gd name="connsiteX4" fmla="*/ 1448015 w 1764063"/>
                      <a:gd name="connsiteY4" fmla="*/ 890290 h 1915393"/>
                      <a:gd name="connsiteX5" fmla="*/ 1521996 w 1764063"/>
                      <a:gd name="connsiteY5" fmla="*/ 974540 h 1915393"/>
                      <a:gd name="connsiteX6" fmla="*/ 1430372 w 1764063"/>
                      <a:gd name="connsiteY6" fmla="*/ 1120142 h 1915393"/>
                      <a:gd name="connsiteX7" fmla="*/ 1560999 w 1764063"/>
                      <a:gd name="connsiteY7" fmla="*/ 1261657 h 1915393"/>
                      <a:gd name="connsiteX8" fmla="*/ 1627558 w 1764063"/>
                      <a:gd name="connsiteY8" fmla="*/ 1366018 h 1915393"/>
                      <a:gd name="connsiteX9" fmla="*/ 1566143 w 1764063"/>
                      <a:gd name="connsiteY9" fmla="*/ 1550263 h 1915393"/>
                      <a:gd name="connsiteX10" fmla="*/ 1654854 w 1764063"/>
                      <a:gd name="connsiteY10" fmla="*/ 1707212 h 1915393"/>
                      <a:gd name="connsiteX11" fmla="*/ 1668502 w 1764063"/>
                      <a:gd name="connsiteY11" fmla="*/ 1754979 h 1915393"/>
                      <a:gd name="connsiteX12" fmla="*/ 1757212 w 1764063"/>
                      <a:gd name="connsiteY12" fmla="*/ 1843689 h 1915393"/>
                      <a:gd name="connsiteX13" fmla="*/ 1750388 w 1764063"/>
                      <a:gd name="connsiteY13" fmla="*/ 1905104 h 1915393"/>
                      <a:gd name="connsiteX14" fmla="*/ 1688973 w 1764063"/>
                      <a:gd name="connsiteY14" fmla="*/ 1911928 h 1915393"/>
                      <a:gd name="connsiteX15" fmla="*/ 1628988 w 1764063"/>
                      <a:gd name="connsiteY15" fmla="*/ 1869251 h 1915393"/>
                      <a:gd name="connsiteX16" fmla="*/ 1525524 w 1764063"/>
                      <a:gd name="connsiteY16" fmla="*/ 1856470 h 1915393"/>
                      <a:gd name="connsiteX17" fmla="*/ 1340513 w 1764063"/>
                      <a:gd name="connsiteY17" fmla="*/ 1763417 h 1915393"/>
                      <a:gd name="connsiteX18" fmla="*/ 1219140 w 1764063"/>
                      <a:gd name="connsiteY18" fmla="*/ 1763417 h 1915393"/>
                      <a:gd name="connsiteX19" fmla="*/ 836137 w 1764063"/>
                      <a:gd name="connsiteY19" fmla="*/ 1611514 h 1915393"/>
                      <a:gd name="connsiteX20" fmla="*/ 714763 w 1764063"/>
                      <a:gd name="connsiteY20" fmla="*/ 1501309 h 1915393"/>
                      <a:gd name="connsiteX21" fmla="*/ 647332 w 1764063"/>
                      <a:gd name="connsiteY21" fmla="*/ 1400040 h 1915393"/>
                      <a:gd name="connsiteX22" fmla="*/ 593388 w 1764063"/>
                      <a:gd name="connsiteY22" fmla="*/ 1215373 h 1915393"/>
                      <a:gd name="connsiteX23" fmla="*/ 509774 w 1764063"/>
                      <a:gd name="connsiteY23" fmla="*/ 1149846 h 1915393"/>
                      <a:gd name="connsiteX24" fmla="*/ 480104 w 1764063"/>
                      <a:gd name="connsiteY24" fmla="*/ 968158 h 1915393"/>
                      <a:gd name="connsiteX25" fmla="*/ 315575 w 1764063"/>
                      <a:gd name="connsiteY25" fmla="*/ 926459 h 1915393"/>
                      <a:gd name="connsiteX26" fmla="*/ 318272 w 1764063"/>
                      <a:gd name="connsiteY26" fmla="*/ 619673 h 1915393"/>
                      <a:gd name="connsiteX27" fmla="*/ 159136 w 1764063"/>
                      <a:gd name="connsiteY27" fmla="*/ 512447 h 1915393"/>
                      <a:gd name="connsiteX28" fmla="*/ 2698 w 1764063"/>
                      <a:gd name="connsiteY28" fmla="*/ 208640 h 1915393"/>
                      <a:gd name="connsiteX29" fmla="*/ 53790 w 1764063"/>
                      <a:gd name="connsiteY29" fmla="*/ 0 h 1915393"/>
                      <a:gd name="connsiteX0" fmla="*/ 1189084 w 1764063"/>
                      <a:gd name="connsiteY0" fmla="*/ 443515 h 1915393"/>
                      <a:gd name="connsiteX1" fmla="*/ 1251505 w 1764063"/>
                      <a:gd name="connsiteY1" fmla="*/ 522659 h 1915393"/>
                      <a:gd name="connsiteX2" fmla="*/ 1334732 w 1764063"/>
                      <a:gd name="connsiteY2" fmla="*/ 599249 h 1915393"/>
                      <a:gd name="connsiteX3" fmla="*/ 1448015 w 1764063"/>
                      <a:gd name="connsiteY3" fmla="*/ 890290 h 1915393"/>
                      <a:gd name="connsiteX4" fmla="*/ 1521996 w 1764063"/>
                      <a:gd name="connsiteY4" fmla="*/ 974540 h 1915393"/>
                      <a:gd name="connsiteX5" fmla="*/ 1430372 w 1764063"/>
                      <a:gd name="connsiteY5" fmla="*/ 1120142 h 1915393"/>
                      <a:gd name="connsiteX6" fmla="*/ 1560999 w 1764063"/>
                      <a:gd name="connsiteY6" fmla="*/ 1261657 h 1915393"/>
                      <a:gd name="connsiteX7" fmla="*/ 1627558 w 1764063"/>
                      <a:gd name="connsiteY7" fmla="*/ 1366018 h 1915393"/>
                      <a:gd name="connsiteX8" fmla="*/ 1566143 w 1764063"/>
                      <a:gd name="connsiteY8" fmla="*/ 1550263 h 1915393"/>
                      <a:gd name="connsiteX9" fmla="*/ 1654854 w 1764063"/>
                      <a:gd name="connsiteY9" fmla="*/ 1707212 h 1915393"/>
                      <a:gd name="connsiteX10" fmla="*/ 1668502 w 1764063"/>
                      <a:gd name="connsiteY10" fmla="*/ 1754979 h 1915393"/>
                      <a:gd name="connsiteX11" fmla="*/ 1757212 w 1764063"/>
                      <a:gd name="connsiteY11" fmla="*/ 1843689 h 1915393"/>
                      <a:gd name="connsiteX12" fmla="*/ 1750388 w 1764063"/>
                      <a:gd name="connsiteY12" fmla="*/ 1905104 h 1915393"/>
                      <a:gd name="connsiteX13" fmla="*/ 1688973 w 1764063"/>
                      <a:gd name="connsiteY13" fmla="*/ 1911928 h 1915393"/>
                      <a:gd name="connsiteX14" fmla="*/ 1628988 w 1764063"/>
                      <a:gd name="connsiteY14" fmla="*/ 1869251 h 1915393"/>
                      <a:gd name="connsiteX15" fmla="*/ 1525524 w 1764063"/>
                      <a:gd name="connsiteY15" fmla="*/ 1856470 h 1915393"/>
                      <a:gd name="connsiteX16" fmla="*/ 1340513 w 1764063"/>
                      <a:gd name="connsiteY16" fmla="*/ 1763417 h 1915393"/>
                      <a:gd name="connsiteX17" fmla="*/ 1219140 w 1764063"/>
                      <a:gd name="connsiteY17" fmla="*/ 1763417 h 1915393"/>
                      <a:gd name="connsiteX18" fmla="*/ 836137 w 1764063"/>
                      <a:gd name="connsiteY18" fmla="*/ 1611514 h 1915393"/>
                      <a:gd name="connsiteX19" fmla="*/ 714763 w 1764063"/>
                      <a:gd name="connsiteY19" fmla="*/ 1501309 h 1915393"/>
                      <a:gd name="connsiteX20" fmla="*/ 647332 w 1764063"/>
                      <a:gd name="connsiteY20" fmla="*/ 1400040 h 1915393"/>
                      <a:gd name="connsiteX21" fmla="*/ 593388 w 1764063"/>
                      <a:gd name="connsiteY21" fmla="*/ 1215373 h 1915393"/>
                      <a:gd name="connsiteX22" fmla="*/ 509774 w 1764063"/>
                      <a:gd name="connsiteY22" fmla="*/ 1149846 h 1915393"/>
                      <a:gd name="connsiteX23" fmla="*/ 480104 w 1764063"/>
                      <a:gd name="connsiteY23" fmla="*/ 968158 h 1915393"/>
                      <a:gd name="connsiteX24" fmla="*/ 315575 w 1764063"/>
                      <a:gd name="connsiteY24" fmla="*/ 926459 h 1915393"/>
                      <a:gd name="connsiteX25" fmla="*/ 318272 w 1764063"/>
                      <a:gd name="connsiteY25" fmla="*/ 619673 h 1915393"/>
                      <a:gd name="connsiteX26" fmla="*/ 159136 w 1764063"/>
                      <a:gd name="connsiteY26" fmla="*/ 512447 h 1915393"/>
                      <a:gd name="connsiteX27" fmla="*/ 2698 w 1764063"/>
                      <a:gd name="connsiteY27" fmla="*/ 208640 h 1915393"/>
                      <a:gd name="connsiteX28" fmla="*/ 53790 w 1764063"/>
                      <a:gd name="connsiteY28" fmla="*/ 0 h 1915393"/>
                      <a:gd name="connsiteX0" fmla="*/ 1251505 w 1764063"/>
                      <a:gd name="connsiteY0" fmla="*/ 522659 h 1915393"/>
                      <a:gd name="connsiteX1" fmla="*/ 1334732 w 1764063"/>
                      <a:gd name="connsiteY1" fmla="*/ 599249 h 1915393"/>
                      <a:gd name="connsiteX2" fmla="*/ 1448015 w 1764063"/>
                      <a:gd name="connsiteY2" fmla="*/ 890290 h 1915393"/>
                      <a:gd name="connsiteX3" fmla="*/ 1521996 w 1764063"/>
                      <a:gd name="connsiteY3" fmla="*/ 974540 h 1915393"/>
                      <a:gd name="connsiteX4" fmla="*/ 1430372 w 1764063"/>
                      <a:gd name="connsiteY4" fmla="*/ 1120142 h 1915393"/>
                      <a:gd name="connsiteX5" fmla="*/ 1560999 w 1764063"/>
                      <a:gd name="connsiteY5" fmla="*/ 1261657 h 1915393"/>
                      <a:gd name="connsiteX6" fmla="*/ 1627558 w 1764063"/>
                      <a:gd name="connsiteY6" fmla="*/ 1366018 h 1915393"/>
                      <a:gd name="connsiteX7" fmla="*/ 1566143 w 1764063"/>
                      <a:gd name="connsiteY7" fmla="*/ 1550263 h 1915393"/>
                      <a:gd name="connsiteX8" fmla="*/ 1654854 w 1764063"/>
                      <a:gd name="connsiteY8" fmla="*/ 1707212 h 1915393"/>
                      <a:gd name="connsiteX9" fmla="*/ 1668502 w 1764063"/>
                      <a:gd name="connsiteY9" fmla="*/ 1754979 h 1915393"/>
                      <a:gd name="connsiteX10" fmla="*/ 1757212 w 1764063"/>
                      <a:gd name="connsiteY10" fmla="*/ 1843689 h 1915393"/>
                      <a:gd name="connsiteX11" fmla="*/ 1750388 w 1764063"/>
                      <a:gd name="connsiteY11" fmla="*/ 1905104 h 1915393"/>
                      <a:gd name="connsiteX12" fmla="*/ 1688973 w 1764063"/>
                      <a:gd name="connsiteY12" fmla="*/ 1911928 h 1915393"/>
                      <a:gd name="connsiteX13" fmla="*/ 1628988 w 1764063"/>
                      <a:gd name="connsiteY13" fmla="*/ 1869251 h 1915393"/>
                      <a:gd name="connsiteX14" fmla="*/ 1525524 w 1764063"/>
                      <a:gd name="connsiteY14" fmla="*/ 1856470 h 1915393"/>
                      <a:gd name="connsiteX15" fmla="*/ 1340513 w 1764063"/>
                      <a:gd name="connsiteY15" fmla="*/ 1763417 h 1915393"/>
                      <a:gd name="connsiteX16" fmla="*/ 1219140 w 1764063"/>
                      <a:gd name="connsiteY16" fmla="*/ 1763417 h 1915393"/>
                      <a:gd name="connsiteX17" fmla="*/ 836137 w 1764063"/>
                      <a:gd name="connsiteY17" fmla="*/ 1611514 h 1915393"/>
                      <a:gd name="connsiteX18" fmla="*/ 714763 w 1764063"/>
                      <a:gd name="connsiteY18" fmla="*/ 1501309 h 1915393"/>
                      <a:gd name="connsiteX19" fmla="*/ 647332 w 1764063"/>
                      <a:gd name="connsiteY19" fmla="*/ 1400040 h 1915393"/>
                      <a:gd name="connsiteX20" fmla="*/ 593388 w 1764063"/>
                      <a:gd name="connsiteY20" fmla="*/ 1215373 h 1915393"/>
                      <a:gd name="connsiteX21" fmla="*/ 509774 w 1764063"/>
                      <a:gd name="connsiteY21" fmla="*/ 1149846 h 1915393"/>
                      <a:gd name="connsiteX22" fmla="*/ 480104 w 1764063"/>
                      <a:gd name="connsiteY22" fmla="*/ 968158 h 1915393"/>
                      <a:gd name="connsiteX23" fmla="*/ 315575 w 1764063"/>
                      <a:gd name="connsiteY23" fmla="*/ 926459 h 1915393"/>
                      <a:gd name="connsiteX24" fmla="*/ 318272 w 1764063"/>
                      <a:gd name="connsiteY24" fmla="*/ 619673 h 1915393"/>
                      <a:gd name="connsiteX25" fmla="*/ 159136 w 1764063"/>
                      <a:gd name="connsiteY25" fmla="*/ 512447 h 1915393"/>
                      <a:gd name="connsiteX26" fmla="*/ 2698 w 1764063"/>
                      <a:gd name="connsiteY26" fmla="*/ 208640 h 1915393"/>
                      <a:gd name="connsiteX27" fmla="*/ 53790 w 1764063"/>
                      <a:gd name="connsiteY27" fmla="*/ 0 h 1915393"/>
                      <a:gd name="connsiteX0" fmla="*/ 1334732 w 1764063"/>
                      <a:gd name="connsiteY0" fmla="*/ 599249 h 1915393"/>
                      <a:gd name="connsiteX1" fmla="*/ 1448015 w 1764063"/>
                      <a:gd name="connsiteY1" fmla="*/ 890290 h 1915393"/>
                      <a:gd name="connsiteX2" fmla="*/ 1521996 w 1764063"/>
                      <a:gd name="connsiteY2" fmla="*/ 974540 h 1915393"/>
                      <a:gd name="connsiteX3" fmla="*/ 1430372 w 1764063"/>
                      <a:gd name="connsiteY3" fmla="*/ 1120142 h 1915393"/>
                      <a:gd name="connsiteX4" fmla="*/ 1560999 w 1764063"/>
                      <a:gd name="connsiteY4" fmla="*/ 1261657 h 1915393"/>
                      <a:gd name="connsiteX5" fmla="*/ 1627558 w 1764063"/>
                      <a:gd name="connsiteY5" fmla="*/ 1366018 h 1915393"/>
                      <a:gd name="connsiteX6" fmla="*/ 1566143 w 1764063"/>
                      <a:gd name="connsiteY6" fmla="*/ 1550263 h 1915393"/>
                      <a:gd name="connsiteX7" fmla="*/ 1654854 w 1764063"/>
                      <a:gd name="connsiteY7" fmla="*/ 1707212 h 1915393"/>
                      <a:gd name="connsiteX8" fmla="*/ 1668502 w 1764063"/>
                      <a:gd name="connsiteY8" fmla="*/ 1754979 h 1915393"/>
                      <a:gd name="connsiteX9" fmla="*/ 1757212 w 1764063"/>
                      <a:gd name="connsiteY9" fmla="*/ 1843689 h 1915393"/>
                      <a:gd name="connsiteX10" fmla="*/ 1750388 w 1764063"/>
                      <a:gd name="connsiteY10" fmla="*/ 1905104 h 1915393"/>
                      <a:gd name="connsiteX11" fmla="*/ 1688973 w 1764063"/>
                      <a:gd name="connsiteY11" fmla="*/ 1911928 h 1915393"/>
                      <a:gd name="connsiteX12" fmla="*/ 1628988 w 1764063"/>
                      <a:gd name="connsiteY12" fmla="*/ 1869251 h 1915393"/>
                      <a:gd name="connsiteX13" fmla="*/ 1525524 w 1764063"/>
                      <a:gd name="connsiteY13" fmla="*/ 1856470 h 1915393"/>
                      <a:gd name="connsiteX14" fmla="*/ 1340513 w 1764063"/>
                      <a:gd name="connsiteY14" fmla="*/ 1763417 h 1915393"/>
                      <a:gd name="connsiteX15" fmla="*/ 1219140 w 1764063"/>
                      <a:gd name="connsiteY15" fmla="*/ 1763417 h 1915393"/>
                      <a:gd name="connsiteX16" fmla="*/ 836137 w 1764063"/>
                      <a:gd name="connsiteY16" fmla="*/ 1611514 h 1915393"/>
                      <a:gd name="connsiteX17" fmla="*/ 714763 w 1764063"/>
                      <a:gd name="connsiteY17" fmla="*/ 1501309 h 1915393"/>
                      <a:gd name="connsiteX18" fmla="*/ 647332 w 1764063"/>
                      <a:gd name="connsiteY18" fmla="*/ 1400040 h 1915393"/>
                      <a:gd name="connsiteX19" fmla="*/ 593388 w 1764063"/>
                      <a:gd name="connsiteY19" fmla="*/ 1215373 h 1915393"/>
                      <a:gd name="connsiteX20" fmla="*/ 509774 w 1764063"/>
                      <a:gd name="connsiteY20" fmla="*/ 1149846 h 1915393"/>
                      <a:gd name="connsiteX21" fmla="*/ 480104 w 1764063"/>
                      <a:gd name="connsiteY21" fmla="*/ 968158 h 1915393"/>
                      <a:gd name="connsiteX22" fmla="*/ 315575 w 1764063"/>
                      <a:gd name="connsiteY22" fmla="*/ 926459 h 1915393"/>
                      <a:gd name="connsiteX23" fmla="*/ 318272 w 1764063"/>
                      <a:gd name="connsiteY23" fmla="*/ 619673 h 1915393"/>
                      <a:gd name="connsiteX24" fmla="*/ 159136 w 1764063"/>
                      <a:gd name="connsiteY24" fmla="*/ 512447 h 1915393"/>
                      <a:gd name="connsiteX25" fmla="*/ 2698 w 1764063"/>
                      <a:gd name="connsiteY25" fmla="*/ 208640 h 1915393"/>
                      <a:gd name="connsiteX26" fmla="*/ 53790 w 1764063"/>
                      <a:gd name="connsiteY26" fmla="*/ 0 h 1915393"/>
                      <a:gd name="connsiteX0" fmla="*/ 1448015 w 1764063"/>
                      <a:gd name="connsiteY0" fmla="*/ 890290 h 1915393"/>
                      <a:gd name="connsiteX1" fmla="*/ 1521996 w 1764063"/>
                      <a:gd name="connsiteY1" fmla="*/ 974540 h 1915393"/>
                      <a:gd name="connsiteX2" fmla="*/ 1430372 w 1764063"/>
                      <a:gd name="connsiteY2" fmla="*/ 1120142 h 1915393"/>
                      <a:gd name="connsiteX3" fmla="*/ 1560999 w 1764063"/>
                      <a:gd name="connsiteY3" fmla="*/ 1261657 h 1915393"/>
                      <a:gd name="connsiteX4" fmla="*/ 1627558 w 1764063"/>
                      <a:gd name="connsiteY4" fmla="*/ 1366018 h 1915393"/>
                      <a:gd name="connsiteX5" fmla="*/ 1566143 w 1764063"/>
                      <a:gd name="connsiteY5" fmla="*/ 1550263 h 1915393"/>
                      <a:gd name="connsiteX6" fmla="*/ 1654854 w 1764063"/>
                      <a:gd name="connsiteY6" fmla="*/ 1707212 h 1915393"/>
                      <a:gd name="connsiteX7" fmla="*/ 1668502 w 1764063"/>
                      <a:gd name="connsiteY7" fmla="*/ 1754979 h 1915393"/>
                      <a:gd name="connsiteX8" fmla="*/ 1757212 w 1764063"/>
                      <a:gd name="connsiteY8" fmla="*/ 1843689 h 1915393"/>
                      <a:gd name="connsiteX9" fmla="*/ 1750388 w 1764063"/>
                      <a:gd name="connsiteY9" fmla="*/ 1905104 h 1915393"/>
                      <a:gd name="connsiteX10" fmla="*/ 1688973 w 1764063"/>
                      <a:gd name="connsiteY10" fmla="*/ 1911928 h 1915393"/>
                      <a:gd name="connsiteX11" fmla="*/ 1628988 w 1764063"/>
                      <a:gd name="connsiteY11" fmla="*/ 1869251 h 1915393"/>
                      <a:gd name="connsiteX12" fmla="*/ 1525524 w 1764063"/>
                      <a:gd name="connsiteY12" fmla="*/ 1856470 h 1915393"/>
                      <a:gd name="connsiteX13" fmla="*/ 1340513 w 1764063"/>
                      <a:gd name="connsiteY13" fmla="*/ 1763417 h 1915393"/>
                      <a:gd name="connsiteX14" fmla="*/ 1219140 w 1764063"/>
                      <a:gd name="connsiteY14" fmla="*/ 1763417 h 1915393"/>
                      <a:gd name="connsiteX15" fmla="*/ 836137 w 1764063"/>
                      <a:gd name="connsiteY15" fmla="*/ 1611514 h 1915393"/>
                      <a:gd name="connsiteX16" fmla="*/ 714763 w 1764063"/>
                      <a:gd name="connsiteY16" fmla="*/ 1501309 h 1915393"/>
                      <a:gd name="connsiteX17" fmla="*/ 647332 w 1764063"/>
                      <a:gd name="connsiteY17" fmla="*/ 1400040 h 1915393"/>
                      <a:gd name="connsiteX18" fmla="*/ 593388 w 1764063"/>
                      <a:gd name="connsiteY18" fmla="*/ 1215373 h 1915393"/>
                      <a:gd name="connsiteX19" fmla="*/ 509774 w 1764063"/>
                      <a:gd name="connsiteY19" fmla="*/ 1149846 h 1915393"/>
                      <a:gd name="connsiteX20" fmla="*/ 480104 w 1764063"/>
                      <a:gd name="connsiteY20" fmla="*/ 968158 h 1915393"/>
                      <a:gd name="connsiteX21" fmla="*/ 315575 w 1764063"/>
                      <a:gd name="connsiteY21" fmla="*/ 926459 h 1915393"/>
                      <a:gd name="connsiteX22" fmla="*/ 318272 w 1764063"/>
                      <a:gd name="connsiteY22" fmla="*/ 619673 h 1915393"/>
                      <a:gd name="connsiteX23" fmla="*/ 159136 w 1764063"/>
                      <a:gd name="connsiteY23" fmla="*/ 512447 h 1915393"/>
                      <a:gd name="connsiteX24" fmla="*/ 2698 w 1764063"/>
                      <a:gd name="connsiteY24" fmla="*/ 208640 h 1915393"/>
                      <a:gd name="connsiteX25" fmla="*/ 53790 w 1764063"/>
                      <a:gd name="connsiteY25" fmla="*/ 0 h 1915393"/>
                      <a:gd name="connsiteX0" fmla="*/ 1521996 w 1764063"/>
                      <a:gd name="connsiteY0" fmla="*/ 974540 h 1915393"/>
                      <a:gd name="connsiteX1" fmla="*/ 1430372 w 1764063"/>
                      <a:gd name="connsiteY1" fmla="*/ 1120142 h 1915393"/>
                      <a:gd name="connsiteX2" fmla="*/ 1560999 w 1764063"/>
                      <a:gd name="connsiteY2" fmla="*/ 1261657 h 1915393"/>
                      <a:gd name="connsiteX3" fmla="*/ 1627558 w 1764063"/>
                      <a:gd name="connsiteY3" fmla="*/ 1366018 h 1915393"/>
                      <a:gd name="connsiteX4" fmla="*/ 1566143 w 1764063"/>
                      <a:gd name="connsiteY4" fmla="*/ 1550263 h 1915393"/>
                      <a:gd name="connsiteX5" fmla="*/ 1654854 w 1764063"/>
                      <a:gd name="connsiteY5" fmla="*/ 1707212 h 1915393"/>
                      <a:gd name="connsiteX6" fmla="*/ 1668502 w 1764063"/>
                      <a:gd name="connsiteY6" fmla="*/ 1754979 h 1915393"/>
                      <a:gd name="connsiteX7" fmla="*/ 1757212 w 1764063"/>
                      <a:gd name="connsiteY7" fmla="*/ 1843689 h 1915393"/>
                      <a:gd name="connsiteX8" fmla="*/ 1750388 w 1764063"/>
                      <a:gd name="connsiteY8" fmla="*/ 1905104 h 1915393"/>
                      <a:gd name="connsiteX9" fmla="*/ 1688973 w 1764063"/>
                      <a:gd name="connsiteY9" fmla="*/ 1911928 h 1915393"/>
                      <a:gd name="connsiteX10" fmla="*/ 1628988 w 1764063"/>
                      <a:gd name="connsiteY10" fmla="*/ 1869251 h 1915393"/>
                      <a:gd name="connsiteX11" fmla="*/ 1525524 w 1764063"/>
                      <a:gd name="connsiteY11" fmla="*/ 1856470 h 1915393"/>
                      <a:gd name="connsiteX12" fmla="*/ 1340513 w 1764063"/>
                      <a:gd name="connsiteY12" fmla="*/ 1763417 h 1915393"/>
                      <a:gd name="connsiteX13" fmla="*/ 1219140 w 1764063"/>
                      <a:gd name="connsiteY13" fmla="*/ 1763417 h 1915393"/>
                      <a:gd name="connsiteX14" fmla="*/ 836137 w 1764063"/>
                      <a:gd name="connsiteY14" fmla="*/ 1611514 h 1915393"/>
                      <a:gd name="connsiteX15" fmla="*/ 714763 w 1764063"/>
                      <a:gd name="connsiteY15" fmla="*/ 1501309 h 1915393"/>
                      <a:gd name="connsiteX16" fmla="*/ 647332 w 1764063"/>
                      <a:gd name="connsiteY16" fmla="*/ 1400040 h 1915393"/>
                      <a:gd name="connsiteX17" fmla="*/ 593388 w 1764063"/>
                      <a:gd name="connsiteY17" fmla="*/ 1215373 h 1915393"/>
                      <a:gd name="connsiteX18" fmla="*/ 509774 w 1764063"/>
                      <a:gd name="connsiteY18" fmla="*/ 1149846 h 1915393"/>
                      <a:gd name="connsiteX19" fmla="*/ 480104 w 1764063"/>
                      <a:gd name="connsiteY19" fmla="*/ 968158 h 1915393"/>
                      <a:gd name="connsiteX20" fmla="*/ 315575 w 1764063"/>
                      <a:gd name="connsiteY20" fmla="*/ 926459 h 1915393"/>
                      <a:gd name="connsiteX21" fmla="*/ 318272 w 1764063"/>
                      <a:gd name="connsiteY21" fmla="*/ 619673 h 1915393"/>
                      <a:gd name="connsiteX22" fmla="*/ 159136 w 1764063"/>
                      <a:gd name="connsiteY22" fmla="*/ 512447 h 1915393"/>
                      <a:gd name="connsiteX23" fmla="*/ 2698 w 1764063"/>
                      <a:gd name="connsiteY23" fmla="*/ 208640 h 1915393"/>
                      <a:gd name="connsiteX24" fmla="*/ 53790 w 1764063"/>
                      <a:gd name="connsiteY24" fmla="*/ 0 h 1915393"/>
                      <a:gd name="connsiteX0" fmla="*/ 1430372 w 1764063"/>
                      <a:gd name="connsiteY0" fmla="*/ 1120142 h 1915393"/>
                      <a:gd name="connsiteX1" fmla="*/ 1560999 w 1764063"/>
                      <a:gd name="connsiteY1" fmla="*/ 1261657 h 1915393"/>
                      <a:gd name="connsiteX2" fmla="*/ 1627558 w 1764063"/>
                      <a:gd name="connsiteY2" fmla="*/ 1366018 h 1915393"/>
                      <a:gd name="connsiteX3" fmla="*/ 1566143 w 1764063"/>
                      <a:gd name="connsiteY3" fmla="*/ 1550263 h 1915393"/>
                      <a:gd name="connsiteX4" fmla="*/ 1654854 w 1764063"/>
                      <a:gd name="connsiteY4" fmla="*/ 1707212 h 1915393"/>
                      <a:gd name="connsiteX5" fmla="*/ 1668502 w 1764063"/>
                      <a:gd name="connsiteY5" fmla="*/ 1754979 h 1915393"/>
                      <a:gd name="connsiteX6" fmla="*/ 1757212 w 1764063"/>
                      <a:gd name="connsiteY6" fmla="*/ 1843689 h 1915393"/>
                      <a:gd name="connsiteX7" fmla="*/ 1750388 w 1764063"/>
                      <a:gd name="connsiteY7" fmla="*/ 1905104 h 1915393"/>
                      <a:gd name="connsiteX8" fmla="*/ 1688973 w 1764063"/>
                      <a:gd name="connsiteY8" fmla="*/ 1911928 h 1915393"/>
                      <a:gd name="connsiteX9" fmla="*/ 1628988 w 1764063"/>
                      <a:gd name="connsiteY9" fmla="*/ 1869251 h 1915393"/>
                      <a:gd name="connsiteX10" fmla="*/ 1525524 w 1764063"/>
                      <a:gd name="connsiteY10" fmla="*/ 1856470 h 1915393"/>
                      <a:gd name="connsiteX11" fmla="*/ 1340513 w 1764063"/>
                      <a:gd name="connsiteY11" fmla="*/ 1763417 h 1915393"/>
                      <a:gd name="connsiteX12" fmla="*/ 1219140 w 1764063"/>
                      <a:gd name="connsiteY12" fmla="*/ 1763417 h 1915393"/>
                      <a:gd name="connsiteX13" fmla="*/ 836137 w 1764063"/>
                      <a:gd name="connsiteY13" fmla="*/ 1611514 h 1915393"/>
                      <a:gd name="connsiteX14" fmla="*/ 714763 w 1764063"/>
                      <a:gd name="connsiteY14" fmla="*/ 1501309 h 1915393"/>
                      <a:gd name="connsiteX15" fmla="*/ 647332 w 1764063"/>
                      <a:gd name="connsiteY15" fmla="*/ 1400040 h 1915393"/>
                      <a:gd name="connsiteX16" fmla="*/ 593388 w 1764063"/>
                      <a:gd name="connsiteY16" fmla="*/ 1215373 h 1915393"/>
                      <a:gd name="connsiteX17" fmla="*/ 509774 w 1764063"/>
                      <a:gd name="connsiteY17" fmla="*/ 1149846 h 1915393"/>
                      <a:gd name="connsiteX18" fmla="*/ 480104 w 1764063"/>
                      <a:gd name="connsiteY18" fmla="*/ 968158 h 1915393"/>
                      <a:gd name="connsiteX19" fmla="*/ 315575 w 1764063"/>
                      <a:gd name="connsiteY19" fmla="*/ 926459 h 1915393"/>
                      <a:gd name="connsiteX20" fmla="*/ 318272 w 1764063"/>
                      <a:gd name="connsiteY20" fmla="*/ 619673 h 1915393"/>
                      <a:gd name="connsiteX21" fmla="*/ 159136 w 1764063"/>
                      <a:gd name="connsiteY21" fmla="*/ 512447 h 1915393"/>
                      <a:gd name="connsiteX22" fmla="*/ 2698 w 1764063"/>
                      <a:gd name="connsiteY22" fmla="*/ 208640 h 1915393"/>
                      <a:gd name="connsiteX23" fmla="*/ 53790 w 1764063"/>
                      <a:gd name="connsiteY23" fmla="*/ 0 h 1915393"/>
                      <a:gd name="connsiteX0" fmla="*/ 1427674 w 1761365"/>
                      <a:gd name="connsiteY0" fmla="*/ 911502 h 1706753"/>
                      <a:gd name="connsiteX1" fmla="*/ 1558301 w 1761365"/>
                      <a:gd name="connsiteY1" fmla="*/ 1053017 h 1706753"/>
                      <a:gd name="connsiteX2" fmla="*/ 1624860 w 1761365"/>
                      <a:gd name="connsiteY2" fmla="*/ 1157378 h 1706753"/>
                      <a:gd name="connsiteX3" fmla="*/ 1563445 w 1761365"/>
                      <a:gd name="connsiteY3" fmla="*/ 1341623 h 1706753"/>
                      <a:gd name="connsiteX4" fmla="*/ 1652156 w 1761365"/>
                      <a:gd name="connsiteY4" fmla="*/ 1498572 h 1706753"/>
                      <a:gd name="connsiteX5" fmla="*/ 1665804 w 1761365"/>
                      <a:gd name="connsiteY5" fmla="*/ 1546339 h 1706753"/>
                      <a:gd name="connsiteX6" fmla="*/ 1754514 w 1761365"/>
                      <a:gd name="connsiteY6" fmla="*/ 1635049 h 1706753"/>
                      <a:gd name="connsiteX7" fmla="*/ 1747690 w 1761365"/>
                      <a:gd name="connsiteY7" fmla="*/ 1696464 h 1706753"/>
                      <a:gd name="connsiteX8" fmla="*/ 1686275 w 1761365"/>
                      <a:gd name="connsiteY8" fmla="*/ 1703288 h 1706753"/>
                      <a:gd name="connsiteX9" fmla="*/ 1626290 w 1761365"/>
                      <a:gd name="connsiteY9" fmla="*/ 1660611 h 1706753"/>
                      <a:gd name="connsiteX10" fmla="*/ 1522826 w 1761365"/>
                      <a:gd name="connsiteY10" fmla="*/ 1647830 h 1706753"/>
                      <a:gd name="connsiteX11" fmla="*/ 1337815 w 1761365"/>
                      <a:gd name="connsiteY11" fmla="*/ 1554777 h 1706753"/>
                      <a:gd name="connsiteX12" fmla="*/ 1216442 w 1761365"/>
                      <a:gd name="connsiteY12" fmla="*/ 1554777 h 1706753"/>
                      <a:gd name="connsiteX13" fmla="*/ 833439 w 1761365"/>
                      <a:gd name="connsiteY13" fmla="*/ 1402874 h 1706753"/>
                      <a:gd name="connsiteX14" fmla="*/ 712065 w 1761365"/>
                      <a:gd name="connsiteY14" fmla="*/ 1292669 h 1706753"/>
                      <a:gd name="connsiteX15" fmla="*/ 644634 w 1761365"/>
                      <a:gd name="connsiteY15" fmla="*/ 1191400 h 1706753"/>
                      <a:gd name="connsiteX16" fmla="*/ 590690 w 1761365"/>
                      <a:gd name="connsiteY16" fmla="*/ 1006733 h 1706753"/>
                      <a:gd name="connsiteX17" fmla="*/ 507076 w 1761365"/>
                      <a:gd name="connsiteY17" fmla="*/ 941206 h 1706753"/>
                      <a:gd name="connsiteX18" fmla="*/ 477406 w 1761365"/>
                      <a:gd name="connsiteY18" fmla="*/ 759518 h 1706753"/>
                      <a:gd name="connsiteX19" fmla="*/ 312877 w 1761365"/>
                      <a:gd name="connsiteY19" fmla="*/ 717819 h 1706753"/>
                      <a:gd name="connsiteX20" fmla="*/ 315574 w 1761365"/>
                      <a:gd name="connsiteY20" fmla="*/ 411033 h 1706753"/>
                      <a:gd name="connsiteX21" fmla="*/ 156438 w 1761365"/>
                      <a:gd name="connsiteY21" fmla="*/ 303807 h 1706753"/>
                      <a:gd name="connsiteX22" fmla="*/ 0 w 1761365"/>
                      <a:gd name="connsiteY22" fmla="*/ 0 h 1706753"/>
                      <a:gd name="connsiteX0" fmla="*/ 1271236 w 1604927"/>
                      <a:gd name="connsiteY0" fmla="*/ 607695 h 1402946"/>
                      <a:gd name="connsiteX1" fmla="*/ 1401863 w 1604927"/>
                      <a:gd name="connsiteY1" fmla="*/ 749210 h 1402946"/>
                      <a:gd name="connsiteX2" fmla="*/ 1468422 w 1604927"/>
                      <a:gd name="connsiteY2" fmla="*/ 853571 h 1402946"/>
                      <a:gd name="connsiteX3" fmla="*/ 1407007 w 1604927"/>
                      <a:gd name="connsiteY3" fmla="*/ 1037816 h 1402946"/>
                      <a:gd name="connsiteX4" fmla="*/ 1495718 w 1604927"/>
                      <a:gd name="connsiteY4" fmla="*/ 1194765 h 1402946"/>
                      <a:gd name="connsiteX5" fmla="*/ 1509366 w 1604927"/>
                      <a:gd name="connsiteY5" fmla="*/ 1242532 h 1402946"/>
                      <a:gd name="connsiteX6" fmla="*/ 1598076 w 1604927"/>
                      <a:gd name="connsiteY6" fmla="*/ 1331242 h 1402946"/>
                      <a:gd name="connsiteX7" fmla="*/ 1591252 w 1604927"/>
                      <a:gd name="connsiteY7" fmla="*/ 1392657 h 1402946"/>
                      <a:gd name="connsiteX8" fmla="*/ 1529837 w 1604927"/>
                      <a:gd name="connsiteY8" fmla="*/ 1399481 h 1402946"/>
                      <a:gd name="connsiteX9" fmla="*/ 1469852 w 1604927"/>
                      <a:gd name="connsiteY9" fmla="*/ 1356804 h 1402946"/>
                      <a:gd name="connsiteX10" fmla="*/ 1366388 w 1604927"/>
                      <a:gd name="connsiteY10" fmla="*/ 1344023 h 1402946"/>
                      <a:gd name="connsiteX11" fmla="*/ 1181377 w 1604927"/>
                      <a:gd name="connsiteY11" fmla="*/ 1250970 h 1402946"/>
                      <a:gd name="connsiteX12" fmla="*/ 1060004 w 1604927"/>
                      <a:gd name="connsiteY12" fmla="*/ 1250970 h 1402946"/>
                      <a:gd name="connsiteX13" fmla="*/ 677001 w 1604927"/>
                      <a:gd name="connsiteY13" fmla="*/ 1099067 h 1402946"/>
                      <a:gd name="connsiteX14" fmla="*/ 555627 w 1604927"/>
                      <a:gd name="connsiteY14" fmla="*/ 988862 h 1402946"/>
                      <a:gd name="connsiteX15" fmla="*/ 488196 w 1604927"/>
                      <a:gd name="connsiteY15" fmla="*/ 887593 h 1402946"/>
                      <a:gd name="connsiteX16" fmla="*/ 434252 w 1604927"/>
                      <a:gd name="connsiteY16" fmla="*/ 702926 h 1402946"/>
                      <a:gd name="connsiteX17" fmla="*/ 350638 w 1604927"/>
                      <a:gd name="connsiteY17" fmla="*/ 637399 h 1402946"/>
                      <a:gd name="connsiteX18" fmla="*/ 320968 w 1604927"/>
                      <a:gd name="connsiteY18" fmla="*/ 455711 h 1402946"/>
                      <a:gd name="connsiteX19" fmla="*/ 156439 w 1604927"/>
                      <a:gd name="connsiteY19" fmla="*/ 414012 h 1402946"/>
                      <a:gd name="connsiteX20" fmla="*/ 159136 w 1604927"/>
                      <a:gd name="connsiteY20" fmla="*/ 107226 h 1402946"/>
                      <a:gd name="connsiteX21" fmla="*/ 0 w 1604927"/>
                      <a:gd name="connsiteY21" fmla="*/ 0 h 1402946"/>
                      <a:gd name="connsiteX0" fmla="*/ 1127600 w 1461291"/>
                      <a:gd name="connsiteY0" fmla="*/ 500469 h 1295720"/>
                      <a:gd name="connsiteX1" fmla="*/ 1258227 w 1461291"/>
                      <a:gd name="connsiteY1" fmla="*/ 641984 h 1295720"/>
                      <a:gd name="connsiteX2" fmla="*/ 1324786 w 1461291"/>
                      <a:gd name="connsiteY2" fmla="*/ 746345 h 1295720"/>
                      <a:gd name="connsiteX3" fmla="*/ 1263371 w 1461291"/>
                      <a:gd name="connsiteY3" fmla="*/ 930590 h 1295720"/>
                      <a:gd name="connsiteX4" fmla="*/ 1352082 w 1461291"/>
                      <a:gd name="connsiteY4" fmla="*/ 1087539 h 1295720"/>
                      <a:gd name="connsiteX5" fmla="*/ 1365730 w 1461291"/>
                      <a:gd name="connsiteY5" fmla="*/ 1135306 h 1295720"/>
                      <a:gd name="connsiteX6" fmla="*/ 1454440 w 1461291"/>
                      <a:gd name="connsiteY6" fmla="*/ 1224016 h 1295720"/>
                      <a:gd name="connsiteX7" fmla="*/ 1447616 w 1461291"/>
                      <a:gd name="connsiteY7" fmla="*/ 1285431 h 1295720"/>
                      <a:gd name="connsiteX8" fmla="*/ 1386201 w 1461291"/>
                      <a:gd name="connsiteY8" fmla="*/ 1292255 h 1295720"/>
                      <a:gd name="connsiteX9" fmla="*/ 1326216 w 1461291"/>
                      <a:gd name="connsiteY9" fmla="*/ 1249578 h 1295720"/>
                      <a:gd name="connsiteX10" fmla="*/ 1222752 w 1461291"/>
                      <a:gd name="connsiteY10" fmla="*/ 1236797 h 1295720"/>
                      <a:gd name="connsiteX11" fmla="*/ 1037741 w 1461291"/>
                      <a:gd name="connsiteY11" fmla="*/ 1143744 h 1295720"/>
                      <a:gd name="connsiteX12" fmla="*/ 916368 w 1461291"/>
                      <a:gd name="connsiteY12" fmla="*/ 1143744 h 1295720"/>
                      <a:gd name="connsiteX13" fmla="*/ 533365 w 1461291"/>
                      <a:gd name="connsiteY13" fmla="*/ 991841 h 1295720"/>
                      <a:gd name="connsiteX14" fmla="*/ 411991 w 1461291"/>
                      <a:gd name="connsiteY14" fmla="*/ 881636 h 1295720"/>
                      <a:gd name="connsiteX15" fmla="*/ 344560 w 1461291"/>
                      <a:gd name="connsiteY15" fmla="*/ 780367 h 1295720"/>
                      <a:gd name="connsiteX16" fmla="*/ 290616 w 1461291"/>
                      <a:gd name="connsiteY16" fmla="*/ 595700 h 1295720"/>
                      <a:gd name="connsiteX17" fmla="*/ 207002 w 1461291"/>
                      <a:gd name="connsiteY17" fmla="*/ 530173 h 1295720"/>
                      <a:gd name="connsiteX18" fmla="*/ 177332 w 1461291"/>
                      <a:gd name="connsiteY18" fmla="*/ 348485 h 1295720"/>
                      <a:gd name="connsiteX19" fmla="*/ 12803 w 1461291"/>
                      <a:gd name="connsiteY19" fmla="*/ 306786 h 1295720"/>
                      <a:gd name="connsiteX20" fmla="*/ 15500 w 1461291"/>
                      <a:gd name="connsiteY20" fmla="*/ 0 h 1295720"/>
                      <a:gd name="connsiteX0" fmla="*/ 1114797 w 1448488"/>
                      <a:gd name="connsiteY0" fmla="*/ 193683 h 988934"/>
                      <a:gd name="connsiteX1" fmla="*/ 1245424 w 1448488"/>
                      <a:gd name="connsiteY1" fmla="*/ 335198 h 988934"/>
                      <a:gd name="connsiteX2" fmla="*/ 1311983 w 1448488"/>
                      <a:gd name="connsiteY2" fmla="*/ 439559 h 988934"/>
                      <a:gd name="connsiteX3" fmla="*/ 1250568 w 1448488"/>
                      <a:gd name="connsiteY3" fmla="*/ 623804 h 988934"/>
                      <a:gd name="connsiteX4" fmla="*/ 1339279 w 1448488"/>
                      <a:gd name="connsiteY4" fmla="*/ 780753 h 988934"/>
                      <a:gd name="connsiteX5" fmla="*/ 1352927 w 1448488"/>
                      <a:gd name="connsiteY5" fmla="*/ 828520 h 988934"/>
                      <a:gd name="connsiteX6" fmla="*/ 1441637 w 1448488"/>
                      <a:gd name="connsiteY6" fmla="*/ 917230 h 988934"/>
                      <a:gd name="connsiteX7" fmla="*/ 1434813 w 1448488"/>
                      <a:gd name="connsiteY7" fmla="*/ 978645 h 988934"/>
                      <a:gd name="connsiteX8" fmla="*/ 1373398 w 1448488"/>
                      <a:gd name="connsiteY8" fmla="*/ 985469 h 988934"/>
                      <a:gd name="connsiteX9" fmla="*/ 1313413 w 1448488"/>
                      <a:gd name="connsiteY9" fmla="*/ 942792 h 988934"/>
                      <a:gd name="connsiteX10" fmla="*/ 1209949 w 1448488"/>
                      <a:gd name="connsiteY10" fmla="*/ 930011 h 988934"/>
                      <a:gd name="connsiteX11" fmla="*/ 1024938 w 1448488"/>
                      <a:gd name="connsiteY11" fmla="*/ 836958 h 988934"/>
                      <a:gd name="connsiteX12" fmla="*/ 903565 w 1448488"/>
                      <a:gd name="connsiteY12" fmla="*/ 836958 h 988934"/>
                      <a:gd name="connsiteX13" fmla="*/ 520562 w 1448488"/>
                      <a:gd name="connsiteY13" fmla="*/ 685055 h 988934"/>
                      <a:gd name="connsiteX14" fmla="*/ 399188 w 1448488"/>
                      <a:gd name="connsiteY14" fmla="*/ 574850 h 988934"/>
                      <a:gd name="connsiteX15" fmla="*/ 331757 w 1448488"/>
                      <a:gd name="connsiteY15" fmla="*/ 473581 h 988934"/>
                      <a:gd name="connsiteX16" fmla="*/ 277813 w 1448488"/>
                      <a:gd name="connsiteY16" fmla="*/ 288914 h 988934"/>
                      <a:gd name="connsiteX17" fmla="*/ 194199 w 1448488"/>
                      <a:gd name="connsiteY17" fmla="*/ 223387 h 988934"/>
                      <a:gd name="connsiteX18" fmla="*/ 164529 w 1448488"/>
                      <a:gd name="connsiteY18" fmla="*/ 41699 h 988934"/>
                      <a:gd name="connsiteX19" fmla="*/ 0 w 1448488"/>
                      <a:gd name="connsiteY19" fmla="*/ 0 h 988934"/>
                      <a:gd name="connsiteX0" fmla="*/ 950268 w 1283959"/>
                      <a:gd name="connsiteY0" fmla="*/ 151984 h 947235"/>
                      <a:gd name="connsiteX1" fmla="*/ 1080895 w 1283959"/>
                      <a:gd name="connsiteY1" fmla="*/ 293499 h 947235"/>
                      <a:gd name="connsiteX2" fmla="*/ 1147454 w 1283959"/>
                      <a:gd name="connsiteY2" fmla="*/ 397860 h 947235"/>
                      <a:gd name="connsiteX3" fmla="*/ 1086039 w 1283959"/>
                      <a:gd name="connsiteY3" fmla="*/ 582105 h 947235"/>
                      <a:gd name="connsiteX4" fmla="*/ 1174750 w 1283959"/>
                      <a:gd name="connsiteY4" fmla="*/ 739054 h 947235"/>
                      <a:gd name="connsiteX5" fmla="*/ 1188398 w 1283959"/>
                      <a:gd name="connsiteY5" fmla="*/ 786821 h 947235"/>
                      <a:gd name="connsiteX6" fmla="*/ 1277108 w 1283959"/>
                      <a:gd name="connsiteY6" fmla="*/ 875531 h 947235"/>
                      <a:gd name="connsiteX7" fmla="*/ 1270284 w 1283959"/>
                      <a:gd name="connsiteY7" fmla="*/ 936946 h 947235"/>
                      <a:gd name="connsiteX8" fmla="*/ 1208869 w 1283959"/>
                      <a:gd name="connsiteY8" fmla="*/ 943770 h 947235"/>
                      <a:gd name="connsiteX9" fmla="*/ 1148884 w 1283959"/>
                      <a:gd name="connsiteY9" fmla="*/ 901093 h 947235"/>
                      <a:gd name="connsiteX10" fmla="*/ 1045420 w 1283959"/>
                      <a:gd name="connsiteY10" fmla="*/ 888312 h 947235"/>
                      <a:gd name="connsiteX11" fmla="*/ 860409 w 1283959"/>
                      <a:gd name="connsiteY11" fmla="*/ 795259 h 947235"/>
                      <a:gd name="connsiteX12" fmla="*/ 739036 w 1283959"/>
                      <a:gd name="connsiteY12" fmla="*/ 795259 h 947235"/>
                      <a:gd name="connsiteX13" fmla="*/ 356033 w 1283959"/>
                      <a:gd name="connsiteY13" fmla="*/ 643356 h 947235"/>
                      <a:gd name="connsiteX14" fmla="*/ 234659 w 1283959"/>
                      <a:gd name="connsiteY14" fmla="*/ 533151 h 947235"/>
                      <a:gd name="connsiteX15" fmla="*/ 167228 w 1283959"/>
                      <a:gd name="connsiteY15" fmla="*/ 431882 h 947235"/>
                      <a:gd name="connsiteX16" fmla="*/ 113284 w 1283959"/>
                      <a:gd name="connsiteY16" fmla="*/ 247215 h 947235"/>
                      <a:gd name="connsiteX17" fmla="*/ 29670 w 1283959"/>
                      <a:gd name="connsiteY17" fmla="*/ 181688 h 947235"/>
                      <a:gd name="connsiteX18" fmla="*/ 0 w 1283959"/>
                      <a:gd name="connsiteY18" fmla="*/ 0 h 947235"/>
                      <a:gd name="connsiteX0" fmla="*/ 920598 w 1254289"/>
                      <a:gd name="connsiteY0" fmla="*/ 0 h 795251"/>
                      <a:gd name="connsiteX1" fmla="*/ 1051225 w 1254289"/>
                      <a:gd name="connsiteY1" fmla="*/ 141515 h 795251"/>
                      <a:gd name="connsiteX2" fmla="*/ 1117784 w 1254289"/>
                      <a:gd name="connsiteY2" fmla="*/ 245876 h 795251"/>
                      <a:gd name="connsiteX3" fmla="*/ 1056369 w 1254289"/>
                      <a:gd name="connsiteY3" fmla="*/ 430121 h 795251"/>
                      <a:gd name="connsiteX4" fmla="*/ 1145080 w 1254289"/>
                      <a:gd name="connsiteY4" fmla="*/ 587070 h 795251"/>
                      <a:gd name="connsiteX5" fmla="*/ 1158728 w 1254289"/>
                      <a:gd name="connsiteY5" fmla="*/ 634837 h 795251"/>
                      <a:gd name="connsiteX6" fmla="*/ 1247438 w 1254289"/>
                      <a:gd name="connsiteY6" fmla="*/ 723547 h 795251"/>
                      <a:gd name="connsiteX7" fmla="*/ 1240614 w 1254289"/>
                      <a:gd name="connsiteY7" fmla="*/ 784962 h 795251"/>
                      <a:gd name="connsiteX8" fmla="*/ 1179199 w 1254289"/>
                      <a:gd name="connsiteY8" fmla="*/ 791786 h 795251"/>
                      <a:gd name="connsiteX9" fmla="*/ 1119214 w 1254289"/>
                      <a:gd name="connsiteY9" fmla="*/ 749109 h 795251"/>
                      <a:gd name="connsiteX10" fmla="*/ 1015750 w 1254289"/>
                      <a:gd name="connsiteY10" fmla="*/ 736328 h 795251"/>
                      <a:gd name="connsiteX11" fmla="*/ 830739 w 1254289"/>
                      <a:gd name="connsiteY11" fmla="*/ 643275 h 795251"/>
                      <a:gd name="connsiteX12" fmla="*/ 709366 w 1254289"/>
                      <a:gd name="connsiteY12" fmla="*/ 643275 h 795251"/>
                      <a:gd name="connsiteX13" fmla="*/ 326363 w 1254289"/>
                      <a:gd name="connsiteY13" fmla="*/ 491372 h 795251"/>
                      <a:gd name="connsiteX14" fmla="*/ 204989 w 1254289"/>
                      <a:gd name="connsiteY14" fmla="*/ 381167 h 795251"/>
                      <a:gd name="connsiteX15" fmla="*/ 137558 w 1254289"/>
                      <a:gd name="connsiteY15" fmla="*/ 279898 h 795251"/>
                      <a:gd name="connsiteX16" fmla="*/ 83614 w 1254289"/>
                      <a:gd name="connsiteY16" fmla="*/ 95231 h 795251"/>
                      <a:gd name="connsiteX17" fmla="*/ 0 w 1254289"/>
                      <a:gd name="connsiteY17" fmla="*/ 29704 h 795251"/>
                      <a:gd name="connsiteX0" fmla="*/ 836984 w 1170675"/>
                      <a:gd name="connsiteY0" fmla="*/ 0 h 795251"/>
                      <a:gd name="connsiteX1" fmla="*/ 967611 w 1170675"/>
                      <a:gd name="connsiteY1" fmla="*/ 141515 h 795251"/>
                      <a:gd name="connsiteX2" fmla="*/ 1034170 w 1170675"/>
                      <a:gd name="connsiteY2" fmla="*/ 245876 h 795251"/>
                      <a:gd name="connsiteX3" fmla="*/ 972755 w 1170675"/>
                      <a:gd name="connsiteY3" fmla="*/ 430121 h 795251"/>
                      <a:gd name="connsiteX4" fmla="*/ 1061466 w 1170675"/>
                      <a:gd name="connsiteY4" fmla="*/ 587070 h 795251"/>
                      <a:gd name="connsiteX5" fmla="*/ 1075114 w 1170675"/>
                      <a:gd name="connsiteY5" fmla="*/ 634837 h 795251"/>
                      <a:gd name="connsiteX6" fmla="*/ 1163824 w 1170675"/>
                      <a:gd name="connsiteY6" fmla="*/ 723547 h 795251"/>
                      <a:gd name="connsiteX7" fmla="*/ 1157000 w 1170675"/>
                      <a:gd name="connsiteY7" fmla="*/ 784962 h 795251"/>
                      <a:gd name="connsiteX8" fmla="*/ 1095585 w 1170675"/>
                      <a:gd name="connsiteY8" fmla="*/ 791786 h 795251"/>
                      <a:gd name="connsiteX9" fmla="*/ 1035600 w 1170675"/>
                      <a:gd name="connsiteY9" fmla="*/ 749109 h 795251"/>
                      <a:gd name="connsiteX10" fmla="*/ 932136 w 1170675"/>
                      <a:gd name="connsiteY10" fmla="*/ 736328 h 795251"/>
                      <a:gd name="connsiteX11" fmla="*/ 747125 w 1170675"/>
                      <a:gd name="connsiteY11" fmla="*/ 643275 h 795251"/>
                      <a:gd name="connsiteX12" fmla="*/ 625752 w 1170675"/>
                      <a:gd name="connsiteY12" fmla="*/ 643275 h 795251"/>
                      <a:gd name="connsiteX13" fmla="*/ 242749 w 1170675"/>
                      <a:gd name="connsiteY13" fmla="*/ 491372 h 795251"/>
                      <a:gd name="connsiteX14" fmla="*/ 121375 w 1170675"/>
                      <a:gd name="connsiteY14" fmla="*/ 381167 h 795251"/>
                      <a:gd name="connsiteX15" fmla="*/ 53944 w 1170675"/>
                      <a:gd name="connsiteY15" fmla="*/ 279898 h 795251"/>
                      <a:gd name="connsiteX16" fmla="*/ 0 w 1170675"/>
                      <a:gd name="connsiteY16" fmla="*/ 95231 h 795251"/>
                      <a:gd name="connsiteX0" fmla="*/ 783040 w 1116731"/>
                      <a:gd name="connsiteY0" fmla="*/ 0 h 795251"/>
                      <a:gd name="connsiteX1" fmla="*/ 913667 w 1116731"/>
                      <a:gd name="connsiteY1" fmla="*/ 141515 h 795251"/>
                      <a:gd name="connsiteX2" fmla="*/ 980226 w 1116731"/>
                      <a:gd name="connsiteY2" fmla="*/ 245876 h 795251"/>
                      <a:gd name="connsiteX3" fmla="*/ 918811 w 1116731"/>
                      <a:gd name="connsiteY3" fmla="*/ 430121 h 795251"/>
                      <a:gd name="connsiteX4" fmla="*/ 1007522 w 1116731"/>
                      <a:gd name="connsiteY4" fmla="*/ 587070 h 795251"/>
                      <a:gd name="connsiteX5" fmla="*/ 1021170 w 1116731"/>
                      <a:gd name="connsiteY5" fmla="*/ 634837 h 795251"/>
                      <a:gd name="connsiteX6" fmla="*/ 1109880 w 1116731"/>
                      <a:gd name="connsiteY6" fmla="*/ 723547 h 795251"/>
                      <a:gd name="connsiteX7" fmla="*/ 1103056 w 1116731"/>
                      <a:gd name="connsiteY7" fmla="*/ 784962 h 795251"/>
                      <a:gd name="connsiteX8" fmla="*/ 1041641 w 1116731"/>
                      <a:gd name="connsiteY8" fmla="*/ 791786 h 795251"/>
                      <a:gd name="connsiteX9" fmla="*/ 981656 w 1116731"/>
                      <a:gd name="connsiteY9" fmla="*/ 749109 h 795251"/>
                      <a:gd name="connsiteX10" fmla="*/ 878192 w 1116731"/>
                      <a:gd name="connsiteY10" fmla="*/ 736328 h 795251"/>
                      <a:gd name="connsiteX11" fmla="*/ 693181 w 1116731"/>
                      <a:gd name="connsiteY11" fmla="*/ 643275 h 795251"/>
                      <a:gd name="connsiteX12" fmla="*/ 571808 w 1116731"/>
                      <a:gd name="connsiteY12" fmla="*/ 643275 h 795251"/>
                      <a:gd name="connsiteX13" fmla="*/ 188805 w 1116731"/>
                      <a:gd name="connsiteY13" fmla="*/ 491372 h 795251"/>
                      <a:gd name="connsiteX14" fmla="*/ 67431 w 1116731"/>
                      <a:gd name="connsiteY14" fmla="*/ 381167 h 795251"/>
                      <a:gd name="connsiteX15" fmla="*/ 0 w 1116731"/>
                      <a:gd name="connsiteY15" fmla="*/ 279898 h 795251"/>
                      <a:gd name="connsiteX0" fmla="*/ 715609 w 1049300"/>
                      <a:gd name="connsiteY0" fmla="*/ 0 h 795251"/>
                      <a:gd name="connsiteX1" fmla="*/ 846236 w 1049300"/>
                      <a:gd name="connsiteY1" fmla="*/ 141515 h 795251"/>
                      <a:gd name="connsiteX2" fmla="*/ 912795 w 1049300"/>
                      <a:gd name="connsiteY2" fmla="*/ 245876 h 795251"/>
                      <a:gd name="connsiteX3" fmla="*/ 851380 w 1049300"/>
                      <a:gd name="connsiteY3" fmla="*/ 430121 h 795251"/>
                      <a:gd name="connsiteX4" fmla="*/ 940091 w 1049300"/>
                      <a:gd name="connsiteY4" fmla="*/ 587070 h 795251"/>
                      <a:gd name="connsiteX5" fmla="*/ 953739 w 1049300"/>
                      <a:gd name="connsiteY5" fmla="*/ 634837 h 795251"/>
                      <a:gd name="connsiteX6" fmla="*/ 1042449 w 1049300"/>
                      <a:gd name="connsiteY6" fmla="*/ 723547 h 795251"/>
                      <a:gd name="connsiteX7" fmla="*/ 1035625 w 1049300"/>
                      <a:gd name="connsiteY7" fmla="*/ 784962 h 795251"/>
                      <a:gd name="connsiteX8" fmla="*/ 974210 w 1049300"/>
                      <a:gd name="connsiteY8" fmla="*/ 791786 h 795251"/>
                      <a:gd name="connsiteX9" fmla="*/ 914225 w 1049300"/>
                      <a:gd name="connsiteY9" fmla="*/ 749109 h 795251"/>
                      <a:gd name="connsiteX10" fmla="*/ 810761 w 1049300"/>
                      <a:gd name="connsiteY10" fmla="*/ 736328 h 795251"/>
                      <a:gd name="connsiteX11" fmla="*/ 625750 w 1049300"/>
                      <a:gd name="connsiteY11" fmla="*/ 643275 h 795251"/>
                      <a:gd name="connsiteX12" fmla="*/ 504377 w 1049300"/>
                      <a:gd name="connsiteY12" fmla="*/ 643275 h 795251"/>
                      <a:gd name="connsiteX13" fmla="*/ 121374 w 1049300"/>
                      <a:gd name="connsiteY13" fmla="*/ 491372 h 795251"/>
                      <a:gd name="connsiteX14" fmla="*/ 0 w 1049300"/>
                      <a:gd name="connsiteY14" fmla="*/ 381167 h 795251"/>
                      <a:gd name="connsiteX0" fmla="*/ 594235 w 927926"/>
                      <a:gd name="connsiteY0" fmla="*/ 0 h 795251"/>
                      <a:gd name="connsiteX1" fmla="*/ 724862 w 927926"/>
                      <a:gd name="connsiteY1" fmla="*/ 141515 h 795251"/>
                      <a:gd name="connsiteX2" fmla="*/ 791421 w 927926"/>
                      <a:gd name="connsiteY2" fmla="*/ 245876 h 795251"/>
                      <a:gd name="connsiteX3" fmla="*/ 730006 w 927926"/>
                      <a:gd name="connsiteY3" fmla="*/ 430121 h 795251"/>
                      <a:gd name="connsiteX4" fmla="*/ 818717 w 927926"/>
                      <a:gd name="connsiteY4" fmla="*/ 587070 h 795251"/>
                      <a:gd name="connsiteX5" fmla="*/ 832365 w 927926"/>
                      <a:gd name="connsiteY5" fmla="*/ 634837 h 795251"/>
                      <a:gd name="connsiteX6" fmla="*/ 921075 w 927926"/>
                      <a:gd name="connsiteY6" fmla="*/ 723547 h 795251"/>
                      <a:gd name="connsiteX7" fmla="*/ 914251 w 927926"/>
                      <a:gd name="connsiteY7" fmla="*/ 784962 h 795251"/>
                      <a:gd name="connsiteX8" fmla="*/ 852836 w 927926"/>
                      <a:gd name="connsiteY8" fmla="*/ 791786 h 795251"/>
                      <a:gd name="connsiteX9" fmla="*/ 792851 w 927926"/>
                      <a:gd name="connsiteY9" fmla="*/ 749109 h 795251"/>
                      <a:gd name="connsiteX10" fmla="*/ 689387 w 927926"/>
                      <a:gd name="connsiteY10" fmla="*/ 736328 h 795251"/>
                      <a:gd name="connsiteX11" fmla="*/ 504376 w 927926"/>
                      <a:gd name="connsiteY11" fmla="*/ 643275 h 795251"/>
                      <a:gd name="connsiteX12" fmla="*/ 383003 w 927926"/>
                      <a:gd name="connsiteY12" fmla="*/ 643275 h 795251"/>
                      <a:gd name="connsiteX13" fmla="*/ 0 w 927926"/>
                      <a:gd name="connsiteY13" fmla="*/ 491372 h 795251"/>
                      <a:gd name="connsiteX0" fmla="*/ 211232 w 544923"/>
                      <a:gd name="connsiteY0" fmla="*/ 0 h 795251"/>
                      <a:gd name="connsiteX1" fmla="*/ 341859 w 544923"/>
                      <a:gd name="connsiteY1" fmla="*/ 141515 h 795251"/>
                      <a:gd name="connsiteX2" fmla="*/ 408418 w 544923"/>
                      <a:gd name="connsiteY2" fmla="*/ 245876 h 795251"/>
                      <a:gd name="connsiteX3" fmla="*/ 347003 w 544923"/>
                      <a:gd name="connsiteY3" fmla="*/ 430121 h 795251"/>
                      <a:gd name="connsiteX4" fmla="*/ 435714 w 544923"/>
                      <a:gd name="connsiteY4" fmla="*/ 587070 h 795251"/>
                      <a:gd name="connsiteX5" fmla="*/ 449362 w 544923"/>
                      <a:gd name="connsiteY5" fmla="*/ 634837 h 795251"/>
                      <a:gd name="connsiteX6" fmla="*/ 538072 w 544923"/>
                      <a:gd name="connsiteY6" fmla="*/ 723547 h 795251"/>
                      <a:gd name="connsiteX7" fmla="*/ 531248 w 544923"/>
                      <a:gd name="connsiteY7" fmla="*/ 784962 h 795251"/>
                      <a:gd name="connsiteX8" fmla="*/ 469833 w 544923"/>
                      <a:gd name="connsiteY8" fmla="*/ 791786 h 795251"/>
                      <a:gd name="connsiteX9" fmla="*/ 409848 w 544923"/>
                      <a:gd name="connsiteY9" fmla="*/ 749109 h 795251"/>
                      <a:gd name="connsiteX10" fmla="*/ 306384 w 544923"/>
                      <a:gd name="connsiteY10" fmla="*/ 736328 h 795251"/>
                      <a:gd name="connsiteX11" fmla="*/ 121373 w 544923"/>
                      <a:gd name="connsiteY11" fmla="*/ 643275 h 795251"/>
                      <a:gd name="connsiteX12" fmla="*/ 0 w 544923"/>
                      <a:gd name="connsiteY12" fmla="*/ 643275 h 795251"/>
                      <a:gd name="connsiteX0" fmla="*/ 89859 w 423550"/>
                      <a:gd name="connsiteY0" fmla="*/ 0 h 795251"/>
                      <a:gd name="connsiteX1" fmla="*/ 220486 w 423550"/>
                      <a:gd name="connsiteY1" fmla="*/ 141515 h 795251"/>
                      <a:gd name="connsiteX2" fmla="*/ 287045 w 423550"/>
                      <a:gd name="connsiteY2" fmla="*/ 245876 h 795251"/>
                      <a:gd name="connsiteX3" fmla="*/ 225630 w 423550"/>
                      <a:gd name="connsiteY3" fmla="*/ 430121 h 795251"/>
                      <a:gd name="connsiteX4" fmla="*/ 314341 w 423550"/>
                      <a:gd name="connsiteY4" fmla="*/ 587070 h 795251"/>
                      <a:gd name="connsiteX5" fmla="*/ 327989 w 423550"/>
                      <a:gd name="connsiteY5" fmla="*/ 634837 h 795251"/>
                      <a:gd name="connsiteX6" fmla="*/ 416699 w 423550"/>
                      <a:gd name="connsiteY6" fmla="*/ 723547 h 795251"/>
                      <a:gd name="connsiteX7" fmla="*/ 409875 w 423550"/>
                      <a:gd name="connsiteY7" fmla="*/ 784962 h 795251"/>
                      <a:gd name="connsiteX8" fmla="*/ 348460 w 423550"/>
                      <a:gd name="connsiteY8" fmla="*/ 791786 h 795251"/>
                      <a:gd name="connsiteX9" fmla="*/ 288475 w 423550"/>
                      <a:gd name="connsiteY9" fmla="*/ 749109 h 795251"/>
                      <a:gd name="connsiteX10" fmla="*/ 185011 w 423550"/>
                      <a:gd name="connsiteY10" fmla="*/ 736328 h 795251"/>
                      <a:gd name="connsiteX11" fmla="*/ 0 w 423550"/>
                      <a:gd name="connsiteY11" fmla="*/ 643275 h 795251"/>
                      <a:gd name="connsiteX0" fmla="*/ 0 w 603412"/>
                      <a:gd name="connsiteY0" fmla="*/ 0 h 1712629"/>
                      <a:gd name="connsiteX1" fmla="*/ 400348 w 603412"/>
                      <a:gd name="connsiteY1" fmla="*/ 1058893 h 1712629"/>
                      <a:gd name="connsiteX2" fmla="*/ 466907 w 603412"/>
                      <a:gd name="connsiteY2" fmla="*/ 1163254 h 1712629"/>
                      <a:gd name="connsiteX3" fmla="*/ 405492 w 603412"/>
                      <a:gd name="connsiteY3" fmla="*/ 1347499 h 1712629"/>
                      <a:gd name="connsiteX4" fmla="*/ 494203 w 603412"/>
                      <a:gd name="connsiteY4" fmla="*/ 1504448 h 1712629"/>
                      <a:gd name="connsiteX5" fmla="*/ 507851 w 603412"/>
                      <a:gd name="connsiteY5" fmla="*/ 1552215 h 1712629"/>
                      <a:gd name="connsiteX6" fmla="*/ 596561 w 603412"/>
                      <a:gd name="connsiteY6" fmla="*/ 1640925 h 1712629"/>
                      <a:gd name="connsiteX7" fmla="*/ 589737 w 603412"/>
                      <a:gd name="connsiteY7" fmla="*/ 1702340 h 1712629"/>
                      <a:gd name="connsiteX8" fmla="*/ 528322 w 603412"/>
                      <a:gd name="connsiteY8" fmla="*/ 1709164 h 1712629"/>
                      <a:gd name="connsiteX9" fmla="*/ 468337 w 603412"/>
                      <a:gd name="connsiteY9" fmla="*/ 1666487 h 1712629"/>
                      <a:gd name="connsiteX10" fmla="*/ 364873 w 603412"/>
                      <a:gd name="connsiteY10" fmla="*/ 1653706 h 1712629"/>
                      <a:gd name="connsiteX11" fmla="*/ 179862 w 603412"/>
                      <a:gd name="connsiteY11" fmla="*/ 1560653 h 1712629"/>
                      <a:gd name="connsiteX0" fmla="*/ 0 w 603412"/>
                      <a:gd name="connsiteY0" fmla="*/ 0 h 1712629"/>
                      <a:gd name="connsiteX1" fmla="*/ 268868 w 603412"/>
                      <a:gd name="connsiteY1" fmla="*/ 926231 h 1712629"/>
                      <a:gd name="connsiteX2" fmla="*/ 400348 w 603412"/>
                      <a:gd name="connsiteY2" fmla="*/ 1058893 h 1712629"/>
                      <a:gd name="connsiteX3" fmla="*/ 466907 w 603412"/>
                      <a:gd name="connsiteY3" fmla="*/ 1163254 h 1712629"/>
                      <a:gd name="connsiteX4" fmla="*/ 405492 w 603412"/>
                      <a:gd name="connsiteY4" fmla="*/ 1347499 h 1712629"/>
                      <a:gd name="connsiteX5" fmla="*/ 494203 w 603412"/>
                      <a:gd name="connsiteY5" fmla="*/ 1504448 h 1712629"/>
                      <a:gd name="connsiteX6" fmla="*/ 507851 w 603412"/>
                      <a:gd name="connsiteY6" fmla="*/ 1552215 h 1712629"/>
                      <a:gd name="connsiteX7" fmla="*/ 596561 w 603412"/>
                      <a:gd name="connsiteY7" fmla="*/ 1640925 h 1712629"/>
                      <a:gd name="connsiteX8" fmla="*/ 589737 w 603412"/>
                      <a:gd name="connsiteY8" fmla="*/ 1702340 h 1712629"/>
                      <a:gd name="connsiteX9" fmla="*/ 528322 w 603412"/>
                      <a:gd name="connsiteY9" fmla="*/ 1709164 h 1712629"/>
                      <a:gd name="connsiteX10" fmla="*/ 468337 w 603412"/>
                      <a:gd name="connsiteY10" fmla="*/ 1666487 h 1712629"/>
                      <a:gd name="connsiteX11" fmla="*/ 364873 w 603412"/>
                      <a:gd name="connsiteY11" fmla="*/ 1653706 h 1712629"/>
                      <a:gd name="connsiteX12" fmla="*/ 179862 w 603412"/>
                      <a:gd name="connsiteY12" fmla="*/ 1560653 h 1712629"/>
                      <a:gd name="connsiteX0" fmla="*/ 0 w 603412"/>
                      <a:gd name="connsiteY0" fmla="*/ 0 h 1712629"/>
                      <a:gd name="connsiteX1" fmla="*/ 357876 w 603412"/>
                      <a:gd name="connsiteY1" fmla="*/ 780284 h 1712629"/>
                      <a:gd name="connsiteX2" fmla="*/ 268868 w 603412"/>
                      <a:gd name="connsiteY2" fmla="*/ 926231 h 1712629"/>
                      <a:gd name="connsiteX3" fmla="*/ 400348 w 603412"/>
                      <a:gd name="connsiteY3" fmla="*/ 1058893 h 1712629"/>
                      <a:gd name="connsiteX4" fmla="*/ 466907 w 603412"/>
                      <a:gd name="connsiteY4" fmla="*/ 1163254 h 1712629"/>
                      <a:gd name="connsiteX5" fmla="*/ 405492 w 603412"/>
                      <a:gd name="connsiteY5" fmla="*/ 1347499 h 1712629"/>
                      <a:gd name="connsiteX6" fmla="*/ 494203 w 603412"/>
                      <a:gd name="connsiteY6" fmla="*/ 1504448 h 1712629"/>
                      <a:gd name="connsiteX7" fmla="*/ 507851 w 603412"/>
                      <a:gd name="connsiteY7" fmla="*/ 1552215 h 1712629"/>
                      <a:gd name="connsiteX8" fmla="*/ 596561 w 603412"/>
                      <a:gd name="connsiteY8" fmla="*/ 1640925 h 1712629"/>
                      <a:gd name="connsiteX9" fmla="*/ 589737 w 603412"/>
                      <a:gd name="connsiteY9" fmla="*/ 1702340 h 1712629"/>
                      <a:gd name="connsiteX10" fmla="*/ 528322 w 603412"/>
                      <a:gd name="connsiteY10" fmla="*/ 1709164 h 1712629"/>
                      <a:gd name="connsiteX11" fmla="*/ 468337 w 603412"/>
                      <a:gd name="connsiteY11" fmla="*/ 1666487 h 1712629"/>
                      <a:gd name="connsiteX12" fmla="*/ 364873 w 603412"/>
                      <a:gd name="connsiteY12" fmla="*/ 1653706 h 1712629"/>
                      <a:gd name="connsiteX13" fmla="*/ 179862 w 603412"/>
                      <a:gd name="connsiteY13" fmla="*/ 1560653 h 1712629"/>
                      <a:gd name="connsiteX0" fmla="*/ 0 w 603412"/>
                      <a:gd name="connsiteY0" fmla="*/ 0 h 1712629"/>
                      <a:gd name="connsiteX1" fmla="*/ 357876 w 603412"/>
                      <a:gd name="connsiteY1" fmla="*/ 780284 h 1712629"/>
                      <a:gd name="connsiteX2" fmla="*/ 268868 w 603412"/>
                      <a:gd name="connsiteY2" fmla="*/ 926231 h 1712629"/>
                      <a:gd name="connsiteX3" fmla="*/ 400348 w 603412"/>
                      <a:gd name="connsiteY3" fmla="*/ 1058893 h 1712629"/>
                      <a:gd name="connsiteX4" fmla="*/ 466907 w 603412"/>
                      <a:gd name="connsiteY4" fmla="*/ 1163254 h 1712629"/>
                      <a:gd name="connsiteX5" fmla="*/ 405492 w 603412"/>
                      <a:gd name="connsiteY5" fmla="*/ 1347499 h 1712629"/>
                      <a:gd name="connsiteX6" fmla="*/ 494203 w 603412"/>
                      <a:gd name="connsiteY6" fmla="*/ 1504448 h 1712629"/>
                      <a:gd name="connsiteX7" fmla="*/ 507851 w 603412"/>
                      <a:gd name="connsiteY7" fmla="*/ 1552215 h 1712629"/>
                      <a:gd name="connsiteX8" fmla="*/ 596561 w 603412"/>
                      <a:gd name="connsiteY8" fmla="*/ 1640925 h 1712629"/>
                      <a:gd name="connsiteX9" fmla="*/ 589737 w 603412"/>
                      <a:gd name="connsiteY9" fmla="*/ 1702340 h 1712629"/>
                      <a:gd name="connsiteX10" fmla="*/ 528322 w 603412"/>
                      <a:gd name="connsiteY10" fmla="*/ 1709164 h 1712629"/>
                      <a:gd name="connsiteX11" fmla="*/ 468337 w 603412"/>
                      <a:gd name="connsiteY11" fmla="*/ 1666487 h 1712629"/>
                      <a:gd name="connsiteX12" fmla="*/ 364873 w 603412"/>
                      <a:gd name="connsiteY12" fmla="*/ 1653706 h 1712629"/>
                      <a:gd name="connsiteX13" fmla="*/ 179862 w 603412"/>
                      <a:gd name="connsiteY13" fmla="*/ 1560653 h 1712629"/>
                      <a:gd name="connsiteX0" fmla="*/ 0 w 603412"/>
                      <a:gd name="connsiteY0" fmla="*/ 0 h 1712629"/>
                      <a:gd name="connsiteX1" fmla="*/ 357876 w 603412"/>
                      <a:gd name="connsiteY1" fmla="*/ 780284 h 1712629"/>
                      <a:gd name="connsiteX2" fmla="*/ 268868 w 603412"/>
                      <a:gd name="connsiteY2" fmla="*/ 926231 h 1712629"/>
                      <a:gd name="connsiteX3" fmla="*/ 400348 w 603412"/>
                      <a:gd name="connsiteY3" fmla="*/ 1058893 h 1712629"/>
                      <a:gd name="connsiteX4" fmla="*/ 466907 w 603412"/>
                      <a:gd name="connsiteY4" fmla="*/ 1163254 h 1712629"/>
                      <a:gd name="connsiteX5" fmla="*/ 405492 w 603412"/>
                      <a:gd name="connsiteY5" fmla="*/ 1347499 h 1712629"/>
                      <a:gd name="connsiteX6" fmla="*/ 494203 w 603412"/>
                      <a:gd name="connsiteY6" fmla="*/ 1504448 h 1712629"/>
                      <a:gd name="connsiteX7" fmla="*/ 507851 w 603412"/>
                      <a:gd name="connsiteY7" fmla="*/ 1552215 h 1712629"/>
                      <a:gd name="connsiteX8" fmla="*/ 596561 w 603412"/>
                      <a:gd name="connsiteY8" fmla="*/ 1640925 h 1712629"/>
                      <a:gd name="connsiteX9" fmla="*/ 589737 w 603412"/>
                      <a:gd name="connsiteY9" fmla="*/ 1702340 h 1712629"/>
                      <a:gd name="connsiteX10" fmla="*/ 528322 w 603412"/>
                      <a:gd name="connsiteY10" fmla="*/ 1709164 h 1712629"/>
                      <a:gd name="connsiteX11" fmla="*/ 468337 w 603412"/>
                      <a:gd name="connsiteY11" fmla="*/ 1666487 h 1712629"/>
                      <a:gd name="connsiteX12" fmla="*/ 364873 w 603412"/>
                      <a:gd name="connsiteY12" fmla="*/ 1653706 h 1712629"/>
                      <a:gd name="connsiteX13" fmla="*/ 179862 w 603412"/>
                      <a:gd name="connsiteY13" fmla="*/ 1560653 h 1712629"/>
                      <a:gd name="connsiteX0" fmla="*/ 0 w 603412"/>
                      <a:gd name="connsiteY0" fmla="*/ 0 h 1712629"/>
                      <a:gd name="connsiteX1" fmla="*/ 268868 w 603412"/>
                      <a:gd name="connsiteY1" fmla="*/ 625402 h 1712629"/>
                      <a:gd name="connsiteX2" fmla="*/ 357876 w 603412"/>
                      <a:gd name="connsiteY2" fmla="*/ 780284 h 1712629"/>
                      <a:gd name="connsiteX3" fmla="*/ 268868 w 603412"/>
                      <a:gd name="connsiteY3" fmla="*/ 926231 h 1712629"/>
                      <a:gd name="connsiteX4" fmla="*/ 400348 w 603412"/>
                      <a:gd name="connsiteY4" fmla="*/ 1058893 h 1712629"/>
                      <a:gd name="connsiteX5" fmla="*/ 466907 w 603412"/>
                      <a:gd name="connsiteY5" fmla="*/ 1163254 h 1712629"/>
                      <a:gd name="connsiteX6" fmla="*/ 405492 w 603412"/>
                      <a:gd name="connsiteY6" fmla="*/ 1347499 h 1712629"/>
                      <a:gd name="connsiteX7" fmla="*/ 494203 w 603412"/>
                      <a:gd name="connsiteY7" fmla="*/ 1504448 h 1712629"/>
                      <a:gd name="connsiteX8" fmla="*/ 507851 w 603412"/>
                      <a:gd name="connsiteY8" fmla="*/ 1552215 h 1712629"/>
                      <a:gd name="connsiteX9" fmla="*/ 596561 w 603412"/>
                      <a:gd name="connsiteY9" fmla="*/ 1640925 h 1712629"/>
                      <a:gd name="connsiteX10" fmla="*/ 589737 w 603412"/>
                      <a:gd name="connsiteY10" fmla="*/ 1702340 h 1712629"/>
                      <a:gd name="connsiteX11" fmla="*/ 528322 w 603412"/>
                      <a:gd name="connsiteY11" fmla="*/ 1709164 h 1712629"/>
                      <a:gd name="connsiteX12" fmla="*/ 468337 w 603412"/>
                      <a:gd name="connsiteY12" fmla="*/ 1666487 h 1712629"/>
                      <a:gd name="connsiteX13" fmla="*/ 364873 w 603412"/>
                      <a:gd name="connsiteY13" fmla="*/ 1653706 h 1712629"/>
                      <a:gd name="connsiteX14" fmla="*/ 179862 w 603412"/>
                      <a:gd name="connsiteY14" fmla="*/ 1560653 h 1712629"/>
                      <a:gd name="connsiteX0" fmla="*/ 0 w 603412"/>
                      <a:gd name="connsiteY0" fmla="*/ 0 h 1712629"/>
                      <a:gd name="connsiteX1" fmla="*/ 36908 w 603412"/>
                      <a:gd name="connsiteY1" fmla="*/ 273939 h 1712629"/>
                      <a:gd name="connsiteX2" fmla="*/ 268868 w 603412"/>
                      <a:gd name="connsiteY2" fmla="*/ 625402 h 1712629"/>
                      <a:gd name="connsiteX3" fmla="*/ 357876 w 603412"/>
                      <a:gd name="connsiteY3" fmla="*/ 780284 h 1712629"/>
                      <a:gd name="connsiteX4" fmla="*/ 268868 w 603412"/>
                      <a:gd name="connsiteY4" fmla="*/ 926231 h 1712629"/>
                      <a:gd name="connsiteX5" fmla="*/ 400348 w 603412"/>
                      <a:gd name="connsiteY5" fmla="*/ 1058893 h 1712629"/>
                      <a:gd name="connsiteX6" fmla="*/ 466907 w 603412"/>
                      <a:gd name="connsiteY6" fmla="*/ 1163254 h 1712629"/>
                      <a:gd name="connsiteX7" fmla="*/ 405492 w 603412"/>
                      <a:gd name="connsiteY7" fmla="*/ 1347499 h 1712629"/>
                      <a:gd name="connsiteX8" fmla="*/ 494203 w 603412"/>
                      <a:gd name="connsiteY8" fmla="*/ 1504448 h 1712629"/>
                      <a:gd name="connsiteX9" fmla="*/ 507851 w 603412"/>
                      <a:gd name="connsiteY9" fmla="*/ 1552215 h 1712629"/>
                      <a:gd name="connsiteX10" fmla="*/ 596561 w 603412"/>
                      <a:gd name="connsiteY10" fmla="*/ 1640925 h 1712629"/>
                      <a:gd name="connsiteX11" fmla="*/ 589737 w 603412"/>
                      <a:gd name="connsiteY11" fmla="*/ 1702340 h 1712629"/>
                      <a:gd name="connsiteX12" fmla="*/ 528322 w 603412"/>
                      <a:gd name="connsiteY12" fmla="*/ 1709164 h 1712629"/>
                      <a:gd name="connsiteX13" fmla="*/ 468337 w 603412"/>
                      <a:gd name="connsiteY13" fmla="*/ 1666487 h 1712629"/>
                      <a:gd name="connsiteX14" fmla="*/ 364873 w 603412"/>
                      <a:gd name="connsiteY14" fmla="*/ 1653706 h 1712629"/>
                      <a:gd name="connsiteX15" fmla="*/ 179862 w 603412"/>
                      <a:gd name="connsiteY15" fmla="*/ 1560653 h 1712629"/>
                      <a:gd name="connsiteX0" fmla="*/ 0 w 603412"/>
                      <a:gd name="connsiteY0" fmla="*/ 0 h 1712629"/>
                      <a:gd name="connsiteX1" fmla="*/ 36908 w 603412"/>
                      <a:gd name="connsiteY1" fmla="*/ 273939 h 1712629"/>
                      <a:gd name="connsiteX2" fmla="*/ 163677 w 603412"/>
                      <a:gd name="connsiteY2" fmla="*/ 381165 h 1712629"/>
                      <a:gd name="connsiteX3" fmla="*/ 268868 w 603412"/>
                      <a:gd name="connsiteY3" fmla="*/ 625402 h 1712629"/>
                      <a:gd name="connsiteX4" fmla="*/ 357876 w 603412"/>
                      <a:gd name="connsiteY4" fmla="*/ 780284 h 1712629"/>
                      <a:gd name="connsiteX5" fmla="*/ 268868 w 603412"/>
                      <a:gd name="connsiteY5" fmla="*/ 926231 h 1712629"/>
                      <a:gd name="connsiteX6" fmla="*/ 400348 w 603412"/>
                      <a:gd name="connsiteY6" fmla="*/ 1058893 h 1712629"/>
                      <a:gd name="connsiteX7" fmla="*/ 466907 w 603412"/>
                      <a:gd name="connsiteY7" fmla="*/ 1163254 h 1712629"/>
                      <a:gd name="connsiteX8" fmla="*/ 405492 w 603412"/>
                      <a:gd name="connsiteY8" fmla="*/ 1347499 h 1712629"/>
                      <a:gd name="connsiteX9" fmla="*/ 494203 w 603412"/>
                      <a:gd name="connsiteY9" fmla="*/ 1504448 h 1712629"/>
                      <a:gd name="connsiteX10" fmla="*/ 507851 w 603412"/>
                      <a:gd name="connsiteY10" fmla="*/ 1552215 h 1712629"/>
                      <a:gd name="connsiteX11" fmla="*/ 596561 w 603412"/>
                      <a:gd name="connsiteY11" fmla="*/ 1640925 h 1712629"/>
                      <a:gd name="connsiteX12" fmla="*/ 589737 w 603412"/>
                      <a:gd name="connsiteY12" fmla="*/ 1702340 h 1712629"/>
                      <a:gd name="connsiteX13" fmla="*/ 528322 w 603412"/>
                      <a:gd name="connsiteY13" fmla="*/ 1709164 h 1712629"/>
                      <a:gd name="connsiteX14" fmla="*/ 468337 w 603412"/>
                      <a:gd name="connsiteY14" fmla="*/ 1666487 h 1712629"/>
                      <a:gd name="connsiteX15" fmla="*/ 364873 w 603412"/>
                      <a:gd name="connsiteY15" fmla="*/ 1653706 h 1712629"/>
                      <a:gd name="connsiteX16" fmla="*/ 179862 w 603412"/>
                      <a:gd name="connsiteY16" fmla="*/ 1560653 h 1712629"/>
                      <a:gd name="connsiteX0" fmla="*/ 0 w 603412"/>
                      <a:gd name="connsiteY0" fmla="*/ 0 h 1712629"/>
                      <a:gd name="connsiteX1" fmla="*/ 36908 w 603412"/>
                      <a:gd name="connsiteY1" fmla="*/ 273939 h 1712629"/>
                      <a:gd name="connsiteX2" fmla="*/ 163677 w 603412"/>
                      <a:gd name="connsiteY2" fmla="*/ 381165 h 1712629"/>
                      <a:gd name="connsiteX3" fmla="*/ 268868 w 603412"/>
                      <a:gd name="connsiteY3" fmla="*/ 625402 h 1712629"/>
                      <a:gd name="connsiteX4" fmla="*/ 357876 w 603412"/>
                      <a:gd name="connsiteY4" fmla="*/ 780284 h 1712629"/>
                      <a:gd name="connsiteX5" fmla="*/ 268868 w 603412"/>
                      <a:gd name="connsiteY5" fmla="*/ 926231 h 1712629"/>
                      <a:gd name="connsiteX6" fmla="*/ 400348 w 603412"/>
                      <a:gd name="connsiteY6" fmla="*/ 1058893 h 1712629"/>
                      <a:gd name="connsiteX7" fmla="*/ 466907 w 603412"/>
                      <a:gd name="connsiteY7" fmla="*/ 1163254 h 1712629"/>
                      <a:gd name="connsiteX8" fmla="*/ 405492 w 603412"/>
                      <a:gd name="connsiteY8" fmla="*/ 1347499 h 1712629"/>
                      <a:gd name="connsiteX9" fmla="*/ 494203 w 603412"/>
                      <a:gd name="connsiteY9" fmla="*/ 1504448 h 1712629"/>
                      <a:gd name="connsiteX10" fmla="*/ 507851 w 603412"/>
                      <a:gd name="connsiteY10" fmla="*/ 1552215 h 1712629"/>
                      <a:gd name="connsiteX11" fmla="*/ 596561 w 603412"/>
                      <a:gd name="connsiteY11" fmla="*/ 1640925 h 1712629"/>
                      <a:gd name="connsiteX12" fmla="*/ 589737 w 603412"/>
                      <a:gd name="connsiteY12" fmla="*/ 1702340 h 1712629"/>
                      <a:gd name="connsiteX13" fmla="*/ 528322 w 603412"/>
                      <a:gd name="connsiteY13" fmla="*/ 1709164 h 1712629"/>
                      <a:gd name="connsiteX14" fmla="*/ 468337 w 603412"/>
                      <a:gd name="connsiteY14" fmla="*/ 1666487 h 1712629"/>
                      <a:gd name="connsiteX15" fmla="*/ 364873 w 603412"/>
                      <a:gd name="connsiteY15" fmla="*/ 1653706 h 1712629"/>
                      <a:gd name="connsiteX16" fmla="*/ 179862 w 603412"/>
                      <a:gd name="connsiteY16" fmla="*/ 1560653 h 1712629"/>
                      <a:gd name="connsiteX0" fmla="*/ 48862 w 652274"/>
                      <a:gd name="connsiteY0" fmla="*/ 0 h 1712629"/>
                      <a:gd name="connsiteX1" fmla="*/ 85770 w 652274"/>
                      <a:gd name="connsiteY1" fmla="*/ 273939 h 1712629"/>
                      <a:gd name="connsiteX2" fmla="*/ 212539 w 652274"/>
                      <a:gd name="connsiteY2" fmla="*/ 381165 h 1712629"/>
                      <a:gd name="connsiteX3" fmla="*/ 317730 w 652274"/>
                      <a:gd name="connsiteY3" fmla="*/ 625402 h 1712629"/>
                      <a:gd name="connsiteX4" fmla="*/ 406738 w 652274"/>
                      <a:gd name="connsiteY4" fmla="*/ 780284 h 1712629"/>
                      <a:gd name="connsiteX5" fmla="*/ 317730 w 652274"/>
                      <a:gd name="connsiteY5" fmla="*/ 926231 h 1712629"/>
                      <a:gd name="connsiteX6" fmla="*/ 449210 w 652274"/>
                      <a:gd name="connsiteY6" fmla="*/ 1058893 h 1712629"/>
                      <a:gd name="connsiteX7" fmla="*/ 515769 w 652274"/>
                      <a:gd name="connsiteY7" fmla="*/ 1163254 h 1712629"/>
                      <a:gd name="connsiteX8" fmla="*/ 454354 w 652274"/>
                      <a:gd name="connsiteY8" fmla="*/ 1347499 h 1712629"/>
                      <a:gd name="connsiteX9" fmla="*/ 543065 w 652274"/>
                      <a:gd name="connsiteY9" fmla="*/ 1504448 h 1712629"/>
                      <a:gd name="connsiteX10" fmla="*/ 556713 w 652274"/>
                      <a:gd name="connsiteY10" fmla="*/ 1552215 h 1712629"/>
                      <a:gd name="connsiteX11" fmla="*/ 645423 w 652274"/>
                      <a:gd name="connsiteY11" fmla="*/ 1640925 h 1712629"/>
                      <a:gd name="connsiteX12" fmla="*/ 638599 w 652274"/>
                      <a:gd name="connsiteY12" fmla="*/ 1702340 h 1712629"/>
                      <a:gd name="connsiteX13" fmla="*/ 577184 w 652274"/>
                      <a:gd name="connsiteY13" fmla="*/ 1709164 h 1712629"/>
                      <a:gd name="connsiteX14" fmla="*/ 517199 w 652274"/>
                      <a:gd name="connsiteY14" fmla="*/ 1666487 h 1712629"/>
                      <a:gd name="connsiteX15" fmla="*/ 413735 w 652274"/>
                      <a:gd name="connsiteY15" fmla="*/ 1653706 h 1712629"/>
                      <a:gd name="connsiteX16" fmla="*/ 0 w 652274"/>
                      <a:gd name="connsiteY16" fmla="*/ 1536825 h 1712629"/>
                      <a:gd name="connsiteX0" fmla="*/ 48862 w 652274"/>
                      <a:gd name="connsiteY0" fmla="*/ 0 h 1712629"/>
                      <a:gd name="connsiteX1" fmla="*/ 85770 w 652274"/>
                      <a:gd name="connsiteY1" fmla="*/ 273939 h 1712629"/>
                      <a:gd name="connsiteX2" fmla="*/ 212539 w 652274"/>
                      <a:gd name="connsiteY2" fmla="*/ 381165 h 1712629"/>
                      <a:gd name="connsiteX3" fmla="*/ 317730 w 652274"/>
                      <a:gd name="connsiteY3" fmla="*/ 625402 h 1712629"/>
                      <a:gd name="connsiteX4" fmla="*/ 406738 w 652274"/>
                      <a:gd name="connsiteY4" fmla="*/ 780284 h 1712629"/>
                      <a:gd name="connsiteX5" fmla="*/ 317730 w 652274"/>
                      <a:gd name="connsiteY5" fmla="*/ 926231 h 1712629"/>
                      <a:gd name="connsiteX6" fmla="*/ 449210 w 652274"/>
                      <a:gd name="connsiteY6" fmla="*/ 1058893 h 1712629"/>
                      <a:gd name="connsiteX7" fmla="*/ 515769 w 652274"/>
                      <a:gd name="connsiteY7" fmla="*/ 1163254 h 1712629"/>
                      <a:gd name="connsiteX8" fmla="*/ 454354 w 652274"/>
                      <a:gd name="connsiteY8" fmla="*/ 1347499 h 1712629"/>
                      <a:gd name="connsiteX9" fmla="*/ 543065 w 652274"/>
                      <a:gd name="connsiteY9" fmla="*/ 1504448 h 1712629"/>
                      <a:gd name="connsiteX10" fmla="*/ 556713 w 652274"/>
                      <a:gd name="connsiteY10" fmla="*/ 1552215 h 1712629"/>
                      <a:gd name="connsiteX11" fmla="*/ 645423 w 652274"/>
                      <a:gd name="connsiteY11" fmla="*/ 1640925 h 1712629"/>
                      <a:gd name="connsiteX12" fmla="*/ 638599 w 652274"/>
                      <a:gd name="connsiteY12" fmla="*/ 1702340 h 1712629"/>
                      <a:gd name="connsiteX13" fmla="*/ 577184 w 652274"/>
                      <a:gd name="connsiteY13" fmla="*/ 1709164 h 1712629"/>
                      <a:gd name="connsiteX14" fmla="*/ 517199 w 652274"/>
                      <a:gd name="connsiteY14" fmla="*/ 1666487 h 1712629"/>
                      <a:gd name="connsiteX15" fmla="*/ 413735 w 652274"/>
                      <a:gd name="connsiteY15" fmla="*/ 1653706 h 1712629"/>
                      <a:gd name="connsiteX16" fmla="*/ 217393 w 652274"/>
                      <a:gd name="connsiteY16" fmla="*/ 1555886 h 1712629"/>
                      <a:gd name="connsiteX17" fmla="*/ 0 w 652274"/>
                      <a:gd name="connsiteY17" fmla="*/ 1536825 h 1712629"/>
                      <a:gd name="connsiteX0" fmla="*/ 48862 w 652274"/>
                      <a:gd name="connsiteY0" fmla="*/ 0 h 1712629"/>
                      <a:gd name="connsiteX1" fmla="*/ 85770 w 652274"/>
                      <a:gd name="connsiteY1" fmla="*/ 273939 h 1712629"/>
                      <a:gd name="connsiteX2" fmla="*/ 212539 w 652274"/>
                      <a:gd name="connsiteY2" fmla="*/ 381165 h 1712629"/>
                      <a:gd name="connsiteX3" fmla="*/ 317730 w 652274"/>
                      <a:gd name="connsiteY3" fmla="*/ 625402 h 1712629"/>
                      <a:gd name="connsiteX4" fmla="*/ 406738 w 652274"/>
                      <a:gd name="connsiteY4" fmla="*/ 780284 h 1712629"/>
                      <a:gd name="connsiteX5" fmla="*/ 317730 w 652274"/>
                      <a:gd name="connsiteY5" fmla="*/ 926231 h 1712629"/>
                      <a:gd name="connsiteX6" fmla="*/ 449210 w 652274"/>
                      <a:gd name="connsiteY6" fmla="*/ 1058893 h 1712629"/>
                      <a:gd name="connsiteX7" fmla="*/ 515769 w 652274"/>
                      <a:gd name="connsiteY7" fmla="*/ 1163254 h 1712629"/>
                      <a:gd name="connsiteX8" fmla="*/ 454354 w 652274"/>
                      <a:gd name="connsiteY8" fmla="*/ 1347499 h 1712629"/>
                      <a:gd name="connsiteX9" fmla="*/ 543065 w 652274"/>
                      <a:gd name="connsiteY9" fmla="*/ 1504448 h 1712629"/>
                      <a:gd name="connsiteX10" fmla="*/ 556713 w 652274"/>
                      <a:gd name="connsiteY10" fmla="*/ 1552215 h 1712629"/>
                      <a:gd name="connsiteX11" fmla="*/ 645423 w 652274"/>
                      <a:gd name="connsiteY11" fmla="*/ 1640925 h 1712629"/>
                      <a:gd name="connsiteX12" fmla="*/ 638599 w 652274"/>
                      <a:gd name="connsiteY12" fmla="*/ 1702340 h 1712629"/>
                      <a:gd name="connsiteX13" fmla="*/ 577184 w 652274"/>
                      <a:gd name="connsiteY13" fmla="*/ 1709164 h 1712629"/>
                      <a:gd name="connsiteX14" fmla="*/ 517199 w 652274"/>
                      <a:gd name="connsiteY14" fmla="*/ 1666487 h 1712629"/>
                      <a:gd name="connsiteX15" fmla="*/ 413735 w 652274"/>
                      <a:gd name="connsiteY15" fmla="*/ 1653706 h 1712629"/>
                      <a:gd name="connsiteX16" fmla="*/ 316650 w 652274"/>
                      <a:gd name="connsiteY16" fmla="*/ 1617839 h 1712629"/>
                      <a:gd name="connsiteX17" fmla="*/ 217393 w 652274"/>
                      <a:gd name="connsiteY17" fmla="*/ 1555886 h 1712629"/>
                      <a:gd name="connsiteX18" fmla="*/ 0 w 652274"/>
                      <a:gd name="connsiteY18" fmla="*/ 1536825 h 1712629"/>
                      <a:gd name="connsiteX0" fmla="*/ 57688 w 661100"/>
                      <a:gd name="connsiteY0" fmla="*/ 0 h 1712629"/>
                      <a:gd name="connsiteX1" fmla="*/ 94596 w 661100"/>
                      <a:gd name="connsiteY1" fmla="*/ 273939 h 1712629"/>
                      <a:gd name="connsiteX2" fmla="*/ 221365 w 661100"/>
                      <a:gd name="connsiteY2" fmla="*/ 381165 h 1712629"/>
                      <a:gd name="connsiteX3" fmla="*/ 326556 w 661100"/>
                      <a:gd name="connsiteY3" fmla="*/ 625402 h 1712629"/>
                      <a:gd name="connsiteX4" fmla="*/ 415564 w 661100"/>
                      <a:gd name="connsiteY4" fmla="*/ 780284 h 1712629"/>
                      <a:gd name="connsiteX5" fmla="*/ 326556 w 661100"/>
                      <a:gd name="connsiteY5" fmla="*/ 926231 h 1712629"/>
                      <a:gd name="connsiteX6" fmla="*/ 458036 w 661100"/>
                      <a:gd name="connsiteY6" fmla="*/ 1058893 h 1712629"/>
                      <a:gd name="connsiteX7" fmla="*/ 524595 w 661100"/>
                      <a:gd name="connsiteY7" fmla="*/ 1163254 h 1712629"/>
                      <a:gd name="connsiteX8" fmla="*/ 463180 w 661100"/>
                      <a:gd name="connsiteY8" fmla="*/ 1347499 h 1712629"/>
                      <a:gd name="connsiteX9" fmla="*/ 551891 w 661100"/>
                      <a:gd name="connsiteY9" fmla="*/ 1504448 h 1712629"/>
                      <a:gd name="connsiteX10" fmla="*/ 565539 w 661100"/>
                      <a:gd name="connsiteY10" fmla="*/ 1552215 h 1712629"/>
                      <a:gd name="connsiteX11" fmla="*/ 654249 w 661100"/>
                      <a:gd name="connsiteY11" fmla="*/ 1640925 h 1712629"/>
                      <a:gd name="connsiteX12" fmla="*/ 647425 w 661100"/>
                      <a:gd name="connsiteY12" fmla="*/ 1702340 h 1712629"/>
                      <a:gd name="connsiteX13" fmla="*/ 586010 w 661100"/>
                      <a:gd name="connsiteY13" fmla="*/ 1709164 h 1712629"/>
                      <a:gd name="connsiteX14" fmla="*/ 526025 w 661100"/>
                      <a:gd name="connsiteY14" fmla="*/ 1666487 h 1712629"/>
                      <a:gd name="connsiteX15" fmla="*/ 422561 w 661100"/>
                      <a:gd name="connsiteY15" fmla="*/ 1653706 h 1712629"/>
                      <a:gd name="connsiteX16" fmla="*/ 325476 w 661100"/>
                      <a:gd name="connsiteY16" fmla="*/ 1617839 h 1712629"/>
                      <a:gd name="connsiteX17" fmla="*/ 226219 w 661100"/>
                      <a:gd name="connsiteY17" fmla="*/ 1555886 h 1712629"/>
                      <a:gd name="connsiteX18" fmla="*/ 0 w 661100"/>
                      <a:gd name="connsiteY18" fmla="*/ 1530327 h 1712629"/>
                      <a:gd name="connsiteX0" fmla="*/ 57688 w 661100"/>
                      <a:gd name="connsiteY0" fmla="*/ 0 h 1712629"/>
                      <a:gd name="connsiteX1" fmla="*/ 94596 w 661100"/>
                      <a:gd name="connsiteY1" fmla="*/ 273939 h 1712629"/>
                      <a:gd name="connsiteX2" fmla="*/ 221365 w 661100"/>
                      <a:gd name="connsiteY2" fmla="*/ 381165 h 1712629"/>
                      <a:gd name="connsiteX3" fmla="*/ 326556 w 661100"/>
                      <a:gd name="connsiteY3" fmla="*/ 625402 h 1712629"/>
                      <a:gd name="connsiteX4" fmla="*/ 415564 w 661100"/>
                      <a:gd name="connsiteY4" fmla="*/ 780284 h 1712629"/>
                      <a:gd name="connsiteX5" fmla="*/ 326556 w 661100"/>
                      <a:gd name="connsiteY5" fmla="*/ 926231 h 1712629"/>
                      <a:gd name="connsiteX6" fmla="*/ 458036 w 661100"/>
                      <a:gd name="connsiteY6" fmla="*/ 1058893 h 1712629"/>
                      <a:gd name="connsiteX7" fmla="*/ 524595 w 661100"/>
                      <a:gd name="connsiteY7" fmla="*/ 1163254 h 1712629"/>
                      <a:gd name="connsiteX8" fmla="*/ 463180 w 661100"/>
                      <a:gd name="connsiteY8" fmla="*/ 1347499 h 1712629"/>
                      <a:gd name="connsiteX9" fmla="*/ 551891 w 661100"/>
                      <a:gd name="connsiteY9" fmla="*/ 1504448 h 1712629"/>
                      <a:gd name="connsiteX10" fmla="*/ 565539 w 661100"/>
                      <a:gd name="connsiteY10" fmla="*/ 1552215 h 1712629"/>
                      <a:gd name="connsiteX11" fmla="*/ 654249 w 661100"/>
                      <a:gd name="connsiteY11" fmla="*/ 1640925 h 1712629"/>
                      <a:gd name="connsiteX12" fmla="*/ 647425 w 661100"/>
                      <a:gd name="connsiteY12" fmla="*/ 1702340 h 1712629"/>
                      <a:gd name="connsiteX13" fmla="*/ 586010 w 661100"/>
                      <a:gd name="connsiteY13" fmla="*/ 1709164 h 1712629"/>
                      <a:gd name="connsiteX14" fmla="*/ 526025 w 661100"/>
                      <a:gd name="connsiteY14" fmla="*/ 1666487 h 1712629"/>
                      <a:gd name="connsiteX15" fmla="*/ 422561 w 661100"/>
                      <a:gd name="connsiteY15" fmla="*/ 1653706 h 1712629"/>
                      <a:gd name="connsiteX16" fmla="*/ 325476 w 661100"/>
                      <a:gd name="connsiteY16" fmla="*/ 1617839 h 1712629"/>
                      <a:gd name="connsiteX17" fmla="*/ 226219 w 661100"/>
                      <a:gd name="connsiteY17" fmla="*/ 1555886 h 1712629"/>
                      <a:gd name="connsiteX18" fmla="*/ 0 w 661100"/>
                      <a:gd name="connsiteY18" fmla="*/ 1530327 h 1712629"/>
                      <a:gd name="connsiteX0" fmla="*/ 137133 w 740545"/>
                      <a:gd name="connsiteY0" fmla="*/ 0 h 1712629"/>
                      <a:gd name="connsiteX1" fmla="*/ 174041 w 740545"/>
                      <a:gd name="connsiteY1" fmla="*/ 273939 h 1712629"/>
                      <a:gd name="connsiteX2" fmla="*/ 300810 w 740545"/>
                      <a:gd name="connsiteY2" fmla="*/ 381165 h 1712629"/>
                      <a:gd name="connsiteX3" fmla="*/ 406001 w 740545"/>
                      <a:gd name="connsiteY3" fmla="*/ 625402 h 1712629"/>
                      <a:gd name="connsiteX4" fmla="*/ 495009 w 740545"/>
                      <a:gd name="connsiteY4" fmla="*/ 780284 h 1712629"/>
                      <a:gd name="connsiteX5" fmla="*/ 406001 w 740545"/>
                      <a:gd name="connsiteY5" fmla="*/ 926231 h 1712629"/>
                      <a:gd name="connsiteX6" fmla="*/ 537481 w 740545"/>
                      <a:gd name="connsiteY6" fmla="*/ 1058893 h 1712629"/>
                      <a:gd name="connsiteX7" fmla="*/ 604040 w 740545"/>
                      <a:gd name="connsiteY7" fmla="*/ 1163254 h 1712629"/>
                      <a:gd name="connsiteX8" fmla="*/ 542625 w 740545"/>
                      <a:gd name="connsiteY8" fmla="*/ 1347499 h 1712629"/>
                      <a:gd name="connsiteX9" fmla="*/ 631336 w 740545"/>
                      <a:gd name="connsiteY9" fmla="*/ 1504448 h 1712629"/>
                      <a:gd name="connsiteX10" fmla="*/ 644984 w 740545"/>
                      <a:gd name="connsiteY10" fmla="*/ 1552215 h 1712629"/>
                      <a:gd name="connsiteX11" fmla="*/ 733694 w 740545"/>
                      <a:gd name="connsiteY11" fmla="*/ 1640925 h 1712629"/>
                      <a:gd name="connsiteX12" fmla="*/ 726870 w 740545"/>
                      <a:gd name="connsiteY12" fmla="*/ 1702340 h 1712629"/>
                      <a:gd name="connsiteX13" fmla="*/ 665455 w 740545"/>
                      <a:gd name="connsiteY13" fmla="*/ 1709164 h 1712629"/>
                      <a:gd name="connsiteX14" fmla="*/ 605470 w 740545"/>
                      <a:gd name="connsiteY14" fmla="*/ 1666487 h 1712629"/>
                      <a:gd name="connsiteX15" fmla="*/ 502006 w 740545"/>
                      <a:gd name="connsiteY15" fmla="*/ 1653706 h 1712629"/>
                      <a:gd name="connsiteX16" fmla="*/ 404921 w 740545"/>
                      <a:gd name="connsiteY16" fmla="*/ 1617839 h 1712629"/>
                      <a:gd name="connsiteX17" fmla="*/ 305664 w 740545"/>
                      <a:gd name="connsiteY17" fmla="*/ 1555886 h 1712629"/>
                      <a:gd name="connsiteX18" fmla="*/ 0 w 740545"/>
                      <a:gd name="connsiteY18" fmla="*/ 1497835 h 1712629"/>
                      <a:gd name="connsiteX0" fmla="*/ 137133 w 740545"/>
                      <a:gd name="connsiteY0" fmla="*/ 0 h 1712629"/>
                      <a:gd name="connsiteX1" fmla="*/ 174041 w 740545"/>
                      <a:gd name="connsiteY1" fmla="*/ 273939 h 1712629"/>
                      <a:gd name="connsiteX2" fmla="*/ 300810 w 740545"/>
                      <a:gd name="connsiteY2" fmla="*/ 381165 h 1712629"/>
                      <a:gd name="connsiteX3" fmla="*/ 406001 w 740545"/>
                      <a:gd name="connsiteY3" fmla="*/ 625402 h 1712629"/>
                      <a:gd name="connsiteX4" fmla="*/ 495009 w 740545"/>
                      <a:gd name="connsiteY4" fmla="*/ 780284 h 1712629"/>
                      <a:gd name="connsiteX5" fmla="*/ 406001 w 740545"/>
                      <a:gd name="connsiteY5" fmla="*/ 926231 h 1712629"/>
                      <a:gd name="connsiteX6" fmla="*/ 537481 w 740545"/>
                      <a:gd name="connsiteY6" fmla="*/ 1058893 h 1712629"/>
                      <a:gd name="connsiteX7" fmla="*/ 604040 w 740545"/>
                      <a:gd name="connsiteY7" fmla="*/ 1163254 h 1712629"/>
                      <a:gd name="connsiteX8" fmla="*/ 542625 w 740545"/>
                      <a:gd name="connsiteY8" fmla="*/ 1347499 h 1712629"/>
                      <a:gd name="connsiteX9" fmla="*/ 631336 w 740545"/>
                      <a:gd name="connsiteY9" fmla="*/ 1504448 h 1712629"/>
                      <a:gd name="connsiteX10" fmla="*/ 644984 w 740545"/>
                      <a:gd name="connsiteY10" fmla="*/ 1552215 h 1712629"/>
                      <a:gd name="connsiteX11" fmla="*/ 733694 w 740545"/>
                      <a:gd name="connsiteY11" fmla="*/ 1640925 h 1712629"/>
                      <a:gd name="connsiteX12" fmla="*/ 726870 w 740545"/>
                      <a:gd name="connsiteY12" fmla="*/ 1702340 h 1712629"/>
                      <a:gd name="connsiteX13" fmla="*/ 665455 w 740545"/>
                      <a:gd name="connsiteY13" fmla="*/ 1709164 h 1712629"/>
                      <a:gd name="connsiteX14" fmla="*/ 605470 w 740545"/>
                      <a:gd name="connsiteY14" fmla="*/ 1666487 h 1712629"/>
                      <a:gd name="connsiteX15" fmla="*/ 502006 w 740545"/>
                      <a:gd name="connsiteY15" fmla="*/ 1653706 h 1712629"/>
                      <a:gd name="connsiteX16" fmla="*/ 404921 w 740545"/>
                      <a:gd name="connsiteY16" fmla="*/ 1617839 h 1712629"/>
                      <a:gd name="connsiteX17" fmla="*/ 305664 w 740545"/>
                      <a:gd name="connsiteY17" fmla="*/ 1555886 h 1712629"/>
                      <a:gd name="connsiteX18" fmla="*/ 0 w 740545"/>
                      <a:gd name="connsiteY18" fmla="*/ 1497835 h 1712629"/>
                      <a:gd name="connsiteX0" fmla="*/ 137133 w 740545"/>
                      <a:gd name="connsiteY0" fmla="*/ 0 h 1712629"/>
                      <a:gd name="connsiteX1" fmla="*/ 174041 w 740545"/>
                      <a:gd name="connsiteY1" fmla="*/ 273939 h 1712629"/>
                      <a:gd name="connsiteX2" fmla="*/ 300810 w 740545"/>
                      <a:gd name="connsiteY2" fmla="*/ 381165 h 1712629"/>
                      <a:gd name="connsiteX3" fmla="*/ 406001 w 740545"/>
                      <a:gd name="connsiteY3" fmla="*/ 625402 h 1712629"/>
                      <a:gd name="connsiteX4" fmla="*/ 495009 w 740545"/>
                      <a:gd name="connsiteY4" fmla="*/ 780284 h 1712629"/>
                      <a:gd name="connsiteX5" fmla="*/ 406001 w 740545"/>
                      <a:gd name="connsiteY5" fmla="*/ 926231 h 1712629"/>
                      <a:gd name="connsiteX6" fmla="*/ 537481 w 740545"/>
                      <a:gd name="connsiteY6" fmla="*/ 1058893 h 1712629"/>
                      <a:gd name="connsiteX7" fmla="*/ 604040 w 740545"/>
                      <a:gd name="connsiteY7" fmla="*/ 1163254 h 1712629"/>
                      <a:gd name="connsiteX8" fmla="*/ 542625 w 740545"/>
                      <a:gd name="connsiteY8" fmla="*/ 1347499 h 1712629"/>
                      <a:gd name="connsiteX9" fmla="*/ 631336 w 740545"/>
                      <a:gd name="connsiteY9" fmla="*/ 1504448 h 1712629"/>
                      <a:gd name="connsiteX10" fmla="*/ 644984 w 740545"/>
                      <a:gd name="connsiteY10" fmla="*/ 1552215 h 1712629"/>
                      <a:gd name="connsiteX11" fmla="*/ 733694 w 740545"/>
                      <a:gd name="connsiteY11" fmla="*/ 1640925 h 1712629"/>
                      <a:gd name="connsiteX12" fmla="*/ 726870 w 740545"/>
                      <a:gd name="connsiteY12" fmla="*/ 1702340 h 1712629"/>
                      <a:gd name="connsiteX13" fmla="*/ 665455 w 740545"/>
                      <a:gd name="connsiteY13" fmla="*/ 1709164 h 1712629"/>
                      <a:gd name="connsiteX14" fmla="*/ 605470 w 740545"/>
                      <a:gd name="connsiteY14" fmla="*/ 1666487 h 1712629"/>
                      <a:gd name="connsiteX15" fmla="*/ 502006 w 740545"/>
                      <a:gd name="connsiteY15" fmla="*/ 1653706 h 1712629"/>
                      <a:gd name="connsiteX16" fmla="*/ 404921 w 740545"/>
                      <a:gd name="connsiteY16" fmla="*/ 1617839 h 1712629"/>
                      <a:gd name="connsiteX17" fmla="*/ 305664 w 740545"/>
                      <a:gd name="connsiteY17" fmla="*/ 1555886 h 1712629"/>
                      <a:gd name="connsiteX18" fmla="*/ 180905 w 740545"/>
                      <a:gd name="connsiteY18" fmla="*/ 1547654 h 1712629"/>
                      <a:gd name="connsiteX19" fmla="*/ 0 w 740545"/>
                      <a:gd name="connsiteY19" fmla="*/ 1497835 h 17126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40545" h="1712629">
                        <a:moveTo>
                          <a:pt x="137133" y="0"/>
                        </a:moveTo>
                        <a:cubicBezTo>
                          <a:pt x="154073" y="37714"/>
                          <a:pt x="129230" y="169705"/>
                          <a:pt x="174041" y="273939"/>
                        </a:cubicBezTo>
                        <a:cubicBezTo>
                          <a:pt x="196825" y="347395"/>
                          <a:pt x="262150" y="322588"/>
                          <a:pt x="300810" y="381165"/>
                        </a:cubicBezTo>
                        <a:cubicBezTo>
                          <a:pt x="339470" y="439742"/>
                          <a:pt x="369139" y="568811"/>
                          <a:pt x="406001" y="625402"/>
                        </a:cubicBezTo>
                        <a:cubicBezTo>
                          <a:pt x="423982" y="702842"/>
                          <a:pt x="499055" y="717736"/>
                          <a:pt x="495009" y="780284"/>
                        </a:cubicBezTo>
                        <a:cubicBezTo>
                          <a:pt x="396867" y="854237"/>
                          <a:pt x="376446" y="880789"/>
                          <a:pt x="406001" y="926231"/>
                        </a:cubicBezTo>
                        <a:cubicBezTo>
                          <a:pt x="435556" y="971673"/>
                          <a:pt x="513465" y="1015418"/>
                          <a:pt x="537481" y="1058893"/>
                        </a:cubicBezTo>
                        <a:cubicBezTo>
                          <a:pt x="574579" y="1105920"/>
                          <a:pt x="603183" y="1115153"/>
                          <a:pt x="604040" y="1163254"/>
                        </a:cubicBezTo>
                        <a:cubicBezTo>
                          <a:pt x="604897" y="1211355"/>
                          <a:pt x="538076" y="1290633"/>
                          <a:pt x="542625" y="1347499"/>
                        </a:cubicBezTo>
                        <a:cubicBezTo>
                          <a:pt x="547174" y="1404365"/>
                          <a:pt x="614276" y="1470329"/>
                          <a:pt x="631336" y="1504448"/>
                        </a:cubicBezTo>
                        <a:cubicBezTo>
                          <a:pt x="648396" y="1538567"/>
                          <a:pt x="627924" y="1529469"/>
                          <a:pt x="644984" y="1552215"/>
                        </a:cubicBezTo>
                        <a:cubicBezTo>
                          <a:pt x="662044" y="1574961"/>
                          <a:pt x="720046" y="1615904"/>
                          <a:pt x="733694" y="1640925"/>
                        </a:cubicBezTo>
                        <a:cubicBezTo>
                          <a:pt x="747342" y="1665946"/>
                          <a:pt x="738243" y="1690967"/>
                          <a:pt x="726870" y="1702340"/>
                        </a:cubicBezTo>
                        <a:cubicBezTo>
                          <a:pt x="715497" y="1713713"/>
                          <a:pt x="685688" y="1715139"/>
                          <a:pt x="665455" y="1709164"/>
                        </a:cubicBezTo>
                        <a:cubicBezTo>
                          <a:pt x="645222" y="1703189"/>
                          <a:pt x="632712" y="1675730"/>
                          <a:pt x="605470" y="1666487"/>
                        </a:cubicBezTo>
                        <a:cubicBezTo>
                          <a:pt x="578228" y="1657244"/>
                          <a:pt x="536150" y="1666580"/>
                          <a:pt x="502006" y="1653706"/>
                        </a:cubicBezTo>
                        <a:cubicBezTo>
                          <a:pt x="467862" y="1640832"/>
                          <a:pt x="437645" y="1634142"/>
                          <a:pt x="404921" y="1617839"/>
                        </a:cubicBezTo>
                        <a:cubicBezTo>
                          <a:pt x="372197" y="1601536"/>
                          <a:pt x="343981" y="1571374"/>
                          <a:pt x="305664" y="1555886"/>
                        </a:cubicBezTo>
                        <a:cubicBezTo>
                          <a:pt x="267347" y="1540398"/>
                          <a:pt x="231849" y="1557329"/>
                          <a:pt x="180905" y="1547654"/>
                        </a:cubicBezTo>
                        <a:cubicBezTo>
                          <a:pt x="129961" y="1537979"/>
                          <a:pt x="29170" y="1502347"/>
                          <a:pt x="0" y="1497835"/>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srgbClr val="339933"/>
                      </a:solidFill>
                    </a:endParaRPr>
                  </a:p>
                </p:txBody>
              </p:sp>
              <p:grpSp>
                <p:nvGrpSpPr>
                  <p:cNvPr id="25" name="Group 36"/>
                  <p:cNvGrpSpPr/>
                  <p:nvPr/>
                </p:nvGrpSpPr>
                <p:grpSpPr>
                  <a:xfrm>
                    <a:off x="3800752" y="1849090"/>
                    <a:ext cx="894429" cy="2068924"/>
                    <a:chOff x="3800752" y="1849090"/>
                    <a:chExt cx="894429" cy="2068924"/>
                  </a:xfrm>
                </p:grpSpPr>
                <p:sp>
                  <p:nvSpPr>
                    <p:cNvPr id="27" name="Freeform 26"/>
                    <p:cNvSpPr/>
                    <p:nvPr/>
                  </p:nvSpPr>
                  <p:spPr>
                    <a:xfrm>
                      <a:off x="4259495" y="1849090"/>
                      <a:ext cx="435686" cy="1549203"/>
                    </a:xfrm>
                    <a:custGeom>
                      <a:avLst/>
                      <a:gdLst>
                        <a:gd name="connsiteX0" fmla="*/ 362803 w 411707"/>
                        <a:gd name="connsiteY0" fmla="*/ 0 h 1480783"/>
                        <a:gd name="connsiteX1" fmla="*/ 410570 w 411707"/>
                        <a:gd name="connsiteY1" fmla="*/ 68239 h 1480783"/>
                        <a:gd name="connsiteX2" fmla="*/ 355979 w 411707"/>
                        <a:gd name="connsiteY2" fmla="*/ 156950 h 1480783"/>
                        <a:gd name="connsiteX3" fmla="*/ 199030 w 411707"/>
                        <a:gd name="connsiteY3" fmla="*/ 300251 h 1480783"/>
                        <a:gd name="connsiteX4" fmla="*/ 226325 w 411707"/>
                        <a:gd name="connsiteY4" fmla="*/ 388962 h 1480783"/>
                        <a:gd name="connsiteX5" fmla="*/ 89847 w 411707"/>
                        <a:gd name="connsiteY5" fmla="*/ 504968 h 1480783"/>
                        <a:gd name="connsiteX6" fmla="*/ 96671 w 411707"/>
                        <a:gd name="connsiteY6" fmla="*/ 573206 h 1480783"/>
                        <a:gd name="connsiteX7" fmla="*/ 110319 w 411707"/>
                        <a:gd name="connsiteY7" fmla="*/ 593678 h 1480783"/>
                        <a:gd name="connsiteX8" fmla="*/ 123967 w 411707"/>
                        <a:gd name="connsiteY8" fmla="*/ 689212 h 1480783"/>
                        <a:gd name="connsiteX9" fmla="*/ 144439 w 411707"/>
                        <a:gd name="connsiteY9" fmla="*/ 723332 h 1480783"/>
                        <a:gd name="connsiteX10" fmla="*/ 55728 w 411707"/>
                        <a:gd name="connsiteY10" fmla="*/ 928048 h 1480783"/>
                        <a:gd name="connsiteX11" fmla="*/ 1137 w 411707"/>
                        <a:gd name="connsiteY11" fmla="*/ 996287 h 1480783"/>
                        <a:gd name="connsiteX12" fmla="*/ 62552 w 411707"/>
                        <a:gd name="connsiteY12" fmla="*/ 1105469 h 1480783"/>
                        <a:gd name="connsiteX13" fmla="*/ 48904 w 411707"/>
                        <a:gd name="connsiteY13" fmla="*/ 1160060 h 1480783"/>
                        <a:gd name="connsiteX14" fmla="*/ 144439 w 411707"/>
                        <a:gd name="connsiteY14" fmla="*/ 1378424 h 1480783"/>
                        <a:gd name="connsiteX15" fmla="*/ 164910 w 411707"/>
                        <a:gd name="connsiteY15" fmla="*/ 1426191 h 1480783"/>
                        <a:gd name="connsiteX16" fmla="*/ 158086 w 411707"/>
                        <a:gd name="connsiteY16" fmla="*/ 1480783 h 1480783"/>
                        <a:gd name="connsiteX0" fmla="*/ 0 w 528841"/>
                        <a:gd name="connsiteY0" fmla="*/ 0 h 1563704"/>
                        <a:gd name="connsiteX1" fmla="*/ 500895 w 528841"/>
                        <a:gd name="connsiteY1" fmla="*/ 151160 h 1563704"/>
                        <a:gd name="connsiteX2" fmla="*/ 446304 w 528841"/>
                        <a:gd name="connsiteY2" fmla="*/ 239871 h 1563704"/>
                        <a:gd name="connsiteX3" fmla="*/ 289355 w 528841"/>
                        <a:gd name="connsiteY3" fmla="*/ 383172 h 1563704"/>
                        <a:gd name="connsiteX4" fmla="*/ 316650 w 528841"/>
                        <a:gd name="connsiteY4" fmla="*/ 471883 h 1563704"/>
                        <a:gd name="connsiteX5" fmla="*/ 180172 w 528841"/>
                        <a:gd name="connsiteY5" fmla="*/ 587889 h 1563704"/>
                        <a:gd name="connsiteX6" fmla="*/ 186996 w 528841"/>
                        <a:gd name="connsiteY6" fmla="*/ 656127 h 1563704"/>
                        <a:gd name="connsiteX7" fmla="*/ 200644 w 528841"/>
                        <a:gd name="connsiteY7" fmla="*/ 676599 h 1563704"/>
                        <a:gd name="connsiteX8" fmla="*/ 214292 w 528841"/>
                        <a:gd name="connsiteY8" fmla="*/ 772133 h 1563704"/>
                        <a:gd name="connsiteX9" fmla="*/ 234764 w 528841"/>
                        <a:gd name="connsiteY9" fmla="*/ 806253 h 1563704"/>
                        <a:gd name="connsiteX10" fmla="*/ 146053 w 528841"/>
                        <a:gd name="connsiteY10" fmla="*/ 1010969 h 1563704"/>
                        <a:gd name="connsiteX11" fmla="*/ 91462 w 528841"/>
                        <a:gd name="connsiteY11" fmla="*/ 1079208 h 1563704"/>
                        <a:gd name="connsiteX12" fmla="*/ 152877 w 528841"/>
                        <a:gd name="connsiteY12" fmla="*/ 1188390 h 1563704"/>
                        <a:gd name="connsiteX13" fmla="*/ 139229 w 528841"/>
                        <a:gd name="connsiteY13" fmla="*/ 1242981 h 1563704"/>
                        <a:gd name="connsiteX14" fmla="*/ 234764 w 528841"/>
                        <a:gd name="connsiteY14" fmla="*/ 1461345 h 1563704"/>
                        <a:gd name="connsiteX15" fmla="*/ 255235 w 528841"/>
                        <a:gd name="connsiteY15" fmla="*/ 1509112 h 1563704"/>
                        <a:gd name="connsiteX16" fmla="*/ 248411 w 528841"/>
                        <a:gd name="connsiteY16" fmla="*/ 1563704 h 1563704"/>
                        <a:gd name="connsiteX0" fmla="*/ 0 w 501154"/>
                        <a:gd name="connsiteY0" fmla="*/ 0 h 1563704"/>
                        <a:gd name="connsiteX1" fmla="*/ 428679 w 501154"/>
                        <a:gd name="connsiteY1" fmla="*/ 99601 h 1563704"/>
                        <a:gd name="connsiteX2" fmla="*/ 500895 w 501154"/>
                        <a:gd name="connsiteY2" fmla="*/ 151160 h 1563704"/>
                        <a:gd name="connsiteX3" fmla="*/ 446304 w 501154"/>
                        <a:gd name="connsiteY3" fmla="*/ 239871 h 1563704"/>
                        <a:gd name="connsiteX4" fmla="*/ 289355 w 501154"/>
                        <a:gd name="connsiteY4" fmla="*/ 383172 h 1563704"/>
                        <a:gd name="connsiteX5" fmla="*/ 316650 w 501154"/>
                        <a:gd name="connsiteY5" fmla="*/ 471883 h 1563704"/>
                        <a:gd name="connsiteX6" fmla="*/ 180172 w 501154"/>
                        <a:gd name="connsiteY6" fmla="*/ 587889 h 1563704"/>
                        <a:gd name="connsiteX7" fmla="*/ 186996 w 501154"/>
                        <a:gd name="connsiteY7" fmla="*/ 656127 h 1563704"/>
                        <a:gd name="connsiteX8" fmla="*/ 200644 w 501154"/>
                        <a:gd name="connsiteY8" fmla="*/ 676599 h 1563704"/>
                        <a:gd name="connsiteX9" fmla="*/ 214292 w 501154"/>
                        <a:gd name="connsiteY9" fmla="*/ 772133 h 1563704"/>
                        <a:gd name="connsiteX10" fmla="*/ 234764 w 501154"/>
                        <a:gd name="connsiteY10" fmla="*/ 806253 h 1563704"/>
                        <a:gd name="connsiteX11" fmla="*/ 146053 w 501154"/>
                        <a:gd name="connsiteY11" fmla="*/ 1010969 h 1563704"/>
                        <a:gd name="connsiteX12" fmla="*/ 91462 w 501154"/>
                        <a:gd name="connsiteY12" fmla="*/ 1079208 h 1563704"/>
                        <a:gd name="connsiteX13" fmla="*/ 152877 w 501154"/>
                        <a:gd name="connsiteY13" fmla="*/ 1188390 h 1563704"/>
                        <a:gd name="connsiteX14" fmla="*/ 139229 w 501154"/>
                        <a:gd name="connsiteY14" fmla="*/ 1242981 h 1563704"/>
                        <a:gd name="connsiteX15" fmla="*/ 234764 w 501154"/>
                        <a:gd name="connsiteY15" fmla="*/ 1461345 h 1563704"/>
                        <a:gd name="connsiteX16" fmla="*/ 255235 w 501154"/>
                        <a:gd name="connsiteY16" fmla="*/ 1509112 h 1563704"/>
                        <a:gd name="connsiteX17" fmla="*/ 248411 w 501154"/>
                        <a:gd name="connsiteY17" fmla="*/ 1563704 h 1563704"/>
                        <a:gd name="connsiteX0" fmla="*/ 0 w 501154"/>
                        <a:gd name="connsiteY0" fmla="*/ 0 h 1563704"/>
                        <a:gd name="connsiteX1" fmla="*/ 156801 w 501154"/>
                        <a:gd name="connsiteY1" fmla="*/ 99601 h 1563704"/>
                        <a:gd name="connsiteX2" fmla="*/ 428679 w 501154"/>
                        <a:gd name="connsiteY2" fmla="*/ 99601 h 1563704"/>
                        <a:gd name="connsiteX3" fmla="*/ 500895 w 501154"/>
                        <a:gd name="connsiteY3" fmla="*/ 151160 h 1563704"/>
                        <a:gd name="connsiteX4" fmla="*/ 446304 w 501154"/>
                        <a:gd name="connsiteY4" fmla="*/ 239871 h 1563704"/>
                        <a:gd name="connsiteX5" fmla="*/ 289355 w 501154"/>
                        <a:gd name="connsiteY5" fmla="*/ 383172 h 1563704"/>
                        <a:gd name="connsiteX6" fmla="*/ 316650 w 501154"/>
                        <a:gd name="connsiteY6" fmla="*/ 471883 h 1563704"/>
                        <a:gd name="connsiteX7" fmla="*/ 180172 w 501154"/>
                        <a:gd name="connsiteY7" fmla="*/ 587889 h 1563704"/>
                        <a:gd name="connsiteX8" fmla="*/ 186996 w 501154"/>
                        <a:gd name="connsiteY8" fmla="*/ 656127 h 1563704"/>
                        <a:gd name="connsiteX9" fmla="*/ 200644 w 501154"/>
                        <a:gd name="connsiteY9" fmla="*/ 676599 h 1563704"/>
                        <a:gd name="connsiteX10" fmla="*/ 214292 w 501154"/>
                        <a:gd name="connsiteY10" fmla="*/ 772133 h 1563704"/>
                        <a:gd name="connsiteX11" fmla="*/ 234764 w 501154"/>
                        <a:gd name="connsiteY11" fmla="*/ 806253 h 1563704"/>
                        <a:gd name="connsiteX12" fmla="*/ 146053 w 501154"/>
                        <a:gd name="connsiteY12" fmla="*/ 1010969 h 1563704"/>
                        <a:gd name="connsiteX13" fmla="*/ 91462 w 501154"/>
                        <a:gd name="connsiteY13" fmla="*/ 1079208 h 1563704"/>
                        <a:gd name="connsiteX14" fmla="*/ 152877 w 501154"/>
                        <a:gd name="connsiteY14" fmla="*/ 1188390 h 1563704"/>
                        <a:gd name="connsiteX15" fmla="*/ 139229 w 501154"/>
                        <a:gd name="connsiteY15" fmla="*/ 1242981 h 1563704"/>
                        <a:gd name="connsiteX16" fmla="*/ 234764 w 501154"/>
                        <a:gd name="connsiteY16" fmla="*/ 1461345 h 1563704"/>
                        <a:gd name="connsiteX17" fmla="*/ 255235 w 501154"/>
                        <a:gd name="connsiteY17" fmla="*/ 1509112 h 1563704"/>
                        <a:gd name="connsiteX18" fmla="*/ 248411 w 501154"/>
                        <a:gd name="connsiteY18" fmla="*/ 1563704 h 1563704"/>
                        <a:gd name="connsiteX0" fmla="*/ 0 w 501154"/>
                        <a:gd name="connsiteY0" fmla="*/ 0 h 1563704"/>
                        <a:gd name="connsiteX1" fmla="*/ 164569 w 501154"/>
                        <a:gd name="connsiteY1" fmla="*/ 22398 h 1563704"/>
                        <a:gd name="connsiteX2" fmla="*/ 428679 w 501154"/>
                        <a:gd name="connsiteY2" fmla="*/ 99601 h 1563704"/>
                        <a:gd name="connsiteX3" fmla="*/ 500895 w 501154"/>
                        <a:gd name="connsiteY3" fmla="*/ 151160 h 1563704"/>
                        <a:gd name="connsiteX4" fmla="*/ 446304 w 501154"/>
                        <a:gd name="connsiteY4" fmla="*/ 239871 h 1563704"/>
                        <a:gd name="connsiteX5" fmla="*/ 289355 w 501154"/>
                        <a:gd name="connsiteY5" fmla="*/ 383172 h 1563704"/>
                        <a:gd name="connsiteX6" fmla="*/ 316650 w 501154"/>
                        <a:gd name="connsiteY6" fmla="*/ 471883 h 1563704"/>
                        <a:gd name="connsiteX7" fmla="*/ 180172 w 501154"/>
                        <a:gd name="connsiteY7" fmla="*/ 587889 h 1563704"/>
                        <a:gd name="connsiteX8" fmla="*/ 186996 w 501154"/>
                        <a:gd name="connsiteY8" fmla="*/ 656127 h 1563704"/>
                        <a:gd name="connsiteX9" fmla="*/ 200644 w 501154"/>
                        <a:gd name="connsiteY9" fmla="*/ 676599 h 1563704"/>
                        <a:gd name="connsiteX10" fmla="*/ 214292 w 501154"/>
                        <a:gd name="connsiteY10" fmla="*/ 772133 h 1563704"/>
                        <a:gd name="connsiteX11" fmla="*/ 234764 w 501154"/>
                        <a:gd name="connsiteY11" fmla="*/ 806253 h 1563704"/>
                        <a:gd name="connsiteX12" fmla="*/ 146053 w 501154"/>
                        <a:gd name="connsiteY12" fmla="*/ 1010969 h 1563704"/>
                        <a:gd name="connsiteX13" fmla="*/ 91462 w 501154"/>
                        <a:gd name="connsiteY13" fmla="*/ 1079208 h 1563704"/>
                        <a:gd name="connsiteX14" fmla="*/ 152877 w 501154"/>
                        <a:gd name="connsiteY14" fmla="*/ 1188390 h 1563704"/>
                        <a:gd name="connsiteX15" fmla="*/ 139229 w 501154"/>
                        <a:gd name="connsiteY15" fmla="*/ 1242981 h 1563704"/>
                        <a:gd name="connsiteX16" fmla="*/ 234764 w 501154"/>
                        <a:gd name="connsiteY16" fmla="*/ 1461345 h 1563704"/>
                        <a:gd name="connsiteX17" fmla="*/ 255235 w 501154"/>
                        <a:gd name="connsiteY17" fmla="*/ 1509112 h 1563704"/>
                        <a:gd name="connsiteX18" fmla="*/ 248411 w 501154"/>
                        <a:gd name="connsiteY18" fmla="*/ 1563704 h 1563704"/>
                        <a:gd name="connsiteX0" fmla="*/ 73137 w 409722"/>
                        <a:gd name="connsiteY0" fmla="*/ 0 h 1541306"/>
                        <a:gd name="connsiteX1" fmla="*/ 337247 w 409722"/>
                        <a:gd name="connsiteY1" fmla="*/ 77203 h 1541306"/>
                        <a:gd name="connsiteX2" fmla="*/ 409463 w 409722"/>
                        <a:gd name="connsiteY2" fmla="*/ 128762 h 1541306"/>
                        <a:gd name="connsiteX3" fmla="*/ 354872 w 409722"/>
                        <a:gd name="connsiteY3" fmla="*/ 217473 h 1541306"/>
                        <a:gd name="connsiteX4" fmla="*/ 197923 w 409722"/>
                        <a:gd name="connsiteY4" fmla="*/ 360774 h 1541306"/>
                        <a:gd name="connsiteX5" fmla="*/ 225218 w 409722"/>
                        <a:gd name="connsiteY5" fmla="*/ 449485 h 1541306"/>
                        <a:gd name="connsiteX6" fmla="*/ 88740 w 409722"/>
                        <a:gd name="connsiteY6" fmla="*/ 565491 h 1541306"/>
                        <a:gd name="connsiteX7" fmla="*/ 95564 w 409722"/>
                        <a:gd name="connsiteY7" fmla="*/ 633729 h 1541306"/>
                        <a:gd name="connsiteX8" fmla="*/ 109212 w 409722"/>
                        <a:gd name="connsiteY8" fmla="*/ 654201 h 1541306"/>
                        <a:gd name="connsiteX9" fmla="*/ 122860 w 409722"/>
                        <a:gd name="connsiteY9" fmla="*/ 749735 h 1541306"/>
                        <a:gd name="connsiteX10" fmla="*/ 143332 w 409722"/>
                        <a:gd name="connsiteY10" fmla="*/ 783855 h 1541306"/>
                        <a:gd name="connsiteX11" fmla="*/ 54621 w 409722"/>
                        <a:gd name="connsiteY11" fmla="*/ 988571 h 1541306"/>
                        <a:gd name="connsiteX12" fmla="*/ 30 w 409722"/>
                        <a:gd name="connsiteY12" fmla="*/ 1056810 h 1541306"/>
                        <a:gd name="connsiteX13" fmla="*/ 61445 w 409722"/>
                        <a:gd name="connsiteY13" fmla="*/ 1165992 h 1541306"/>
                        <a:gd name="connsiteX14" fmla="*/ 47797 w 409722"/>
                        <a:gd name="connsiteY14" fmla="*/ 1220583 h 1541306"/>
                        <a:gd name="connsiteX15" fmla="*/ 143332 w 409722"/>
                        <a:gd name="connsiteY15" fmla="*/ 1438947 h 1541306"/>
                        <a:gd name="connsiteX16" fmla="*/ 163803 w 409722"/>
                        <a:gd name="connsiteY16" fmla="*/ 1486714 h 1541306"/>
                        <a:gd name="connsiteX17" fmla="*/ 156979 w 409722"/>
                        <a:gd name="connsiteY17" fmla="*/ 1541306 h 1541306"/>
                        <a:gd name="connsiteX0" fmla="*/ 337247 w 409722"/>
                        <a:gd name="connsiteY0" fmla="*/ 0 h 1464103"/>
                        <a:gd name="connsiteX1" fmla="*/ 409463 w 409722"/>
                        <a:gd name="connsiteY1" fmla="*/ 51559 h 1464103"/>
                        <a:gd name="connsiteX2" fmla="*/ 354872 w 409722"/>
                        <a:gd name="connsiteY2" fmla="*/ 140270 h 1464103"/>
                        <a:gd name="connsiteX3" fmla="*/ 197923 w 409722"/>
                        <a:gd name="connsiteY3" fmla="*/ 283571 h 1464103"/>
                        <a:gd name="connsiteX4" fmla="*/ 225218 w 409722"/>
                        <a:gd name="connsiteY4" fmla="*/ 372282 h 1464103"/>
                        <a:gd name="connsiteX5" fmla="*/ 88740 w 409722"/>
                        <a:gd name="connsiteY5" fmla="*/ 488288 h 1464103"/>
                        <a:gd name="connsiteX6" fmla="*/ 95564 w 409722"/>
                        <a:gd name="connsiteY6" fmla="*/ 556526 h 1464103"/>
                        <a:gd name="connsiteX7" fmla="*/ 109212 w 409722"/>
                        <a:gd name="connsiteY7" fmla="*/ 576998 h 1464103"/>
                        <a:gd name="connsiteX8" fmla="*/ 122860 w 409722"/>
                        <a:gd name="connsiteY8" fmla="*/ 672532 h 1464103"/>
                        <a:gd name="connsiteX9" fmla="*/ 143332 w 409722"/>
                        <a:gd name="connsiteY9" fmla="*/ 706652 h 1464103"/>
                        <a:gd name="connsiteX10" fmla="*/ 54621 w 409722"/>
                        <a:gd name="connsiteY10" fmla="*/ 911368 h 1464103"/>
                        <a:gd name="connsiteX11" fmla="*/ 30 w 409722"/>
                        <a:gd name="connsiteY11" fmla="*/ 979607 h 1464103"/>
                        <a:gd name="connsiteX12" fmla="*/ 61445 w 409722"/>
                        <a:gd name="connsiteY12" fmla="*/ 1088789 h 1464103"/>
                        <a:gd name="connsiteX13" fmla="*/ 47797 w 409722"/>
                        <a:gd name="connsiteY13" fmla="*/ 1143380 h 1464103"/>
                        <a:gd name="connsiteX14" fmla="*/ 143332 w 409722"/>
                        <a:gd name="connsiteY14" fmla="*/ 1361744 h 1464103"/>
                        <a:gd name="connsiteX15" fmla="*/ 163803 w 409722"/>
                        <a:gd name="connsiteY15" fmla="*/ 1409511 h 1464103"/>
                        <a:gd name="connsiteX16" fmla="*/ 156979 w 409722"/>
                        <a:gd name="connsiteY16" fmla="*/ 1464103 h 1464103"/>
                        <a:gd name="connsiteX0" fmla="*/ 220112 w 415797"/>
                        <a:gd name="connsiteY0" fmla="*/ 0 h 1501547"/>
                        <a:gd name="connsiteX1" fmla="*/ 409463 w 415797"/>
                        <a:gd name="connsiteY1" fmla="*/ 89003 h 1501547"/>
                        <a:gd name="connsiteX2" fmla="*/ 354872 w 415797"/>
                        <a:gd name="connsiteY2" fmla="*/ 177714 h 1501547"/>
                        <a:gd name="connsiteX3" fmla="*/ 197923 w 415797"/>
                        <a:gd name="connsiteY3" fmla="*/ 321015 h 1501547"/>
                        <a:gd name="connsiteX4" fmla="*/ 225218 w 415797"/>
                        <a:gd name="connsiteY4" fmla="*/ 409726 h 1501547"/>
                        <a:gd name="connsiteX5" fmla="*/ 88740 w 415797"/>
                        <a:gd name="connsiteY5" fmla="*/ 525732 h 1501547"/>
                        <a:gd name="connsiteX6" fmla="*/ 95564 w 415797"/>
                        <a:gd name="connsiteY6" fmla="*/ 593970 h 1501547"/>
                        <a:gd name="connsiteX7" fmla="*/ 109212 w 415797"/>
                        <a:gd name="connsiteY7" fmla="*/ 614442 h 1501547"/>
                        <a:gd name="connsiteX8" fmla="*/ 122860 w 415797"/>
                        <a:gd name="connsiteY8" fmla="*/ 709976 h 1501547"/>
                        <a:gd name="connsiteX9" fmla="*/ 143332 w 415797"/>
                        <a:gd name="connsiteY9" fmla="*/ 744096 h 1501547"/>
                        <a:gd name="connsiteX10" fmla="*/ 54621 w 415797"/>
                        <a:gd name="connsiteY10" fmla="*/ 948812 h 1501547"/>
                        <a:gd name="connsiteX11" fmla="*/ 30 w 415797"/>
                        <a:gd name="connsiteY11" fmla="*/ 1017051 h 1501547"/>
                        <a:gd name="connsiteX12" fmla="*/ 61445 w 415797"/>
                        <a:gd name="connsiteY12" fmla="*/ 1126233 h 1501547"/>
                        <a:gd name="connsiteX13" fmla="*/ 47797 w 415797"/>
                        <a:gd name="connsiteY13" fmla="*/ 1180824 h 1501547"/>
                        <a:gd name="connsiteX14" fmla="*/ 143332 w 415797"/>
                        <a:gd name="connsiteY14" fmla="*/ 1399188 h 1501547"/>
                        <a:gd name="connsiteX15" fmla="*/ 163803 w 415797"/>
                        <a:gd name="connsiteY15" fmla="*/ 1446955 h 1501547"/>
                        <a:gd name="connsiteX16" fmla="*/ 156979 w 415797"/>
                        <a:gd name="connsiteY16" fmla="*/ 1501547 h 1501547"/>
                        <a:gd name="connsiteX0" fmla="*/ 220112 w 409814"/>
                        <a:gd name="connsiteY0" fmla="*/ 0 h 1501547"/>
                        <a:gd name="connsiteX1" fmla="*/ 333917 w 409814"/>
                        <a:gd name="connsiteY1" fmla="*/ 25461 h 1501547"/>
                        <a:gd name="connsiteX2" fmla="*/ 409463 w 409814"/>
                        <a:gd name="connsiteY2" fmla="*/ 89003 h 1501547"/>
                        <a:gd name="connsiteX3" fmla="*/ 354872 w 409814"/>
                        <a:gd name="connsiteY3" fmla="*/ 177714 h 1501547"/>
                        <a:gd name="connsiteX4" fmla="*/ 197923 w 409814"/>
                        <a:gd name="connsiteY4" fmla="*/ 321015 h 1501547"/>
                        <a:gd name="connsiteX5" fmla="*/ 225218 w 409814"/>
                        <a:gd name="connsiteY5" fmla="*/ 409726 h 1501547"/>
                        <a:gd name="connsiteX6" fmla="*/ 88740 w 409814"/>
                        <a:gd name="connsiteY6" fmla="*/ 525732 h 1501547"/>
                        <a:gd name="connsiteX7" fmla="*/ 95564 w 409814"/>
                        <a:gd name="connsiteY7" fmla="*/ 593970 h 1501547"/>
                        <a:gd name="connsiteX8" fmla="*/ 109212 w 409814"/>
                        <a:gd name="connsiteY8" fmla="*/ 614442 h 1501547"/>
                        <a:gd name="connsiteX9" fmla="*/ 122860 w 409814"/>
                        <a:gd name="connsiteY9" fmla="*/ 709976 h 1501547"/>
                        <a:gd name="connsiteX10" fmla="*/ 143332 w 409814"/>
                        <a:gd name="connsiteY10" fmla="*/ 744096 h 1501547"/>
                        <a:gd name="connsiteX11" fmla="*/ 54621 w 409814"/>
                        <a:gd name="connsiteY11" fmla="*/ 948812 h 1501547"/>
                        <a:gd name="connsiteX12" fmla="*/ 30 w 409814"/>
                        <a:gd name="connsiteY12" fmla="*/ 1017051 h 1501547"/>
                        <a:gd name="connsiteX13" fmla="*/ 61445 w 409814"/>
                        <a:gd name="connsiteY13" fmla="*/ 1126233 h 1501547"/>
                        <a:gd name="connsiteX14" fmla="*/ 47797 w 409814"/>
                        <a:gd name="connsiteY14" fmla="*/ 1180824 h 1501547"/>
                        <a:gd name="connsiteX15" fmla="*/ 143332 w 409814"/>
                        <a:gd name="connsiteY15" fmla="*/ 1399188 h 1501547"/>
                        <a:gd name="connsiteX16" fmla="*/ 163803 w 409814"/>
                        <a:gd name="connsiteY16" fmla="*/ 1446955 h 1501547"/>
                        <a:gd name="connsiteX17" fmla="*/ 156979 w 409814"/>
                        <a:gd name="connsiteY17" fmla="*/ 1501547 h 1501547"/>
                        <a:gd name="connsiteX0" fmla="*/ 0 w 435685"/>
                        <a:gd name="connsiteY0" fmla="*/ 0 h 1549203"/>
                        <a:gd name="connsiteX1" fmla="*/ 359788 w 435685"/>
                        <a:gd name="connsiteY1" fmla="*/ 73117 h 1549203"/>
                        <a:gd name="connsiteX2" fmla="*/ 435334 w 435685"/>
                        <a:gd name="connsiteY2" fmla="*/ 136659 h 1549203"/>
                        <a:gd name="connsiteX3" fmla="*/ 380743 w 435685"/>
                        <a:gd name="connsiteY3" fmla="*/ 225370 h 1549203"/>
                        <a:gd name="connsiteX4" fmla="*/ 223794 w 435685"/>
                        <a:gd name="connsiteY4" fmla="*/ 368671 h 1549203"/>
                        <a:gd name="connsiteX5" fmla="*/ 251089 w 435685"/>
                        <a:gd name="connsiteY5" fmla="*/ 457382 h 1549203"/>
                        <a:gd name="connsiteX6" fmla="*/ 114611 w 435685"/>
                        <a:gd name="connsiteY6" fmla="*/ 573388 h 1549203"/>
                        <a:gd name="connsiteX7" fmla="*/ 121435 w 435685"/>
                        <a:gd name="connsiteY7" fmla="*/ 641626 h 1549203"/>
                        <a:gd name="connsiteX8" fmla="*/ 135083 w 435685"/>
                        <a:gd name="connsiteY8" fmla="*/ 662098 h 1549203"/>
                        <a:gd name="connsiteX9" fmla="*/ 148731 w 435685"/>
                        <a:gd name="connsiteY9" fmla="*/ 757632 h 1549203"/>
                        <a:gd name="connsiteX10" fmla="*/ 169203 w 435685"/>
                        <a:gd name="connsiteY10" fmla="*/ 791752 h 1549203"/>
                        <a:gd name="connsiteX11" fmla="*/ 80492 w 435685"/>
                        <a:gd name="connsiteY11" fmla="*/ 996468 h 1549203"/>
                        <a:gd name="connsiteX12" fmla="*/ 25901 w 435685"/>
                        <a:gd name="connsiteY12" fmla="*/ 1064707 h 1549203"/>
                        <a:gd name="connsiteX13" fmla="*/ 87316 w 435685"/>
                        <a:gd name="connsiteY13" fmla="*/ 1173889 h 1549203"/>
                        <a:gd name="connsiteX14" fmla="*/ 73668 w 435685"/>
                        <a:gd name="connsiteY14" fmla="*/ 1228480 h 1549203"/>
                        <a:gd name="connsiteX15" fmla="*/ 169203 w 435685"/>
                        <a:gd name="connsiteY15" fmla="*/ 1446844 h 1549203"/>
                        <a:gd name="connsiteX16" fmla="*/ 189674 w 435685"/>
                        <a:gd name="connsiteY16" fmla="*/ 1494611 h 1549203"/>
                        <a:gd name="connsiteX17" fmla="*/ 182850 w 435685"/>
                        <a:gd name="connsiteY17" fmla="*/ 1549203 h 1549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435685" h="1549203">
                          <a:moveTo>
                            <a:pt x="0" y="0"/>
                          </a:moveTo>
                          <a:cubicBezTo>
                            <a:pt x="19995" y="7080"/>
                            <a:pt x="287232" y="50341"/>
                            <a:pt x="359788" y="73117"/>
                          </a:cubicBezTo>
                          <a:cubicBezTo>
                            <a:pt x="432344" y="95893"/>
                            <a:pt x="431842" y="111284"/>
                            <a:pt x="435334" y="136659"/>
                          </a:cubicBezTo>
                          <a:cubicBezTo>
                            <a:pt x="438827" y="162035"/>
                            <a:pt x="416000" y="186701"/>
                            <a:pt x="380743" y="225370"/>
                          </a:cubicBezTo>
                          <a:cubicBezTo>
                            <a:pt x="345486" y="264039"/>
                            <a:pt x="245403" y="330002"/>
                            <a:pt x="223794" y="368671"/>
                          </a:cubicBezTo>
                          <a:cubicBezTo>
                            <a:pt x="202185" y="407340"/>
                            <a:pt x="269286" y="423263"/>
                            <a:pt x="251089" y="457382"/>
                          </a:cubicBezTo>
                          <a:cubicBezTo>
                            <a:pt x="232892" y="491501"/>
                            <a:pt x="136220" y="542681"/>
                            <a:pt x="114611" y="573388"/>
                          </a:cubicBezTo>
                          <a:cubicBezTo>
                            <a:pt x="93002" y="604095"/>
                            <a:pt x="118023" y="626841"/>
                            <a:pt x="121435" y="641626"/>
                          </a:cubicBezTo>
                          <a:cubicBezTo>
                            <a:pt x="124847" y="656411"/>
                            <a:pt x="130534" y="642764"/>
                            <a:pt x="135083" y="662098"/>
                          </a:cubicBezTo>
                          <a:cubicBezTo>
                            <a:pt x="139632" y="681432"/>
                            <a:pt x="143044" y="736023"/>
                            <a:pt x="148731" y="757632"/>
                          </a:cubicBezTo>
                          <a:cubicBezTo>
                            <a:pt x="154418" y="779241"/>
                            <a:pt x="180576" y="751946"/>
                            <a:pt x="169203" y="791752"/>
                          </a:cubicBezTo>
                          <a:cubicBezTo>
                            <a:pt x="157830" y="831558"/>
                            <a:pt x="104376" y="950976"/>
                            <a:pt x="80492" y="996468"/>
                          </a:cubicBezTo>
                          <a:cubicBezTo>
                            <a:pt x="56608" y="1041960"/>
                            <a:pt x="24764" y="1035137"/>
                            <a:pt x="25901" y="1064707"/>
                          </a:cubicBezTo>
                          <a:cubicBezTo>
                            <a:pt x="27038" y="1094277"/>
                            <a:pt x="79355" y="1146593"/>
                            <a:pt x="87316" y="1173889"/>
                          </a:cubicBezTo>
                          <a:cubicBezTo>
                            <a:pt x="95277" y="1201185"/>
                            <a:pt x="60020" y="1182988"/>
                            <a:pt x="73668" y="1228480"/>
                          </a:cubicBezTo>
                          <a:cubicBezTo>
                            <a:pt x="87316" y="1273972"/>
                            <a:pt x="149869" y="1402489"/>
                            <a:pt x="169203" y="1446844"/>
                          </a:cubicBezTo>
                          <a:cubicBezTo>
                            <a:pt x="188537" y="1491199"/>
                            <a:pt x="187400" y="1477551"/>
                            <a:pt x="189674" y="1494611"/>
                          </a:cubicBezTo>
                          <a:cubicBezTo>
                            <a:pt x="191948" y="1511671"/>
                            <a:pt x="187399" y="1530437"/>
                            <a:pt x="182850" y="1549203"/>
                          </a:cubicBezTo>
                        </a:path>
                      </a:pathLst>
                    </a:custGeom>
                    <a:ln w="57150">
                      <a:solidFill>
                        <a:srgbClr val="0000FF"/>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sp>
                  <p:nvSpPr>
                    <p:cNvPr id="28" name="Freeform 27"/>
                    <p:cNvSpPr/>
                    <p:nvPr/>
                  </p:nvSpPr>
                  <p:spPr>
                    <a:xfrm>
                      <a:off x="3800752" y="3390965"/>
                      <a:ext cx="716262" cy="527049"/>
                    </a:xfrm>
                    <a:custGeom>
                      <a:avLst/>
                      <a:gdLst>
                        <a:gd name="connsiteX0" fmla="*/ 635000 w 662517"/>
                        <a:gd name="connsiteY0" fmla="*/ 0 h 552450"/>
                        <a:gd name="connsiteX1" fmla="*/ 660400 w 662517"/>
                        <a:gd name="connsiteY1" fmla="*/ 120650 h 552450"/>
                        <a:gd name="connsiteX2" fmla="*/ 647700 w 662517"/>
                        <a:gd name="connsiteY2" fmla="*/ 184150 h 552450"/>
                        <a:gd name="connsiteX3" fmla="*/ 571500 w 662517"/>
                        <a:gd name="connsiteY3" fmla="*/ 254000 h 552450"/>
                        <a:gd name="connsiteX4" fmla="*/ 590550 w 662517"/>
                        <a:gd name="connsiteY4" fmla="*/ 508000 h 552450"/>
                        <a:gd name="connsiteX5" fmla="*/ 514350 w 662517"/>
                        <a:gd name="connsiteY5" fmla="*/ 520700 h 552450"/>
                        <a:gd name="connsiteX6" fmla="*/ 0 w 662517"/>
                        <a:gd name="connsiteY6" fmla="*/ 527050 h 552450"/>
                        <a:gd name="connsiteX0" fmla="*/ 635000 w 661402"/>
                        <a:gd name="connsiteY0" fmla="*/ 0 h 527050"/>
                        <a:gd name="connsiteX1" fmla="*/ 660400 w 661402"/>
                        <a:gd name="connsiteY1" fmla="*/ 120650 h 527050"/>
                        <a:gd name="connsiteX2" fmla="*/ 647700 w 661402"/>
                        <a:gd name="connsiteY2" fmla="*/ 184150 h 527050"/>
                        <a:gd name="connsiteX3" fmla="*/ 571500 w 661402"/>
                        <a:gd name="connsiteY3" fmla="*/ 254000 h 527050"/>
                        <a:gd name="connsiteX4" fmla="*/ 590550 w 661402"/>
                        <a:gd name="connsiteY4" fmla="*/ 508000 h 527050"/>
                        <a:gd name="connsiteX5" fmla="*/ 514350 w 661402"/>
                        <a:gd name="connsiteY5" fmla="*/ 520700 h 527050"/>
                        <a:gd name="connsiteX6" fmla="*/ 0 w 661402"/>
                        <a:gd name="connsiteY6" fmla="*/ 527050 h 527050"/>
                        <a:gd name="connsiteX0" fmla="*/ 635000 w 661402"/>
                        <a:gd name="connsiteY0" fmla="*/ 0 h 533366"/>
                        <a:gd name="connsiteX1" fmla="*/ 660400 w 661402"/>
                        <a:gd name="connsiteY1" fmla="*/ 120650 h 533366"/>
                        <a:gd name="connsiteX2" fmla="*/ 647700 w 661402"/>
                        <a:gd name="connsiteY2" fmla="*/ 184150 h 533366"/>
                        <a:gd name="connsiteX3" fmla="*/ 571500 w 661402"/>
                        <a:gd name="connsiteY3" fmla="*/ 254000 h 533366"/>
                        <a:gd name="connsiteX4" fmla="*/ 590550 w 661402"/>
                        <a:gd name="connsiteY4" fmla="*/ 508000 h 533366"/>
                        <a:gd name="connsiteX5" fmla="*/ 0 w 661402"/>
                        <a:gd name="connsiteY5" fmla="*/ 527050 h 533366"/>
                        <a:gd name="connsiteX0" fmla="*/ 635000 w 661402"/>
                        <a:gd name="connsiteY0" fmla="*/ 0 h 553176"/>
                        <a:gd name="connsiteX1" fmla="*/ 660400 w 661402"/>
                        <a:gd name="connsiteY1" fmla="*/ 120650 h 553176"/>
                        <a:gd name="connsiteX2" fmla="*/ 647700 w 661402"/>
                        <a:gd name="connsiteY2" fmla="*/ 184150 h 553176"/>
                        <a:gd name="connsiteX3" fmla="*/ 571500 w 661402"/>
                        <a:gd name="connsiteY3" fmla="*/ 254000 h 553176"/>
                        <a:gd name="connsiteX4" fmla="*/ 590550 w 661402"/>
                        <a:gd name="connsiteY4" fmla="*/ 508000 h 553176"/>
                        <a:gd name="connsiteX5" fmla="*/ 0 w 661402"/>
                        <a:gd name="connsiteY5" fmla="*/ 527050 h 553176"/>
                        <a:gd name="connsiteX0" fmla="*/ 635000 w 661402"/>
                        <a:gd name="connsiteY0" fmla="*/ 0 h 545366"/>
                        <a:gd name="connsiteX1" fmla="*/ 660400 w 661402"/>
                        <a:gd name="connsiteY1" fmla="*/ 120650 h 545366"/>
                        <a:gd name="connsiteX2" fmla="*/ 647700 w 661402"/>
                        <a:gd name="connsiteY2" fmla="*/ 184150 h 545366"/>
                        <a:gd name="connsiteX3" fmla="*/ 571500 w 661402"/>
                        <a:gd name="connsiteY3" fmla="*/ 254000 h 545366"/>
                        <a:gd name="connsiteX4" fmla="*/ 590550 w 661402"/>
                        <a:gd name="connsiteY4" fmla="*/ 508000 h 545366"/>
                        <a:gd name="connsiteX5" fmla="*/ 0 w 661402"/>
                        <a:gd name="connsiteY5" fmla="*/ 527050 h 545366"/>
                        <a:gd name="connsiteX0" fmla="*/ 635000 w 661402"/>
                        <a:gd name="connsiteY0" fmla="*/ 0 h 534426"/>
                        <a:gd name="connsiteX1" fmla="*/ 660400 w 661402"/>
                        <a:gd name="connsiteY1" fmla="*/ 120650 h 534426"/>
                        <a:gd name="connsiteX2" fmla="*/ 647700 w 661402"/>
                        <a:gd name="connsiteY2" fmla="*/ 184150 h 534426"/>
                        <a:gd name="connsiteX3" fmla="*/ 571500 w 661402"/>
                        <a:gd name="connsiteY3" fmla="*/ 254000 h 534426"/>
                        <a:gd name="connsiteX4" fmla="*/ 590550 w 661402"/>
                        <a:gd name="connsiteY4" fmla="*/ 508000 h 534426"/>
                        <a:gd name="connsiteX5" fmla="*/ 0 w 661402"/>
                        <a:gd name="connsiteY5" fmla="*/ 527050 h 534426"/>
                        <a:gd name="connsiteX0" fmla="*/ 635000 w 661402"/>
                        <a:gd name="connsiteY0" fmla="*/ 0 h 527050"/>
                        <a:gd name="connsiteX1" fmla="*/ 660400 w 661402"/>
                        <a:gd name="connsiteY1" fmla="*/ 120650 h 527050"/>
                        <a:gd name="connsiteX2" fmla="*/ 647700 w 661402"/>
                        <a:gd name="connsiteY2" fmla="*/ 184150 h 527050"/>
                        <a:gd name="connsiteX3" fmla="*/ 571500 w 661402"/>
                        <a:gd name="connsiteY3" fmla="*/ 254000 h 527050"/>
                        <a:gd name="connsiteX4" fmla="*/ 594282 w 661402"/>
                        <a:gd name="connsiteY4" fmla="*/ 395780 h 527050"/>
                        <a:gd name="connsiteX5" fmla="*/ 590550 w 661402"/>
                        <a:gd name="connsiteY5" fmla="*/ 508000 h 527050"/>
                        <a:gd name="connsiteX6" fmla="*/ 0 w 661402"/>
                        <a:gd name="connsiteY6" fmla="*/ 527050 h 527050"/>
                        <a:gd name="connsiteX0" fmla="*/ 635000 w 661402"/>
                        <a:gd name="connsiteY0" fmla="*/ 0 h 527050"/>
                        <a:gd name="connsiteX1" fmla="*/ 660400 w 661402"/>
                        <a:gd name="connsiteY1" fmla="*/ 120650 h 527050"/>
                        <a:gd name="connsiteX2" fmla="*/ 647700 w 661402"/>
                        <a:gd name="connsiteY2" fmla="*/ 184150 h 527050"/>
                        <a:gd name="connsiteX3" fmla="*/ 571500 w 661402"/>
                        <a:gd name="connsiteY3" fmla="*/ 254000 h 527050"/>
                        <a:gd name="connsiteX4" fmla="*/ 594282 w 661402"/>
                        <a:gd name="connsiteY4" fmla="*/ 395780 h 527050"/>
                        <a:gd name="connsiteX5" fmla="*/ 590550 w 661402"/>
                        <a:gd name="connsiteY5" fmla="*/ 508000 h 527050"/>
                        <a:gd name="connsiteX6" fmla="*/ 0 w 661402"/>
                        <a:gd name="connsiteY6" fmla="*/ 527050 h 527050"/>
                        <a:gd name="connsiteX0" fmla="*/ 635000 w 660928"/>
                        <a:gd name="connsiteY0" fmla="*/ 0 h 527050"/>
                        <a:gd name="connsiteX1" fmla="*/ 660400 w 660928"/>
                        <a:gd name="connsiteY1" fmla="*/ 120650 h 527050"/>
                        <a:gd name="connsiteX2" fmla="*/ 647700 w 660928"/>
                        <a:gd name="connsiteY2" fmla="*/ 184150 h 527050"/>
                        <a:gd name="connsiteX3" fmla="*/ 596931 w 660928"/>
                        <a:gd name="connsiteY3" fmla="*/ 264212 h 527050"/>
                        <a:gd name="connsiteX4" fmla="*/ 594282 w 660928"/>
                        <a:gd name="connsiteY4" fmla="*/ 395780 h 527050"/>
                        <a:gd name="connsiteX5" fmla="*/ 590550 w 660928"/>
                        <a:gd name="connsiteY5" fmla="*/ 508000 h 527050"/>
                        <a:gd name="connsiteX6" fmla="*/ 0 w 660928"/>
                        <a:gd name="connsiteY6" fmla="*/ 527050 h 527050"/>
                        <a:gd name="connsiteX0" fmla="*/ 635000 w 661610"/>
                        <a:gd name="connsiteY0" fmla="*/ 0 h 527050"/>
                        <a:gd name="connsiteX1" fmla="*/ 660400 w 661610"/>
                        <a:gd name="connsiteY1" fmla="*/ 120650 h 527050"/>
                        <a:gd name="connsiteX2" fmla="*/ 596931 w 661610"/>
                        <a:gd name="connsiteY2" fmla="*/ 264212 h 527050"/>
                        <a:gd name="connsiteX3" fmla="*/ 594282 w 661610"/>
                        <a:gd name="connsiteY3" fmla="*/ 395780 h 527050"/>
                        <a:gd name="connsiteX4" fmla="*/ 590550 w 661610"/>
                        <a:gd name="connsiteY4" fmla="*/ 508000 h 527050"/>
                        <a:gd name="connsiteX5" fmla="*/ 0 w 661610"/>
                        <a:gd name="connsiteY5" fmla="*/ 527050 h 527050"/>
                        <a:gd name="connsiteX0" fmla="*/ 635000 w 716262"/>
                        <a:gd name="connsiteY0" fmla="*/ 0 h 527050"/>
                        <a:gd name="connsiteX1" fmla="*/ 715885 w 716262"/>
                        <a:gd name="connsiteY1" fmla="*/ 123203 h 527050"/>
                        <a:gd name="connsiteX2" fmla="*/ 596931 w 716262"/>
                        <a:gd name="connsiteY2" fmla="*/ 264212 h 527050"/>
                        <a:gd name="connsiteX3" fmla="*/ 594282 w 716262"/>
                        <a:gd name="connsiteY3" fmla="*/ 395780 h 527050"/>
                        <a:gd name="connsiteX4" fmla="*/ 590550 w 716262"/>
                        <a:gd name="connsiteY4" fmla="*/ 508000 h 527050"/>
                        <a:gd name="connsiteX5" fmla="*/ 0 w 716262"/>
                        <a:gd name="connsiteY5" fmla="*/ 527050 h 5270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6262" h="527050">
                          <a:moveTo>
                            <a:pt x="635000" y="0"/>
                          </a:moveTo>
                          <a:cubicBezTo>
                            <a:pt x="646641" y="44979"/>
                            <a:pt x="722230" y="79168"/>
                            <a:pt x="715885" y="123203"/>
                          </a:cubicBezTo>
                          <a:cubicBezTo>
                            <a:pt x="709540" y="167238"/>
                            <a:pt x="617198" y="218783"/>
                            <a:pt x="596931" y="264212"/>
                          </a:cubicBezTo>
                          <a:cubicBezTo>
                            <a:pt x="576664" y="309641"/>
                            <a:pt x="572611" y="353447"/>
                            <a:pt x="594282" y="395780"/>
                          </a:cubicBezTo>
                          <a:cubicBezTo>
                            <a:pt x="597457" y="438113"/>
                            <a:pt x="689597" y="486122"/>
                            <a:pt x="590550" y="508000"/>
                          </a:cubicBezTo>
                          <a:cubicBezTo>
                            <a:pt x="491503" y="529878"/>
                            <a:pt x="123031" y="523081"/>
                            <a:pt x="0" y="527050"/>
                          </a:cubicBezTo>
                        </a:path>
                      </a:pathLst>
                    </a:custGeom>
                    <a:ln w="57150">
                      <a:solidFill>
                        <a:srgbClr val="0000FF"/>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sp>
                <p:nvSpPr>
                  <p:cNvPr id="26" name="Freeform 25"/>
                  <p:cNvSpPr/>
                  <p:nvPr/>
                </p:nvSpPr>
                <p:spPr>
                  <a:xfrm>
                    <a:off x="5401990" y="5336275"/>
                    <a:ext cx="151225" cy="238285"/>
                  </a:xfrm>
                  <a:custGeom>
                    <a:avLst/>
                    <a:gdLst>
                      <a:gd name="connsiteX0" fmla="*/ 0 w 136477"/>
                      <a:gd name="connsiteY0" fmla="*/ 0 h 245659"/>
                      <a:gd name="connsiteX1" fmla="*/ 68238 w 136477"/>
                      <a:gd name="connsiteY1" fmla="*/ 102358 h 245659"/>
                      <a:gd name="connsiteX2" fmla="*/ 102358 w 136477"/>
                      <a:gd name="connsiteY2" fmla="*/ 191068 h 245659"/>
                      <a:gd name="connsiteX3" fmla="*/ 136477 w 136477"/>
                      <a:gd name="connsiteY3" fmla="*/ 245659 h 245659"/>
                      <a:gd name="connsiteX0" fmla="*/ 0 w 151225"/>
                      <a:gd name="connsiteY0" fmla="*/ 0 h 238285"/>
                      <a:gd name="connsiteX1" fmla="*/ 68238 w 151225"/>
                      <a:gd name="connsiteY1" fmla="*/ 102358 h 238285"/>
                      <a:gd name="connsiteX2" fmla="*/ 102358 w 151225"/>
                      <a:gd name="connsiteY2" fmla="*/ 191068 h 238285"/>
                      <a:gd name="connsiteX3" fmla="*/ 151225 w 151225"/>
                      <a:gd name="connsiteY3" fmla="*/ 238285 h 238285"/>
                    </a:gdLst>
                    <a:ahLst/>
                    <a:cxnLst>
                      <a:cxn ang="0">
                        <a:pos x="connsiteX0" y="connsiteY0"/>
                      </a:cxn>
                      <a:cxn ang="0">
                        <a:pos x="connsiteX1" y="connsiteY1"/>
                      </a:cxn>
                      <a:cxn ang="0">
                        <a:pos x="connsiteX2" y="connsiteY2"/>
                      </a:cxn>
                      <a:cxn ang="0">
                        <a:pos x="connsiteX3" y="connsiteY3"/>
                      </a:cxn>
                    </a:cxnLst>
                    <a:rect l="l" t="t" r="r" b="b"/>
                    <a:pathLst>
                      <a:path w="151225" h="238285">
                        <a:moveTo>
                          <a:pt x="0" y="0"/>
                        </a:moveTo>
                        <a:cubicBezTo>
                          <a:pt x="25589" y="35256"/>
                          <a:pt x="51178" y="70513"/>
                          <a:pt x="68238" y="102358"/>
                        </a:cubicBezTo>
                        <a:cubicBezTo>
                          <a:pt x="85298" y="134203"/>
                          <a:pt x="90985" y="167185"/>
                          <a:pt x="102358" y="191068"/>
                        </a:cubicBezTo>
                        <a:cubicBezTo>
                          <a:pt x="113731" y="214951"/>
                          <a:pt x="139852" y="222931"/>
                          <a:pt x="151225" y="238285"/>
                        </a:cubicBezTo>
                      </a:path>
                    </a:pathLst>
                  </a:custGeom>
                  <a:ln w="5715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grpSp>
          <p:sp>
            <p:nvSpPr>
              <p:cNvPr id="18" name="Freeform 17"/>
              <p:cNvSpPr/>
              <p:nvPr/>
            </p:nvSpPr>
            <p:spPr>
              <a:xfrm>
                <a:off x="6270986" y="6112033"/>
                <a:ext cx="784946" cy="440330"/>
              </a:xfrm>
              <a:custGeom>
                <a:avLst/>
                <a:gdLst>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10883 w 1656272"/>
                  <a:gd name="connsiteY6" fmla="*/ 508958 h 940279"/>
                  <a:gd name="connsiteX7" fmla="*/ 569343 w 1656272"/>
                  <a:gd name="connsiteY7" fmla="*/ 595222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10883 w 1656272"/>
                  <a:gd name="connsiteY6" fmla="*/ 50895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08425 w 1656272"/>
                  <a:gd name="connsiteY6" fmla="*/ 496667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808425 w 1656272"/>
                  <a:gd name="connsiteY6" fmla="*/ 496667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579176 w 1656272"/>
                  <a:gd name="connsiteY6" fmla="*/ 612428 h 940279"/>
                  <a:gd name="connsiteX7" fmla="*/ 379562 w 1656272"/>
                  <a:gd name="connsiteY7" fmla="*/ 741872 h 940279"/>
                  <a:gd name="connsiteX8" fmla="*/ 0 w 1656272"/>
                  <a:gd name="connsiteY8"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3659 w 1656272"/>
                  <a:gd name="connsiteY6" fmla="*/ 501120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98407 w 1656272"/>
                  <a:gd name="connsiteY6" fmla="*/ 513411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8574 w 1656272"/>
                  <a:gd name="connsiteY6" fmla="*/ 50357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77621 w 1656272"/>
                  <a:gd name="connsiteY1" fmla="*/ 124479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8574 w 1656272"/>
                  <a:gd name="connsiteY6" fmla="*/ 50357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557949 w 1656272"/>
                  <a:gd name="connsiteY1" fmla="*/ 73417 h 940279"/>
                  <a:gd name="connsiteX2" fmla="*/ 1477621 w 1656272"/>
                  <a:gd name="connsiteY2" fmla="*/ 124479 h 940279"/>
                  <a:gd name="connsiteX3" fmla="*/ 1345721 w 1656272"/>
                  <a:gd name="connsiteY3" fmla="*/ 215660 h 940279"/>
                  <a:gd name="connsiteX4" fmla="*/ 1199072 w 1656272"/>
                  <a:gd name="connsiteY4" fmla="*/ 241539 h 940279"/>
                  <a:gd name="connsiteX5" fmla="*/ 1078302 w 1656272"/>
                  <a:gd name="connsiteY5" fmla="*/ 345056 h 940279"/>
                  <a:gd name="connsiteX6" fmla="*/ 925439 w 1656272"/>
                  <a:gd name="connsiteY6" fmla="*/ 422647 h 940279"/>
                  <a:gd name="connsiteX7" fmla="*/ 788574 w 1656272"/>
                  <a:gd name="connsiteY7" fmla="*/ 503578 h 940279"/>
                  <a:gd name="connsiteX8" fmla="*/ 579176 w 1656272"/>
                  <a:gd name="connsiteY8" fmla="*/ 612428 h 940279"/>
                  <a:gd name="connsiteX9" fmla="*/ 379562 w 1656272"/>
                  <a:gd name="connsiteY9" fmla="*/ 741872 h 940279"/>
                  <a:gd name="connsiteX10" fmla="*/ 0 w 1656272"/>
                  <a:gd name="connsiteY10" fmla="*/ 940279 h 940279"/>
                  <a:gd name="connsiteX0" fmla="*/ 1656272 w 1656272"/>
                  <a:gd name="connsiteY0" fmla="*/ 0 h 940279"/>
                  <a:gd name="connsiteX1" fmla="*/ 1570239 w 1656272"/>
                  <a:gd name="connsiteY1" fmla="*/ 85707 h 940279"/>
                  <a:gd name="connsiteX2" fmla="*/ 1477621 w 1656272"/>
                  <a:gd name="connsiteY2" fmla="*/ 124479 h 940279"/>
                  <a:gd name="connsiteX3" fmla="*/ 1345721 w 1656272"/>
                  <a:gd name="connsiteY3" fmla="*/ 215660 h 940279"/>
                  <a:gd name="connsiteX4" fmla="*/ 1199072 w 1656272"/>
                  <a:gd name="connsiteY4" fmla="*/ 241539 h 940279"/>
                  <a:gd name="connsiteX5" fmla="*/ 1078302 w 1656272"/>
                  <a:gd name="connsiteY5" fmla="*/ 345056 h 940279"/>
                  <a:gd name="connsiteX6" fmla="*/ 925439 w 1656272"/>
                  <a:gd name="connsiteY6" fmla="*/ 422647 h 940279"/>
                  <a:gd name="connsiteX7" fmla="*/ 788574 w 1656272"/>
                  <a:gd name="connsiteY7" fmla="*/ 503578 h 940279"/>
                  <a:gd name="connsiteX8" fmla="*/ 579176 w 1656272"/>
                  <a:gd name="connsiteY8" fmla="*/ 612428 h 940279"/>
                  <a:gd name="connsiteX9" fmla="*/ 379562 w 1656272"/>
                  <a:gd name="connsiteY9" fmla="*/ 741872 h 940279"/>
                  <a:gd name="connsiteX10" fmla="*/ 0 w 1656272"/>
                  <a:gd name="connsiteY10" fmla="*/ 940279 h 940279"/>
                  <a:gd name="connsiteX0" fmla="*/ 1656272 w 1656272"/>
                  <a:gd name="connsiteY0" fmla="*/ 0 h 940279"/>
                  <a:gd name="connsiteX1" fmla="*/ 1634149 w 1656272"/>
                  <a:gd name="connsiteY1" fmla="*/ 48837 h 940279"/>
                  <a:gd name="connsiteX2" fmla="*/ 1570239 w 1656272"/>
                  <a:gd name="connsiteY2" fmla="*/ 85707 h 940279"/>
                  <a:gd name="connsiteX3" fmla="*/ 1477621 w 1656272"/>
                  <a:gd name="connsiteY3" fmla="*/ 124479 h 940279"/>
                  <a:gd name="connsiteX4" fmla="*/ 1345721 w 1656272"/>
                  <a:gd name="connsiteY4" fmla="*/ 215660 h 940279"/>
                  <a:gd name="connsiteX5" fmla="*/ 1199072 w 1656272"/>
                  <a:gd name="connsiteY5" fmla="*/ 241539 h 940279"/>
                  <a:gd name="connsiteX6" fmla="*/ 1078302 w 1656272"/>
                  <a:gd name="connsiteY6" fmla="*/ 345056 h 940279"/>
                  <a:gd name="connsiteX7" fmla="*/ 925439 w 1656272"/>
                  <a:gd name="connsiteY7" fmla="*/ 422647 h 940279"/>
                  <a:gd name="connsiteX8" fmla="*/ 788574 w 1656272"/>
                  <a:gd name="connsiteY8" fmla="*/ 503578 h 940279"/>
                  <a:gd name="connsiteX9" fmla="*/ 579176 w 1656272"/>
                  <a:gd name="connsiteY9" fmla="*/ 612428 h 940279"/>
                  <a:gd name="connsiteX10" fmla="*/ 379562 w 1656272"/>
                  <a:gd name="connsiteY10" fmla="*/ 741872 h 940279"/>
                  <a:gd name="connsiteX11" fmla="*/ 0 w 1656272"/>
                  <a:gd name="connsiteY11" fmla="*/ 940279 h 940279"/>
                  <a:gd name="connsiteX0" fmla="*/ 1639066 w 1640722"/>
                  <a:gd name="connsiteY0" fmla="*/ 0 h 974692"/>
                  <a:gd name="connsiteX1" fmla="*/ 1634149 w 1640722"/>
                  <a:gd name="connsiteY1" fmla="*/ 83250 h 974692"/>
                  <a:gd name="connsiteX2" fmla="*/ 1570239 w 1640722"/>
                  <a:gd name="connsiteY2" fmla="*/ 120120 h 974692"/>
                  <a:gd name="connsiteX3" fmla="*/ 1477621 w 1640722"/>
                  <a:gd name="connsiteY3" fmla="*/ 158892 h 974692"/>
                  <a:gd name="connsiteX4" fmla="*/ 1345721 w 1640722"/>
                  <a:gd name="connsiteY4" fmla="*/ 250073 h 974692"/>
                  <a:gd name="connsiteX5" fmla="*/ 1199072 w 1640722"/>
                  <a:gd name="connsiteY5" fmla="*/ 275952 h 974692"/>
                  <a:gd name="connsiteX6" fmla="*/ 1078302 w 1640722"/>
                  <a:gd name="connsiteY6" fmla="*/ 379469 h 974692"/>
                  <a:gd name="connsiteX7" fmla="*/ 925439 w 1640722"/>
                  <a:gd name="connsiteY7" fmla="*/ 457060 h 974692"/>
                  <a:gd name="connsiteX8" fmla="*/ 788574 w 1640722"/>
                  <a:gd name="connsiteY8" fmla="*/ 537991 h 974692"/>
                  <a:gd name="connsiteX9" fmla="*/ 579176 w 1640722"/>
                  <a:gd name="connsiteY9" fmla="*/ 646841 h 974692"/>
                  <a:gd name="connsiteX10" fmla="*/ 379562 w 1640722"/>
                  <a:gd name="connsiteY10" fmla="*/ 776285 h 974692"/>
                  <a:gd name="connsiteX11" fmla="*/ 0 w 1640722"/>
                  <a:gd name="connsiteY11" fmla="*/ 974692 h 974692"/>
                  <a:gd name="connsiteX0" fmla="*/ 1639066 w 1666540"/>
                  <a:gd name="connsiteY0" fmla="*/ 0 h 974692"/>
                  <a:gd name="connsiteX1" fmla="*/ 1663645 w 1666540"/>
                  <a:gd name="connsiteY1" fmla="*/ 63585 h 974692"/>
                  <a:gd name="connsiteX2" fmla="*/ 1570239 w 1666540"/>
                  <a:gd name="connsiteY2" fmla="*/ 120120 h 974692"/>
                  <a:gd name="connsiteX3" fmla="*/ 1477621 w 1666540"/>
                  <a:gd name="connsiteY3" fmla="*/ 158892 h 974692"/>
                  <a:gd name="connsiteX4" fmla="*/ 1345721 w 1666540"/>
                  <a:gd name="connsiteY4" fmla="*/ 250073 h 974692"/>
                  <a:gd name="connsiteX5" fmla="*/ 1199072 w 1666540"/>
                  <a:gd name="connsiteY5" fmla="*/ 275952 h 974692"/>
                  <a:gd name="connsiteX6" fmla="*/ 1078302 w 1666540"/>
                  <a:gd name="connsiteY6" fmla="*/ 379469 h 974692"/>
                  <a:gd name="connsiteX7" fmla="*/ 925439 w 1666540"/>
                  <a:gd name="connsiteY7" fmla="*/ 457060 h 974692"/>
                  <a:gd name="connsiteX8" fmla="*/ 788574 w 1666540"/>
                  <a:gd name="connsiteY8" fmla="*/ 537991 h 974692"/>
                  <a:gd name="connsiteX9" fmla="*/ 579176 w 1666540"/>
                  <a:gd name="connsiteY9" fmla="*/ 646841 h 974692"/>
                  <a:gd name="connsiteX10" fmla="*/ 379562 w 1666540"/>
                  <a:gd name="connsiteY10" fmla="*/ 776285 h 974692"/>
                  <a:gd name="connsiteX11" fmla="*/ 0 w 1666540"/>
                  <a:gd name="connsiteY11" fmla="*/ 974692 h 974692"/>
                  <a:gd name="connsiteX0" fmla="*/ 1639066 w 1670003"/>
                  <a:gd name="connsiteY0" fmla="*/ 0 h 974692"/>
                  <a:gd name="connsiteX1" fmla="*/ 1663645 w 1670003"/>
                  <a:gd name="connsiteY1" fmla="*/ 63585 h 974692"/>
                  <a:gd name="connsiteX2" fmla="*/ 1570239 w 1670003"/>
                  <a:gd name="connsiteY2" fmla="*/ 120120 h 974692"/>
                  <a:gd name="connsiteX3" fmla="*/ 1477621 w 1670003"/>
                  <a:gd name="connsiteY3" fmla="*/ 158892 h 974692"/>
                  <a:gd name="connsiteX4" fmla="*/ 1345721 w 1670003"/>
                  <a:gd name="connsiteY4" fmla="*/ 250073 h 974692"/>
                  <a:gd name="connsiteX5" fmla="*/ 1199072 w 1670003"/>
                  <a:gd name="connsiteY5" fmla="*/ 275952 h 974692"/>
                  <a:gd name="connsiteX6" fmla="*/ 1078302 w 1670003"/>
                  <a:gd name="connsiteY6" fmla="*/ 379469 h 974692"/>
                  <a:gd name="connsiteX7" fmla="*/ 925439 w 1670003"/>
                  <a:gd name="connsiteY7" fmla="*/ 457060 h 974692"/>
                  <a:gd name="connsiteX8" fmla="*/ 788574 w 1670003"/>
                  <a:gd name="connsiteY8" fmla="*/ 537991 h 974692"/>
                  <a:gd name="connsiteX9" fmla="*/ 579176 w 1670003"/>
                  <a:gd name="connsiteY9" fmla="*/ 646841 h 974692"/>
                  <a:gd name="connsiteX10" fmla="*/ 379562 w 1670003"/>
                  <a:gd name="connsiteY10" fmla="*/ 776285 h 974692"/>
                  <a:gd name="connsiteX11" fmla="*/ 0 w 1670003"/>
                  <a:gd name="connsiteY11" fmla="*/ 974692 h 974692"/>
                  <a:gd name="connsiteX0" fmla="*/ 1639066 w 1667899"/>
                  <a:gd name="connsiteY0" fmla="*/ 0 h 974692"/>
                  <a:gd name="connsiteX1" fmla="*/ 1663645 w 1667899"/>
                  <a:gd name="connsiteY1" fmla="*/ 63585 h 974692"/>
                  <a:gd name="connsiteX2" fmla="*/ 1570239 w 1667899"/>
                  <a:gd name="connsiteY2" fmla="*/ 120120 h 974692"/>
                  <a:gd name="connsiteX3" fmla="*/ 1477621 w 1667899"/>
                  <a:gd name="connsiteY3" fmla="*/ 158892 h 974692"/>
                  <a:gd name="connsiteX4" fmla="*/ 1345721 w 1667899"/>
                  <a:gd name="connsiteY4" fmla="*/ 250073 h 974692"/>
                  <a:gd name="connsiteX5" fmla="*/ 1199072 w 1667899"/>
                  <a:gd name="connsiteY5" fmla="*/ 275952 h 974692"/>
                  <a:gd name="connsiteX6" fmla="*/ 1078302 w 1667899"/>
                  <a:gd name="connsiteY6" fmla="*/ 379469 h 974692"/>
                  <a:gd name="connsiteX7" fmla="*/ 925439 w 1667899"/>
                  <a:gd name="connsiteY7" fmla="*/ 457060 h 974692"/>
                  <a:gd name="connsiteX8" fmla="*/ 788574 w 1667899"/>
                  <a:gd name="connsiteY8" fmla="*/ 537991 h 974692"/>
                  <a:gd name="connsiteX9" fmla="*/ 579176 w 1667899"/>
                  <a:gd name="connsiteY9" fmla="*/ 646841 h 974692"/>
                  <a:gd name="connsiteX10" fmla="*/ 379562 w 1667899"/>
                  <a:gd name="connsiteY10" fmla="*/ 776285 h 974692"/>
                  <a:gd name="connsiteX11" fmla="*/ 0 w 1667899"/>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788574 w 1671451"/>
                  <a:gd name="connsiteY7" fmla="*/ 537991 h 974692"/>
                  <a:gd name="connsiteX8" fmla="*/ 579176 w 1671451"/>
                  <a:gd name="connsiteY8" fmla="*/ 646841 h 974692"/>
                  <a:gd name="connsiteX9" fmla="*/ 379562 w 1671451"/>
                  <a:gd name="connsiteY9" fmla="*/ 776285 h 974692"/>
                  <a:gd name="connsiteX10" fmla="*/ 0 w 1671451"/>
                  <a:gd name="connsiteY10"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788574 w 1671451"/>
                  <a:gd name="connsiteY6" fmla="*/ 537991 h 974692"/>
                  <a:gd name="connsiteX7" fmla="*/ 579176 w 1671451"/>
                  <a:gd name="connsiteY7" fmla="*/ 646841 h 974692"/>
                  <a:gd name="connsiteX8" fmla="*/ 379562 w 1671451"/>
                  <a:gd name="connsiteY8" fmla="*/ 776285 h 974692"/>
                  <a:gd name="connsiteX9" fmla="*/ 0 w 1671451"/>
                  <a:gd name="connsiteY9"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788574 w 1671451"/>
                  <a:gd name="connsiteY6" fmla="*/ 537991 h 974692"/>
                  <a:gd name="connsiteX7" fmla="*/ 579176 w 1671451"/>
                  <a:gd name="connsiteY7" fmla="*/ 646841 h 974692"/>
                  <a:gd name="connsiteX8" fmla="*/ 379562 w 1671451"/>
                  <a:gd name="connsiteY8" fmla="*/ 776285 h 974692"/>
                  <a:gd name="connsiteX9" fmla="*/ 0 w 1671451"/>
                  <a:gd name="connsiteY9"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788574 w 1671451"/>
                  <a:gd name="connsiteY5" fmla="*/ 537991 h 974692"/>
                  <a:gd name="connsiteX6" fmla="*/ 579176 w 1671451"/>
                  <a:gd name="connsiteY6" fmla="*/ 646841 h 974692"/>
                  <a:gd name="connsiteX7" fmla="*/ 379562 w 1671451"/>
                  <a:gd name="connsiteY7" fmla="*/ 776285 h 974692"/>
                  <a:gd name="connsiteX8" fmla="*/ 0 w 1671451"/>
                  <a:gd name="connsiteY8"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788574 w 1671451"/>
                  <a:gd name="connsiteY4" fmla="*/ 537991 h 974692"/>
                  <a:gd name="connsiteX5" fmla="*/ 579176 w 1671451"/>
                  <a:gd name="connsiteY5" fmla="*/ 646841 h 974692"/>
                  <a:gd name="connsiteX6" fmla="*/ 379562 w 1671451"/>
                  <a:gd name="connsiteY6" fmla="*/ 776285 h 974692"/>
                  <a:gd name="connsiteX7" fmla="*/ 0 w 1671451"/>
                  <a:gd name="connsiteY7"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788574 w 1671451"/>
                  <a:gd name="connsiteY4" fmla="*/ 537991 h 974692"/>
                  <a:gd name="connsiteX5" fmla="*/ 579176 w 1671451"/>
                  <a:gd name="connsiteY5" fmla="*/ 646841 h 974692"/>
                  <a:gd name="connsiteX6" fmla="*/ 379562 w 1671451"/>
                  <a:gd name="connsiteY6" fmla="*/ 776285 h 974692"/>
                  <a:gd name="connsiteX7" fmla="*/ 0 w 1671451"/>
                  <a:gd name="connsiteY7"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788574 w 1671451"/>
                  <a:gd name="connsiteY3" fmla="*/ 537991 h 974692"/>
                  <a:gd name="connsiteX4" fmla="*/ 579176 w 1671451"/>
                  <a:gd name="connsiteY4" fmla="*/ 646841 h 974692"/>
                  <a:gd name="connsiteX5" fmla="*/ 379562 w 1671451"/>
                  <a:gd name="connsiteY5" fmla="*/ 776285 h 974692"/>
                  <a:gd name="connsiteX6" fmla="*/ 0 w 1671451"/>
                  <a:gd name="connsiteY6" fmla="*/ 974692 h 974692"/>
                  <a:gd name="connsiteX0" fmla="*/ 1671451 w 1671451"/>
                  <a:gd name="connsiteY0" fmla="*/ 0 h 974692"/>
                  <a:gd name="connsiteX1" fmla="*/ 1663645 w 1671451"/>
                  <a:gd name="connsiteY1" fmla="*/ 63585 h 974692"/>
                  <a:gd name="connsiteX2" fmla="*/ 788574 w 1671451"/>
                  <a:gd name="connsiteY2" fmla="*/ 537991 h 974692"/>
                  <a:gd name="connsiteX3" fmla="*/ 579176 w 1671451"/>
                  <a:gd name="connsiteY3" fmla="*/ 646841 h 974692"/>
                  <a:gd name="connsiteX4" fmla="*/ 379562 w 1671451"/>
                  <a:gd name="connsiteY4" fmla="*/ 776285 h 974692"/>
                  <a:gd name="connsiteX5" fmla="*/ 0 w 1671451"/>
                  <a:gd name="connsiteY5" fmla="*/ 974692 h 974692"/>
                  <a:gd name="connsiteX0" fmla="*/ 1671451 w 1671451"/>
                  <a:gd name="connsiteY0" fmla="*/ 0 h 974692"/>
                  <a:gd name="connsiteX1" fmla="*/ 788574 w 1671451"/>
                  <a:gd name="connsiteY1" fmla="*/ 537991 h 974692"/>
                  <a:gd name="connsiteX2" fmla="*/ 579176 w 1671451"/>
                  <a:gd name="connsiteY2" fmla="*/ 646841 h 974692"/>
                  <a:gd name="connsiteX3" fmla="*/ 379562 w 1671451"/>
                  <a:gd name="connsiteY3" fmla="*/ 776285 h 974692"/>
                  <a:gd name="connsiteX4" fmla="*/ 0 w 1671451"/>
                  <a:gd name="connsiteY4" fmla="*/ 974692 h 974692"/>
                  <a:gd name="connsiteX0" fmla="*/ 788574 w 788574"/>
                  <a:gd name="connsiteY0" fmla="*/ 0 h 436701"/>
                  <a:gd name="connsiteX1" fmla="*/ 579176 w 788574"/>
                  <a:gd name="connsiteY1" fmla="*/ 108850 h 436701"/>
                  <a:gd name="connsiteX2" fmla="*/ 379562 w 788574"/>
                  <a:gd name="connsiteY2" fmla="*/ 238294 h 436701"/>
                  <a:gd name="connsiteX3" fmla="*/ 0 w 788574"/>
                  <a:gd name="connsiteY3" fmla="*/ 436701 h 436701"/>
                  <a:gd name="connsiteX0" fmla="*/ 777689 w 777689"/>
                  <a:gd name="connsiteY0" fmla="*/ 0 h 454844"/>
                  <a:gd name="connsiteX1" fmla="*/ 579176 w 777689"/>
                  <a:gd name="connsiteY1" fmla="*/ 126993 h 454844"/>
                  <a:gd name="connsiteX2" fmla="*/ 379562 w 777689"/>
                  <a:gd name="connsiteY2" fmla="*/ 256437 h 454844"/>
                  <a:gd name="connsiteX3" fmla="*/ 0 w 777689"/>
                  <a:gd name="connsiteY3" fmla="*/ 454844 h 454844"/>
                  <a:gd name="connsiteX0" fmla="*/ 784946 w 784946"/>
                  <a:gd name="connsiteY0" fmla="*/ 0 h 440330"/>
                  <a:gd name="connsiteX1" fmla="*/ 579176 w 784946"/>
                  <a:gd name="connsiteY1" fmla="*/ 112479 h 440330"/>
                  <a:gd name="connsiteX2" fmla="*/ 379562 w 784946"/>
                  <a:gd name="connsiteY2" fmla="*/ 241923 h 440330"/>
                  <a:gd name="connsiteX3" fmla="*/ 0 w 784946"/>
                  <a:gd name="connsiteY3" fmla="*/ 440330 h 440330"/>
                </a:gdLst>
                <a:ahLst/>
                <a:cxnLst>
                  <a:cxn ang="0">
                    <a:pos x="connsiteX0" y="connsiteY0"/>
                  </a:cxn>
                  <a:cxn ang="0">
                    <a:pos x="connsiteX1" y="connsiteY1"/>
                  </a:cxn>
                  <a:cxn ang="0">
                    <a:pos x="connsiteX2" y="connsiteY2"/>
                  </a:cxn>
                  <a:cxn ang="0">
                    <a:pos x="connsiteX3" y="connsiteY3"/>
                  </a:cxn>
                </a:cxnLst>
                <a:rect l="l" t="t" r="r" b="b"/>
                <a:pathLst>
                  <a:path w="784946" h="440330">
                    <a:moveTo>
                      <a:pt x="784946" y="0"/>
                    </a:moveTo>
                    <a:cubicBezTo>
                      <a:pt x="602900" y="107807"/>
                      <a:pt x="646740" y="72159"/>
                      <a:pt x="579176" y="112479"/>
                    </a:cubicBezTo>
                    <a:cubicBezTo>
                      <a:pt x="511612" y="152799"/>
                      <a:pt x="474452" y="184414"/>
                      <a:pt x="379562" y="241923"/>
                    </a:cubicBezTo>
                    <a:cubicBezTo>
                      <a:pt x="284672" y="299432"/>
                      <a:pt x="142336" y="369881"/>
                      <a:pt x="0" y="440330"/>
                    </a:cubicBezTo>
                  </a:path>
                </a:pathLst>
              </a:custGeom>
              <a:ln w="5715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sp>
          <p:nvSpPr>
            <p:cNvPr id="10" name="Freeform 9"/>
            <p:cNvSpPr/>
            <p:nvPr/>
          </p:nvSpPr>
          <p:spPr>
            <a:xfrm>
              <a:off x="7196328" y="5734989"/>
              <a:ext cx="1039279" cy="573485"/>
            </a:xfrm>
            <a:custGeom>
              <a:avLst/>
              <a:gdLst>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10883 w 1656272"/>
                <a:gd name="connsiteY6" fmla="*/ 508958 h 940279"/>
                <a:gd name="connsiteX7" fmla="*/ 569343 w 1656272"/>
                <a:gd name="connsiteY7" fmla="*/ 595222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10883 w 1656272"/>
                <a:gd name="connsiteY6" fmla="*/ 50895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05774 w 1656272"/>
                <a:gd name="connsiteY5" fmla="*/ 405441 h 940279"/>
                <a:gd name="connsiteX6" fmla="*/ 808425 w 1656272"/>
                <a:gd name="connsiteY6" fmla="*/ 496667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808425 w 1656272"/>
                <a:gd name="connsiteY6" fmla="*/ 496667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579176 w 1656272"/>
                <a:gd name="connsiteY6" fmla="*/ 612428 h 940279"/>
                <a:gd name="connsiteX7" fmla="*/ 379562 w 1656272"/>
                <a:gd name="connsiteY7" fmla="*/ 741872 h 940279"/>
                <a:gd name="connsiteX8" fmla="*/ 0 w 1656272"/>
                <a:gd name="connsiteY8"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3659 w 1656272"/>
                <a:gd name="connsiteY6" fmla="*/ 501120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98407 w 1656272"/>
                <a:gd name="connsiteY6" fmla="*/ 513411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92370 w 1656272"/>
                <a:gd name="connsiteY1" fmla="*/ 129396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8574 w 1656272"/>
                <a:gd name="connsiteY6" fmla="*/ 50357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477621 w 1656272"/>
                <a:gd name="connsiteY1" fmla="*/ 124479 h 940279"/>
                <a:gd name="connsiteX2" fmla="*/ 1345721 w 1656272"/>
                <a:gd name="connsiteY2" fmla="*/ 215660 h 940279"/>
                <a:gd name="connsiteX3" fmla="*/ 1199072 w 1656272"/>
                <a:gd name="connsiteY3" fmla="*/ 241539 h 940279"/>
                <a:gd name="connsiteX4" fmla="*/ 1078302 w 1656272"/>
                <a:gd name="connsiteY4" fmla="*/ 345056 h 940279"/>
                <a:gd name="connsiteX5" fmla="*/ 925439 w 1656272"/>
                <a:gd name="connsiteY5" fmla="*/ 422647 h 940279"/>
                <a:gd name="connsiteX6" fmla="*/ 788574 w 1656272"/>
                <a:gd name="connsiteY6" fmla="*/ 503578 h 940279"/>
                <a:gd name="connsiteX7" fmla="*/ 579176 w 1656272"/>
                <a:gd name="connsiteY7" fmla="*/ 612428 h 940279"/>
                <a:gd name="connsiteX8" fmla="*/ 379562 w 1656272"/>
                <a:gd name="connsiteY8" fmla="*/ 741872 h 940279"/>
                <a:gd name="connsiteX9" fmla="*/ 0 w 1656272"/>
                <a:gd name="connsiteY9" fmla="*/ 940279 h 940279"/>
                <a:gd name="connsiteX0" fmla="*/ 1656272 w 1656272"/>
                <a:gd name="connsiteY0" fmla="*/ 0 h 940279"/>
                <a:gd name="connsiteX1" fmla="*/ 1557949 w 1656272"/>
                <a:gd name="connsiteY1" fmla="*/ 73417 h 940279"/>
                <a:gd name="connsiteX2" fmla="*/ 1477621 w 1656272"/>
                <a:gd name="connsiteY2" fmla="*/ 124479 h 940279"/>
                <a:gd name="connsiteX3" fmla="*/ 1345721 w 1656272"/>
                <a:gd name="connsiteY3" fmla="*/ 215660 h 940279"/>
                <a:gd name="connsiteX4" fmla="*/ 1199072 w 1656272"/>
                <a:gd name="connsiteY4" fmla="*/ 241539 h 940279"/>
                <a:gd name="connsiteX5" fmla="*/ 1078302 w 1656272"/>
                <a:gd name="connsiteY5" fmla="*/ 345056 h 940279"/>
                <a:gd name="connsiteX6" fmla="*/ 925439 w 1656272"/>
                <a:gd name="connsiteY6" fmla="*/ 422647 h 940279"/>
                <a:gd name="connsiteX7" fmla="*/ 788574 w 1656272"/>
                <a:gd name="connsiteY7" fmla="*/ 503578 h 940279"/>
                <a:gd name="connsiteX8" fmla="*/ 579176 w 1656272"/>
                <a:gd name="connsiteY8" fmla="*/ 612428 h 940279"/>
                <a:gd name="connsiteX9" fmla="*/ 379562 w 1656272"/>
                <a:gd name="connsiteY9" fmla="*/ 741872 h 940279"/>
                <a:gd name="connsiteX10" fmla="*/ 0 w 1656272"/>
                <a:gd name="connsiteY10" fmla="*/ 940279 h 940279"/>
                <a:gd name="connsiteX0" fmla="*/ 1656272 w 1656272"/>
                <a:gd name="connsiteY0" fmla="*/ 0 h 940279"/>
                <a:gd name="connsiteX1" fmla="*/ 1570239 w 1656272"/>
                <a:gd name="connsiteY1" fmla="*/ 85707 h 940279"/>
                <a:gd name="connsiteX2" fmla="*/ 1477621 w 1656272"/>
                <a:gd name="connsiteY2" fmla="*/ 124479 h 940279"/>
                <a:gd name="connsiteX3" fmla="*/ 1345721 w 1656272"/>
                <a:gd name="connsiteY3" fmla="*/ 215660 h 940279"/>
                <a:gd name="connsiteX4" fmla="*/ 1199072 w 1656272"/>
                <a:gd name="connsiteY4" fmla="*/ 241539 h 940279"/>
                <a:gd name="connsiteX5" fmla="*/ 1078302 w 1656272"/>
                <a:gd name="connsiteY5" fmla="*/ 345056 h 940279"/>
                <a:gd name="connsiteX6" fmla="*/ 925439 w 1656272"/>
                <a:gd name="connsiteY6" fmla="*/ 422647 h 940279"/>
                <a:gd name="connsiteX7" fmla="*/ 788574 w 1656272"/>
                <a:gd name="connsiteY7" fmla="*/ 503578 h 940279"/>
                <a:gd name="connsiteX8" fmla="*/ 579176 w 1656272"/>
                <a:gd name="connsiteY8" fmla="*/ 612428 h 940279"/>
                <a:gd name="connsiteX9" fmla="*/ 379562 w 1656272"/>
                <a:gd name="connsiteY9" fmla="*/ 741872 h 940279"/>
                <a:gd name="connsiteX10" fmla="*/ 0 w 1656272"/>
                <a:gd name="connsiteY10" fmla="*/ 940279 h 940279"/>
                <a:gd name="connsiteX0" fmla="*/ 1656272 w 1656272"/>
                <a:gd name="connsiteY0" fmla="*/ 0 h 940279"/>
                <a:gd name="connsiteX1" fmla="*/ 1634149 w 1656272"/>
                <a:gd name="connsiteY1" fmla="*/ 48837 h 940279"/>
                <a:gd name="connsiteX2" fmla="*/ 1570239 w 1656272"/>
                <a:gd name="connsiteY2" fmla="*/ 85707 h 940279"/>
                <a:gd name="connsiteX3" fmla="*/ 1477621 w 1656272"/>
                <a:gd name="connsiteY3" fmla="*/ 124479 h 940279"/>
                <a:gd name="connsiteX4" fmla="*/ 1345721 w 1656272"/>
                <a:gd name="connsiteY4" fmla="*/ 215660 h 940279"/>
                <a:gd name="connsiteX5" fmla="*/ 1199072 w 1656272"/>
                <a:gd name="connsiteY5" fmla="*/ 241539 h 940279"/>
                <a:gd name="connsiteX6" fmla="*/ 1078302 w 1656272"/>
                <a:gd name="connsiteY6" fmla="*/ 345056 h 940279"/>
                <a:gd name="connsiteX7" fmla="*/ 925439 w 1656272"/>
                <a:gd name="connsiteY7" fmla="*/ 422647 h 940279"/>
                <a:gd name="connsiteX8" fmla="*/ 788574 w 1656272"/>
                <a:gd name="connsiteY8" fmla="*/ 503578 h 940279"/>
                <a:gd name="connsiteX9" fmla="*/ 579176 w 1656272"/>
                <a:gd name="connsiteY9" fmla="*/ 612428 h 940279"/>
                <a:gd name="connsiteX10" fmla="*/ 379562 w 1656272"/>
                <a:gd name="connsiteY10" fmla="*/ 741872 h 940279"/>
                <a:gd name="connsiteX11" fmla="*/ 0 w 1656272"/>
                <a:gd name="connsiteY11" fmla="*/ 940279 h 940279"/>
                <a:gd name="connsiteX0" fmla="*/ 1639066 w 1640722"/>
                <a:gd name="connsiteY0" fmla="*/ 0 h 974692"/>
                <a:gd name="connsiteX1" fmla="*/ 1634149 w 1640722"/>
                <a:gd name="connsiteY1" fmla="*/ 83250 h 974692"/>
                <a:gd name="connsiteX2" fmla="*/ 1570239 w 1640722"/>
                <a:gd name="connsiteY2" fmla="*/ 120120 h 974692"/>
                <a:gd name="connsiteX3" fmla="*/ 1477621 w 1640722"/>
                <a:gd name="connsiteY3" fmla="*/ 158892 h 974692"/>
                <a:gd name="connsiteX4" fmla="*/ 1345721 w 1640722"/>
                <a:gd name="connsiteY4" fmla="*/ 250073 h 974692"/>
                <a:gd name="connsiteX5" fmla="*/ 1199072 w 1640722"/>
                <a:gd name="connsiteY5" fmla="*/ 275952 h 974692"/>
                <a:gd name="connsiteX6" fmla="*/ 1078302 w 1640722"/>
                <a:gd name="connsiteY6" fmla="*/ 379469 h 974692"/>
                <a:gd name="connsiteX7" fmla="*/ 925439 w 1640722"/>
                <a:gd name="connsiteY7" fmla="*/ 457060 h 974692"/>
                <a:gd name="connsiteX8" fmla="*/ 788574 w 1640722"/>
                <a:gd name="connsiteY8" fmla="*/ 537991 h 974692"/>
                <a:gd name="connsiteX9" fmla="*/ 579176 w 1640722"/>
                <a:gd name="connsiteY9" fmla="*/ 646841 h 974692"/>
                <a:gd name="connsiteX10" fmla="*/ 379562 w 1640722"/>
                <a:gd name="connsiteY10" fmla="*/ 776285 h 974692"/>
                <a:gd name="connsiteX11" fmla="*/ 0 w 1640722"/>
                <a:gd name="connsiteY11" fmla="*/ 974692 h 974692"/>
                <a:gd name="connsiteX0" fmla="*/ 1639066 w 1666540"/>
                <a:gd name="connsiteY0" fmla="*/ 0 h 974692"/>
                <a:gd name="connsiteX1" fmla="*/ 1663645 w 1666540"/>
                <a:gd name="connsiteY1" fmla="*/ 63585 h 974692"/>
                <a:gd name="connsiteX2" fmla="*/ 1570239 w 1666540"/>
                <a:gd name="connsiteY2" fmla="*/ 120120 h 974692"/>
                <a:gd name="connsiteX3" fmla="*/ 1477621 w 1666540"/>
                <a:gd name="connsiteY3" fmla="*/ 158892 h 974692"/>
                <a:gd name="connsiteX4" fmla="*/ 1345721 w 1666540"/>
                <a:gd name="connsiteY4" fmla="*/ 250073 h 974692"/>
                <a:gd name="connsiteX5" fmla="*/ 1199072 w 1666540"/>
                <a:gd name="connsiteY5" fmla="*/ 275952 h 974692"/>
                <a:gd name="connsiteX6" fmla="*/ 1078302 w 1666540"/>
                <a:gd name="connsiteY6" fmla="*/ 379469 h 974692"/>
                <a:gd name="connsiteX7" fmla="*/ 925439 w 1666540"/>
                <a:gd name="connsiteY7" fmla="*/ 457060 h 974692"/>
                <a:gd name="connsiteX8" fmla="*/ 788574 w 1666540"/>
                <a:gd name="connsiteY8" fmla="*/ 537991 h 974692"/>
                <a:gd name="connsiteX9" fmla="*/ 579176 w 1666540"/>
                <a:gd name="connsiteY9" fmla="*/ 646841 h 974692"/>
                <a:gd name="connsiteX10" fmla="*/ 379562 w 1666540"/>
                <a:gd name="connsiteY10" fmla="*/ 776285 h 974692"/>
                <a:gd name="connsiteX11" fmla="*/ 0 w 1666540"/>
                <a:gd name="connsiteY11" fmla="*/ 974692 h 974692"/>
                <a:gd name="connsiteX0" fmla="*/ 1639066 w 1670003"/>
                <a:gd name="connsiteY0" fmla="*/ 0 h 974692"/>
                <a:gd name="connsiteX1" fmla="*/ 1663645 w 1670003"/>
                <a:gd name="connsiteY1" fmla="*/ 63585 h 974692"/>
                <a:gd name="connsiteX2" fmla="*/ 1570239 w 1670003"/>
                <a:gd name="connsiteY2" fmla="*/ 120120 h 974692"/>
                <a:gd name="connsiteX3" fmla="*/ 1477621 w 1670003"/>
                <a:gd name="connsiteY3" fmla="*/ 158892 h 974692"/>
                <a:gd name="connsiteX4" fmla="*/ 1345721 w 1670003"/>
                <a:gd name="connsiteY4" fmla="*/ 250073 h 974692"/>
                <a:gd name="connsiteX5" fmla="*/ 1199072 w 1670003"/>
                <a:gd name="connsiteY5" fmla="*/ 275952 h 974692"/>
                <a:gd name="connsiteX6" fmla="*/ 1078302 w 1670003"/>
                <a:gd name="connsiteY6" fmla="*/ 379469 h 974692"/>
                <a:gd name="connsiteX7" fmla="*/ 925439 w 1670003"/>
                <a:gd name="connsiteY7" fmla="*/ 457060 h 974692"/>
                <a:gd name="connsiteX8" fmla="*/ 788574 w 1670003"/>
                <a:gd name="connsiteY8" fmla="*/ 537991 h 974692"/>
                <a:gd name="connsiteX9" fmla="*/ 579176 w 1670003"/>
                <a:gd name="connsiteY9" fmla="*/ 646841 h 974692"/>
                <a:gd name="connsiteX10" fmla="*/ 379562 w 1670003"/>
                <a:gd name="connsiteY10" fmla="*/ 776285 h 974692"/>
                <a:gd name="connsiteX11" fmla="*/ 0 w 1670003"/>
                <a:gd name="connsiteY11" fmla="*/ 974692 h 974692"/>
                <a:gd name="connsiteX0" fmla="*/ 1639066 w 1667899"/>
                <a:gd name="connsiteY0" fmla="*/ 0 h 974692"/>
                <a:gd name="connsiteX1" fmla="*/ 1663645 w 1667899"/>
                <a:gd name="connsiteY1" fmla="*/ 63585 h 974692"/>
                <a:gd name="connsiteX2" fmla="*/ 1570239 w 1667899"/>
                <a:gd name="connsiteY2" fmla="*/ 120120 h 974692"/>
                <a:gd name="connsiteX3" fmla="*/ 1477621 w 1667899"/>
                <a:gd name="connsiteY3" fmla="*/ 158892 h 974692"/>
                <a:gd name="connsiteX4" fmla="*/ 1345721 w 1667899"/>
                <a:gd name="connsiteY4" fmla="*/ 250073 h 974692"/>
                <a:gd name="connsiteX5" fmla="*/ 1199072 w 1667899"/>
                <a:gd name="connsiteY5" fmla="*/ 275952 h 974692"/>
                <a:gd name="connsiteX6" fmla="*/ 1078302 w 1667899"/>
                <a:gd name="connsiteY6" fmla="*/ 379469 h 974692"/>
                <a:gd name="connsiteX7" fmla="*/ 925439 w 1667899"/>
                <a:gd name="connsiteY7" fmla="*/ 457060 h 974692"/>
                <a:gd name="connsiteX8" fmla="*/ 788574 w 1667899"/>
                <a:gd name="connsiteY8" fmla="*/ 537991 h 974692"/>
                <a:gd name="connsiteX9" fmla="*/ 579176 w 1667899"/>
                <a:gd name="connsiteY9" fmla="*/ 646841 h 974692"/>
                <a:gd name="connsiteX10" fmla="*/ 379562 w 1667899"/>
                <a:gd name="connsiteY10" fmla="*/ 776285 h 974692"/>
                <a:gd name="connsiteX11" fmla="*/ 0 w 1667899"/>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579176 w 1671451"/>
                <a:gd name="connsiteY9" fmla="*/ 646841 h 974692"/>
                <a:gd name="connsiteX10" fmla="*/ 379562 w 1671451"/>
                <a:gd name="connsiteY10" fmla="*/ 776285 h 974692"/>
                <a:gd name="connsiteX11" fmla="*/ 0 w 1671451"/>
                <a:gd name="connsiteY11"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379562 w 1671451"/>
                <a:gd name="connsiteY9" fmla="*/ 776285 h 974692"/>
                <a:gd name="connsiteX10" fmla="*/ 0 w 1671451"/>
                <a:gd name="connsiteY10" fmla="*/ 974692 h 974692"/>
                <a:gd name="connsiteX0" fmla="*/ 1671451 w 1671451"/>
                <a:gd name="connsiteY0" fmla="*/ 0 h 974692"/>
                <a:gd name="connsiteX1" fmla="*/ 1663645 w 1671451"/>
                <a:gd name="connsiteY1" fmla="*/ 63585 h 974692"/>
                <a:gd name="connsiteX2" fmla="*/ 1570239 w 1671451"/>
                <a:gd name="connsiteY2" fmla="*/ 120120 h 974692"/>
                <a:gd name="connsiteX3" fmla="*/ 1477621 w 1671451"/>
                <a:gd name="connsiteY3" fmla="*/ 158892 h 974692"/>
                <a:gd name="connsiteX4" fmla="*/ 1345721 w 1671451"/>
                <a:gd name="connsiteY4" fmla="*/ 250073 h 974692"/>
                <a:gd name="connsiteX5" fmla="*/ 1199072 w 1671451"/>
                <a:gd name="connsiteY5" fmla="*/ 275952 h 974692"/>
                <a:gd name="connsiteX6" fmla="*/ 1078302 w 1671451"/>
                <a:gd name="connsiteY6" fmla="*/ 379469 h 974692"/>
                <a:gd name="connsiteX7" fmla="*/ 925439 w 1671451"/>
                <a:gd name="connsiteY7" fmla="*/ 457060 h 974692"/>
                <a:gd name="connsiteX8" fmla="*/ 788574 w 1671451"/>
                <a:gd name="connsiteY8" fmla="*/ 537991 h 974692"/>
                <a:gd name="connsiteX9" fmla="*/ 0 w 1671451"/>
                <a:gd name="connsiteY9" fmla="*/ 974692 h 974692"/>
                <a:gd name="connsiteX0" fmla="*/ 882877 w 882877"/>
                <a:gd name="connsiteY0" fmla="*/ 0 h 537991"/>
                <a:gd name="connsiteX1" fmla="*/ 875071 w 882877"/>
                <a:gd name="connsiteY1" fmla="*/ 63585 h 537991"/>
                <a:gd name="connsiteX2" fmla="*/ 781665 w 882877"/>
                <a:gd name="connsiteY2" fmla="*/ 120120 h 537991"/>
                <a:gd name="connsiteX3" fmla="*/ 689047 w 882877"/>
                <a:gd name="connsiteY3" fmla="*/ 158892 h 537991"/>
                <a:gd name="connsiteX4" fmla="*/ 557147 w 882877"/>
                <a:gd name="connsiteY4" fmla="*/ 250073 h 537991"/>
                <a:gd name="connsiteX5" fmla="*/ 410498 w 882877"/>
                <a:gd name="connsiteY5" fmla="*/ 275952 h 537991"/>
                <a:gd name="connsiteX6" fmla="*/ 289728 w 882877"/>
                <a:gd name="connsiteY6" fmla="*/ 379469 h 537991"/>
                <a:gd name="connsiteX7" fmla="*/ 136865 w 882877"/>
                <a:gd name="connsiteY7" fmla="*/ 457060 h 537991"/>
                <a:gd name="connsiteX8" fmla="*/ 0 w 882877"/>
                <a:gd name="connsiteY8" fmla="*/ 537991 h 5379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82877" h="537991">
                  <a:moveTo>
                    <a:pt x="882877" y="0"/>
                  </a:moveTo>
                  <a:cubicBezTo>
                    <a:pt x="818906" y="14797"/>
                    <a:pt x="899436" y="1175"/>
                    <a:pt x="875071" y="63585"/>
                  </a:cubicBezTo>
                  <a:cubicBezTo>
                    <a:pt x="860732" y="77869"/>
                    <a:pt x="806524" y="104645"/>
                    <a:pt x="781665" y="120120"/>
                  </a:cubicBezTo>
                  <a:cubicBezTo>
                    <a:pt x="756806" y="135595"/>
                    <a:pt x="726467" y="137233"/>
                    <a:pt x="689047" y="158892"/>
                  </a:cubicBezTo>
                  <a:cubicBezTo>
                    <a:pt x="651627" y="180551"/>
                    <a:pt x="603572" y="230563"/>
                    <a:pt x="557147" y="250073"/>
                  </a:cubicBezTo>
                  <a:cubicBezTo>
                    <a:pt x="510722" y="269583"/>
                    <a:pt x="455068" y="254386"/>
                    <a:pt x="410498" y="275952"/>
                  </a:cubicBezTo>
                  <a:cubicBezTo>
                    <a:pt x="365928" y="297518"/>
                    <a:pt x="335334" y="349284"/>
                    <a:pt x="289728" y="379469"/>
                  </a:cubicBezTo>
                  <a:cubicBezTo>
                    <a:pt x="244122" y="409654"/>
                    <a:pt x="185153" y="430640"/>
                    <a:pt x="136865" y="457060"/>
                  </a:cubicBezTo>
                  <a:cubicBezTo>
                    <a:pt x="88577" y="483480"/>
                    <a:pt x="154240" y="451719"/>
                    <a:pt x="0" y="537991"/>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sp>
          <p:nvSpPr>
            <p:cNvPr id="14" name="Freeform 13"/>
            <p:cNvSpPr/>
            <p:nvPr/>
          </p:nvSpPr>
          <p:spPr>
            <a:xfrm>
              <a:off x="6071006" y="5003469"/>
              <a:ext cx="1992117" cy="468829"/>
            </a:xfrm>
            <a:custGeom>
              <a:avLst/>
              <a:gdLst>
                <a:gd name="connsiteX0" fmla="*/ 0 w 1692322"/>
                <a:gd name="connsiteY0" fmla="*/ 52316 h 466299"/>
                <a:gd name="connsiteX1" fmla="*/ 395785 w 1692322"/>
                <a:gd name="connsiteY1" fmla="*/ 38669 h 466299"/>
                <a:gd name="connsiteX2" fmla="*/ 757451 w 1692322"/>
                <a:gd name="connsiteY2" fmla="*/ 31845 h 466299"/>
                <a:gd name="connsiteX3" fmla="*/ 1084997 w 1692322"/>
                <a:gd name="connsiteY3" fmla="*/ 31845 h 466299"/>
                <a:gd name="connsiteX4" fmla="*/ 1235122 w 1692322"/>
                <a:gd name="connsiteY4" fmla="*/ 222913 h 466299"/>
                <a:gd name="connsiteX5" fmla="*/ 1282890 w 1692322"/>
                <a:gd name="connsiteY5" fmla="*/ 257033 h 466299"/>
                <a:gd name="connsiteX6" fmla="*/ 1371600 w 1692322"/>
                <a:gd name="connsiteY6" fmla="*/ 229737 h 466299"/>
                <a:gd name="connsiteX7" fmla="*/ 1514902 w 1692322"/>
                <a:gd name="connsiteY7" fmla="*/ 332096 h 466299"/>
                <a:gd name="connsiteX8" fmla="*/ 1617260 w 1692322"/>
                <a:gd name="connsiteY8" fmla="*/ 332096 h 466299"/>
                <a:gd name="connsiteX9" fmla="*/ 1678675 w 1692322"/>
                <a:gd name="connsiteY9" fmla="*/ 448102 h 466299"/>
                <a:gd name="connsiteX10" fmla="*/ 1692322 w 1692322"/>
                <a:gd name="connsiteY10" fmla="*/ 441278 h 466299"/>
                <a:gd name="connsiteX0" fmla="*/ 0 w 1692322"/>
                <a:gd name="connsiteY0" fmla="*/ 34881 h 439813"/>
                <a:gd name="connsiteX1" fmla="*/ 389620 w 1692322"/>
                <a:gd name="connsiteY1" fmla="*/ 7618 h 439813"/>
                <a:gd name="connsiteX2" fmla="*/ 757451 w 1692322"/>
                <a:gd name="connsiteY2" fmla="*/ 14410 h 439813"/>
                <a:gd name="connsiteX3" fmla="*/ 1084997 w 1692322"/>
                <a:gd name="connsiteY3" fmla="*/ 14410 h 439813"/>
                <a:gd name="connsiteX4" fmla="*/ 1235122 w 1692322"/>
                <a:gd name="connsiteY4" fmla="*/ 205478 h 439813"/>
                <a:gd name="connsiteX5" fmla="*/ 1282890 w 1692322"/>
                <a:gd name="connsiteY5" fmla="*/ 239598 h 439813"/>
                <a:gd name="connsiteX6" fmla="*/ 1371600 w 1692322"/>
                <a:gd name="connsiteY6" fmla="*/ 212302 h 439813"/>
                <a:gd name="connsiteX7" fmla="*/ 1514902 w 1692322"/>
                <a:gd name="connsiteY7" fmla="*/ 314661 h 439813"/>
                <a:gd name="connsiteX8" fmla="*/ 1617260 w 1692322"/>
                <a:gd name="connsiteY8" fmla="*/ 314661 h 439813"/>
                <a:gd name="connsiteX9" fmla="*/ 1678675 w 1692322"/>
                <a:gd name="connsiteY9" fmla="*/ 430667 h 439813"/>
                <a:gd name="connsiteX10" fmla="*/ 1692322 w 1692322"/>
                <a:gd name="connsiteY10" fmla="*/ 423843 h 439813"/>
                <a:gd name="connsiteX0" fmla="*/ 0 w 1652249"/>
                <a:gd name="connsiteY0" fmla="*/ 24669 h 439813"/>
                <a:gd name="connsiteX1" fmla="*/ 349547 w 1652249"/>
                <a:gd name="connsiteY1" fmla="*/ 7618 h 439813"/>
                <a:gd name="connsiteX2" fmla="*/ 717378 w 1652249"/>
                <a:gd name="connsiteY2" fmla="*/ 14410 h 439813"/>
                <a:gd name="connsiteX3" fmla="*/ 1044924 w 1652249"/>
                <a:gd name="connsiteY3" fmla="*/ 14410 h 439813"/>
                <a:gd name="connsiteX4" fmla="*/ 1195049 w 1652249"/>
                <a:gd name="connsiteY4" fmla="*/ 205478 h 439813"/>
                <a:gd name="connsiteX5" fmla="*/ 1242817 w 1652249"/>
                <a:gd name="connsiteY5" fmla="*/ 239598 h 439813"/>
                <a:gd name="connsiteX6" fmla="*/ 1331527 w 1652249"/>
                <a:gd name="connsiteY6" fmla="*/ 212302 h 439813"/>
                <a:gd name="connsiteX7" fmla="*/ 1474829 w 1652249"/>
                <a:gd name="connsiteY7" fmla="*/ 314661 h 439813"/>
                <a:gd name="connsiteX8" fmla="*/ 1577187 w 1652249"/>
                <a:gd name="connsiteY8" fmla="*/ 314661 h 439813"/>
                <a:gd name="connsiteX9" fmla="*/ 1638602 w 1652249"/>
                <a:gd name="connsiteY9" fmla="*/ 430667 h 439813"/>
                <a:gd name="connsiteX10" fmla="*/ 1652249 w 1652249"/>
                <a:gd name="connsiteY10" fmla="*/ 423843 h 439813"/>
                <a:gd name="connsiteX0" fmla="*/ 0 w 1692322"/>
                <a:gd name="connsiteY0" fmla="*/ 24669 h 439813"/>
                <a:gd name="connsiteX1" fmla="*/ 389620 w 1692322"/>
                <a:gd name="connsiteY1" fmla="*/ 7618 h 439813"/>
                <a:gd name="connsiteX2" fmla="*/ 757451 w 1692322"/>
                <a:gd name="connsiteY2" fmla="*/ 14410 h 439813"/>
                <a:gd name="connsiteX3" fmla="*/ 1084997 w 1692322"/>
                <a:gd name="connsiteY3" fmla="*/ 14410 h 439813"/>
                <a:gd name="connsiteX4" fmla="*/ 1235122 w 1692322"/>
                <a:gd name="connsiteY4" fmla="*/ 205478 h 439813"/>
                <a:gd name="connsiteX5" fmla="*/ 1282890 w 1692322"/>
                <a:gd name="connsiteY5" fmla="*/ 239598 h 439813"/>
                <a:gd name="connsiteX6" fmla="*/ 1371600 w 1692322"/>
                <a:gd name="connsiteY6" fmla="*/ 212302 h 439813"/>
                <a:gd name="connsiteX7" fmla="*/ 1514902 w 1692322"/>
                <a:gd name="connsiteY7" fmla="*/ 314661 h 439813"/>
                <a:gd name="connsiteX8" fmla="*/ 1617260 w 1692322"/>
                <a:gd name="connsiteY8" fmla="*/ 314661 h 439813"/>
                <a:gd name="connsiteX9" fmla="*/ 1678675 w 1692322"/>
                <a:gd name="connsiteY9" fmla="*/ 430667 h 439813"/>
                <a:gd name="connsiteX10" fmla="*/ 1692322 w 1692322"/>
                <a:gd name="connsiteY10" fmla="*/ 423843 h 4398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692322" h="439813">
                  <a:moveTo>
                    <a:pt x="0" y="24669"/>
                  </a:moveTo>
                  <a:lnTo>
                    <a:pt x="389620" y="7618"/>
                  </a:lnTo>
                  <a:cubicBezTo>
                    <a:pt x="510175" y="5343"/>
                    <a:pt x="636896" y="16685"/>
                    <a:pt x="757451" y="14410"/>
                  </a:cubicBezTo>
                  <a:cubicBezTo>
                    <a:pt x="872320" y="13273"/>
                    <a:pt x="1005385" y="-17435"/>
                    <a:pt x="1084997" y="14410"/>
                  </a:cubicBezTo>
                  <a:cubicBezTo>
                    <a:pt x="1164609" y="46255"/>
                    <a:pt x="1202140" y="167947"/>
                    <a:pt x="1235122" y="205478"/>
                  </a:cubicBezTo>
                  <a:cubicBezTo>
                    <a:pt x="1268104" y="243009"/>
                    <a:pt x="1260144" y="238461"/>
                    <a:pt x="1282890" y="239598"/>
                  </a:cubicBezTo>
                  <a:cubicBezTo>
                    <a:pt x="1305636" y="240735"/>
                    <a:pt x="1332931" y="199792"/>
                    <a:pt x="1371600" y="212302"/>
                  </a:cubicBezTo>
                  <a:cubicBezTo>
                    <a:pt x="1410269" y="224813"/>
                    <a:pt x="1473959" y="297601"/>
                    <a:pt x="1514902" y="314661"/>
                  </a:cubicBezTo>
                  <a:cubicBezTo>
                    <a:pt x="1555845" y="331721"/>
                    <a:pt x="1589965" y="295327"/>
                    <a:pt x="1617260" y="314661"/>
                  </a:cubicBezTo>
                  <a:cubicBezTo>
                    <a:pt x="1644556" y="333995"/>
                    <a:pt x="1666165" y="412470"/>
                    <a:pt x="1678675" y="430667"/>
                  </a:cubicBezTo>
                  <a:cubicBezTo>
                    <a:pt x="1691185" y="448864"/>
                    <a:pt x="1691753" y="436353"/>
                    <a:pt x="1692322" y="423843"/>
                  </a:cubicBezTo>
                </a:path>
              </a:pathLst>
            </a:custGeom>
            <a:ln w="5715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sp>
          <p:nvSpPr>
            <p:cNvPr id="15" name="Freeform 14"/>
            <p:cNvSpPr/>
            <p:nvPr/>
          </p:nvSpPr>
          <p:spPr>
            <a:xfrm>
              <a:off x="7004550" y="3822624"/>
              <a:ext cx="114061" cy="139269"/>
            </a:xfrm>
            <a:custGeom>
              <a:avLst/>
              <a:gdLst>
                <a:gd name="connsiteX0" fmla="*/ 641229 w 641229"/>
                <a:gd name="connsiteY0" fmla="*/ 51758 h 1595887"/>
                <a:gd name="connsiteX1" fmla="*/ 115018 w 641229"/>
                <a:gd name="connsiteY1" fmla="*/ 69011 h 1595887"/>
                <a:gd name="connsiteX2" fmla="*/ 54633 w 641229"/>
                <a:gd name="connsiteY2" fmla="*/ 465826 h 1595887"/>
                <a:gd name="connsiteX3" fmla="*/ 192656 w 641229"/>
                <a:gd name="connsiteY3" fmla="*/ 638354 h 1595887"/>
                <a:gd name="connsiteX4" fmla="*/ 218535 w 641229"/>
                <a:gd name="connsiteY4" fmla="*/ 810883 h 1595887"/>
                <a:gd name="connsiteX5" fmla="*/ 37380 w 641229"/>
                <a:gd name="connsiteY5" fmla="*/ 948905 h 1595887"/>
                <a:gd name="connsiteX6" fmla="*/ 20128 w 641229"/>
                <a:gd name="connsiteY6" fmla="*/ 1095554 h 1595887"/>
                <a:gd name="connsiteX7" fmla="*/ 158150 w 641229"/>
                <a:gd name="connsiteY7" fmla="*/ 1224951 h 1595887"/>
                <a:gd name="connsiteX8" fmla="*/ 115018 w 641229"/>
                <a:gd name="connsiteY8" fmla="*/ 1354347 h 1595887"/>
                <a:gd name="connsiteX9" fmla="*/ 175403 w 641229"/>
                <a:gd name="connsiteY9" fmla="*/ 1595887 h 1595887"/>
                <a:gd name="connsiteX0" fmla="*/ 633248 w 633248"/>
                <a:gd name="connsiteY0" fmla="*/ 27030 h 1571159"/>
                <a:gd name="connsiteX1" fmla="*/ 107037 w 633248"/>
                <a:gd name="connsiteY1" fmla="*/ 44283 h 1571159"/>
                <a:gd name="connsiteX2" fmla="*/ 46652 w 633248"/>
                <a:gd name="connsiteY2" fmla="*/ 441098 h 1571159"/>
                <a:gd name="connsiteX3" fmla="*/ 171728 w 633248"/>
                <a:gd name="connsiteY3" fmla="*/ 613626 h 1571159"/>
                <a:gd name="connsiteX4" fmla="*/ 210554 w 633248"/>
                <a:gd name="connsiteY4" fmla="*/ 786155 h 1571159"/>
                <a:gd name="connsiteX5" fmla="*/ 29399 w 633248"/>
                <a:gd name="connsiteY5" fmla="*/ 924177 h 1571159"/>
                <a:gd name="connsiteX6" fmla="*/ 12147 w 633248"/>
                <a:gd name="connsiteY6" fmla="*/ 1070826 h 1571159"/>
                <a:gd name="connsiteX7" fmla="*/ 150169 w 633248"/>
                <a:gd name="connsiteY7" fmla="*/ 1200223 h 1571159"/>
                <a:gd name="connsiteX8" fmla="*/ 107037 w 633248"/>
                <a:gd name="connsiteY8" fmla="*/ 1329619 h 1571159"/>
                <a:gd name="connsiteX9" fmla="*/ 167422 w 633248"/>
                <a:gd name="connsiteY9" fmla="*/ 1571159 h 1571159"/>
                <a:gd name="connsiteX0" fmla="*/ 633248 w 633248"/>
                <a:gd name="connsiteY0" fmla="*/ 27030 h 1571159"/>
                <a:gd name="connsiteX1" fmla="*/ 107037 w 633248"/>
                <a:gd name="connsiteY1" fmla="*/ 44283 h 1571159"/>
                <a:gd name="connsiteX2" fmla="*/ 46652 w 633248"/>
                <a:gd name="connsiteY2" fmla="*/ 441098 h 1571159"/>
                <a:gd name="connsiteX3" fmla="*/ 171728 w 633248"/>
                <a:gd name="connsiteY3" fmla="*/ 613626 h 1571159"/>
                <a:gd name="connsiteX4" fmla="*/ 192196 w 633248"/>
                <a:gd name="connsiteY4" fmla="*/ 763625 h 1571159"/>
                <a:gd name="connsiteX5" fmla="*/ 210554 w 633248"/>
                <a:gd name="connsiteY5" fmla="*/ 786155 h 1571159"/>
                <a:gd name="connsiteX6" fmla="*/ 29399 w 633248"/>
                <a:gd name="connsiteY6" fmla="*/ 924177 h 1571159"/>
                <a:gd name="connsiteX7" fmla="*/ 12147 w 633248"/>
                <a:gd name="connsiteY7" fmla="*/ 1070826 h 1571159"/>
                <a:gd name="connsiteX8" fmla="*/ 150169 w 633248"/>
                <a:gd name="connsiteY8" fmla="*/ 1200223 h 1571159"/>
                <a:gd name="connsiteX9" fmla="*/ 107037 w 633248"/>
                <a:gd name="connsiteY9" fmla="*/ 1329619 h 1571159"/>
                <a:gd name="connsiteX10" fmla="*/ 167422 w 633248"/>
                <a:gd name="connsiteY10" fmla="*/ 1571159 h 1571159"/>
                <a:gd name="connsiteX0" fmla="*/ 632401 w 632401"/>
                <a:gd name="connsiteY0" fmla="*/ 27030 h 1571159"/>
                <a:gd name="connsiteX1" fmla="*/ 106190 w 632401"/>
                <a:gd name="connsiteY1" fmla="*/ 44283 h 1571159"/>
                <a:gd name="connsiteX2" fmla="*/ 45805 w 632401"/>
                <a:gd name="connsiteY2" fmla="*/ 441098 h 1571159"/>
                <a:gd name="connsiteX3" fmla="*/ 170881 w 632401"/>
                <a:gd name="connsiteY3" fmla="*/ 613626 h 1571159"/>
                <a:gd name="connsiteX4" fmla="*/ 191349 w 632401"/>
                <a:gd name="connsiteY4" fmla="*/ 763625 h 1571159"/>
                <a:gd name="connsiteX5" fmla="*/ 28552 w 632401"/>
                <a:gd name="connsiteY5" fmla="*/ 924177 h 1571159"/>
                <a:gd name="connsiteX6" fmla="*/ 11300 w 632401"/>
                <a:gd name="connsiteY6" fmla="*/ 1070826 h 1571159"/>
                <a:gd name="connsiteX7" fmla="*/ 149322 w 632401"/>
                <a:gd name="connsiteY7" fmla="*/ 1200223 h 1571159"/>
                <a:gd name="connsiteX8" fmla="*/ 106190 w 632401"/>
                <a:gd name="connsiteY8" fmla="*/ 1329619 h 1571159"/>
                <a:gd name="connsiteX9" fmla="*/ 166575 w 632401"/>
                <a:gd name="connsiteY9" fmla="*/ 1571159 h 1571159"/>
                <a:gd name="connsiteX0" fmla="*/ 632401 w 632401"/>
                <a:gd name="connsiteY0" fmla="*/ 26475 h 1570604"/>
                <a:gd name="connsiteX1" fmla="*/ 320815 w 632401"/>
                <a:gd name="connsiteY1" fmla="*/ 8200 h 1570604"/>
                <a:gd name="connsiteX2" fmla="*/ 106190 w 632401"/>
                <a:gd name="connsiteY2" fmla="*/ 43728 h 1570604"/>
                <a:gd name="connsiteX3" fmla="*/ 45805 w 632401"/>
                <a:gd name="connsiteY3" fmla="*/ 440543 h 1570604"/>
                <a:gd name="connsiteX4" fmla="*/ 170881 w 632401"/>
                <a:gd name="connsiteY4" fmla="*/ 613071 h 1570604"/>
                <a:gd name="connsiteX5" fmla="*/ 191349 w 632401"/>
                <a:gd name="connsiteY5" fmla="*/ 763070 h 1570604"/>
                <a:gd name="connsiteX6" fmla="*/ 28552 w 632401"/>
                <a:gd name="connsiteY6" fmla="*/ 923622 h 1570604"/>
                <a:gd name="connsiteX7" fmla="*/ 11300 w 632401"/>
                <a:gd name="connsiteY7" fmla="*/ 1070271 h 1570604"/>
                <a:gd name="connsiteX8" fmla="*/ 149322 w 632401"/>
                <a:gd name="connsiteY8" fmla="*/ 1199668 h 1570604"/>
                <a:gd name="connsiteX9" fmla="*/ 106190 w 632401"/>
                <a:gd name="connsiteY9" fmla="*/ 1329064 h 1570604"/>
                <a:gd name="connsiteX10" fmla="*/ 166575 w 632401"/>
                <a:gd name="connsiteY10" fmla="*/ 1570604 h 1570604"/>
                <a:gd name="connsiteX0" fmla="*/ 632401 w 632401"/>
                <a:gd name="connsiteY0" fmla="*/ 29847 h 1573976"/>
                <a:gd name="connsiteX1" fmla="*/ 320815 w 632401"/>
                <a:gd name="connsiteY1" fmla="*/ 11572 h 1573976"/>
                <a:gd name="connsiteX2" fmla="*/ 106190 w 632401"/>
                <a:gd name="connsiteY2" fmla="*/ 47100 h 1573976"/>
                <a:gd name="connsiteX3" fmla="*/ 45805 w 632401"/>
                <a:gd name="connsiteY3" fmla="*/ 443915 h 1573976"/>
                <a:gd name="connsiteX4" fmla="*/ 170881 w 632401"/>
                <a:gd name="connsiteY4" fmla="*/ 616443 h 1573976"/>
                <a:gd name="connsiteX5" fmla="*/ 191349 w 632401"/>
                <a:gd name="connsiteY5" fmla="*/ 766442 h 1573976"/>
                <a:gd name="connsiteX6" fmla="*/ 28552 w 632401"/>
                <a:gd name="connsiteY6" fmla="*/ 926994 h 1573976"/>
                <a:gd name="connsiteX7" fmla="*/ 11300 w 632401"/>
                <a:gd name="connsiteY7" fmla="*/ 1073643 h 1573976"/>
                <a:gd name="connsiteX8" fmla="*/ 149322 w 632401"/>
                <a:gd name="connsiteY8" fmla="*/ 1203040 h 1573976"/>
                <a:gd name="connsiteX9" fmla="*/ 106190 w 632401"/>
                <a:gd name="connsiteY9" fmla="*/ 1332436 h 1573976"/>
                <a:gd name="connsiteX10" fmla="*/ 166575 w 632401"/>
                <a:gd name="connsiteY10" fmla="*/ 1573976 h 1573976"/>
                <a:gd name="connsiteX0" fmla="*/ 632401 w 632401"/>
                <a:gd name="connsiteY0" fmla="*/ 24315 h 1568444"/>
                <a:gd name="connsiteX1" fmla="*/ 320815 w 632401"/>
                <a:gd name="connsiteY1" fmla="*/ 6040 h 1568444"/>
                <a:gd name="connsiteX2" fmla="*/ 106190 w 632401"/>
                <a:gd name="connsiteY2" fmla="*/ 41568 h 1568444"/>
                <a:gd name="connsiteX3" fmla="*/ 45805 w 632401"/>
                <a:gd name="connsiteY3" fmla="*/ 438383 h 1568444"/>
                <a:gd name="connsiteX4" fmla="*/ 170881 w 632401"/>
                <a:gd name="connsiteY4" fmla="*/ 610911 h 1568444"/>
                <a:gd name="connsiteX5" fmla="*/ 191349 w 632401"/>
                <a:gd name="connsiteY5" fmla="*/ 760910 h 1568444"/>
                <a:gd name="connsiteX6" fmla="*/ 28552 w 632401"/>
                <a:gd name="connsiteY6" fmla="*/ 921462 h 1568444"/>
                <a:gd name="connsiteX7" fmla="*/ 11300 w 632401"/>
                <a:gd name="connsiteY7" fmla="*/ 1068111 h 1568444"/>
                <a:gd name="connsiteX8" fmla="*/ 149322 w 632401"/>
                <a:gd name="connsiteY8" fmla="*/ 1197508 h 1568444"/>
                <a:gd name="connsiteX9" fmla="*/ 106190 w 632401"/>
                <a:gd name="connsiteY9" fmla="*/ 1326904 h 1568444"/>
                <a:gd name="connsiteX10" fmla="*/ 166575 w 632401"/>
                <a:gd name="connsiteY10" fmla="*/ 1568444 h 1568444"/>
                <a:gd name="connsiteX0" fmla="*/ 632401 w 632401"/>
                <a:gd name="connsiteY0" fmla="*/ 18607 h 1562736"/>
                <a:gd name="connsiteX1" fmla="*/ 320815 w 632401"/>
                <a:gd name="connsiteY1" fmla="*/ 332 h 1562736"/>
                <a:gd name="connsiteX2" fmla="*/ 106190 w 632401"/>
                <a:gd name="connsiteY2" fmla="*/ 35860 h 1562736"/>
                <a:gd name="connsiteX3" fmla="*/ 45805 w 632401"/>
                <a:gd name="connsiteY3" fmla="*/ 432675 h 1562736"/>
                <a:gd name="connsiteX4" fmla="*/ 170881 w 632401"/>
                <a:gd name="connsiteY4" fmla="*/ 605203 h 1562736"/>
                <a:gd name="connsiteX5" fmla="*/ 191349 w 632401"/>
                <a:gd name="connsiteY5" fmla="*/ 755202 h 1562736"/>
                <a:gd name="connsiteX6" fmla="*/ 28552 w 632401"/>
                <a:gd name="connsiteY6" fmla="*/ 915754 h 1562736"/>
                <a:gd name="connsiteX7" fmla="*/ 11300 w 632401"/>
                <a:gd name="connsiteY7" fmla="*/ 1062403 h 1562736"/>
                <a:gd name="connsiteX8" fmla="*/ 149322 w 632401"/>
                <a:gd name="connsiteY8" fmla="*/ 1191800 h 1562736"/>
                <a:gd name="connsiteX9" fmla="*/ 106190 w 632401"/>
                <a:gd name="connsiteY9" fmla="*/ 1321196 h 1562736"/>
                <a:gd name="connsiteX10" fmla="*/ 166575 w 632401"/>
                <a:gd name="connsiteY10" fmla="*/ 1562736 h 1562736"/>
                <a:gd name="connsiteX0" fmla="*/ 1435085 w 1435085"/>
                <a:gd name="connsiteY0" fmla="*/ 86900 h 1562404"/>
                <a:gd name="connsiteX1" fmla="*/ 320815 w 1435085"/>
                <a:gd name="connsiteY1" fmla="*/ 0 h 1562404"/>
                <a:gd name="connsiteX2" fmla="*/ 106190 w 1435085"/>
                <a:gd name="connsiteY2" fmla="*/ 35528 h 1562404"/>
                <a:gd name="connsiteX3" fmla="*/ 45805 w 1435085"/>
                <a:gd name="connsiteY3" fmla="*/ 432343 h 1562404"/>
                <a:gd name="connsiteX4" fmla="*/ 170881 w 1435085"/>
                <a:gd name="connsiteY4" fmla="*/ 604871 h 1562404"/>
                <a:gd name="connsiteX5" fmla="*/ 191349 w 1435085"/>
                <a:gd name="connsiteY5" fmla="*/ 754870 h 1562404"/>
                <a:gd name="connsiteX6" fmla="*/ 28552 w 1435085"/>
                <a:gd name="connsiteY6" fmla="*/ 915422 h 1562404"/>
                <a:gd name="connsiteX7" fmla="*/ 11300 w 1435085"/>
                <a:gd name="connsiteY7" fmla="*/ 1062071 h 1562404"/>
                <a:gd name="connsiteX8" fmla="*/ 149322 w 1435085"/>
                <a:gd name="connsiteY8" fmla="*/ 1191468 h 1562404"/>
                <a:gd name="connsiteX9" fmla="*/ 106190 w 1435085"/>
                <a:gd name="connsiteY9" fmla="*/ 1320864 h 1562404"/>
                <a:gd name="connsiteX10" fmla="*/ 166575 w 1435085"/>
                <a:gd name="connsiteY10" fmla="*/ 1562404 h 1562404"/>
                <a:gd name="connsiteX0" fmla="*/ 1435085 w 1435085"/>
                <a:gd name="connsiteY0" fmla="*/ 86900 h 1562404"/>
                <a:gd name="connsiteX1" fmla="*/ 1084659 w 1435085"/>
                <a:gd name="connsiteY1" fmla="*/ 25734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4659 w 1435085"/>
                <a:gd name="connsiteY1" fmla="*/ 25734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35085 w 1435085"/>
                <a:gd name="connsiteY0" fmla="*/ 86900 h 1562404"/>
                <a:gd name="connsiteX1" fmla="*/ 1089838 w 1435085"/>
                <a:gd name="connsiteY1" fmla="*/ 42890 h 1562404"/>
                <a:gd name="connsiteX2" fmla="*/ 320815 w 1435085"/>
                <a:gd name="connsiteY2" fmla="*/ 0 h 1562404"/>
                <a:gd name="connsiteX3" fmla="*/ 106190 w 1435085"/>
                <a:gd name="connsiteY3" fmla="*/ 35528 h 1562404"/>
                <a:gd name="connsiteX4" fmla="*/ 45805 w 1435085"/>
                <a:gd name="connsiteY4" fmla="*/ 432343 h 1562404"/>
                <a:gd name="connsiteX5" fmla="*/ 170881 w 1435085"/>
                <a:gd name="connsiteY5" fmla="*/ 604871 h 1562404"/>
                <a:gd name="connsiteX6" fmla="*/ 191349 w 1435085"/>
                <a:gd name="connsiteY6" fmla="*/ 754870 h 1562404"/>
                <a:gd name="connsiteX7" fmla="*/ 28552 w 1435085"/>
                <a:gd name="connsiteY7" fmla="*/ 915422 h 1562404"/>
                <a:gd name="connsiteX8" fmla="*/ 11300 w 1435085"/>
                <a:gd name="connsiteY8" fmla="*/ 1062071 h 1562404"/>
                <a:gd name="connsiteX9" fmla="*/ 149322 w 1435085"/>
                <a:gd name="connsiteY9" fmla="*/ 1191468 h 1562404"/>
                <a:gd name="connsiteX10" fmla="*/ 106190 w 1435085"/>
                <a:gd name="connsiteY10" fmla="*/ 1320864 h 1562404"/>
                <a:gd name="connsiteX11" fmla="*/ 166575 w 1435085"/>
                <a:gd name="connsiteY11" fmla="*/ 1562404 h 1562404"/>
                <a:gd name="connsiteX0" fmla="*/ 1484282 w 1484282"/>
                <a:gd name="connsiteY0" fmla="*/ 141228 h 1562404"/>
                <a:gd name="connsiteX1" fmla="*/ 1089838 w 1484282"/>
                <a:gd name="connsiteY1" fmla="*/ 42890 h 1562404"/>
                <a:gd name="connsiteX2" fmla="*/ 320815 w 1484282"/>
                <a:gd name="connsiteY2" fmla="*/ 0 h 1562404"/>
                <a:gd name="connsiteX3" fmla="*/ 106190 w 1484282"/>
                <a:gd name="connsiteY3" fmla="*/ 35528 h 1562404"/>
                <a:gd name="connsiteX4" fmla="*/ 45805 w 1484282"/>
                <a:gd name="connsiteY4" fmla="*/ 432343 h 1562404"/>
                <a:gd name="connsiteX5" fmla="*/ 170881 w 1484282"/>
                <a:gd name="connsiteY5" fmla="*/ 604871 h 1562404"/>
                <a:gd name="connsiteX6" fmla="*/ 191349 w 1484282"/>
                <a:gd name="connsiteY6" fmla="*/ 754870 h 1562404"/>
                <a:gd name="connsiteX7" fmla="*/ 28552 w 1484282"/>
                <a:gd name="connsiteY7" fmla="*/ 915422 h 1562404"/>
                <a:gd name="connsiteX8" fmla="*/ 11300 w 1484282"/>
                <a:gd name="connsiteY8" fmla="*/ 1062071 h 1562404"/>
                <a:gd name="connsiteX9" fmla="*/ 149322 w 1484282"/>
                <a:gd name="connsiteY9" fmla="*/ 1191468 h 1562404"/>
                <a:gd name="connsiteX10" fmla="*/ 106190 w 1484282"/>
                <a:gd name="connsiteY10" fmla="*/ 1320864 h 1562404"/>
                <a:gd name="connsiteX11" fmla="*/ 166575 w 1484282"/>
                <a:gd name="connsiteY11" fmla="*/ 1562404 h 1562404"/>
                <a:gd name="connsiteX0" fmla="*/ 1484282 w 1484282"/>
                <a:gd name="connsiteY0" fmla="*/ 141228 h 1562404"/>
                <a:gd name="connsiteX1" fmla="*/ 1089838 w 1484282"/>
                <a:gd name="connsiteY1" fmla="*/ 42890 h 1562404"/>
                <a:gd name="connsiteX2" fmla="*/ 320815 w 1484282"/>
                <a:gd name="connsiteY2" fmla="*/ 0 h 1562404"/>
                <a:gd name="connsiteX3" fmla="*/ 106190 w 1484282"/>
                <a:gd name="connsiteY3" fmla="*/ 35528 h 1562404"/>
                <a:gd name="connsiteX4" fmla="*/ 45805 w 1484282"/>
                <a:gd name="connsiteY4" fmla="*/ 432343 h 1562404"/>
                <a:gd name="connsiteX5" fmla="*/ 170881 w 1484282"/>
                <a:gd name="connsiteY5" fmla="*/ 604871 h 1562404"/>
                <a:gd name="connsiteX6" fmla="*/ 191349 w 1484282"/>
                <a:gd name="connsiteY6" fmla="*/ 754870 h 1562404"/>
                <a:gd name="connsiteX7" fmla="*/ 28552 w 1484282"/>
                <a:gd name="connsiteY7" fmla="*/ 915422 h 1562404"/>
                <a:gd name="connsiteX8" fmla="*/ 11300 w 1484282"/>
                <a:gd name="connsiteY8" fmla="*/ 1062071 h 1562404"/>
                <a:gd name="connsiteX9" fmla="*/ 149322 w 1484282"/>
                <a:gd name="connsiteY9" fmla="*/ 1191468 h 1562404"/>
                <a:gd name="connsiteX10" fmla="*/ 106190 w 1484282"/>
                <a:gd name="connsiteY10" fmla="*/ 1320864 h 1562404"/>
                <a:gd name="connsiteX11" fmla="*/ 166575 w 1484282"/>
                <a:gd name="connsiteY11" fmla="*/ 1562404 h 1562404"/>
                <a:gd name="connsiteX0" fmla="*/ 1481693 w 1481693"/>
                <a:gd name="connsiteY0" fmla="*/ 195555 h 1562404"/>
                <a:gd name="connsiteX1" fmla="*/ 1089838 w 1481693"/>
                <a:gd name="connsiteY1" fmla="*/ 42890 h 1562404"/>
                <a:gd name="connsiteX2" fmla="*/ 320815 w 1481693"/>
                <a:gd name="connsiteY2" fmla="*/ 0 h 1562404"/>
                <a:gd name="connsiteX3" fmla="*/ 106190 w 1481693"/>
                <a:gd name="connsiteY3" fmla="*/ 35528 h 1562404"/>
                <a:gd name="connsiteX4" fmla="*/ 45805 w 1481693"/>
                <a:gd name="connsiteY4" fmla="*/ 432343 h 1562404"/>
                <a:gd name="connsiteX5" fmla="*/ 170881 w 1481693"/>
                <a:gd name="connsiteY5" fmla="*/ 604871 h 1562404"/>
                <a:gd name="connsiteX6" fmla="*/ 191349 w 1481693"/>
                <a:gd name="connsiteY6" fmla="*/ 754870 h 1562404"/>
                <a:gd name="connsiteX7" fmla="*/ 28552 w 1481693"/>
                <a:gd name="connsiteY7" fmla="*/ 915422 h 1562404"/>
                <a:gd name="connsiteX8" fmla="*/ 11300 w 1481693"/>
                <a:gd name="connsiteY8" fmla="*/ 1062071 h 1562404"/>
                <a:gd name="connsiteX9" fmla="*/ 149322 w 1481693"/>
                <a:gd name="connsiteY9" fmla="*/ 1191468 h 1562404"/>
                <a:gd name="connsiteX10" fmla="*/ 106190 w 1481693"/>
                <a:gd name="connsiteY10" fmla="*/ 1320864 h 1562404"/>
                <a:gd name="connsiteX11" fmla="*/ 166575 w 1481693"/>
                <a:gd name="connsiteY11" fmla="*/ 1562404 h 1562404"/>
                <a:gd name="connsiteX0" fmla="*/ 1481693 w 1481693"/>
                <a:gd name="connsiteY0" fmla="*/ 195555 h 1562404"/>
                <a:gd name="connsiteX1" fmla="*/ 1392787 w 1481693"/>
                <a:gd name="connsiteY1" fmla="*/ 74343 h 1562404"/>
                <a:gd name="connsiteX2" fmla="*/ 1089838 w 1481693"/>
                <a:gd name="connsiteY2" fmla="*/ 42890 h 1562404"/>
                <a:gd name="connsiteX3" fmla="*/ 320815 w 1481693"/>
                <a:gd name="connsiteY3" fmla="*/ 0 h 1562404"/>
                <a:gd name="connsiteX4" fmla="*/ 106190 w 1481693"/>
                <a:gd name="connsiteY4" fmla="*/ 35528 h 1562404"/>
                <a:gd name="connsiteX5" fmla="*/ 45805 w 1481693"/>
                <a:gd name="connsiteY5" fmla="*/ 432343 h 1562404"/>
                <a:gd name="connsiteX6" fmla="*/ 170881 w 1481693"/>
                <a:gd name="connsiteY6" fmla="*/ 604871 h 1562404"/>
                <a:gd name="connsiteX7" fmla="*/ 191349 w 1481693"/>
                <a:gd name="connsiteY7" fmla="*/ 754870 h 1562404"/>
                <a:gd name="connsiteX8" fmla="*/ 28552 w 1481693"/>
                <a:gd name="connsiteY8" fmla="*/ 915422 h 1562404"/>
                <a:gd name="connsiteX9" fmla="*/ 11300 w 1481693"/>
                <a:gd name="connsiteY9" fmla="*/ 1062071 h 1562404"/>
                <a:gd name="connsiteX10" fmla="*/ 149322 w 1481693"/>
                <a:gd name="connsiteY10" fmla="*/ 1191468 h 1562404"/>
                <a:gd name="connsiteX11" fmla="*/ 106190 w 1481693"/>
                <a:gd name="connsiteY11" fmla="*/ 1320864 h 1562404"/>
                <a:gd name="connsiteX12" fmla="*/ 166575 w 1481693"/>
                <a:gd name="connsiteY12" fmla="*/ 1562404 h 1562404"/>
                <a:gd name="connsiteX0" fmla="*/ 1706962 w 1706962"/>
                <a:gd name="connsiteY0" fmla="*/ 298492 h 1562404"/>
                <a:gd name="connsiteX1" fmla="*/ 1392787 w 1706962"/>
                <a:gd name="connsiteY1" fmla="*/ 74343 h 1562404"/>
                <a:gd name="connsiteX2" fmla="*/ 1089838 w 1706962"/>
                <a:gd name="connsiteY2" fmla="*/ 42890 h 1562404"/>
                <a:gd name="connsiteX3" fmla="*/ 320815 w 1706962"/>
                <a:gd name="connsiteY3" fmla="*/ 0 h 1562404"/>
                <a:gd name="connsiteX4" fmla="*/ 106190 w 1706962"/>
                <a:gd name="connsiteY4" fmla="*/ 35528 h 1562404"/>
                <a:gd name="connsiteX5" fmla="*/ 45805 w 1706962"/>
                <a:gd name="connsiteY5" fmla="*/ 432343 h 1562404"/>
                <a:gd name="connsiteX6" fmla="*/ 170881 w 1706962"/>
                <a:gd name="connsiteY6" fmla="*/ 604871 h 1562404"/>
                <a:gd name="connsiteX7" fmla="*/ 191349 w 1706962"/>
                <a:gd name="connsiteY7" fmla="*/ 754870 h 1562404"/>
                <a:gd name="connsiteX8" fmla="*/ 28552 w 1706962"/>
                <a:gd name="connsiteY8" fmla="*/ 915422 h 1562404"/>
                <a:gd name="connsiteX9" fmla="*/ 11300 w 1706962"/>
                <a:gd name="connsiteY9" fmla="*/ 1062071 h 1562404"/>
                <a:gd name="connsiteX10" fmla="*/ 149322 w 1706962"/>
                <a:gd name="connsiteY10" fmla="*/ 1191468 h 1562404"/>
                <a:gd name="connsiteX11" fmla="*/ 106190 w 1706962"/>
                <a:gd name="connsiteY11" fmla="*/ 1320864 h 1562404"/>
                <a:gd name="connsiteX12" fmla="*/ 166575 w 1706962"/>
                <a:gd name="connsiteY12" fmla="*/ 1562404 h 1562404"/>
                <a:gd name="connsiteX0" fmla="*/ 1706962 w 1706962"/>
                <a:gd name="connsiteY0" fmla="*/ 298492 h 1562404"/>
                <a:gd name="connsiteX1" fmla="*/ 1501537 w 1706962"/>
                <a:gd name="connsiteY1" fmla="*/ 217311 h 1562404"/>
                <a:gd name="connsiteX2" fmla="*/ 1392787 w 1706962"/>
                <a:gd name="connsiteY2" fmla="*/ 74343 h 1562404"/>
                <a:gd name="connsiteX3" fmla="*/ 1089838 w 1706962"/>
                <a:gd name="connsiteY3" fmla="*/ 42890 h 1562404"/>
                <a:gd name="connsiteX4" fmla="*/ 320815 w 1706962"/>
                <a:gd name="connsiteY4" fmla="*/ 0 h 1562404"/>
                <a:gd name="connsiteX5" fmla="*/ 106190 w 1706962"/>
                <a:gd name="connsiteY5" fmla="*/ 35528 h 1562404"/>
                <a:gd name="connsiteX6" fmla="*/ 45805 w 1706962"/>
                <a:gd name="connsiteY6" fmla="*/ 432343 h 1562404"/>
                <a:gd name="connsiteX7" fmla="*/ 170881 w 1706962"/>
                <a:gd name="connsiteY7" fmla="*/ 604871 h 1562404"/>
                <a:gd name="connsiteX8" fmla="*/ 191349 w 1706962"/>
                <a:gd name="connsiteY8" fmla="*/ 754870 h 1562404"/>
                <a:gd name="connsiteX9" fmla="*/ 28552 w 1706962"/>
                <a:gd name="connsiteY9" fmla="*/ 915422 h 1562404"/>
                <a:gd name="connsiteX10" fmla="*/ 11300 w 1706962"/>
                <a:gd name="connsiteY10" fmla="*/ 1062071 h 1562404"/>
                <a:gd name="connsiteX11" fmla="*/ 149322 w 1706962"/>
                <a:gd name="connsiteY11" fmla="*/ 1191468 h 1562404"/>
                <a:gd name="connsiteX12" fmla="*/ 106190 w 1706962"/>
                <a:gd name="connsiteY12" fmla="*/ 1320864 h 1562404"/>
                <a:gd name="connsiteX13" fmla="*/ 166575 w 1706962"/>
                <a:gd name="connsiteY13" fmla="*/ 1562404 h 1562404"/>
                <a:gd name="connsiteX0" fmla="*/ 1885624 w 1885624"/>
                <a:gd name="connsiteY0" fmla="*/ 407148 h 1562404"/>
                <a:gd name="connsiteX1" fmla="*/ 1501537 w 1885624"/>
                <a:gd name="connsiteY1" fmla="*/ 217311 h 1562404"/>
                <a:gd name="connsiteX2" fmla="*/ 1392787 w 1885624"/>
                <a:gd name="connsiteY2" fmla="*/ 74343 h 1562404"/>
                <a:gd name="connsiteX3" fmla="*/ 1089838 w 1885624"/>
                <a:gd name="connsiteY3" fmla="*/ 42890 h 1562404"/>
                <a:gd name="connsiteX4" fmla="*/ 320815 w 1885624"/>
                <a:gd name="connsiteY4" fmla="*/ 0 h 1562404"/>
                <a:gd name="connsiteX5" fmla="*/ 106190 w 1885624"/>
                <a:gd name="connsiteY5" fmla="*/ 35528 h 1562404"/>
                <a:gd name="connsiteX6" fmla="*/ 45805 w 1885624"/>
                <a:gd name="connsiteY6" fmla="*/ 432343 h 1562404"/>
                <a:gd name="connsiteX7" fmla="*/ 170881 w 1885624"/>
                <a:gd name="connsiteY7" fmla="*/ 604871 h 1562404"/>
                <a:gd name="connsiteX8" fmla="*/ 191349 w 1885624"/>
                <a:gd name="connsiteY8" fmla="*/ 754870 h 1562404"/>
                <a:gd name="connsiteX9" fmla="*/ 28552 w 1885624"/>
                <a:gd name="connsiteY9" fmla="*/ 915422 h 1562404"/>
                <a:gd name="connsiteX10" fmla="*/ 11300 w 1885624"/>
                <a:gd name="connsiteY10" fmla="*/ 1062071 h 1562404"/>
                <a:gd name="connsiteX11" fmla="*/ 149322 w 1885624"/>
                <a:gd name="connsiteY11" fmla="*/ 1191468 h 1562404"/>
                <a:gd name="connsiteX12" fmla="*/ 106190 w 1885624"/>
                <a:gd name="connsiteY12" fmla="*/ 1320864 h 1562404"/>
                <a:gd name="connsiteX13" fmla="*/ 166575 w 1885624"/>
                <a:gd name="connsiteY13" fmla="*/ 1562404 h 1562404"/>
                <a:gd name="connsiteX0" fmla="*/ 1501537 w 1501537"/>
                <a:gd name="connsiteY0" fmla="*/ 217311 h 1562404"/>
                <a:gd name="connsiteX1" fmla="*/ 1392787 w 1501537"/>
                <a:gd name="connsiteY1" fmla="*/ 74343 h 1562404"/>
                <a:gd name="connsiteX2" fmla="*/ 1089838 w 1501537"/>
                <a:gd name="connsiteY2" fmla="*/ 42890 h 1562404"/>
                <a:gd name="connsiteX3" fmla="*/ 320815 w 1501537"/>
                <a:gd name="connsiteY3" fmla="*/ 0 h 1562404"/>
                <a:gd name="connsiteX4" fmla="*/ 106190 w 1501537"/>
                <a:gd name="connsiteY4" fmla="*/ 35528 h 1562404"/>
                <a:gd name="connsiteX5" fmla="*/ 45805 w 1501537"/>
                <a:gd name="connsiteY5" fmla="*/ 432343 h 1562404"/>
                <a:gd name="connsiteX6" fmla="*/ 170881 w 1501537"/>
                <a:gd name="connsiteY6" fmla="*/ 604871 h 1562404"/>
                <a:gd name="connsiteX7" fmla="*/ 191349 w 1501537"/>
                <a:gd name="connsiteY7" fmla="*/ 754870 h 1562404"/>
                <a:gd name="connsiteX8" fmla="*/ 28552 w 1501537"/>
                <a:gd name="connsiteY8" fmla="*/ 915422 h 1562404"/>
                <a:gd name="connsiteX9" fmla="*/ 11300 w 1501537"/>
                <a:gd name="connsiteY9" fmla="*/ 1062071 h 1562404"/>
                <a:gd name="connsiteX10" fmla="*/ 149322 w 1501537"/>
                <a:gd name="connsiteY10" fmla="*/ 1191468 h 1562404"/>
                <a:gd name="connsiteX11" fmla="*/ 106190 w 1501537"/>
                <a:gd name="connsiteY11" fmla="*/ 1320864 h 1562404"/>
                <a:gd name="connsiteX12" fmla="*/ 166575 w 1501537"/>
                <a:gd name="connsiteY12" fmla="*/ 1562404 h 1562404"/>
                <a:gd name="connsiteX0" fmla="*/ 1392787 w 1392787"/>
                <a:gd name="connsiteY0" fmla="*/ 74343 h 1562404"/>
                <a:gd name="connsiteX1" fmla="*/ 1089838 w 1392787"/>
                <a:gd name="connsiteY1" fmla="*/ 42890 h 1562404"/>
                <a:gd name="connsiteX2" fmla="*/ 320815 w 1392787"/>
                <a:gd name="connsiteY2" fmla="*/ 0 h 1562404"/>
                <a:gd name="connsiteX3" fmla="*/ 106190 w 1392787"/>
                <a:gd name="connsiteY3" fmla="*/ 35528 h 1562404"/>
                <a:gd name="connsiteX4" fmla="*/ 45805 w 1392787"/>
                <a:gd name="connsiteY4" fmla="*/ 432343 h 1562404"/>
                <a:gd name="connsiteX5" fmla="*/ 170881 w 1392787"/>
                <a:gd name="connsiteY5" fmla="*/ 604871 h 1562404"/>
                <a:gd name="connsiteX6" fmla="*/ 191349 w 1392787"/>
                <a:gd name="connsiteY6" fmla="*/ 754870 h 1562404"/>
                <a:gd name="connsiteX7" fmla="*/ 28552 w 1392787"/>
                <a:gd name="connsiteY7" fmla="*/ 915422 h 1562404"/>
                <a:gd name="connsiteX8" fmla="*/ 11300 w 1392787"/>
                <a:gd name="connsiteY8" fmla="*/ 1062071 h 1562404"/>
                <a:gd name="connsiteX9" fmla="*/ 149322 w 1392787"/>
                <a:gd name="connsiteY9" fmla="*/ 1191468 h 1562404"/>
                <a:gd name="connsiteX10" fmla="*/ 106190 w 1392787"/>
                <a:gd name="connsiteY10" fmla="*/ 1320864 h 1562404"/>
                <a:gd name="connsiteX11" fmla="*/ 166575 w 1392787"/>
                <a:gd name="connsiteY11" fmla="*/ 1562404 h 1562404"/>
                <a:gd name="connsiteX0" fmla="*/ 1089838 w 1089838"/>
                <a:gd name="connsiteY0" fmla="*/ 42890 h 1562404"/>
                <a:gd name="connsiteX1" fmla="*/ 320815 w 1089838"/>
                <a:gd name="connsiteY1" fmla="*/ 0 h 1562404"/>
                <a:gd name="connsiteX2" fmla="*/ 106190 w 1089838"/>
                <a:gd name="connsiteY2" fmla="*/ 35528 h 1562404"/>
                <a:gd name="connsiteX3" fmla="*/ 45805 w 1089838"/>
                <a:gd name="connsiteY3" fmla="*/ 432343 h 1562404"/>
                <a:gd name="connsiteX4" fmla="*/ 170881 w 1089838"/>
                <a:gd name="connsiteY4" fmla="*/ 604871 h 1562404"/>
                <a:gd name="connsiteX5" fmla="*/ 191349 w 1089838"/>
                <a:gd name="connsiteY5" fmla="*/ 754870 h 1562404"/>
                <a:gd name="connsiteX6" fmla="*/ 28552 w 1089838"/>
                <a:gd name="connsiteY6" fmla="*/ 915422 h 1562404"/>
                <a:gd name="connsiteX7" fmla="*/ 11300 w 1089838"/>
                <a:gd name="connsiteY7" fmla="*/ 1062071 h 1562404"/>
                <a:gd name="connsiteX8" fmla="*/ 149322 w 1089838"/>
                <a:gd name="connsiteY8" fmla="*/ 1191468 h 1562404"/>
                <a:gd name="connsiteX9" fmla="*/ 106190 w 1089838"/>
                <a:gd name="connsiteY9" fmla="*/ 1320864 h 1562404"/>
                <a:gd name="connsiteX10" fmla="*/ 166575 w 1089838"/>
                <a:gd name="connsiteY10" fmla="*/ 1562404 h 1562404"/>
                <a:gd name="connsiteX0" fmla="*/ 786617 w 786617"/>
                <a:gd name="connsiteY0" fmla="*/ 24078 h 1562404"/>
                <a:gd name="connsiteX1" fmla="*/ 320815 w 786617"/>
                <a:gd name="connsiteY1" fmla="*/ 0 h 1562404"/>
                <a:gd name="connsiteX2" fmla="*/ 106190 w 786617"/>
                <a:gd name="connsiteY2" fmla="*/ 35528 h 1562404"/>
                <a:gd name="connsiteX3" fmla="*/ 45805 w 786617"/>
                <a:gd name="connsiteY3" fmla="*/ 432343 h 1562404"/>
                <a:gd name="connsiteX4" fmla="*/ 170881 w 786617"/>
                <a:gd name="connsiteY4" fmla="*/ 604871 h 1562404"/>
                <a:gd name="connsiteX5" fmla="*/ 191349 w 786617"/>
                <a:gd name="connsiteY5" fmla="*/ 754870 h 1562404"/>
                <a:gd name="connsiteX6" fmla="*/ 28552 w 786617"/>
                <a:gd name="connsiteY6" fmla="*/ 915422 h 1562404"/>
                <a:gd name="connsiteX7" fmla="*/ 11300 w 786617"/>
                <a:gd name="connsiteY7" fmla="*/ 1062071 h 1562404"/>
                <a:gd name="connsiteX8" fmla="*/ 149322 w 786617"/>
                <a:gd name="connsiteY8" fmla="*/ 1191468 h 1562404"/>
                <a:gd name="connsiteX9" fmla="*/ 106190 w 786617"/>
                <a:gd name="connsiteY9" fmla="*/ 1320864 h 1562404"/>
                <a:gd name="connsiteX10" fmla="*/ 166575 w 786617"/>
                <a:gd name="connsiteY10" fmla="*/ 1562404 h 1562404"/>
                <a:gd name="connsiteX0" fmla="*/ 786617 w 786617"/>
                <a:gd name="connsiteY0" fmla="*/ 24078 h 1562404"/>
                <a:gd name="connsiteX1" fmla="*/ 320815 w 786617"/>
                <a:gd name="connsiteY1" fmla="*/ 0 h 1562404"/>
                <a:gd name="connsiteX2" fmla="*/ 106190 w 786617"/>
                <a:gd name="connsiteY2" fmla="*/ 35528 h 1562404"/>
                <a:gd name="connsiteX3" fmla="*/ 45805 w 786617"/>
                <a:gd name="connsiteY3" fmla="*/ 432343 h 1562404"/>
                <a:gd name="connsiteX4" fmla="*/ 170881 w 786617"/>
                <a:gd name="connsiteY4" fmla="*/ 604871 h 1562404"/>
                <a:gd name="connsiteX5" fmla="*/ 191349 w 786617"/>
                <a:gd name="connsiteY5" fmla="*/ 754870 h 1562404"/>
                <a:gd name="connsiteX6" fmla="*/ 28552 w 786617"/>
                <a:gd name="connsiteY6" fmla="*/ 915422 h 1562404"/>
                <a:gd name="connsiteX7" fmla="*/ 11300 w 786617"/>
                <a:gd name="connsiteY7" fmla="*/ 1062071 h 1562404"/>
                <a:gd name="connsiteX8" fmla="*/ 149322 w 786617"/>
                <a:gd name="connsiteY8" fmla="*/ 1191468 h 1562404"/>
                <a:gd name="connsiteX9" fmla="*/ 106190 w 786617"/>
                <a:gd name="connsiteY9" fmla="*/ 1320864 h 1562404"/>
                <a:gd name="connsiteX10" fmla="*/ 166575 w 786617"/>
                <a:gd name="connsiteY10" fmla="*/ 1562404 h 1562404"/>
                <a:gd name="connsiteX0" fmla="*/ 786617 w 786617"/>
                <a:gd name="connsiteY0" fmla="*/ 24078 h 1562404"/>
                <a:gd name="connsiteX1" fmla="*/ 320815 w 786617"/>
                <a:gd name="connsiteY1" fmla="*/ 0 h 1562404"/>
                <a:gd name="connsiteX2" fmla="*/ 106190 w 786617"/>
                <a:gd name="connsiteY2" fmla="*/ 35528 h 1562404"/>
                <a:gd name="connsiteX3" fmla="*/ 45805 w 786617"/>
                <a:gd name="connsiteY3" fmla="*/ 432343 h 1562404"/>
                <a:gd name="connsiteX4" fmla="*/ 170881 w 786617"/>
                <a:gd name="connsiteY4" fmla="*/ 604871 h 1562404"/>
                <a:gd name="connsiteX5" fmla="*/ 191349 w 786617"/>
                <a:gd name="connsiteY5" fmla="*/ 754870 h 1562404"/>
                <a:gd name="connsiteX6" fmla="*/ 28552 w 786617"/>
                <a:gd name="connsiteY6" fmla="*/ 915422 h 1562404"/>
                <a:gd name="connsiteX7" fmla="*/ 11300 w 786617"/>
                <a:gd name="connsiteY7" fmla="*/ 1062071 h 1562404"/>
                <a:gd name="connsiteX8" fmla="*/ 149322 w 786617"/>
                <a:gd name="connsiteY8" fmla="*/ 1191468 h 1562404"/>
                <a:gd name="connsiteX9" fmla="*/ 106190 w 786617"/>
                <a:gd name="connsiteY9" fmla="*/ 1320864 h 1562404"/>
                <a:gd name="connsiteX10" fmla="*/ 166575 w 786617"/>
                <a:gd name="connsiteY10" fmla="*/ 1562404 h 1562404"/>
                <a:gd name="connsiteX0" fmla="*/ 786617 w 786617"/>
                <a:gd name="connsiteY0" fmla="*/ 24078 h 1562404"/>
                <a:gd name="connsiteX1" fmla="*/ 320815 w 786617"/>
                <a:gd name="connsiteY1" fmla="*/ 0 h 1562404"/>
                <a:gd name="connsiteX2" fmla="*/ 45805 w 786617"/>
                <a:gd name="connsiteY2" fmla="*/ 432343 h 1562404"/>
                <a:gd name="connsiteX3" fmla="*/ 170881 w 786617"/>
                <a:gd name="connsiteY3" fmla="*/ 604871 h 1562404"/>
                <a:gd name="connsiteX4" fmla="*/ 191349 w 786617"/>
                <a:gd name="connsiteY4" fmla="*/ 754870 h 1562404"/>
                <a:gd name="connsiteX5" fmla="*/ 28552 w 786617"/>
                <a:gd name="connsiteY5" fmla="*/ 915422 h 1562404"/>
                <a:gd name="connsiteX6" fmla="*/ 11300 w 786617"/>
                <a:gd name="connsiteY6" fmla="*/ 1062071 h 1562404"/>
                <a:gd name="connsiteX7" fmla="*/ 149322 w 786617"/>
                <a:gd name="connsiteY7" fmla="*/ 1191468 h 1562404"/>
                <a:gd name="connsiteX8" fmla="*/ 106190 w 786617"/>
                <a:gd name="connsiteY8" fmla="*/ 1320864 h 1562404"/>
                <a:gd name="connsiteX9" fmla="*/ 166575 w 786617"/>
                <a:gd name="connsiteY9" fmla="*/ 1562404 h 1562404"/>
                <a:gd name="connsiteX0" fmla="*/ 786617 w 786617"/>
                <a:gd name="connsiteY0" fmla="*/ 0 h 1538326"/>
                <a:gd name="connsiteX1" fmla="*/ 45805 w 786617"/>
                <a:gd name="connsiteY1" fmla="*/ 408265 h 1538326"/>
                <a:gd name="connsiteX2" fmla="*/ 170881 w 786617"/>
                <a:gd name="connsiteY2" fmla="*/ 580793 h 1538326"/>
                <a:gd name="connsiteX3" fmla="*/ 191349 w 786617"/>
                <a:gd name="connsiteY3" fmla="*/ 730792 h 1538326"/>
                <a:gd name="connsiteX4" fmla="*/ 28552 w 786617"/>
                <a:gd name="connsiteY4" fmla="*/ 891344 h 1538326"/>
                <a:gd name="connsiteX5" fmla="*/ 11300 w 786617"/>
                <a:gd name="connsiteY5" fmla="*/ 1037993 h 1538326"/>
                <a:gd name="connsiteX6" fmla="*/ 149322 w 786617"/>
                <a:gd name="connsiteY6" fmla="*/ 1167390 h 1538326"/>
                <a:gd name="connsiteX7" fmla="*/ 106190 w 786617"/>
                <a:gd name="connsiteY7" fmla="*/ 1296786 h 1538326"/>
                <a:gd name="connsiteX8" fmla="*/ 166575 w 786617"/>
                <a:gd name="connsiteY8" fmla="*/ 1538326 h 1538326"/>
                <a:gd name="connsiteX0" fmla="*/ 786617 w 786617"/>
                <a:gd name="connsiteY0" fmla="*/ 0 h 1538326"/>
                <a:gd name="connsiteX1" fmla="*/ 45805 w 786617"/>
                <a:gd name="connsiteY1" fmla="*/ 408265 h 1538326"/>
                <a:gd name="connsiteX2" fmla="*/ 170881 w 786617"/>
                <a:gd name="connsiteY2" fmla="*/ 580793 h 1538326"/>
                <a:gd name="connsiteX3" fmla="*/ 191349 w 786617"/>
                <a:gd name="connsiteY3" fmla="*/ 730792 h 1538326"/>
                <a:gd name="connsiteX4" fmla="*/ 28552 w 786617"/>
                <a:gd name="connsiteY4" fmla="*/ 891344 h 1538326"/>
                <a:gd name="connsiteX5" fmla="*/ 11300 w 786617"/>
                <a:gd name="connsiteY5" fmla="*/ 1037993 h 1538326"/>
                <a:gd name="connsiteX6" fmla="*/ 149322 w 786617"/>
                <a:gd name="connsiteY6" fmla="*/ 1167390 h 1538326"/>
                <a:gd name="connsiteX7" fmla="*/ 106190 w 786617"/>
                <a:gd name="connsiteY7" fmla="*/ 1296786 h 1538326"/>
                <a:gd name="connsiteX8" fmla="*/ 166575 w 786617"/>
                <a:gd name="connsiteY8" fmla="*/ 1538326 h 1538326"/>
                <a:gd name="connsiteX0" fmla="*/ 45805 w 202000"/>
                <a:gd name="connsiteY0" fmla="*/ 0 h 1130061"/>
                <a:gd name="connsiteX1" fmla="*/ 170881 w 202000"/>
                <a:gd name="connsiteY1" fmla="*/ 172528 h 1130061"/>
                <a:gd name="connsiteX2" fmla="*/ 191349 w 202000"/>
                <a:gd name="connsiteY2" fmla="*/ 322527 h 1130061"/>
                <a:gd name="connsiteX3" fmla="*/ 28552 w 202000"/>
                <a:gd name="connsiteY3" fmla="*/ 483079 h 1130061"/>
                <a:gd name="connsiteX4" fmla="*/ 11300 w 202000"/>
                <a:gd name="connsiteY4" fmla="*/ 629728 h 1130061"/>
                <a:gd name="connsiteX5" fmla="*/ 149322 w 202000"/>
                <a:gd name="connsiteY5" fmla="*/ 759125 h 1130061"/>
                <a:gd name="connsiteX6" fmla="*/ 106190 w 202000"/>
                <a:gd name="connsiteY6" fmla="*/ 888521 h 1130061"/>
                <a:gd name="connsiteX7" fmla="*/ 166575 w 202000"/>
                <a:gd name="connsiteY7" fmla="*/ 1130061 h 1130061"/>
                <a:gd name="connsiteX0" fmla="*/ 45805 w 202000"/>
                <a:gd name="connsiteY0" fmla="*/ 0 h 888521"/>
                <a:gd name="connsiteX1" fmla="*/ 170881 w 202000"/>
                <a:gd name="connsiteY1" fmla="*/ 172528 h 888521"/>
                <a:gd name="connsiteX2" fmla="*/ 191349 w 202000"/>
                <a:gd name="connsiteY2" fmla="*/ 322527 h 888521"/>
                <a:gd name="connsiteX3" fmla="*/ 28552 w 202000"/>
                <a:gd name="connsiteY3" fmla="*/ 483079 h 888521"/>
                <a:gd name="connsiteX4" fmla="*/ 11300 w 202000"/>
                <a:gd name="connsiteY4" fmla="*/ 629728 h 888521"/>
                <a:gd name="connsiteX5" fmla="*/ 149322 w 202000"/>
                <a:gd name="connsiteY5" fmla="*/ 759125 h 888521"/>
                <a:gd name="connsiteX6" fmla="*/ 106190 w 202000"/>
                <a:gd name="connsiteY6" fmla="*/ 888521 h 888521"/>
                <a:gd name="connsiteX0" fmla="*/ 45805 w 202000"/>
                <a:gd name="connsiteY0" fmla="*/ 0 h 759125"/>
                <a:gd name="connsiteX1" fmla="*/ 170881 w 202000"/>
                <a:gd name="connsiteY1" fmla="*/ 172528 h 759125"/>
                <a:gd name="connsiteX2" fmla="*/ 191349 w 202000"/>
                <a:gd name="connsiteY2" fmla="*/ 322527 h 759125"/>
                <a:gd name="connsiteX3" fmla="*/ 28552 w 202000"/>
                <a:gd name="connsiteY3" fmla="*/ 483079 h 759125"/>
                <a:gd name="connsiteX4" fmla="*/ 11300 w 202000"/>
                <a:gd name="connsiteY4" fmla="*/ 629728 h 759125"/>
                <a:gd name="connsiteX5" fmla="*/ 149322 w 202000"/>
                <a:gd name="connsiteY5" fmla="*/ 759125 h 759125"/>
                <a:gd name="connsiteX0" fmla="*/ 42354 w 198549"/>
                <a:gd name="connsiteY0" fmla="*/ 0 h 721000"/>
                <a:gd name="connsiteX1" fmla="*/ 167430 w 198549"/>
                <a:gd name="connsiteY1" fmla="*/ 172528 h 721000"/>
                <a:gd name="connsiteX2" fmla="*/ 187898 w 198549"/>
                <a:gd name="connsiteY2" fmla="*/ 322527 h 721000"/>
                <a:gd name="connsiteX3" fmla="*/ 25101 w 198549"/>
                <a:gd name="connsiteY3" fmla="*/ 483079 h 721000"/>
                <a:gd name="connsiteX4" fmla="*/ 7849 w 198549"/>
                <a:gd name="connsiteY4" fmla="*/ 629728 h 721000"/>
                <a:gd name="connsiteX5" fmla="*/ 98401 w 198549"/>
                <a:gd name="connsiteY5" fmla="*/ 721000 h 721000"/>
                <a:gd name="connsiteX0" fmla="*/ 42354 w 198549"/>
                <a:gd name="connsiteY0" fmla="*/ 0 h 721000"/>
                <a:gd name="connsiteX1" fmla="*/ 167430 w 198549"/>
                <a:gd name="connsiteY1" fmla="*/ 172528 h 721000"/>
                <a:gd name="connsiteX2" fmla="*/ 187898 w 198549"/>
                <a:gd name="connsiteY2" fmla="*/ 322527 h 721000"/>
                <a:gd name="connsiteX3" fmla="*/ 25101 w 198549"/>
                <a:gd name="connsiteY3" fmla="*/ 483079 h 721000"/>
                <a:gd name="connsiteX4" fmla="*/ 7849 w 198549"/>
                <a:gd name="connsiteY4" fmla="*/ 629728 h 721000"/>
                <a:gd name="connsiteX5" fmla="*/ 98401 w 198549"/>
                <a:gd name="connsiteY5" fmla="*/ 721000 h 721000"/>
                <a:gd name="connsiteX0" fmla="*/ 167430 w 198549"/>
                <a:gd name="connsiteY0" fmla="*/ 0 h 548472"/>
                <a:gd name="connsiteX1" fmla="*/ 187898 w 198549"/>
                <a:gd name="connsiteY1" fmla="*/ 149999 h 548472"/>
                <a:gd name="connsiteX2" fmla="*/ 25101 w 198549"/>
                <a:gd name="connsiteY2" fmla="*/ 310551 h 548472"/>
                <a:gd name="connsiteX3" fmla="*/ 7849 w 198549"/>
                <a:gd name="connsiteY3" fmla="*/ 457200 h 548472"/>
                <a:gd name="connsiteX4" fmla="*/ 98401 w 198549"/>
                <a:gd name="connsiteY4" fmla="*/ 548472 h 548472"/>
                <a:gd name="connsiteX0" fmla="*/ 168679 w 199798"/>
                <a:gd name="connsiteY0" fmla="*/ 0 h 534175"/>
                <a:gd name="connsiteX1" fmla="*/ 189147 w 199798"/>
                <a:gd name="connsiteY1" fmla="*/ 149999 h 534175"/>
                <a:gd name="connsiteX2" fmla="*/ 26350 w 199798"/>
                <a:gd name="connsiteY2" fmla="*/ 310551 h 534175"/>
                <a:gd name="connsiteX3" fmla="*/ 9098 w 199798"/>
                <a:gd name="connsiteY3" fmla="*/ 457200 h 534175"/>
                <a:gd name="connsiteX4" fmla="*/ 116912 w 199798"/>
                <a:gd name="connsiteY4" fmla="*/ 534175 h 534175"/>
                <a:gd name="connsiteX0" fmla="*/ 167430 w 198549"/>
                <a:gd name="connsiteY0" fmla="*/ 0 h 534175"/>
                <a:gd name="connsiteX1" fmla="*/ 187898 w 198549"/>
                <a:gd name="connsiteY1" fmla="*/ 149999 h 534175"/>
                <a:gd name="connsiteX2" fmla="*/ 25101 w 198549"/>
                <a:gd name="connsiteY2" fmla="*/ 310551 h 534175"/>
                <a:gd name="connsiteX3" fmla="*/ 7849 w 198549"/>
                <a:gd name="connsiteY3" fmla="*/ 457200 h 534175"/>
                <a:gd name="connsiteX4" fmla="*/ 98401 w 198549"/>
                <a:gd name="connsiteY4" fmla="*/ 534175 h 534175"/>
                <a:gd name="connsiteX0" fmla="*/ 167430 w 198549"/>
                <a:gd name="connsiteY0" fmla="*/ 0 h 534175"/>
                <a:gd name="connsiteX1" fmla="*/ 187898 w 198549"/>
                <a:gd name="connsiteY1" fmla="*/ 149999 h 534175"/>
                <a:gd name="connsiteX2" fmla="*/ 25101 w 198549"/>
                <a:gd name="connsiteY2" fmla="*/ 310551 h 534175"/>
                <a:gd name="connsiteX3" fmla="*/ 7849 w 198549"/>
                <a:gd name="connsiteY3" fmla="*/ 457200 h 534175"/>
                <a:gd name="connsiteX4" fmla="*/ 98401 w 198549"/>
                <a:gd name="connsiteY4" fmla="*/ 534175 h 534175"/>
                <a:gd name="connsiteX0" fmla="*/ 167430 w 198549"/>
                <a:gd name="connsiteY0" fmla="*/ 0 h 457200"/>
                <a:gd name="connsiteX1" fmla="*/ 187898 w 198549"/>
                <a:gd name="connsiteY1" fmla="*/ 149999 h 457200"/>
                <a:gd name="connsiteX2" fmla="*/ 25101 w 198549"/>
                <a:gd name="connsiteY2" fmla="*/ 310551 h 457200"/>
                <a:gd name="connsiteX3" fmla="*/ 7849 w 198549"/>
                <a:gd name="connsiteY3" fmla="*/ 457200 h 457200"/>
                <a:gd name="connsiteX0" fmla="*/ 166860 w 197979"/>
                <a:gd name="connsiteY0" fmla="*/ 0 h 457200"/>
                <a:gd name="connsiteX1" fmla="*/ 187328 w 197979"/>
                <a:gd name="connsiteY1" fmla="*/ 149999 h 457200"/>
                <a:gd name="connsiteX2" fmla="*/ 24531 w 197979"/>
                <a:gd name="connsiteY2" fmla="*/ 310551 h 457200"/>
                <a:gd name="connsiteX3" fmla="*/ 594 w 197979"/>
                <a:gd name="connsiteY3" fmla="*/ 371716 h 457200"/>
                <a:gd name="connsiteX4" fmla="*/ 7279 w 197979"/>
                <a:gd name="connsiteY4" fmla="*/ 457200 h 457200"/>
                <a:gd name="connsiteX0" fmla="*/ 166266 w 197385"/>
                <a:gd name="connsiteY0" fmla="*/ 0 h 371716"/>
                <a:gd name="connsiteX1" fmla="*/ 186734 w 197385"/>
                <a:gd name="connsiteY1" fmla="*/ 149999 h 371716"/>
                <a:gd name="connsiteX2" fmla="*/ 23937 w 197385"/>
                <a:gd name="connsiteY2" fmla="*/ 310551 h 371716"/>
                <a:gd name="connsiteX3" fmla="*/ 0 w 197385"/>
                <a:gd name="connsiteY3" fmla="*/ 371716 h 371716"/>
                <a:gd name="connsiteX0" fmla="*/ 142329 w 173448"/>
                <a:gd name="connsiteY0" fmla="*/ 0 h 310551"/>
                <a:gd name="connsiteX1" fmla="*/ 162797 w 173448"/>
                <a:gd name="connsiteY1" fmla="*/ 149999 h 310551"/>
                <a:gd name="connsiteX2" fmla="*/ 0 w 173448"/>
                <a:gd name="connsiteY2" fmla="*/ 310551 h 310551"/>
                <a:gd name="connsiteX0" fmla="*/ 142329 w 168841"/>
                <a:gd name="connsiteY0" fmla="*/ 0 h 310551"/>
                <a:gd name="connsiteX1" fmla="*/ 162797 w 168841"/>
                <a:gd name="connsiteY1" fmla="*/ 149999 h 310551"/>
                <a:gd name="connsiteX2" fmla="*/ 62372 w 168841"/>
                <a:gd name="connsiteY2" fmla="*/ 223982 h 310551"/>
                <a:gd name="connsiteX3" fmla="*/ 0 w 168841"/>
                <a:gd name="connsiteY3" fmla="*/ 310551 h 310551"/>
                <a:gd name="connsiteX0" fmla="*/ 142329 w 168523"/>
                <a:gd name="connsiteY0" fmla="*/ 0 h 310551"/>
                <a:gd name="connsiteX1" fmla="*/ 162797 w 168523"/>
                <a:gd name="connsiteY1" fmla="*/ 149999 h 310551"/>
                <a:gd name="connsiteX2" fmla="*/ 66688 w 168523"/>
                <a:gd name="connsiteY2" fmla="*/ 238279 h 310551"/>
                <a:gd name="connsiteX3" fmla="*/ 0 w 168523"/>
                <a:gd name="connsiteY3" fmla="*/ 310551 h 310551"/>
                <a:gd name="connsiteX0" fmla="*/ 163907 w 178762"/>
                <a:gd name="connsiteY0" fmla="*/ 0 h 267661"/>
                <a:gd name="connsiteX1" fmla="*/ 162797 w 178762"/>
                <a:gd name="connsiteY1" fmla="*/ 107109 h 267661"/>
                <a:gd name="connsiteX2" fmla="*/ 66688 w 178762"/>
                <a:gd name="connsiteY2" fmla="*/ 195389 h 267661"/>
                <a:gd name="connsiteX3" fmla="*/ 0 w 178762"/>
                <a:gd name="connsiteY3" fmla="*/ 267661 h 267661"/>
                <a:gd name="connsiteX0" fmla="*/ 168222 w 181665"/>
                <a:gd name="connsiteY0" fmla="*/ 0 h 234302"/>
                <a:gd name="connsiteX1" fmla="*/ 162797 w 181665"/>
                <a:gd name="connsiteY1" fmla="*/ 73750 h 234302"/>
                <a:gd name="connsiteX2" fmla="*/ 66688 w 181665"/>
                <a:gd name="connsiteY2" fmla="*/ 162030 h 234302"/>
                <a:gd name="connsiteX3" fmla="*/ 0 w 181665"/>
                <a:gd name="connsiteY3" fmla="*/ 234302 h 234302"/>
                <a:gd name="connsiteX0" fmla="*/ 159591 w 173034"/>
                <a:gd name="connsiteY0" fmla="*/ 0 h 210474"/>
                <a:gd name="connsiteX1" fmla="*/ 154166 w 173034"/>
                <a:gd name="connsiteY1" fmla="*/ 73750 h 210474"/>
                <a:gd name="connsiteX2" fmla="*/ 58057 w 173034"/>
                <a:gd name="connsiteY2" fmla="*/ 162030 h 210474"/>
                <a:gd name="connsiteX3" fmla="*/ 0 w 173034"/>
                <a:gd name="connsiteY3" fmla="*/ 210474 h 210474"/>
                <a:gd name="connsiteX0" fmla="*/ 191957 w 205400"/>
                <a:gd name="connsiteY0" fmla="*/ 0 h 267661"/>
                <a:gd name="connsiteX1" fmla="*/ 186532 w 205400"/>
                <a:gd name="connsiteY1" fmla="*/ 73750 h 267661"/>
                <a:gd name="connsiteX2" fmla="*/ 90423 w 205400"/>
                <a:gd name="connsiteY2" fmla="*/ 162030 h 267661"/>
                <a:gd name="connsiteX3" fmla="*/ 0 w 205400"/>
                <a:gd name="connsiteY3" fmla="*/ 267661 h 267661"/>
                <a:gd name="connsiteX0" fmla="*/ 191957 w 205400"/>
                <a:gd name="connsiteY0" fmla="*/ 0 h 267661"/>
                <a:gd name="connsiteX1" fmla="*/ 186532 w 205400"/>
                <a:gd name="connsiteY1" fmla="*/ 73750 h 267661"/>
                <a:gd name="connsiteX2" fmla="*/ 90423 w 205400"/>
                <a:gd name="connsiteY2" fmla="*/ 162030 h 267661"/>
                <a:gd name="connsiteX3" fmla="*/ 0 w 205400"/>
                <a:gd name="connsiteY3" fmla="*/ 267661 h 267661"/>
                <a:gd name="connsiteX0" fmla="*/ 186532 w 186532"/>
                <a:gd name="connsiteY0" fmla="*/ 0 h 193911"/>
                <a:gd name="connsiteX1" fmla="*/ 90423 w 186532"/>
                <a:gd name="connsiteY1" fmla="*/ 88280 h 193911"/>
                <a:gd name="connsiteX2" fmla="*/ 0 w 186532"/>
                <a:gd name="connsiteY2" fmla="*/ 193911 h 193911"/>
                <a:gd name="connsiteX0" fmla="*/ 131509 w 131509"/>
                <a:gd name="connsiteY0" fmla="*/ 0 h 151021"/>
                <a:gd name="connsiteX1" fmla="*/ 90423 w 131509"/>
                <a:gd name="connsiteY1" fmla="*/ 45390 h 151021"/>
                <a:gd name="connsiteX2" fmla="*/ 0 w 131509"/>
                <a:gd name="connsiteY2" fmla="*/ 151021 h 151021"/>
                <a:gd name="connsiteX0" fmla="*/ 131509 w 131509"/>
                <a:gd name="connsiteY0" fmla="*/ 0 h 163488"/>
                <a:gd name="connsiteX1" fmla="*/ 90423 w 131509"/>
                <a:gd name="connsiteY1" fmla="*/ 45390 h 163488"/>
                <a:gd name="connsiteX2" fmla="*/ 0 w 131509"/>
                <a:gd name="connsiteY2" fmla="*/ 151021 h 163488"/>
                <a:gd name="connsiteX0" fmla="*/ 136077 w 136077"/>
                <a:gd name="connsiteY0" fmla="*/ 0 h 165999"/>
                <a:gd name="connsiteX1" fmla="*/ 94991 w 136077"/>
                <a:gd name="connsiteY1" fmla="*/ 45390 h 165999"/>
                <a:gd name="connsiteX2" fmla="*/ 4568 w 136077"/>
                <a:gd name="connsiteY2" fmla="*/ 151021 h 165999"/>
                <a:gd name="connsiteX0" fmla="*/ 131893 w 131893"/>
                <a:gd name="connsiteY0" fmla="*/ 0 h 169915"/>
                <a:gd name="connsiteX1" fmla="*/ 90807 w 131893"/>
                <a:gd name="connsiteY1" fmla="*/ 45390 h 169915"/>
                <a:gd name="connsiteX2" fmla="*/ 384 w 131893"/>
                <a:gd name="connsiteY2" fmla="*/ 151021 h 169915"/>
                <a:gd name="connsiteX0" fmla="*/ 144622 w 144622"/>
                <a:gd name="connsiteY0" fmla="*/ 0 h 159917"/>
                <a:gd name="connsiteX1" fmla="*/ 103536 w 144622"/>
                <a:gd name="connsiteY1" fmla="*/ 45390 h 159917"/>
                <a:gd name="connsiteX2" fmla="*/ 13113 w 144622"/>
                <a:gd name="connsiteY2" fmla="*/ 151021 h 159917"/>
                <a:gd name="connsiteX0" fmla="*/ 134351 w 134351"/>
                <a:gd name="connsiteY0" fmla="*/ 0 h 152408"/>
                <a:gd name="connsiteX1" fmla="*/ 93265 w 134351"/>
                <a:gd name="connsiteY1" fmla="*/ 45390 h 152408"/>
                <a:gd name="connsiteX2" fmla="*/ 2842 w 134351"/>
                <a:gd name="connsiteY2" fmla="*/ 151021 h 152408"/>
                <a:gd name="connsiteX0" fmla="*/ 131509 w 131509"/>
                <a:gd name="connsiteY0" fmla="*/ 0 h 151021"/>
                <a:gd name="connsiteX1" fmla="*/ 90423 w 131509"/>
                <a:gd name="connsiteY1" fmla="*/ 45390 h 151021"/>
                <a:gd name="connsiteX2" fmla="*/ 0 w 131509"/>
                <a:gd name="connsiteY2" fmla="*/ 151021 h 151021"/>
                <a:gd name="connsiteX0" fmla="*/ 137982 w 137982"/>
                <a:gd name="connsiteY0" fmla="*/ 0 h 176040"/>
                <a:gd name="connsiteX1" fmla="*/ 96896 w 137982"/>
                <a:gd name="connsiteY1" fmla="*/ 45390 h 176040"/>
                <a:gd name="connsiteX2" fmla="*/ 0 w 137982"/>
                <a:gd name="connsiteY2" fmla="*/ 176040 h 176040"/>
                <a:gd name="connsiteX0" fmla="*/ 137982 w 137982"/>
                <a:gd name="connsiteY0" fmla="*/ 0 h 176040"/>
                <a:gd name="connsiteX1" fmla="*/ 96896 w 137982"/>
                <a:gd name="connsiteY1" fmla="*/ 45390 h 176040"/>
                <a:gd name="connsiteX2" fmla="*/ 26324 w 137982"/>
                <a:gd name="connsiteY2" fmla="*/ 107341 h 176040"/>
                <a:gd name="connsiteX3" fmla="*/ 0 w 137982"/>
                <a:gd name="connsiteY3" fmla="*/ 176040 h 176040"/>
                <a:gd name="connsiteX0" fmla="*/ 115326 w 115326"/>
                <a:gd name="connsiteY0" fmla="*/ 0 h 151021"/>
                <a:gd name="connsiteX1" fmla="*/ 96896 w 115326"/>
                <a:gd name="connsiteY1" fmla="*/ 20371 h 151021"/>
                <a:gd name="connsiteX2" fmla="*/ 26324 w 115326"/>
                <a:gd name="connsiteY2" fmla="*/ 82322 h 151021"/>
                <a:gd name="connsiteX3" fmla="*/ 0 w 115326"/>
                <a:gd name="connsiteY3" fmla="*/ 151021 h 151021"/>
                <a:gd name="connsiteX0" fmla="*/ 96896 w 96896"/>
                <a:gd name="connsiteY0" fmla="*/ 0 h 130650"/>
                <a:gd name="connsiteX1" fmla="*/ 26324 w 96896"/>
                <a:gd name="connsiteY1" fmla="*/ 61951 h 130650"/>
                <a:gd name="connsiteX2" fmla="*/ 0 w 96896"/>
                <a:gd name="connsiteY2" fmla="*/ 130650 h 130650"/>
              </a:gdLst>
              <a:ahLst/>
              <a:cxnLst>
                <a:cxn ang="0">
                  <a:pos x="connsiteX0" y="connsiteY0"/>
                </a:cxn>
                <a:cxn ang="0">
                  <a:pos x="connsiteX1" y="connsiteY1"/>
                </a:cxn>
                <a:cxn ang="0">
                  <a:pos x="connsiteX2" y="connsiteY2"/>
                </a:cxn>
              </a:cxnLst>
              <a:rect l="l" t="t" r="r" b="b"/>
              <a:pathLst>
                <a:path w="96896" h="130650">
                  <a:moveTo>
                    <a:pt x="96896" y="0"/>
                  </a:moveTo>
                  <a:cubicBezTo>
                    <a:pt x="80444" y="19677"/>
                    <a:pt x="42473" y="40176"/>
                    <a:pt x="26324" y="61951"/>
                  </a:cubicBezTo>
                  <a:cubicBezTo>
                    <a:pt x="10175" y="83726"/>
                    <a:pt x="6545" y="120987"/>
                    <a:pt x="0" y="130650"/>
                  </a:cubicBezTo>
                </a:path>
              </a:pathLst>
            </a:custGeom>
            <a:ln w="5715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srgbClr val="FF0000"/>
                </a:solidFill>
              </a:endParaRPr>
            </a:p>
          </p:txBody>
        </p:sp>
        <p:sp>
          <p:nvSpPr>
            <p:cNvPr id="16" name="Freeform 15"/>
            <p:cNvSpPr/>
            <p:nvPr/>
          </p:nvSpPr>
          <p:spPr>
            <a:xfrm>
              <a:off x="6144768" y="4052493"/>
              <a:ext cx="1300923" cy="898619"/>
            </a:xfrm>
            <a:custGeom>
              <a:avLst/>
              <a:gdLst>
                <a:gd name="connsiteX0" fmla="*/ 63500 w 1237192"/>
                <a:gd name="connsiteY0" fmla="*/ 10583 h 855133"/>
                <a:gd name="connsiteX1" fmla="*/ 444500 w 1237192"/>
                <a:gd name="connsiteY1" fmla="*/ 4233 h 855133"/>
                <a:gd name="connsiteX2" fmla="*/ 755650 w 1237192"/>
                <a:gd name="connsiteY2" fmla="*/ 35983 h 855133"/>
                <a:gd name="connsiteX3" fmla="*/ 838200 w 1237192"/>
                <a:gd name="connsiteY3" fmla="*/ 112183 h 855133"/>
                <a:gd name="connsiteX4" fmla="*/ 863600 w 1237192"/>
                <a:gd name="connsiteY4" fmla="*/ 239183 h 855133"/>
                <a:gd name="connsiteX5" fmla="*/ 762000 w 1237192"/>
                <a:gd name="connsiteY5" fmla="*/ 309033 h 855133"/>
                <a:gd name="connsiteX6" fmla="*/ 819150 w 1237192"/>
                <a:gd name="connsiteY6" fmla="*/ 556683 h 855133"/>
                <a:gd name="connsiteX7" fmla="*/ 1009650 w 1237192"/>
                <a:gd name="connsiteY7" fmla="*/ 651933 h 855133"/>
                <a:gd name="connsiteX8" fmla="*/ 1174750 w 1237192"/>
                <a:gd name="connsiteY8" fmla="*/ 740833 h 855133"/>
                <a:gd name="connsiteX9" fmla="*/ 1206500 w 1237192"/>
                <a:gd name="connsiteY9" fmla="*/ 804333 h 855133"/>
                <a:gd name="connsiteX10" fmla="*/ 990600 w 1237192"/>
                <a:gd name="connsiteY10" fmla="*/ 829733 h 855133"/>
                <a:gd name="connsiteX11" fmla="*/ 368300 w 1237192"/>
                <a:gd name="connsiteY11" fmla="*/ 855133 h 855133"/>
                <a:gd name="connsiteX12" fmla="*/ 0 w 1237192"/>
                <a:gd name="connsiteY12" fmla="*/ 829733 h 855133"/>
                <a:gd name="connsiteX0" fmla="*/ 33445 w 1219380"/>
                <a:gd name="connsiteY0" fmla="*/ 34443 h 850911"/>
                <a:gd name="connsiteX1" fmla="*/ 444500 w 1219380"/>
                <a:gd name="connsiteY1" fmla="*/ 11 h 850911"/>
                <a:gd name="connsiteX2" fmla="*/ 755650 w 1219380"/>
                <a:gd name="connsiteY2" fmla="*/ 31761 h 850911"/>
                <a:gd name="connsiteX3" fmla="*/ 838200 w 1219380"/>
                <a:gd name="connsiteY3" fmla="*/ 107961 h 850911"/>
                <a:gd name="connsiteX4" fmla="*/ 863600 w 1219380"/>
                <a:gd name="connsiteY4" fmla="*/ 234961 h 850911"/>
                <a:gd name="connsiteX5" fmla="*/ 762000 w 1219380"/>
                <a:gd name="connsiteY5" fmla="*/ 304811 h 850911"/>
                <a:gd name="connsiteX6" fmla="*/ 819150 w 1219380"/>
                <a:gd name="connsiteY6" fmla="*/ 552461 h 850911"/>
                <a:gd name="connsiteX7" fmla="*/ 1009650 w 1219380"/>
                <a:gd name="connsiteY7" fmla="*/ 647711 h 850911"/>
                <a:gd name="connsiteX8" fmla="*/ 1174750 w 1219380"/>
                <a:gd name="connsiteY8" fmla="*/ 736611 h 850911"/>
                <a:gd name="connsiteX9" fmla="*/ 1206500 w 1219380"/>
                <a:gd name="connsiteY9" fmla="*/ 800111 h 850911"/>
                <a:gd name="connsiteX10" fmla="*/ 990600 w 1219380"/>
                <a:gd name="connsiteY10" fmla="*/ 825511 h 850911"/>
                <a:gd name="connsiteX11" fmla="*/ 368300 w 1219380"/>
                <a:gd name="connsiteY11" fmla="*/ 850911 h 850911"/>
                <a:gd name="connsiteX12" fmla="*/ 0 w 1219380"/>
                <a:gd name="connsiteY12" fmla="*/ 825511 h 850911"/>
                <a:gd name="connsiteX0" fmla="*/ 33445 w 1219380"/>
                <a:gd name="connsiteY0" fmla="*/ 36541 h 853009"/>
                <a:gd name="connsiteX1" fmla="*/ 167570 w 1219380"/>
                <a:gd name="connsiteY1" fmla="*/ 6668 h 853009"/>
                <a:gd name="connsiteX2" fmla="*/ 444500 w 1219380"/>
                <a:gd name="connsiteY2" fmla="*/ 2109 h 853009"/>
                <a:gd name="connsiteX3" fmla="*/ 755650 w 1219380"/>
                <a:gd name="connsiteY3" fmla="*/ 33859 h 853009"/>
                <a:gd name="connsiteX4" fmla="*/ 838200 w 1219380"/>
                <a:gd name="connsiteY4" fmla="*/ 110059 h 853009"/>
                <a:gd name="connsiteX5" fmla="*/ 863600 w 1219380"/>
                <a:gd name="connsiteY5" fmla="*/ 237059 h 853009"/>
                <a:gd name="connsiteX6" fmla="*/ 762000 w 1219380"/>
                <a:gd name="connsiteY6" fmla="*/ 306909 h 853009"/>
                <a:gd name="connsiteX7" fmla="*/ 819150 w 1219380"/>
                <a:gd name="connsiteY7" fmla="*/ 554559 h 853009"/>
                <a:gd name="connsiteX8" fmla="*/ 1009650 w 1219380"/>
                <a:gd name="connsiteY8" fmla="*/ 649809 h 853009"/>
                <a:gd name="connsiteX9" fmla="*/ 1174750 w 1219380"/>
                <a:gd name="connsiteY9" fmla="*/ 738709 h 853009"/>
                <a:gd name="connsiteX10" fmla="*/ 1206500 w 1219380"/>
                <a:gd name="connsiteY10" fmla="*/ 802209 h 853009"/>
                <a:gd name="connsiteX11" fmla="*/ 990600 w 1219380"/>
                <a:gd name="connsiteY11" fmla="*/ 827609 h 853009"/>
                <a:gd name="connsiteX12" fmla="*/ 368300 w 1219380"/>
                <a:gd name="connsiteY12" fmla="*/ 853009 h 853009"/>
                <a:gd name="connsiteX13" fmla="*/ 0 w 1219380"/>
                <a:gd name="connsiteY13" fmla="*/ 827609 h 853009"/>
                <a:gd name="connsiteX0" fmla="*/ 33445 w 1219380"/>
                <a:gd name="connsiteY0" fmla="*/ 32061 h 848529"/>
                <a:gd name="connsiteX1" fmla="*/ 167570 w 1219380"/>
                <a:gd name="connsiteY1" fmla="*/ 2188 h 848529"/>
                <a:gd name="connsiteX2" fmla="*/ 444500 w 1219380"/>
                <a:gd name="connsiteY2" fmla="*/ 7840 h 848529"/>
                <a:gd name="connsiteX3" fmla="*/ 755650 w 1219380"/>
                <a:gd name="connsiteY3" fmla="*/ 29379 h 848529"/>
                <a:gd name="connsiteX4" fmla="*/ 838200 w 1219380"/>
                <a:gd name="connsiteY4" fmla="*/ 105579 h 848529"/>
                <a:gd name="connsiteX5" fmla="*/ 863600 w 1219380"/>
                <a:gd name="connsiteY5" fmla="*/ 232579 h 848529"/>
                <a:gd name="connsiteX6" fmla="*/ 762000 w 1219380"/>
                <a:gd name="connsiteY6" fmla="*/ 302429 h 848529"/>
                <a:gd name="connsiteX7" fmla="*/ 819150 w 1219380"/>
                <a:gd name="connsiteY7" fmla="*/ 550079 h 848529"/>
                <a:gd name="connsiteX8" fmla="*/ 1009650 w 1219380"/>
                <a:gd name="connsiteY8" fmla="*/ 645329 h 848529"/>
                <a:gd name="connsiteX9" fmla="*/ 1174750 w 1219380"/>
                <a:gd name="connsiteY9" fmla="*/ 734229 h 848529"/>
                <a:gd name="connsiteX10" fmla="*/ 1206500 w 1219380"/>
                <a:gd name="connsiteY10" fmla="*/ 797729 h 848529"/>
                <a:gd name="connsiteX11" fmla="*/ 990600 w 1219380"/>
                <a:gd name="connsiteY11" fmla="*/ 823129 h 848529"/>
                <a:gd name="connsiteX12" fmla="*/ 368300 w 1219380"/>
                <a:gd name="connsiteY12" fmla="*/ 848529 h 848529"/>
                <a:gd name="connsiteX13" fmla="*/ 0 w 1219380"/>
                <a:gd name="connsiteY13" fmla="*/ 823129 h 848529"/>
                <a:gd name="connsiteX0" fmla="*/ 33445 w 1219380"/>
                <a:gd name="connsiteY0" fmla="*/ 25575 h 842043"/>
                <a:gd name="connsiteX1" fmla="*/ 169882 w 1219380"/>
                <a:gd name="connsiteY1" fmla="*/ 5914 h 842043"/>
                <a:gd name="connsiteX2" fmla="*/ 444500 w 1219380"/>
                <a:gd name="connsiteY2" fmla="*/ 1354 h 842043"/>
                <a:gd name="connsiteX3" fmla="*/ 755650 w 1219380"/>
                <a:gd name="connsiteY3" fmla="*/ 22893 h 842043"/>
                <a:gd name="connsiteX4" fmla="*/ 838200 w 1219380"/>
                <a:gd name="connsiteY4" fmla="*/ 99093 h 842043"/>
                <a:gd name="connsiteX5" fmla="*/ 863600 w 1219380"/>
                <a:gd name="connsiteY5" fmla="*/ 226093 h 842043"/>
                <a:gd name="connsiteX6" fmla="*/ 762000 w 1219380"/>
                <a:gd name="connsiteY6" fmla="*/ 295943 h 842043"/>
                <a:gd name="connsiteX7" fmla="*/ 819150 w 1219380"/>
                <a:gd name="connsiteY7" fmla="*/ 543593 h 842043"/>
                <a:gd name="connsiteX8" fmla="*/ 1009650 w 1219380"/>
                <a:gd name="connsiteY8" fmla="*/ 638843 h 842043"/>
                <a:gd name="connsiteX9" fmla="*/ 1174750 w 1219380"/>
                <a:gd name="connsiteY9" fmla="*/ 727743 h 842043"/>
                <a:gd name="connsiteX10" fmla="*/ 1206500 w 1219380"/>
                <a:gd name="connsiteY10" fmla="*/ 791243 h 842043"/>
                <a:gd name="connsiteX11" fmla="*/ 990600 w 1219380"/>
                <a:gd name="connsiteY11" fmla="*/ 816643 h 842043"/>
                <a:gd name="connsiteX12" fmla="*/ 368300 w 1219380"/>
                <a:gd name="connsiteY12" fmla="*/ 842043 h 842043"/>
                <a:gd name="connsiteX13" fmla="*/ 0 w 1219380"/>
                <a:gd name="connsiteY13" fmla="*/ 816643 h 842043"/>
                <a:gd name="connsiteX0" fmla="*/ 54251 w 1219380"/>
                <a:gd name="connsiteY0" fmla="*/ 120036 h 842043"/>
                <a:gd name="connsiteX1" fmla="*/ 169882 w 1219380"/>
                <a:gd name="connsiteY1" fmla="*/ 5914 h 842043"/>
                <a:gd name="connsiteX2" fmla="*/ 444500 w 1219380"/>
                <a:gd name="connsiteY2" fmla="*/ 1354 h 842043"/>
                <a:gd name="connsiteX3" fmla="*/ 755650 w 1219380"/>
                <a:gd name="connsiteY3" fmla="*/ 22893 h 842043"/>
                <a:gd name="connsiteX4" fmla="*/ 838200 w 1219380"/>
                <a:gd name="connsiteY4" fmla="*/ 99093 h 842043"/>
                <a:gd name="connsiteX5" fmla="*/ 863600 w 1219380"/>
                <a:gd name="connsiteY5" fmla="*/ 226093 h 842043"/>
                <a:gd name="connsiteX6" fmla="*/ 762000 w 1219380"/>
                <a:gd name="connsiteY6" fmla="*/ 295943 h 842043"/>
                <a:gd name="connsiteX7" fmla="*/ 819150 w 1219380"/>
                <a:gd name="connsiteY7" fmla="*/ 543593 h 842043"/>
                <a:gd name="connsiteX8" fmla="*/ 1009650 w 1219380"/>
                <a:gd name="connsiteY8" fmla="*/ 638843 h 842043"/>
                <a:gd name="connsiteX9" fmla="*/ 1174750 w 1219380"/>
                <a:gd name="connsiteY9" fmla="*/ 727743 h 842043"/>
                <a:gd name="connsiteX10" fmla="*/ 1206500 w 1219380"/>
                <a:gd name="connsiteY10" fmla="*/ 791243 h 842043"/>
                <a:gd name="connsiteX11" fmla="*/ 990600 w 1219380"/>
                <a:gd name="connsiteY11" fmla="*/ 816643 h 842043"/>
                <a:gd name="connsiteX12" fmla="*/ 368300 w 1219380"/>
                <a:gd name="connsiteY12" fmla="*/ 842043 h 842043"/>
                <a:gd name="connsiteX13" fmla="*/ 0 w 1219380"/>
                <a:gd name="connsiteY13" fmla="*/ 816643 h 842043"/>
                <a:gd name="connsiteX0" fmla="*/ 54251 w 1219380"/>
                <a:gd name="connsiteY0" fmla="*/ 120997 h 843004"/>
                <a:gd name="connsiteX1" fmla="*/ 45041 w 1219380"/>
                <a:gd name="connsiteY1" fmla="*/ 14535 h 843004"/>
                <a:gd name="connsiteX2" fmla="*/ 169882 w 1219380"/>
                <a:gd name="connsiteY2" fmla="*/ 6875 h 843004"/>
                <a:gd name="connsiteX3" fmla="*/ 444500 w 1219380"/>
                <a:gd name="connsiteY3" fmla="*/ 2315 h 843004"/>
                <a:gd name="connsiteX4" fmla="*/ 755650 w 1219380"/>
                <a:gd name="connsiteY4" fmla="*/ 23854 h 843004"/>
                <a:gd name="connsiteX5" fmla="*/ 838200 w 1219380"/>
                <a:gd name="connsiteY5" fmla="*/ 100054 h 843004"/>
                <a:gd name="connsiteX6" fmla="*/ 863600 w 1219380"/>
                <a:gd name="connsiteY6" fmla="*/ 227054 h 843004"/>
                <a:gd name="connsiteX7" fmla="*/ 762000 w 1219380"/>
                <a:gd name="connsiteY7" fmla="*/ 296904 h 843004"/>
                <a:gd name="connsiteX8" fmla="*/ 819150 w 1219380"/>
                <a:gd name="connsiteY8" fmla="*/ 544554 h 843004"/>
                <a:gd name="connsiteX9" fmla="*/ 1009650 w 1219380"/>
                <a:gd name="connsiteY9" fmla="*/ 639804 h 843004"/>
                <a:gd name="connsiteX10" fmla="*/ 1174750 w 1219380"/>
                <a:gd name="connsiteY10" fmla="*/ 728704 h 843004"/>
                <a:gd name="connsiteX11" fmla="*/ 1206500 w 1219380"/>
                <a:gd name="connsiteY11" fmla="*/ 792204 h 843004"/>
                <a:gd name="connsiteX12" fmla="*/ 990600 w 1219380"/>
                <a:gd name="connsiteY12" fmla="*/ 817604 h 843004"/>
                <a:gd name="connsiteX13" fmla="*/ 368300 w 1219380"/>
                <a:gd name="connsiteY13" fmla="*/ 843004 h 843004"/>
                <a:gd name="connsiteX14" fmla="*/ 0 w 1219380"/>
                <a:gd name="connsiteY14" fmla="*/ 817604 h 843004"/>
                <a:gd name="connsiteX0" fmla="*/ 54251 w 1219380"/>
                <a:gd name="connsiteY0" fmla="*/ 120997 h 843004"/>
                <a:gd name="connsiteX1" fmla="*/ 54289 w 1219380"/>
                <a:gd name="connsiteY1" fmla="*/ 19640 h 843004"/>
                <a:gd name="connsiteX2" fmla="*/ 169882 w 1219380"/>
                <a:gd name="connsiteY2" fmla="*/ 6875 h 843004"/>
                <a:gd name="connsiteX3" fmla="*/ 444500 w 1219380"/>
                <a:gd name="connsiteY3" fmla="*/ 2315 h 843004"/>
                <a:gd name="connsiteX4" fmla="*/ 755650 w 1219380"/>
                <a:gd name="connsiteY4" fmla="*/ 23854 h 843004"/>
                <a:gd name="connsiteX5" fmla="*/ 838200 w 1219380"/>
                <a:gd name="connsiteY5" fmla="*/ 100054 h 843004"/>
                <a:gd name="connsiteX6" fmla="*/ 863600 w 1219380"/>
                <a:gd name="connsiteY6" fmla="*/ 227054 h 843004"/>
                <a:gd name="connsiteX7" fmla="*/ 762000 w 1219380"/>
                <a:gd name="connsiteY7" fmla="*/ 296904 h 843004"/>
                <a:gd name="connsiteX8" fmla="*/ 819150 w 1219380"/>
                <a:gd name="connsiteY8" fmla="*/ 544554 h 843004"/>
                <a:gd name="connsiteX9" fmla="*/ 1009650 w 1219380"/>
                <a:gd name="connsiteY9" fmla="*/ 639804 h 843004"/>
                <a:gd name="connsiteX10" fmla="*/ 1174750 w 1219380"/>
                <a:gd name="connsiteY10" fmla="*/ 728704 h 843004"/>
                <a:gd name="connsiteX11" fmla="*/ 1206500 w 1219380"/>
                <a:gd name="connsiteY11" fmla="*/ 792204 h 843004"/>
                <a:gd name="connsiteX12" fmla="*/ 990600 w 1219380"/>
                <a:gd name="connsiteY12" fmla="*/ 817604 h 843004"/>
                <a:gd name="connsiteX13" fmla="*/ 368300 w 1219380"/>
                <a:gd name="connsiteY13" fmla="*/ 843004 h 843004"/>
                <a:gd name="connsiteX14" fmla="*/ 0 w 1219380"/>
                <a:gd name="connsiteY14" fmla="*/ 817604 h 843004"/>
                <a:gd name="connsiteX0" fmla="*/ 135167 w 1219380"/>
                <a:gd name="connsiteY0" fmla="*/ 210352 h 843004"/>
                <a:gd name="connsiteX1" fmla="*/ 54289 w 1219380"/>
                <a:gd name="connsiteY1" fmla="*/ 19640 h 843004"/>
                <a:gd name="connsiteX2" fmla="*/ 169882 w 1219380"/>
                <a:gd name="connsiteY2" fmla="*/ 6875 h 843004"/>
                <a:gd name="connsiteX3" fmla="*/ 444500 w 1219380"/>
                <a:gd name="connsiteY3" fmla="*/ 2315 h 843004"/>
                <a:gd name="connsiteX4" fmla="*/ 755650 w 1219380"/>
                <a:gd name="connsiteY4" fmla="*/ 23854 h 843004"/>
                <a:gd name="connsiteX5" fmla="*/ 838200 w 1219380"/>
                <a:gd name="connsiteY5" fmla="*/ 100054 h 843004"/>
                <a:gd name="connsiteX6" fmla="*/ 863600 w 1219380"/>
                <a:gd name="connsiteY6" fmla="*/ 227054 h 843004"/>
                <a:gd name="connsiteX7" fmla="*/ 762000 w 1219380"/>
                <a:gd name="connsiteY7" fmla="*/ 296904 h 843004"/>
                <a:gd name="connsiteX8" fmla="*/ 819150 w 1219380"/>
                <a:gd name="connsiteY8" fmla="*/ 544554 h 843004"/>
                <a:gd name="connsiteX9" fmla="*/ 1009650 w 1219380"/>
                <a:gd name="connsiteY9" fmla="*/ 639804 h 843004"/>
                <a:gd name="connsiteX10" fmla="*/ 1174750 w 1219380"/>
                <a:gd name="connsiteY10" fmla="*/ 728704 h 843004"/>
                <a:gd name="connsiteX11" fmla="*/ 1206500 w 1219380"/>
                <a:gd name="connsiteY11" fmla="*/ 792204 h 843004"/>
                <a:gd name="connsiteX12" fmla="*/ 990600 w 1219380"/>
                <a:gd name="connsiteY12" fmla="*/ 817604 h 843004"/>
                <a:gd name="connsiteX13" fmla="*/ 368300 w 1219380"/>
                <a:gd name="connsiteY13" fmla="*/ 843004 h 843004"/>
                <a:gd name="connsiteX14" fmla="*/ 0 w 1219380"/>
                <a:gd name="connsiteY14" fmla="*/ 817604 h 843004"/>
                <a:gd name="connsiteX0" fmla="*/ 135167 w 1219380"/>
                <a:gd name="connsiteY0" fmla="*/ 210352 h 843004"/>
                <a:gd name="connsiteX1" fmla="*/ 58912 w 1219380"/>
                <a:gd name="connsiteY1" fmla="*/ 126866 h 843004"/>
                <a:gd name="connsiteX2" fmla="*/ 54289 w 1219380"/>
                <a:gd name="connsiteY2" fmla="*/ 19640 h 843004"/>
                <a:gd name="connsiteX3" fmla="*/ 169882 w 1219380"/>
                <a:gd name="connsiteY3" fmla="*/ 6875 h 843004"/>
                <a:gd name="connsiteX4" fmla="*/ 444500 w 1219380"/>
                <a:gd name="connsiteY4" fmla="*/ 2315 h 843004"/>
                <a:gd name="connsiteX5" fmla="*/ 755650 w 1219380"/>
                <a:gd name="connsiteY5" fmla="*/ 23854 h 843004"/>
                <a:gd name="connsiteX6" fmla="*/ 838200 w 1219380"/>
                <a:gd name="connsiteY6" fmla="*/ 100054 h 843004"/>
                <a:gd name="connsiteX7" fmla="*/ 863600 w 1219380"/>
                <a:gd name="connsiteY7" fmla="*/ 227054 h 843004"/>
                <a:gd name="connsiteX8" fmla="*/ 762000 w 1219380"/>
                <a:gd name="connsiteY8" fmla="*/ 296904 h 843004"/>
                <a:gd name="connsiteX9" fmla="*/ 819150 w 1219380"/>
                <a:gd name="connsiteY9" fmla="*/ 544554 h 843004"/>
                <a:gd name="connsiteX10" fmla="*/ 1009650 w 1219380"/>
                <a:gd name="connsiteY10" fmla="*/ 639804 h 843004"/>
                <a:gd name="connsiteX11" fmla="*/ 1174750 w 1219380"/>
                <a:gd name="connsiteY11" fmla="*/ 728704 h 843004"/>
                <a:gd name="connsiteX12" fmla="*/ 1206500 w 1219380"/>
                <a:gd name="connsiteY12" fmla="*/ 792204 h 843004"/>
                <a:gd name="connsiteX13" fmla="*/ 990600 w 1219380"/>
                <a:gd name="connsiteY13" fmla="*/ 817604 h 843004"/>
                <a:gd name="connsiteX14" fmla="*/ 368300 w 1219380"/>
                <a:gd name="connsiteY14" fmla="*/ 843004 h 843004"/>
                <a:gd name="connsiteX15" fmla="*/ 0 w 1219380"/>
                <a:gd name="connsiteY15" fmla="*/ 817604 h 843004"/>
                <a:gd name="connsiteX0" fmla="*/ 169845 w 1219380"/>
                <a:gd name="connsiteY0" fmla="*/ 580537 h 843004"/>
                <a:gd name="connsiteX1" fmla="*/ 58912 w 1219380"/>
                <a:gd name="connsiteY1" fmla="*/ 126866 h 843004"/>
                <a:gd name="connsiteX2" fmla="*/ 54289 w 1219380"/>
                <a:gd name="connsiteY2" fmla="*/ 19640 h 843004"/>
                <a:gd name="connsiteX3" fmla="*/ 169882 w 1219380"/>
                <a:gd name="connsiteY3" fmla="*/ 6875 h 843004"/>
                <a:gd name="connsiteX4" fmla="*/ 444500 w 1219380"/>
                <a:gd name="connsiteY4" fmla="*/ 2315 h 843004"/>
                <a:gd name="connsiteX5" fmla="*/ 755650 w 1219380"/>
                <a:gd name="connsiteY5" fmla="*/ 23854 h 843004"/>
                <a:gd name="connsiteX6" fmla="*/ 838200 w 1219380"/>
                <a:gd name="connsiteY6" fmla="*/ 100054 h 843004"/>
                <a:gd name="connsiteX7" fmla="*/ 863600 w 1219380"/>
                <a:gd name="connsiteY7" fmla="*/ 227054 h 843004"/>
                <a:gd name="connsiteX8" fmla="*/ 762000 w 1219380"/>
                <a:gd name="connsiteY8" fmla="*/ 296904 h 843004"/>
                <a:gd name="connsiteX9" fmla="*/ 819150 w 1219380"/>
                <a:gd name="connsiteY9" fmla="*/ 544554 h 843004"/>
                <a:gd name="connsiteX10" fmla="*/ 1009650 w 1219380"/>
                <a:gd name="connsiteY10" fmla="*/ 639804 h 843004"/>
                <a:gd name="connsiteX11" fmla="*/ 1174750 w 1219380"/>
                <a:gd name="connsiteY11" fmla="*/ 728704 h 843004"/>
                <a:gd name="connsiteX12" fmla="*/ 1206500 w 1219380"/>
                <a:gd name="connsiteY12" fmla="*/ 792204 h 843004"/>
                <a:gd name="connsiteX13" fmla="*/ 990600 w 1219380"/>
                <a:gd name="connsiteY13" fmla="*/ 817604 h 843004"/>
                <a:gd name="connsiteX14" fmla="*/ 368300 w 1219380"/>
                <a:gd name="connsiteY14" fmla="*/ 843004 h 843004"/>
                <a:gd name="connsiteX15" fmla="*/ 0 w 1219380"/>
                <a:gd name="connsiteY15" fmla="*/ 817604 h 843004"/>
                <a:gd name="connsiteX0" fmla="*/ 169845 w 1219380"/>
                <a:gd name="connsiteY0" fmla="*/ 580537 h 843004"/>
                <a:gd name="connsiteX1" fmla="*/ 132892 w 1219380"/>
                <a:gd name="connsiteY1" fmla="*/ 208562 h 843004"/>
                <a:gd name="connsiteX2" fmla="*/ 58912 w 1219380"/>
                <a:gd name="connsiteY2" fmla="*/ 126866 h 843004"/>
                <a:gd name="connsiteX3" fmla="*/ 54289 w 1219380"/>
                <a:gd name="connsiteY3" fmla="*/ 19640 h 843004"/>
                <a:gd name="connsiteX4" fmla="*/ 169882 w 1219380"/>
                <a:gd name="connsiteY4" fmla="*/ 6875 h 843004"/>
                <a:gd name="connsiteX5" fmla="*/ 444500 w 1219380"/>
                <a:gd name="connsiteY5" fmla="*/ 2315 h 843004"/>
                <a:gd name="connsiteX6" fmla="*/ 755650 w 1219380"/>
                <a:gd name="connsiteY6" fmla="*/ 23854 h 843004"/>
                <a:gd name="connsiteX7" fmla="*/ 838200 w 1219380"/>
                <a:gd name="connsiteY7" fmla="*/ 100054 h 843004"/>
                <a:gd name="connsiteX8" fmla="*/ 863600 w 1219380"/>
                <a:gd name="connsiteY8" fmla="*/ 227054 h 843004"/>
                <a:gd name="connsiteX9" fmla="*/ 762000 w 1219380"/>
                <a:gd name="connsiteY9" fmla="*/ 296904 h 843004"/>
                <a:gd name="connsiteX10" fmla="*/ 819150 w 1219380"/>
                <a:gd name="connsiteY10" fmla="*/ 544554 h 843004"/>
                <a:gd name="connsiteX11" fmla="*/ 1009650 w 1219380"/>
                <a:gd name="connsiteY11" fmla="*/ 639804 h 843004"/>
                <a:gd name="connsiteX12" fmla="*/ 1174750 w 1219380"/>
                <a:gd name="connsiteY12" fmla="*/ 728704 h 843004"/>
                <a:gd name="connsiteX13" fmla="*/ 1206500 w 1219380"/>
                <a:gd name="connsiteY13" fmla="*/ 792204 h 843004"/>
                <a:gd name="connsiteX14" fmla="*/ 990600 w 1219380"/>
                <a:gd name="connsiteY14" fmla="*/ 817604 h 843004"/>
                <a:gd name="connsiteX15" fmla="*/ 368300 w 1219380"/>
                <a:gd name="connsiteY15" fmla="*/ 843004 h 843004"/>
                <a:gd name="connsiteX16" fmla="*/ 0 w 1219380"/>
                <a:gd name="connsiteY16" fmla="*/ 817604 h 843004"/>
                <a:gd name="connsiteX0" fmla="*/ 169845 w 1219380"/>
                <a:gd name="connsiteY0" fmla="*/ 580537 h 843004"/>
                <a:gd name="connsiteX1" fmla="*/ 146763 w 1219380"/>
                <a:gd name="connsiteY1" fmla="*/ 433226 h 843004"/>
                <a:gd name="connsiteX2" fmla="*/ 132892 w 1219380"/>
                <a:gd name="connsiteY2" fmla="*/ 208562 h 843004"/>
                <a:gd name="connsiteX3" fmla="*/ 58912 w 1219380"/>
                <a:gd name="connsiteY3" fmla="*/ 126866 h 843004"/>
                <a:gd name="connsiteX4" fmla="*/ 54289 w 1219380"/>
                <a:gd name="connsiteY4" fmla="*/ 19640 h 843004"/>
                <a:gd name="connsiteX5" fmla="*/ 169882 w 1219380"/>
                <a:gd name="connsiteY5" fmla="*/ 6875 h 843004"/>
                <a:gd name="connsiteX6" fmla="*/ 444500 w 1219380"/>
                <a:gd name="connsiteY6" fmla="*/ 2315 h 843004"/>
                <a:gd name="connsiteX7" fmla="*/ 755650 w 1219380"/>
                <a:gd name="connsiteY7" fmla="*/ 23854 h 843004"/>
                <a:gd name="connsiteX8" fmla="*/ 838200 w 1219380"/>
                <a:gd name="connsiteY8" fmla="*/ 100054 h 843004"/>
                <a:gd name="connsiteX9" fmla="*/ 863600 w 1219380"/>
                <a:gd name="connsiteY9" fmla="*/ 227054 h 843004"/>
                <a:gd name="connsiteX10" fmla="*/ 762000 w 1219380"/>
                <a:gd name="connsiteY10" fmla="*/ 296904 h 843004"/>
                <a:gd name="connsiteX11" fmla="*/ 819150 w 1219380"/>
                <a:gd name="connsiteY11" fmla="*/ 544554 h 843004"/>
                <a:gd name="connsiteX12" fmla="*/ 1009650 w 1219380"/>
                <a:gd name="connsiteY12" fmla="*/ 639804 h 843004"/>
                <a:gd name="connsiteX13" fmla="*/ 1174750 w 1219380"/>
                <a:gd name="connsiteY13" fmla="*/ 728704 h 843004"/>
                <a:gd name="connsiteX14" fmla="*/ 1206500 w 1219380"/>
                <a:gd name="connsiteY14" fmla="*/ 792204 h 843004"/>
                <a:gd name="connsiteX15" fmla="*/ 990600 w 1219380"/>
                <a:gd name="connsiteY15" fmla="*/ 817604 h 843004"/>
                <a:gd name="connsiteX16" fmla="*/ 368300 w 1219380"/>
                <a:gd name="connsiteY16" fmla="*/ 843004 h 843004"/>
                <a:gd name="connsiteX17" fmla="*/ 0 w 1219380"/>
                <a:gd name="connsiteY17" fmla="*/ 817604 h 843004"/>
                <a:gd name="connsiteX0" fmla="*/ 130543 w 1219380"/>
                <a:gd name="connsiteY0" fmla="*/ 649468 h 843004"/>
                <a:gd name="connsiteX1" fmla="*/ 146763 w 1219380"/>
                <a:gd name="connsiteY1" fmla="*/ 433226 h 843004"/>
                <a:gd name="connsiteX2" fmla="*/ 132892 w 1219380"/>
                <a:gd name="connsiteY2" fmla="*/ 208562 h 843004"/>
                <a:gd name="connsiteX3" fmla="*/ 58912 w 1219380"/>
                <a:gd name="connsiteY3" fmla="*/ 126866 h 843004"/>
                <a:gd name="connsiteX4" fmla="*/ 54289 w 1219380"/>
                <a:gd name="connsiteY4" fmla="*/ 19640 h 843004"/>
                <a:gd name="connsiteX5" fmla="*/ 169882 w 1219380"/>
                <a:gd name="connsiteY5" fmla="*/ 6875 h 843004"/>
                <a:gd name="connsiteX6" fmla="*/ 444500 w 1219380"/>
                <a:gd name="connsiteY6" fmla="*/ 2315 h 843004"/>
                <a:gd name="connsiteX7" fmla="*/ 755650 w 1219380"/>
                <a:gd name="connsiteY7" fmla="*/ 23854 h 843004"/>
                <a:gd name="connsiteX8" fmla="*/ 838200 w 1219380"/>
                <a:gd name="connsiteY8" fmla="*/ 100054 h 843004"/>
                <a:gd name="connsiteX9" fmla="*/ 863600 w 1219380"/>
                <a:gd name="connsiteY9" fmla="*/ 227054 h 843004"/>
                <a:gd name="connsiteX10" fmla="*/ 762000 w 1219380"/>
                <a:gd name="connsiteY10" fmla="*/ 296904 h 843004"/>
                <a:gd name="connsiteX11" fmla="*/ 819150 w 1219380"/>
                <a:gd name="connsiteY11" fmla="*/ 544554 h 843004"/>
                <a:gd name="connsiteX12" fmla="*/ 1009650 w 1219380"/>
                <a:gd name="connsiteY12" fmla="*/ 639804 h 843004"/>
                <a:gd name="connsiteX13" fmla="*/ 1174750 w 1219380"/>
                <a:gd name="connsiteY13" fmla="*/ 728704 h 843004"/>
                <a:gd name="connsiteX14" fmla="*/ 1206500 w 1219380"/>
                <a:gd name="connsiteY14" fmla="*/ 792204 h 843004"/>
                <a:gd name="connsiteX15" fmla="*/ 990600 w 1219380"/>
                <a:gd name="connsiteY15" fmla="*/ 817604 h 843004"/>
                <a:gd name="connsiteX16" fmla="*/ 368300 w 1219380"/>
                <a:gd name="connsiteY16" fmla="*/ 843004 h 843004"/>
                <a:gd name="connsiteX17" fmla="*/ 0 w 1219380"/>
                <a:gd name="connsiteY17" fmla="*/ 817604 h 843004"/>
                <a:gd name="connsiteX0" fmla="*/ 130543 w 1219380"/>
                <a:gd name="connsiteY0" fmla="*/ 649468 h 843004"/>
                <a:gd name="connsiteX1" fmla="*/ 156011 w 1219380"/>
                <a:gd name="connsiteY1" fmla="*/ 588959 h 843004"/>
                <a:gd name="connsiteX2" fmla="*/ 146763 w 1219380"/>
                <a:gd name="connsiteY2" fmla="*/ 433226 h 843004"/>
                <a:gd name="connsiteX3" fmla="*/ 132892 w 1219380"/>
                <a:gd name="connsiteY3" fmla="*/ 208562 h 843004"/>
                <a:gd name="connsiteX4" fmla="*/ 58912 w 1219380"/>
                <a:gd name="connsiteY4" fmla="*/ 126866 h 843004"/>
                <a:gd name="connsiteX5" fmla="*/ 54289 w 1219380"/>
                <a:gd name="connsiteY5" fmla="*/ 19640 h 843004"/>
                <a:gd name="connsiteX6" fmla="*/ 169882 w 1219380"/>
                <a:gd name="connsiteY6" fmla="*/ 6875 h 843004"/>
                <a:gd name="connsiteX7" fmla="*/ 444500 w 1219380"/>
                <a:gd name="connsiteY7" fmla="*/ 2315 h 843004"/>
                <a:gd name="connsiteX8" fmla="*/ 755650 w 1219380"/>
                <a:gd name="connsiteY8" fmla="*/ 23854 h 843004"/>
                <a:gd name="connsiteX9" fmla="*/ 838200 w 1219380"/>
                <a:gd name="connsiteY9" fmla="*/ 100054 h 843004"/>
                <a:gd name="connsiteX10" fmla="*/ 863600 w 1219380"/>
                <a:gd name="connsiteY10" fmla="*/ 227054 h 843004"/>
                <a:gd name="connsiteX11" fmla="*/ 762000 w 1219380"/>
                <a:gd name="connsiteY11" fmla="*/ 296904 h 843004"/>
                <a:gd name="connsiteX12" fmla="*/ 819150 w 1219380"/>
                <a:gd name="connsiteY12" fmla="*/ 544554 h 843004"/>
                <a:gd name="connsiteX13" fmla="*/ 1009650 w 1219380"/>
                <a:gd name="connsiteY13" fmla="*/ 639804 h 843004"/>
                <a:gd name="connsiteX14" fmla="*/ 1174750 w 1219380"/>
                <a:gd name="connsiteY14" fmla="*/ 728704 h 843004"/>
                <a:gd name="connsiteX15" fmla="*/ 1206500 w 1219380"/>
                <a:gd name="connsiteY15" fmla="*/ 792204 h 843004"/>
                <a:gd name="connsiteX16" fmla="*/ 990600 w 1219380"/>
                <a:gd name="connsiteY16" fmla="*/ 817604 h 843004"/>
                <a:gd name="connsiteX17" fmla="*/ 368300 w 1219380"/>
                <a:gd name="connsiteY17" fmla="*/ 843004 h 843004"/>
                <a:gd name="connsiteX18" fmla="*/ 0 w 1219380"/>
                <a:gd name="connsiteY18" fmla="*/ 817604 h 843004"/>
                <a:gd name="connsiteX0" fmla="*/ 0 w 1278411"/>
                <a:gd name="connsiteY0" fmla="*/ 764353 h 843004"/>
                <a:gd name="connsiteX1" fmla="*/ 215042 w 1278411"/>
                <a:gd name="connsiteY1" fmla="*/ 588959 h 843004"/>
                <a:gd name="connsiteX2" fmla="*/ 205794 w 1278411"/>
                <a:gd name="connsiteY2" fmla="*/ 433226 h 843004"/>
                <a:gd name="connsiteX3" fmla="*/ 191923 w 1278411"/>
                <a:gd name="connsiteY3" fmla="*/ 208562 h 843004"/>
                <a:gd name="connsiteX4" fmla="*/ 117943 w 1278411"/>
                <a:gd name="connsiteY4" fmla="*/ 126866 h 843004"/>
                <a:gd name="connsiteX5" fmla="*/ 113320 w 1278411"/>
                <a:gd name="connsiteY5" fmla="*/ 19640 h 843004"/>
                <a:gd name="connsiteX6" fmla="*/ 228913 w 1278411"/>
                <a:gd name="connsiteY6" fmla="*/ 6875 h 843004"/>
                <a:gd name="connsiteX7" fmla="*/ 503531 w 1278411"/>
                <a:gd name="connsiteY7" fmla="*/ 2315 h 843004"/>
                <a:gd name="connsiteX8" fmla="*/ 814681 w 1278411"/>
                <a:gd name="connsiteY8" fmla="*/ 23854 h 843004"/>
                <a:gd name="connsiteX9" fmla="*/ 897231 w 1278411"/>
                <a:gd name="connsiteY9" fmla="*/ 100054 h 843004"/>
                <a:gd name="connsiteX10" fmla="*/ 922631 w 1278411"/>
                <a:gd name="connsiteY10" fmla="*/ 227054 h 843004"/>
                <a:gd name="connsiteX11" fmla="*/ 821031 w 1278411"/>
                <a:gd name="connsiteY11" fmla="*/ 296904 h 843004"/>
                <a:gd name="connsiteX12" fmla="*/ 878181 w 1278411"/>
                <a:gd name="connsiteY12" fmla="*/ 544554 h 843004"/>
                <a:gd name="connsiteX13" fmla="*/ 1068681 w 1278411"/>
                <a:gd name="connsiteY13" fmla="*/ 639804 h 843004"/>
                <a:gd name="connsiteX14" fmla="*/ 1233781 w 1278411"/>
                <a:gd name="connsiteY14" fmla="*/ 728704 h 843004"/>
                <a:gd name="connsiteX15" fmla="*/ 1265531 w 1278411"/>
                <a:gd name="connsiteY15" fmla="*/ 792204 h 843004"/>
                <a:gd name="connsiteX16" fmla="*/ 1049631 w 1278411"/>
                <a:gd name="connsiteY16" fmla="*/ 817604 h 843004"/>
                <a:gd name="connsiteX17" fmla="*/ 427331 w 1278411"/>
                <a:gd name="connsiteY17" fmla="*/ 843004 h 843004"/>
                <a:gd name="connsiteX18" fmla="*/ 59031 w 1278411"/>
                <a:gd name="connsiteY18" fmla="*/ 817604 h 843004"/>
                <a:gd name="connsiteX0" fmla="*/ 0 w 1278411"/>
                <a:gd name="connsiteY0" fmla="*/ 764353 h 843004"/>
                <a:gd name="connsiteX1" fmla="*/ 46274 w 1278411"/>
                <a:gd name="connsiteY1" fmla="*/ 698738 h 843004"/>
                <a:gd name="connsiteX2" fmla="*/ 215042 w 1278411"/>
                <a:gd name="connsiteY2" fmla="*/ 588959 h 843004"/>
                <a:gd name="connsiteX3" fmla="*/ 205794 w 1278411"/>
                <a:gd name="connsiteY3" fmla="*/ 433226 h 843004"/>
                <a:gd name="connsiteX4" fmla="*/ 191923 w 1278411"/>
                <a:gd name="connsiteY4" fmla="*/ 208562 h 843004"/>
                <a:gd name="connsiteX5" fmla="*/ 117943 w 1278411"/>
                <a:gd name="connsiteY5" fmla="*/ 126866 h 843004"/>
                <a:gd name="connsiteX6" fmla="*/ 113320 w 1278411"/>
                <a:gd name="connsiteY6" fmla="*/ 19640 h 843004"/>
                <a:gd name="connsiteX7" fmla="*/ 228913 w 1278411"/>
                <a:gd name="connsiteY7" fmla="*/ 6875 h 843004"/>
                <a:gd name="connsiteX8" fmla="*/ 503531 w 1278411"/>
                <a:gd name="connsiteY8" fmla="*/ 2315 h 843004"/>
                <a:gd name="connsiteX9" fmla="*/ 814681 w 1278411"/>
                <a:gd name="connsiteY9" fmla="*/ 23854 h 843004"/>
                <a:gd name="connsiteX10" fmla="*/ 897231 w 1278411"/>
                <a:gd name="connsiteY10" fmla="*/ 100054 h 843004"/>
                <a:gd name="connsiteX11" fmla="*/ 922631 w 1278411"/>
                <a:gd name="connsiteY11" fmla="*/ 227054 h 843004"/>
                <a:gd name="connsiteX12" fmla="*/ 821031 w 1278411"/>
                <a:gd name="connsiteY12" fmla="*/ 296904 h 843004"/>
                <a:gd name="connsiteX13" fmla="*/ 878181 w 1278411"/>
                <a:gd name="connsiteY13" fmla="*/ 544554 h 843004"/>
                <a:gd name="connsiteX14" fmla="*/ 1068681 w 1278411"/>
                <a:gd name="connsiteY14" fmla="*/ 639804 h 843004"/>
                <a:gd name="connsiteX15" fmla="*/ 1233781 w 1278411"/>
                <a:gd name="connsiteY15" fmla="*/ 728704 h 843004"/>
                <a:gd name="connsiteX16" fmla="*/ 1265531 w 1278411"/>
                <a:gd name="connsiteY16" fmla="*/ 792204 h 843004"/>
                <a:gd name="connsiteX17" fmla="*/ 1049631 w 1278411"/>
                <a:gd name="connsiteY17" fmla="*/ 817604 h 843004"/>
                <a:gd name="connsiteX18" fmla="*/ 427331 w 1278411"/>
                <a:gd name="connsiteY18" fmla="*/ 843004 h 843004"/>
                <a:gd name="connsiteX19" fmla="*/ 59031 w 1278411"/>
                <a:gd name="connsiteY19" fmla="*/ 817604 h 843004"/>
                <a:gd name="connsiteX0" fmla="*/ 0 w 1278411"/>
                <a:gd name="connsiteY0" fmla="*/ 764353 h 843004"/>
                <a:gd name="connsiteX1" fmla="*/ 55521 w 1278411"/>
                <a:gd name="connsiteY1" fmla="*/ 711503 h 843004"/>
                <a:gd name="connsiteX2" fmla="*/ 215042 w 1278411"/>
                <a:gd name="connsiteY2" fmla="*/ 588959 h 843004"/>
                <a:gd name="connsiteX3" fmla="*/ 205794 w 1278411"/>
                <a:gd name="connsiteY3" fmla="*/ 433226 h 843004"/>
                <a:gd name="connsiteX4" fmla="*/ 191923 w 1278411"/>
                <a:gd name="connsiteY4" fmla="*/ 208562 h 843004"/>
                <a:gd name="connsiteX5" fmla="*/ 117943 w 1278411"/>
                <a:gd name="connsiteY5" fmla="*/ 126866 h 843004"/>
                <a:gd name="connsiteX6" fmla="*/ 113320 w 1278411"/>
                <a:gd name="connsiteY6" fmla="*/ 19640 h 843004"/>
                <a:gd name="connsiteX7" fmla="*/ 228913 w 1278411"/>
                <a:gd name="connsiteY7" fmla="*/ 6875 h 843004"/>
                <a:gd name="connsiteX8" fmla="*/ 503531 w 1278411"/>
                <a:gd name="connsiteY8" fmla="*/ 2315 h 843004"/>
                <a:gd name="connsiteX9" fmla="*/ 814681 w 1278411"/>
                <a:gd name="connsiteY9" fmla="*/ 23854 h 843004"/>
                <a:gd name="connsiteX10" fmla="*/ 897231 w 1278411"/>
                <a:gd name="connsiteY10" fmla="*/ 100054 h 843004"/>
                <a:gd name="connsiteX11" fmla="*/ 922631 w 1278411"/>
                <a:gd name="connsiteY11" fmla="*/ 227054 h 843004"/>
                <a:gd name="connsiteX12" fmla="*/ 821031 w 1278411"/>
                <a:gd name="connsiteY12" fmla="*/ 296904 h 843004"/>
                <a:gd name="connsiteX13" fmla="*/ 878181 w 1278411"/>
                <a:gd name="connsiteY13" fmla="*/ 544554 h 843004"/>
                <a:gd name="connsiteX14" fmla="*/ 1068681 w 1278411"/>
                <a:gd name="connsiteY14" fmla="*/ 639804 h 843004"/>
                <a:gd name="connsiteX15" fmla="*/ 1233781 w 1278411"/>
                <a:gd name="connsiteY15" fmla="*/ 728704 h 843004"/>
                <a:gd name="connsiteX16" fmla="*/ 1265531 w 1278411"/>
                <a:gd name="connsiteY16" fmla="*/ 792204 h 843004"/>
                <a:gd name="connsiteX17" fmla="*/ 1049631 w 1278411"/>
                <a:gd name="connsiteY17" fmla="*/ 817604 h 843004"/>
                <a:gd name="connsiteX18" fmla="*/ 427331 w 1278411"/>
                <a:gd name="connsiteY18" fmla="*/ 843004 h 843004"/>
                <a:gd name="connsiteX19" fmla="*/ 59031 w 1278411"/>
                <a:gd name="connsiteY19" fmla="*/ 817604 h 843004"/>
                <a:gd name="connsiteX0" fmla="*/ 14034 w 1236960"/>
                <a:gd name="connsiteY0" fmla="*/ 820518 h 843004"/>
                <a:gd name="connsiteX1" fmla="*/ 14070 w 1236960"/>
                <a:gd name="connsiteY1" fmla="*/ 711503 h 843004"/>
                <a:gd name="connsiteX2" fmla="*/ 173591 w 1236960"/>
                <a:gd name="connsiteY2" fmla="*/ 588959 h 843004"/>
                <a:gd name="connsiteX3" fmla="*/ 164343 w 1236960"/>
                <a:gd name="connsiteY3" fmla="*/ 433226 h 843004"/>
                <a:gd name="connsiteX4" fmla="*/ 150472 w 1236960"/>
                <a:gd name="connsiteY4" fmla="*/ 208562 h 843004"/>
                <a:gd name="connsiteX5" fmla="*/ 76492 w 1236960"/>
                <a:gd name="connsiteY5" fmla="*/ 126866 h 843004"/>
                <a:gd name="connsiteX6" fmla="*/ 71869 w 1236960"/>
                <a:gd name="connsiteY6" fmla="*/ 19640 h 843004"/>
                <a:gd name="connsiteX7" fmla="*/ 187462 w 1236960"/>
                <a:gd name="connsiteY7" fmla="*/ 6875 h 843004"/>
                <a:gd name="connsiteX8" fmla="*/ 462080 w 1236960"/>
                <a:gd name="connsiteY8" fmla="*/ 2315 h 843004"/>
                <a:gd name="connsiteX9" fmla="*/ 773230 w 1236960"/>
                <a:gd name="connsiteY9" fmla="*/ 23854 h 843004"/>
                <a:gd name="connsiteX10" fmla="*/ 855780 w 1236960"/>
                <a:gd name="connsiteY10" fmla="*/ 100054 h 843004"/>
                <a:gd name="connsiteX11" fmla="*/ 881180 w 1236960"/>
                <a:gd name="connsiteY11" fmla="*/ 227054 h 843004"/>
                <a:gd name="connsiteX12" fmla="*/ 779580 w 1236960"/>
                <a:gd name="connsiteY12" fmla="*/ 296904 h 843004"/>
                <a:gd name="connsiteX13" fmla="*/ 836730 w 1236960"/>
                <a:gd name="connsiteY13" fmla="*/ 544554 h 843004"/>
                <a:gd name="connsiteX14" fmla="*/ 1027230 w 1236960"/>
                <a:gd name="connsiteY14" fmla="*/ 639804 h 843004"/>
                <a:gd name="connsiteX15" fmla="*/ 1192330 w 1236960"/>
                <a:gd name="connsiteY15" fmla="*/ 728704 h 843004"/>
                <a:gd name="connsiteX16" fmla="*/ 1224080 w 1236960"/>
                <a:gd name="connsiteY16" fmla="*/ 792204 h 843004"/>
                <a:gd name="connsiteX17" fmla="*/ 1008180 w 1236960"/>
                <a:gd name="connsiteY17" fmla="*/ 817604 h 843004"/>
                <a:gd name="connsiteX18" fmla="*/ 385880 w 1236960"/>
                <a:gd name="connsiteY18" fmla="*/ 843004 h 843004"/>
                <a:gd name="connsiteX19" fmla="*/ 17580 w 1236960"/>
                <a:gd name="connsiteY19" fmla="*/ 817604 h 843004"/>
                <a:gd name="connsiteX0" fmla="*/ 50825 w 1273751"/>
                <a:gd name="connsiteY0" fmla="*/ 820518 h 843004"/>
                <a:gd name="connsiteX1" fmla="*/ 0 w 1273751"/>
                <a:gd name="connsiteY1" fmla="*/ 760009 h 843004"/>
                <a:gd name="connsiteX2" fmla="*/ 50861 w 1273751"/>
                <a:gd name="connsiteY2" fmla="*/ 711503 h 843004"/>
                <a:gd name="connsiteX3" fmla="*/ 210382 w 1273751"/>
                <a:gd name="connsiteY3" fmla="*/ 588959 h 843004"/>
                <a:gd name="connsiteX4" fmla="*/ 201134 w 1273751"/>
                <a:gd name="connsiteY4" fmla="*/ 433226 h 843004"/>
                <a:gd name="connsiteX5" fmla="*/ 187263 w 1273751"/>
                <a:gd name="connsiteY5" fmla="*/ 208562 h 843004"/>
                <a:gd name="connsiteX6" fmla="*/ 113283 w 1273751"/>
                <a:gd name="connsiteY6" fmla="*/ 126866 h 843004"/>
                <a:gd name="connsiteX7" fmla="*/ 108660 w 1273751"/>
                <a:gd name="connsiteY7" fmla="*/ 19640 h 843004"/>
                <a:gd name="connsiteX8" fmla="*/ 224253 w 1273751"/>
                <a:gd name="connsiteY8" fmla="*/ 6875 h 843004"/>
                <a:gd name="connsiteX9" fmla="*/ 498871 w 1273751"/>
                <a:gd name="connsiteY9" fmla="*/ 2315 h 843004"/>
                <a:gd name="connsiteX10" fmla="*/ 810021 w 1273751"/>
                <a:gd name="connsiteY10" fmla="*/ 23854 h 843004"/>
                <a:gd name="connsiteX11" fmla="*/ 892571 w 1273751"/>
                <a:gd name="connsiteY11" fmla="*/ 100054 h 843004"/>
                <a:gd name="connsiteX12" fmla="*/ 917971 w 1273751"/>
                <a:gd name="connsiteY12" fmla="*/ 227054 h 843004"/>
                <a:gd name="connsiteX13" fmla="*/ 816371 w 1273751"/>
                <a:gd name="connsiteY13" fmla="*/ 296904 h 843004"/>
                <a:gd name="connsiteX14" fmla="*/ 873521 w 1273751"/>
                <a:gd name="connsiteY14" fmla="*/ 544554 h 843004"/>
                <a:gd name="connsiteX15" fmla="*/ 1064021 w 1273751"/>
                <a:gd name="connsiteY15" fmla="*/ 639804 h 843004"/>
                <a:gd name="connsiteX16" fmla="*/ 1229121 w 1273751"/>
                <a:gd name="connsiteY16" fmla="*/ 728704 h 843004"/>
                <a:gd name="connsiteX17" fmla="*/ 1260871 w 1273751"/>
                <a:gd name="connsiteY17" fmla="*/ 792204 h 843004"/>
                <a:gd name="connsiteX18" fmla="*/ 1044971 w 1273751"/>
                <a:gd name="connsiteY18" fmla="*/ 817604 h 843004"/>
                <a:gd name="connsiteX19" fmla="*/ 422671 w 1273751"/>
                <a:gd name="connsiteY19" fmla="*/ 843004 h 843004"/>
                <a:gd name="connsiteX20" fmla="*/ 54371 w 1273751"/>
                <a:gd name="connsiteY20" fmla="*/ 817604 h 843004"/>
                <a:gd name="connsiteX0" fmla="*/ 11791 w 1234717"/>
                <a:gd name="connsiteY0" fmla="*/ 820518 h 843004"/>
                <a:gd name="connsiteX1" fmla="*/ 11827 w 1234717"/>
                <a:gd name="connsiteY1" fmla="*/ 711503 h 843004"/>
                <a:gd name="connsiteX2" fmla="*/ 171348 w 1234717"/>
                <a:gd name="connsiteY2" fmla="*/ 588959 h 843004"/>
                <a:gd name="connsiteX3" fmla="*/ 162100 w 1234717"/>
                <a:gd name="connsiteY3" fmla="*/ 433226 h 843004"/>
                <a:gd name="connsiteX4" fmla="*/ 148229 w 1234717"/>
                <a:gd name="connsiteY4" fmla="*/ 208562 h 843004"/>
                <a:gd name="connsiteX5" fmla="*/ 74249 w 1234717"/>
                <a:gd name="connsiteY5" fmla="*/ 126866 h 843004"/>
                <a:gd name="connsiteX6" fmla="*/ 69626 w 1234717"/>
                <a:gd name="connsiteY6" fmla="*/ 19640 h 843004"/>
                <a:gd name="connsiteX7" fmla="*/ 185219 w 1234717"/>
                <a:gd name="connsiteY7" fmla="*/ 6875 h 843004"/>
                <a:gd name="connsiteX8" fmla="*/ 459837 w 1234717"/>
                <a:gd name="connsiteY8" fmla="*/ 2315 h 843004"/>
                <a:gd name="connsiteX9" fmla="*/ 770987 w 1234717"/>
                <a:gd name="connsiteY9" fmla="*/ 23854 h 843004"/>
                <a:gd name="connsiteX10" fmla="*/ 853537 w 1234717"/>
                <a:gd name="connsiteY10" fmla="*/ 100054 h 843004"/>
                <a:gd name="connsiteX11" fmla="*/ 878937 w 1234717"/>
                <a:gd name="connsiteY11" fmla="*/ 227054 h 843004"/>
                <a:gd name="connsiteX12" fmla="*/ 777337 w 1234717"/>
                <a:gd name="connsiteY12" fmla="*/ 296904 h 843004"/>
                <a:gd name="connsiteX13" fmla="*/ 834487 w 1234717"/>
                <a:gd name="connsiteY13" fmla="*/ 544554 h 843004"/>
                <a:gd name="connsiteX14" fmla="*/ 1024987 w 1234717"/>
                <a:gd name="connsiteY14" fmla="*/ 639804 h 843004"/>
                <a:gd name="connsiteX15" fmla="*/ 1190087 w 1234717"/>
                <a:gd name="connsiteY15" fmla="*/ 728704 h 843004"/>
                <a:gd name="connsiteX16" fmla="*/ 1221837 w 1234717"/>
                <a:gd name="connsiteY16" fmla="*/ 792204 h 843004"/>
                <a:gd name="connsiteX17" fmla="*/ 1005937 w 1234717"/>
                <a:gd name="connsiteY17" fmla="*/ 817604 h 843004"/>
                <a:gd name="connsiteX18" fmla="*/ 383637 w 1234717"/>
                <a:gd name="connsiteY18" fmla="*/ 843004 h 843004"/>
                <a:gd name="connsiteX19" fmla="*/ 15337 w 1234717"/>
                <a:gd name="connsiteY19" fmla="*/ 817604 h 843004"/>
                <a:gd name="connsiteX0" fmla="*/ 11791 w 1234717"/>
                <a:gd name="connsiteY0" fmla="*/ 820518 h 843004"/>
                <a:gd name="connsiteX1" fmla="*/ 11827 w 1234717"/>
                <a:gd name="connsiteY1" fmla="*/ 711503 h 843004"/>
                <a:gd name="connsiteX2" fmla="*/ 171348 w 1234717"/>
                <a:gd name="connsiteY2" fmla="*/ 588959 h 843004"/>
                <a:gd name="connsiteX3" fmla="*/ 162100 w 1234717"/>
                <a:gd name="connsiteY3" fmla="*/ 433226 h 843004"/>
                <a:gd name="connsiteX4" fmla="*/ 148229 w 1234717"/>
                <a:gd name="connsiteY4" fmla="*/ 208562 h 843004"/>
                <a:gd name="connsiteX5" fmla="*/ 74249 w 1234717"/>
                <a:gd name="connsiteY5" fmla="*/ 126866 h 843004"/>
                <a:gd name="connsiteX6" fmla="*/ 69626 w 1234717"/>
                <a:gd name="connsiteY6" fmla="*/ 19640 h 843004"/>
                <a:gd name="connsiteX7" fmla="*/ 185219 w 1234717"/>
                <a:gd name="connsiteY7" fmla="*/ 6875 h 843004"/>
                <a:gd name="connsiteX8" fmla="*/ 459837 w 1234717"/>
                <a:gd name="connsiteY8" fmla="*/ 2315 h 843004"/>
                <a:gd name="connsiteX9" fmla="*/ 770987 w 1234717"/>
                <a:gd name="connsiteY9" fmla="*/ 23854 h 843004"/>
                <a:gd name="connsiteX10" fmla="*/ 853537 w 1234717"/>
                <a:gd name="connsiteY10" fmla="*/ 100054 h 843004"/>
                <a:gd name="connsiteX11" fmla="*/ 878937 w 1234717"/>
                <a:gd name="connsiteY11" fmla="*/ 227054 h 843004"/>
                <a:gd name="connsiteX12" fmla="*/ 777337 w 1234717"/>
                <a:gd name="connsiteY12" fmla="*/ 296904 h 843004"/>
                <a:gd name="connsiteX13" fmla="*/ 834487 w 1234717"/>
                <a:gd name="connsiteY13" fmla="*/ 544554 h 843004"/>
                <a:gd name="connsiteX14" fmla="*/ 1024987 w 1234717"/>
                <a:gd name="connsiteY14" fmla="*/ 639804 h 843004"/>
                <a:gd name="connsiteX15" fmla="*/ 1190087 w 1234717"/>
                <a:gd name="connsiteY15" fmla="*/ 728704 h 843004"/>
                <a:gd name="connsiteX16" fmla="*/ 1221837 w 1234717"/>
                <a:gd name="connsiteY16" fmla="*/ 792204 h 843004"/>
                <a:gd name="connsiteX17" fmla="*/ 1005937 w 1234717"/>
                <a:gd name="connsiteY17" fmla="*/ 817604 h 843004"/>
                <a:gd name="connsiteX18" fmla="*/ 383637 w 1234717"/>
                <a:gd name="connsiteY18" fmla="*/ 843004 h 843004"/>
                <a:gd name="connsiteX19" fmla="*/ 34376 w 1234717"/>
                <a:gd name="connsiteY19" fmla="*/ 817604 h 843004"/>
                <a:gd name="connsiteX0" fmla="*/ 0 w 1222890"/>
                <a:gd name="connsiteY0" fmla="*/ 711503 h 843004"/>
                <a:gd name="connsiteX1" fmla="*/ 159521 w 1222890"/>
                <a:gd name="connsiteY1" fmla="*/ 588959 h 843004"/>
                <a:gd name="connsiteX2" fmla="*/ 150273 w 1222890"/>
                <a:gd name="connsiteY2" fmla="*/ 433226 h 843004"/>
                <a:gd name="connsiteX3" fmla="*/ 136402 w 1222890"/>
                <a:gd name="connsiteY3" fmla="*/ 208562 h 843004"/>
                <a:gd name="connsiteX4" fmla="*/ 62422 w 1222890"/>
                <a:gd name="connsiteY4" fmla="*/ 126866 h 843004"/>
                <a:gd name="connsiteX5" fmla="*/ 57799 w 1222890"/>
                <a:gd name="connsiteY5" fmla="*/ 19640 h 843004"/>
                <a:gd name="connsiteX6" fmla="*/ 173392 w 1222890"/>
                <a:gd name="connsiteY6" fmla="*/ 6875 h 843004"/>
                <a:gd name="connsiteX7" fmla="*/ 448010 w 1222890"/>
                <a:gd name="connsiteY7" fmla="*/ 2315 h 843004"/>
                <a:gd name="connsiteX8" fmla="*/ 759160 w 1222890"/>
                <a:gd name="connsiteY8" fmla="*/ 23854 h 843004"/>
                <a:gd name="connsiteX9" fmla="*/ 841710 w 1222890"/>
                <a:gd name="connsiteY9" fmla="*/ 100054 h 843004"/>
                <a:gd name="connsiteX10" fmla="*/ 867110 w 1222890"/>
                <a:gd name="connsiteY10" fmla="*/ 227054 h 843004"/>
                <a:gd name="connsiteX11" fmla="*/ 765510 w 1222890"/>
                <a:gd name="connsiteY11" fmla="*/ 296904 h 843004"/>
                <a:gd name="connsiteX12" fmla="*/ 822660 w 1222890"/>
                <a:gd name="connsiteY12" fmla="*/ 544554 h 843004"/>
                <a:gd name="connsiteX13" fmla="*/ 1013160 w 1222890"/>
                <a:gd name="connsiteY13" fmla="*/ 639804 h 843004"/>
                <a:gd name="connsiteX14" fmla="*/ 1178260 w 1222890"/>
                <a:gd name="connsiteY14" fmla="*/ 728704 h 843004"/>
                <a:gd name="connsiteX15" fmla="*/ 1210010 w 1222890"/>
                <a:gd name="connsiteY15" fmla="*/ 792204 h 843004"/>
                <a:gd name="connsiteX16" fmla="*/ 994110 w 1222890"/>
                <a:gd name="connsiteY16" fmla="*/ 817604 h 843004"/>
                <a:gd name="connsiteX17" fmla="*/ 371810 w 1222890"/>
                <a:gd name="connsiteY17" fmla="*/ 843004 h 843004"/>
                <a:gd name="connsiteX18" fmla="*/ 22549 w 1222890"/>
                <a:gd name="connsiteY18" fmla="*/ 817604 h 843004"/>
                <a:gd name="connsiteX0" fmla="*/ 136972 w 1200341"/>
                <a:gd name="connsiteY0" fmla="*/ 588959 h 843004"/>
                <a:gd name="connsiteX1" fmla="*/ 127724 w 1200341"/>
                <a:gd name="connsiteY1" fmla="*/ 433226 h 843004"/>
                <a:gd name="connsiteX2" fmla="*/ 113853 w 1200341"/>
                <a:gd name="connsiteY2" fmla="*/ 208562 h 843004"/>
                <a:gd name="connsiteX3" fmla="*/ 39873 w 1200341"/>
                <a:gd name="connsiteY3" fmla="*/ 126866 h 843004"/>
                <a:gd name="connsiteX4" fmla="*/ 35250 w 1200341"/>
                <a:gd name="connsiteY4" fmla="*/ 19640 h 843004"/>
                <a:gd name="connsiteX5" fmla="*/ 150843 w 1200341"/>
                <a:gd name="connsiteY5" fmla="*/ 6875 h 843004"/>
                <a:gd name="connsiteX6" fmla="*/ 425461 w 1200341"/>
                <a:gd name="connsiteY6" fmla="*/ 2315 h 843004"/>
                <a:gd name="connsiteX7" fmla="*/ 736611 w 1200341"/>
                <a:gd name="connsiteY7" fmla="*/ 23854 h 843004"/>
                <a:gd name="connsiteX8" fmla="*/ 819161 w 1200341"/>
                <a:gd name="connsiteY8" fmla="*/ 100054 h 843004"/>
                <a:gd name="connsiteX9" fmla="*/ 844561 w 1200341"/>
                <a:gd name="connsiteY9" fmla="*/ 227054 h 843004"/>
                <a:gd name="connsiteX10" fmla="*/ 742961 w 1200341"/>
                <a:gd name="connsiteY10" fmla="*/ 296904 h 843004"/>
                <a:gd name="connsiteX11" fmla="*/ 800111 w 1200341"/>
                <a:gd name="connsiteY11" fmla="*/ 544554 h 843004"/>
                <a:gd name="connsiteX12" fmla="*/ 990611 w 1200341"/>
                <a:gd name="connsiteY12" fmla="*/ 639804 h 843004"/>
                <a:gd name="connsiteX13" fmla="*/ 1155711 w 1200341"/>
                <a:gd name="connsiteY13" fmla="*/ 728704 h 843004"/>
                <a:gd name="connsiteX14" fmla="*/ 1187461 w 1200341"/>
                <a:gd name="connsiteY14" fmla="*/ 792204 h 843004"/>
                <a:gd name="connsiteX15" fmla="*/ 971561 w 1200341"/>
                <a:gd name="connsiteY15" fmla="*/ 817604 h 843004"/>
                <a:gd name="connsiteX16" fmla="*/ 349261 w 1200341"/>
                <a:gd name="connsiteY16" fmla="*/ 843004 h 843004"/>
                <a:gd name="connsiteX17" fmla="*/ 0 w 1200341"/>
                <a:gd name="connsiteY17" fmla="*/ 817604 h 843004"/>
                <a:gd name="connsiteX0" fmla="*/ 127724 w 1200341"/>
                <a:gd name="connsiteY0" fmla="*/ 433226 h 843004"/>
                <a:gd name="connsiteX1" fmla="*/ 113853 w 1200341"/>
                <a:gd name="connsiteY1" fmla="*/ 208562 h 843004"/>
                <a:gd name="connsiteX2" fmla="*/ 39873 w 1200341"/>
                <a:gd name="connsiteY2" fmla="*/ 126866 h 843004"/>
                <a:gd name="connsiteX3" fmla="*/ 35250 w 1200341"/>
                <a:gd name="connsiteY3" fmla="*/ 19640 h 843004"/>
                <a:gd name="connsiteX4" fmla="*/ 150843 w 1200341"/>
                <a:gd name="connsiteY4" fmla="*/ 6875 h 843004"/>
                <a:gd name="connsiteX5" fmla="*/ 425461 w 1200341"/>
                <a:gd name="connsiteY5" fmla="*/ 2315 h 843004"/>
                <a:gd name="connsiteX6" fmla="*/ 736611 w 1200341"/>
                <a:gd name="connsiteY6" fmla="*/ 23854 h 843004"/>
                <a:gd name="connsiteX7" fmla="*/ 819161 w 1200341"/>
                <a:gd name="connsiteY7" fmla="*/ 100054 h 843004"/>
                <a:gd name="connsiteX8" fmla="*/ 844561 w 1200341"/>
                <a:gd name="connsiteY8" fmla="*/ 227054 h 843004"/>
                <a:gd name="connsiteX9" fmla="*/ 742961 w 1200341"/>
                <a:gd name="connsiteY9" fmla="*/ 296904 h 843004"/>
                <a:gd name="connsiteX10" fmla="*/ 800111 w 1200341"/>
                <a:gd name="connsiteY10" fmla="*/ 544554 h 843004"/>
                <a:gd name="connsiteX11" fmla="*/ 990611 w 1200341"/>
                <a:gd name="connsiteY11" fmla="*/ 639804 h 843004"/>
                <a:gd name="connsiteX12" fmla="*/ 1155711 w 1200341"/>
                <a:gd name="connsiteY12" fmla="*/ 728704 h 843004"/>
                <a:gd name="connsiteX13" fmla="*/ 1187461 w 1200341"/>
                <a:gd name="connsiteY13" fmla="*/ 792204 h 843004"/>
                <a:gd name="connsiteX14" fmla="*/ 971561 w 1200341"/>
                <a:gd name="connsiteY14" fmla="*/ 817604 h 843004"/>
                <a:gd name="connsiteX15" fmla="*/ 349261 w 1200341"/>
                <a:gd name="connsiteY15" fmla="*/ 843004 h 843004"/>
                <a:gd name="connsiteX16" fmla="*/ 0 w 1200341"/>
                <a:gd name="connsiteY16" fmla="*/ 817604 h 843004"/>
                <a:gd name="connsiteX0" fmla="*/ 113853 w 1200341"/>
                <a:gd name="connsiteY0" fmla="*/ 208562 h 843004"/>
                <a:gd name="connsiteX1" fmla="*/ 39873 w 1200341"/>
                <a:gd name="connsiteY1" fmla="*/ 126866 h 843004"/>
                <a:gd name="connsiteX2" fmla="*/ 35250 w 1200341"/>
                <a:gd name="connsiteY2" fmla="*/ 19640 h 843004"/>
                <a:gd name="connsiteX3" fmla="*/ 150843 w 1200341"/>
                <a:gd name="connsiteY3" fmla="*/ 6875 h 843004"/>
                <a:gd name="connsiteX4" fmla="*/ 425461 w 1200341"/>
                <a:gd name="connsiteY4" fmla="*/ 2315 h 843004"/>
                <a:gd name="connsiteX5" fmla="*/ 736611 w 1200341"/>
                <a:gd name="connsiteY5" fmla="*/ 23854 h 843004"/>
                <a:gd name="connsiteX6" fmla="*/ 819161 w 1200341"/>
                <a:gd name="connsiteY6" fmla="*/ 100054 h 843004"/>
                <a:gd name="connsiteX7" fmla="*/ 844561 w 1200341"/>
                <a:gd name="connsiteY7" fmla="*/ 227054 h 843004"/>
                <a:gd name="connsiteX8" fmla="*/ 742961 w 1200341"/>
                <a:gd name="connsiteY8" fmla="*/ 296904 h 843004"/>
                <a:gd name="connsiteX9" fmla="*/ 800111 w 1200341"/>
                <a:gd name="connsiteY9" fmla="*/ 544554 h 843004"/>
                <a:gd name="connsiteX10" fmla="*/ 990611 w 1200341"/>
                <a:gd name="connsiteY10" fmla="*/ 639804 h 843004"/>
                <a:gd name="connsiteX11" fmla="*/ 1155711 w 1200341"/>
                <a:gd name="connsiteY11" fmla="*/ 728704 h 843004"/>
                <a:gd name="connsiteX12" fmla="*/ 1187461 w 1200341"/>
                <a:gd name="connsiteY12" fmla="*/ 792204 h 843004"/>
                <a:gd name="connsiteX13" fmla="*/ 971561 w 1200341"/>
                <a:gd name="connsiteY13" fmla="*/ 817604 h 843004"/>
                <a:gd name="connsiteX14" fmla="*/ 349261 w 1200341"/>
                <a:gd name="connsiteY14" fmla="*/ 843004 h 843004"/>
                <a:gd name="connsiteX15" fmla="*/ 0 w 1200341"/>
                <a:gd name="connsiteY15" fmla="*/ 817604 h 843004"/>
                <a:gd name="connsiteX0" fmla="*/ 39873 w 1200341"/>
                <a:gd name="connsiteY0" fmla="*/ 126866 h 843004"/>
                <a:gd name="connsiteX1" fmla="*/ 35250 w 1200341"/>
                <a:gd name="connsiteY1" fmla="*/ 19640 h 843004"/>
                <a:gd name="connsiteX2" fmla="*/ 150843 w 1200341"/>
                <a:gd name="connsiteY2" fmla="*/ 6875 h 843004"/>
                <a:gd name="connsiteX3" fmla="*/ 425461 w 1200341"/>
                <a:gd name="connsiteY3" fmla="*/ 2315 h 843004"/>
                <a:gd name="connsiteX4" fmla="*/ 736611 w 1200341"/>
                <a:gd name="connsiteY4" fmla="*/ 23854 h 843004"/>
                <a:gd name="connsiteX5" fmla="*/ 819161 w 1200341"/>
                <a:gd name="connsiteY5" fmla="*/ 100054 h 843004"/>
                <a:gd name="connsiteX6" fmla="*/ 844561 w 1200341"/>
                <a:gd name="connsiteY6" fmla="*/ 227054 h 843004"/>
                <a:gd name="connsiteX7" fmla="*/ 742961 w 1200341"/>
                <a:gd name="connsiteY7" fmla="*/ 296904 h 843004"/>
                <a:gd name="connsiteX8" fmla="*/ 800111 w 1200341"/>
                <a:gd name="connsiteY8" fmla="*/ 544554 h 843004"/>
                <a:gd name="connsiteX9" fmla="*/ 990611 w 1200341"/>
                <a:gd name="connsiteY9" fmla="*/ 639804 h 843004"/>
                <a:gd name="connsiteX10" fmla="*/ 1155711 w 1200341"/>
                <a:gd name="connsiteY10" fmla="*/ 728704 h 843004"/>
                <a:gd name="connsiteX11" fmla="*/ 1187461 w 1200341"/>
                <a:gd name="connsiteY11" fmla="*/ 792204 h 843004"/>
                <a:gd name="connsiteX12" fmla="*/ 971561 w 1200341"/>
                <a:gd name="connsiteY12" fmla="*/ 817604 h 843004"/>
                <a:gd name="connsiteX13" fmla="*/ 349261 w 1200341"/>
                <a:gd name="connsiteY13" fmla="*/ 843004 h 843004"/>
                <a:gd name="connsiteX14" fmla="*/ 0 w 1200341"/>
                <a:gd name="connsiteY14" fmla="*/ 817604 h 843004"/>
                <a:gd name="connsiteX0" fmla="*/ 35250 w 1200341"/>
                <a:gd name="connsiteY0" fmla="*/ 19640 h 843004"/>
                <a:gd name="connsiteX1" fmla="*/ 150843 w 1200341"/>
                <a:gd name="connsiteY1" fmla="*/ 6875 h 843004"/>
                <a:gd name="connsiteX2" fmla="*/ 425461 w 1200341"/>
                <a:gd name="connsiteY2" fmla="*/ 2315 h 843004"/>
                <a:gd name="connsiteX3" fmla="*/ 736611 w 1200341"/>
                <a:gd name="connsiteY3" fmla="*/ 23854 h 843004"/>
                <a:gd name="connsiteX4" fmla="*/ 819161 w 1200341"/>
                <a:gd name="connsiteY4" fmla="*/ 100054 h 843004"/>
                <a:gd name="connsiteX5" fmla="*/ 844561 w 1200341"/>
                <a:gd name="connsiteY5" fmla="*/ 227054 h 843004"/>
                <a:gd name="connsiteX6" fmla="*/ 742961 w 1200341"/>
                <a:gd name="connsiteY6" fmla="*/ 296904 h 843004"/>
                <a:gd name="connsiteX7" fmla="*/ 800111 w 1200341"/>
                <a:gd name="connsiteY7" fmla="*/ 544554 h 843004"/>
                <a:gd name="connsiteX8" fmla="*/ 990611 w 1200341"/>
                <a:gd name="connsiteY8" fmla="*/ 639804 h 843004"/>
                <a:gd name="connsiteX9" fmla="*/ 1155711 w 1200341"/>
                <a:gd name="connsiteY9" fmla="*/ 728704 h 843004"/>
                <a:gd name="connsiteX10" fmla="*/ 1187461 w 1200341"/>
                <a:gd name="connsiteY10" fmla="*/ 792204 h 843004"/>
                <a:gd name="connsiteX11" fmla="*/ 971561 w 1200341"/>
                <a:gd name="connsiteY11" fmla="*/ 817604 h 843004"/>
                <a:gd name="connsiteX12" fmla="*/ 349261 w 1200341"/>
                <a:gd name="connsiteY12" fmla="*/ 843004 h 843004"/>
                <a:gd name="connsiteX13" fmla="*/ 0 w 1200341"/>
                <a:gd name="connsiteY13" fmla="*/ 817604 h 843004"/>
                <a:gd name="connsiteX0" fmla="*/ 150843 w 1200341"/>
                <a:gd name="connsiteY0" fmla="*/ 6875 h 843004"/>
                <a:gd name="connsiteX1" fmla="*/ 425461 w 1200341"/>
                <a:gd name="connsiteY1" fmla="*/ 2315 h 843004"/>
                <a:gd name="connsiteX2" fmla="*/ 736611 w 1200341"/>
                <a:gd name="connsiteY2" fmla="*/ 23854 h 843004"/>
                <a:gd name="connsiteX3" fmla="*/ 819161 w 1200341"/>
                <a:gd name="connsiteY3" fmla="*/ 100054 h 843004"/>
                <a:gd name="connsiteX4" fmla="*/ 844561 w 1200341"/>
                <a:gd name="connsiteY4" fmla="*/ 227054 h 843004"/>
                <a:gd name="connsiteX5" fmla="*/ 742961 w 1200341"/>
                <a:gd name="connsiteY5" fmla="*/ 296904 h 843004"/>
                <a:gd name="connsiteX6" fmla="*/ 800111 w 1200341"/>
                <a:gd name="connsiteY6" fmla="*/ 544554 h 843004"/>
                <a:gd name="connsiteX7" fmla="*/ 990611 w 1200341"/>
                <a:gd name="connsiteY7" fmla="*/ 639804 h 843004"/>
                <a:gd name="connsiteX8" fmla="*/ 1155711 w 1200341"/>
                <a:gd name="connsiteY8" fmla="*/ 728704 h 843004"/>
                <a:gd name="connsiteX9" fmla="*/ 1187461 w 1200341"/>
                <a:gd name="connsiteY9" fmla="*/ 792204 h 843004"/>
                <a:gd name="connsiteX10" fmla="*/ 971561 w 1200341"/>
                <a:gd name="connsiteY10" fmla="*/ 817604 h 843004"/>
                <a:gd name="connsiteX11" fmla="*/ 349261 w 1200341"/>
                <a:gd name="connsiteY11" fmla="*/ 843004 h 843004"/>
                <a:gd name="connsiteX12" fmla="*/ 0 w 1200341"/>
                <a:gd name="connsiteY12" fmla="*/ 817604 h 843004"/>
                <a:gd name="connsiteX0" fmla="*/ 55649 w 1105147"/>
                <a:gd name="connsiteY0" fmla="*/ 6875 h 843004"/>
                <a:gd name="connsiteX1" fmla="*/ 330267 w 1105147"/>
                <a:gd name="connsiteY1" fmla="*/ 2315 h 843004"/>
                <a:gd name="connsiteX2" fmla="*/ 641417 w 1105147"/>
                <a:gd name="connsiteY2" fmla="*/ 23854 h 843004"/>
                <a:gd name="connsiteX3" fmla="*/ 723967 w 1105147"/>
                <a:gd name="connsiteY3" fmla="*/ 100054 h 843004"/>
                <a:gd name="connsiteX4" fmla="*/ 749367 w 1105147"/>
                <a:gd name="connsiteY4" fmla="*/ 227054 h 843004"/>
                <a:gd name="connsiteX5" fmla="*/ 647767 w 1105147"/>
                <a:gd name="connsiteY5" fmla="*/ 296904 h 843004"/>
                <a:gd name="connsiteX6" fmla="*/ 704917 w 1105147"/>
                <a:gd name="connsiteY6" fmla="*/ 544554 h 843004"/>
                <a:gd name="connsiteX7" fmla="*/ 895417 w 1105147"/>
                <a:gd name="connsiteY7" fmla="*/ 639804 h 843004"/>
                <a:gd name="connsiteX8" fmla="*/ 1060517 w 1105147"/>
                <a:gd name="connsiteY8" fmla="*/ 728704 h 843004"/>
                <a:gd name="connsiteX9" fmla="*/ 1092267 w 1105147"/>
                <a:gd name="connsiteY9" fmla="*/ 792204 h 843004"/>
                <a:gd name="connsiteX10" fmla="*/ 876367 w 1105147"/>
                <a:gd name="connsiteY10" fmla="*/ 817604 h 843004"/>
                <a:gd name="connsiteX11" fmla="*/ 254067 w 1105147"/>
                <a:gd name="connsiteY11" fmla="*/ 843004 h 843004"/>
                <a:gd name="connsiteX12" fmla="*/ 0 w 1105147"/>
                <a:gd name="connsiteY12" fmla="*/ 830218 h 843004"/>
                <a:gd name="connsiteX0" fmla="*/ 55649 w 1105147"/>
                <a:gd name="connsiteY0" fmla="*/ 6875 h 843004"/>
                <a:gd name="connsiteX1" fmla="*/ 330267 w 1105147"/>
                <a:gd name="connsiteY1" fmla="*/ 2315 h 843004"/>
                <a:gd name="connsiteX2" fmla="*/ 641417 w 1105147"/>
                <a:gd name="connsiteY2" fmla="*/ 23854 h 843004"/>
                <a:gd name="connsiteX3" fmla="*/ 723967 w 1105147"/>
                <a:gd name="connsiteY3" fmla="*/ 100054 h 843004"/>
                <a:gd name="connsiteX4" fmla="*/ 749367 w 1105147"/>
                <a:gd name="connsiteY4" fmla="*/ 227054 h 843004"/>
                <a:gd name="connsiteX5" fmla="*/ 647767 w 1105147"/>
                <a:gd name="connsiteY5" fmla="*/ 296904 h 843004"/>
                <a:gd name="connsiteX6" fmla="*/ 704917 w 1105147"/>
                <a:gd name="connsiteY6" fmla="*/ 544554 h 843004"/>
                <a:gd name="connsiteX7" fmla="*/ 895417 w 1105147"/>
                <a:gd name="connsiteY7" fmla="*/ 639804 h 843004"/>
                <a:gd name="connsiteX8" fmla="*/ 1060517 w 1105147"/>
                <a:gd name="connsiteY8" fmla="*/ 728704 h 843004"/>
                <a:gd name="connsiteX9" fmla="*/ 1092267 w 1105147"/>
                <a:gd name="connsiteY9" fmla="*/ 792204 h 843004"/>
                <a:gd name="connsiteX10" fmla="*/ 876367 w 1105147"/>
                <a:gd name="connsiteY10" fmla="*/ 817604 h 843004"/>
                <a:gd name="connsiteX11" fmla="*/ 254067 w 1105147"/>
                <a:gd name="connsiteY11" fmla="*/ 843004 h 843004"/>
                <a:gd name="connsiteX12" fmla="*/ 0 w 1105147"/>
                <a:gd name="connsiteY12" fmla="*/ 830218 h 843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105147" h="843004">
                  <a:moveTo>
                    <a:pt x="55649" y="6875"/>
                  </a:moveTo>
                  <a:cubicBezTo>
                    <a:pt x="112978" y="-2395"/>
                    <a:pt x="232639" y="-515"/>
                    <a:pt x="330267" y="2315"/>
                  </a:cubicBezTo>
                  <a:cubicBezTo>
                    <a:pt x="427895" y="5145"/>
                    <a:pt x="575800" y="7564"/>
                    <a:pt x="641417" y="23854"/>
                  </a:cubicBezTo>
                  <a:cubicBezTo>
                    <a:pt x="707034" y="40144"/>
                    <a:pt x="705975" y="66187"/>
                    <a:pt x="723967" y="100054"/>
                  </a:cubicBezTo>
                  <a:cubicBezTo>
                    <a:pt x="741959" y="133921"/>
                    <a:pt x="762067" y="194246"/>
                    <a:pt x="749367" y="227054"/>
                  </a:cubicBezTo>
                  <a:cubicBezTo>
                    <a:pt x="736667" y="259862"/>
                    <a:pt x="655175" y="243987"/>
                    <a:pt x="647767" y="296904"/>
                  </a:cubicBezTo>
                  <a:cubicBezTo>
                    <a:pt x="640359" y="349821"/>
                    <a:pt x="663642" y="487404"/>
                    <a:pt x="704917" y="544554"/>
                  </a:cubicBezTo>
                  <a:cubicBezTo>
                    <a:pt x="746192" y="601704"/>
                    <a:pt x="836150" y="609112"/>
                    <a:pt x="895417" y="639804"/>
                  </a:cubicBezTo>
                  <a:cubicBezTo>
                    <a:pt x="954684" y="670496"/>
                    <a:pt x="1027709" y="703304"/>
                    <a:pt x="1060517" y="728704"/>
                  </a:cubicBezTo>
                  <a:cubicBezTo>
                    <a:pt x="1093325" y="754104"/>
                    <a:pt x="1122959" y="777387"/>
                    <a:pt x="1092267" y="792204"/>
                  </a:cubicBezTo>
                  <a:cubicBezTo>
                    <a:pt x="1061575" y="807021"/>
                    <a:pt x="1016067" y="809137"/>
                    <a:pt x="876367" y="817604"/>
                  </a:cubicBezTo>
                  <a:cubicBezTo>
                    <a:pt x="736667" y="826071"/>
                    <a:pt x="419167" y="843004"/>
                    <a:pt x="254067" y="843004"/>
                  </a:cubicBezTo>
                  <a:cubicBezTo>
                    <a:pt x="88967" y="843004"/>
                    <a:pt x="101600" y="834508"/>
                    <a:pt x="0" y="830218"/>
                  </a:cubicBezTo>
                </a:path>
              </a:pathLst>
            </a:custGeom>
            <a:ln w="5715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white"/>
                </a:solidFill>
              </a:endParaRPr>
            </a:p>
          </p:txBody>
        </p:sp>
      </p:grpSp>
      <p:sp>
        <p:nvSpPr>
          <p:cNvPr id="31" name="Title 1"/>
          <p:cNvSpPr>
            <a:spLocks noGrp="1"/>
          </p:cNvSpPr>
          <p:nvPr>
            <p:ph type="title"/>
          </p:nvPr>
        </p:nvSpPr>
        <p:spPr bwMode="ltGray">
          <a:xfrm>
            <a:off x="152400" y="609600"/>
            <a:ext cx="4191000" cy="1052596"/>
          </a:xfrm>
        </p:spPr>
        <p:txBody>
          <a:bodyPr/>
          <a:lstStyle/>
          <a:p>
            <a:pPr algn="ctr">
              <a:spcBef>
                <a:spcPts val="2400"/>
              </a:spcBef>
            </a:pPr>
            <a:r>
              <a:rPr lang="en-US" sz="4000" dirty="0" smtClean="0"/>
              <a:t>Freshwater Pathway</a:t>
            </a:r>
            <a:br>
              <a:rPr lang="en-US" sz="4000" dirty="0" smtClean="0"/>
            </a:br>
            <a:r>
              <a:rPr lang="en-US" sz="3600" dirty="0" smtClean="0">
                <a:solidFill>
                  <a:schemeClr val="tx1"/>
                </a:solidFill>
              </a:rPr>
              <a:t>Status</a:t>
            </a:r>
            <a:endParaRPr lang="en-US" sz="4000" dirty="0">
              <a:solidFill>
                <a:schemeClr val="tx1"/>
              </a:solidFill>
            </a:endParaRPr>
          </a:p>
        </p:txBody>
      </p:sp>
      <p:grpSp>
        <p:nvGrpSpPr>
          <p:cNvPr id="40" name="Group 39"/>
          <p:cNvGrpSpPr/>
          <p:nvPr/>
        </p:nvGrpSpPr>
        <p:grpSpPr>
          <a:xfrm>
            <a:off x="152400" y="2520658"/>
            <a:ext cx="4442658" cy="2743200"/>
            <a:chOff x="152400" y="1896196"/>
            <a:chExt cx="4442658" cy="1678675"/>
          </a:xfrm>
        </p:grpSpPr>
        <p:sp>
          <p:nvSpPr>
            <p:cNvPr id="32" name="Text Placeholder 2"/>
            <p:cNvSpPr txBox="1">
              <a:spLocks/>
            </p:cNvSpPr>
            <p:nvPr/>
          </p:nvSpPr>
          <p:spPr bwMode="auto">
            <a:xfrm>
              <a:off x="774199" y="1896196"/>
              <a:ext cx="3820859" cy="1678675"/>
            </a:xfrm>
            <a:prstGeom prst="rect">
              <a:avLst/>
            </a:prstGeom>
            <a:noFill/>
            <a:ln>
              <a:miter lim="800000"/>
              <a:headEnd/>
              <a:tailEnd/>
            </a:ln>
          </p:spPr>
          <p:txBody>
            <a:bodyPr/>
            <a:lstStyle>
              <a:defPPr>
                <a:defRPr lang="en-US"/>
              </a:defPPr>
              <a:lvl1pPr algn="ctr" rtl="0" fontAlgn="auto">
                <a:spcBef>
                  <a:spcPts val="0"/>
                </a:spcBef>
                <a:spcAft>
                  <a:spcPts val="0"/>
                </a:spcAft>
                <a:defRPr kern="1200">
                  <a:solidFill>
                    <a:schemeClr val="tx1"/>
                  </a:solidFill>
                  <a:latin typeface="+mn-lt"/>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Arial" pitchFamily="34" charset="0"/>
                </a:defRPr>
              </a:lvl2pPr>
              <a:lvl3pPr marL="914400" algn="l" rtl="0" fontAlgn="base">
                <a:spcBef>
                  <a:spcPct val="0"/>
                </a:spcBef>
                <a:spcAft>
                  <a:spcPct val="0"/>
                </a:spcAft>
                <a:defRPr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kern="1200">
                  <a:solidFill>
                    <a:schemeClr val="tx1"/>
                  </a:solidFill>
                  <a:latin typeface="Arial" pitchFamily="34" charset="0"/>
                  <a:ea typeface="+mn-ea"/>
                  <a:cs typeface="Arial" pitchFamily="34" charset="0"/>
                </a:defRPr>
              </a:lvl5pPr>
              <a:lvl6pPr marL="2286000" algn="l" defTabSz="914400" rtl="0" eaLnBrk="1" latinLnBrk="0" hangingPunct="1">
                <a:defRPr kern="1200">
                  <a:solidFill>
                    <a:schemeClr val="tx1"/>
                  </a:solidFill>
                  <a:latin typeface="Arial" pitchFamily="34" charset="0"/>
                  <a:ea typeface="+mn-ea"/>
                  <a:cs typeface="Arial" pitchFamily="34" charset="0"/>
                </a:defRPr>
              </a:lvl6pPr>
              <a:lvl7pPr marL="2743200" algn="l" defTabSz="914400" rtl="0" eaLnBrk="1" latinLnBrk="0" hangingPunct="1">
                <a:defRPr kern="1200">
                  <a:solidFill>
                    <a:schemeClr val="tx1"/>
                  </a:solidFill>
                  <a:latin typeface="Arial" pitchFamily="34" charset="0"/>
                  <a:ea typeface="+mn-ea"/>
                  <a:cs typeface="Arial" pitchFamily="34" charset="0"/>
                </a:defRPr>
              </a:lvl7pPr>
              <a:lvl8pPr marL="3200400" algn="l" defTabSz="914400" rtl="0" eaLnBrk="1" latinLnBrk="0" hangingPunct="1">
                <a:defRPr kern="1200">
                  <a:solidFill>
                    <a:schemeClr val="tx1"/>
                  </a:solidFill>
                  <a:latin typeface="Arial" pitchFamily="34" charset="0"/>
                  <a:ea typeface="+mn-ea"/>
                  <a:cs typeface="Arial" pitchFamily="34" charset="0"/>
                </a:defRPr>
              </a:lvl8pPr>
              <a:lvl9pPr marL="3657600" algn="l" defTabSz="914400" rtl="0" eaLnBrk="1" latinLnBrk="0" hangingPunct="1">
                <a:defRPr kern="1200">
                  <a:solidFill>
                    <a:schemeClr val="tx1"/>
                  </a:solidFill>
                  <a:latin typeface="Arial" pitchFamily="34" charset="0"/>
                  <a:ea typeface="+mn-ea"/>
                  <a:cs typeface="Arial" pitchFamily="34" charset="0"/>
                </a:defRPr>
              </a:lvl9pPr>
            </a:lstStyle>
            <a:p>
              <a:pPr algn="l">
                <a:spcAft>
                  <a:spcPts val="4200"/>
                </a:spcAft>
                <a:buClr>
                  <a:srgbClr val="FF0000"/>
                </a:buClr>
                <a:buSzPct val="200000"/>
              </a:pPr>
              <a:r>
                <a:rPr lang="en-US" sz="2400" dirty="0" smtClean="0">
                  <a:solidFill>
                    <a:prstClr val="white"/>
                  </a:solidFill>
                </a:rPr>
                <a:t>Improvements meet seismic preparedness needs</a:t>
              </a:r>
            </a:p>
            <a:p>
              <a:pPr algn="l">
                <a:spcAft>
                  <a:spcPts val="4200"/>
                </a:spcAft>
                <a:buClr>
                  <a:srgbClr val="FF0000"/>
                </a:buClr>
                <a:buSzPct val="200000"/>
              </a:pPr>
              <a:r>
                <a:rPr lang="en-US" sz="2400" dirty="0" smtClean="0">
                  <a:solidFill>
                    <a:prstClr val="white"/>
                  </a:solidFill>
                </a:rPr>
                <a:t>Improvements ongoing</a:t>
              </a:r>
            </a:p>
            <a:p>
              <a:pPr algn="l">
                <a:spcAft>
                  <a:spcPts val="4200"/>
                </a:spcAft>
                <a:buClr>
                  <a:srgbClr val="FF0000"/>
                </a:buClr>
                <a:buSzPct val="200000"/>
              </a:pPr>
              <a:r>
                <a:rPr lang="en-US" sz="2400" dirty="0" smtClean="0">
                  <a:solidFill>
                    <a:prstClr val="white"/>
                  </a:solidFill>
                </a:rPr>
                <a:t>Improvements needed</a:t>
              </a:r>
            </a:p>
            <a:p>
              <a:pPr algn="l">
                <a:spcAft>
                  <a:spcPts val="4200"/>
                </a:spcAft>
                <a:buClr>
                  <a:srgbClr val="FF0000"/>
                </a:buClr>
                <a:buSzPct val="200000"/>
              </a:pPr>
              <a:endParaRPr lang="en-US" sz="2000" dirty="0">
                <a:solidFill>
                  <a:prstClr val="white"/>
                </a:solidFill>
              </a:endParaRPr>
            </a:p>
            <a:p>
              <a:pPr algn="l">
                <a:spcAft>
                  <a:spcPts val="4200"/>
                </a:spcAft>
                <a:buClr>
                  <a:srgbClr val="FF0000"/>
                </a:buClr>
                <a:buSzPct val="200000"/>
              </a:pPr>
              <a:endParaRPr lang="en-US" sz="2000" dirty="0" smtClean="0">
                <a:solidFill>
                  <a:prstClr val="white"/>
                </a:solidFill>
              </a:endParaRPr>
            </a:p>
            <a:p>
              <a:pPr algn="l">
                <a:spcAft>
                  <a:spcPts val="4200"/>
                </a:spcAft>
                <a:buClr>
                  <a:srgbClr val="FF0000"/>
                </a:buClr>
                <a:buSzPct val="200000"/>
              </a:pPr>
              <a:endParaRPr lang="en-US" sz="2000" dirty="0" smtClean="0">
                <a:solidFill>
                  <a:prstClr val="white"/>
                </a:solidFill>
              </a:endParaRPr>
            </a:p>
            <a:p>
              <a:pPr algn="l">
                <a:spcAft>
                  <a:spcPts val="4200"/>
                </a:spcAft>
              </a:pPr>
              <a:endParaRPr lang="en-US" sz="2000" dirty="0" smtClean="0">
                <a:solidFill>
                  <a:prstClr val="white"/>
                </a:solidFill>
              </a:endParaRPr>
            </a:p>
            <a:p>
              <a:pPr algn="l">
                <a:spcAft>
                  <a:spcPts val="4200"/>
                </a:spcAft>
              </a:pPr>
              <a:endParaRPr lang="en-US" sz="2000" dirty="0">
                <a:solidFill>
                  <a:prstClr val="white"/>
                </a:solidFill>
              </a:endParaRPr>
            </a:p>
            <a:p>
              <a:pPr algn="l">
                <a:spcAft>
                  <a:spcPts val="4200"/>
                </a:spcAft>
              </a:pPr>
              <a:endParaRPr lang="en-US" sz="2000" dirty="0" smtClean="0">
                <a:solidFill>
                  <a:prstClr val="white"/>
                </a:solidFill>
              </a:endParaRPr>
            </a:p>
            <a:p>
              <a:pPr algn="l">
                <a:spcAft>
                  <a:spcPts val="4200"/>
                </a:spcAft>
              </a:pPr>
              <a:endParaRPr lang="en-US" sz="2000" dirty="0">
                <a:solidFill>
                  <a:prstClr val="white"/>
                </a:solidFill>
              </a:endParaRPr>
            </a:p>
            <a:p>
              <a:pPr algn="l">
                <a:spcAft>
                  <a:spcPts val="4200"/>
                </a:spcAft>
              </a:pPr>
              <a:endParaRPr lang="en-US" sz="2000" dirty="0">
                <a:solidFill>
                  <a:prstClr val="white"/>
                </a:solidFill>
              </a:endParaRPr>
            </a:p>
          </p:txBody>
        </p:sp>
        <p:cxnSp>
          <p:nvCxnSpPr>
            <p:cNvPr id="35" name="Straight Connector 34"/>
            <p:cNvCxnSpPr/>
            <p:nvPr/>
          </p:nvCxnSpPr>
          <p:spPr>
            <a:xfrm>
              <a:off x="152400" y="3373618"/>
              <a:ext cx="571416" cy="0"/>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52400" y="2104861"/>
              <a:ext cx="571416" cy="0"/>
            </a:xfrm>
            <a:prstGeom prst="line">
              <a:avLst/>
            </a:prstGeom>
            <a:ln w="76200">
              <a:solidFill>
                <a:srgbClr val="00CC66"/>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52400" y="2833588"/>
              <a:ext cx="571416" cy="0"/>
            </a:xfrm>
            <a:prstGeom prst="line">
              <a:avLst/>
            </a:prstGeom>
            <a:ln w="76200">
              <a:solidFill>
                <a:srgbClr val="0000FF"/>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33350888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0"/>
                                        </p:tgtEl>
                                        <p:attrNameLst>
                                          <p:attrName>style.visibility</p:attrName>
                                        </p:attrNameLst>
                                      </p:cBhvr>
                                      <p:to>
                                        <p:strVal val="visible"/>
                                      </p:to>
                                    </p:set>
                                    <p:animEffect transition="in" filter="wipe(left)">
                                      <p:cBhvr>
                                        <p:cTn id="7" dur="500"/>
                                        <p:tgtEl>
                                          <p:spTgt spid="40"/>
                                        </p:tgtEl>
                                      </p:cBhvr>
                                    </p:animEffect>
                                  </p:childTnLst>
                                </p:cTn>
                              </p:par>
                            </p:childTnLst>
                          </p:cTn>
                        </p:par>
                        <p:par>
                          <p:cTn id="8" fill="hold">
                            <p:stCondLst>
                              <p:cond delay="500"/>
                            </p:stCondLst>
                            <p:childTnLst>
                              <p:par>
                                <p:cTn id="9" presetID="22" presetClass="entr" presetSubtype="8" fill="hold" nodeType="afterEffect">
                                  <p:stCondLst>
                                    <p:cond delay="500"/>
                                  </p:stCondLst>
                                  <p:childTnLst>
                                    <p:set>
                                      <p:cBhvr>
                                        <p:cTn id="10" dur="1" fill="hold">
                                          <p:stCondLst>
                                            <p:cond delay="0"/>
                                          </p:stCondLst>
                                        </p:cTn>
                                        <p:tgtEl>
                                          <p:spTgt spid="8"/>
                                        </p:tgtEl>
                                        <p:attrNameLst>
                                          <p:attrName>style.visibility</p:attrName>
                                        </p:attrNameLst>
                                      </p:cBhvr>
                                      <p:to>
                                        <p:strVal val="visible"/>
                                      </p:to>
                                    </p:set>
                                    <p:animEffect transition="in" filter="wipe(left)">
                                      <p:cBhvr>
                                        <p:cTn id="11"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4"/>
          <p:cNvPicPr>
            <a:picLocks noChangeAspect="1" noChangeArrowheads="1"/>
          </p:cNvPicPr>
          <p:nvPr/>
        </p:nvPicPr>
        <p:blipFill rotWithShape="1">
          <a:blip r:embed="rId2">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bwMode="ltGray">
          <a:xfrm>
            <a:off x="228600" y="381000"/>
            <a:ext cx="8763000" cy="581698"/>
          </a:xfrm>
        </p:spPr>
        <p:txBody>
          <a:bodyPr/>
          <a:lstStyle/>
          <a:p>
            <a:r>
              <a:rPr lang="en-US" sz="4200" dirty="0" smtClean="0"/>
              <a:t>DWR Emergency Management Reports</a:t>
            </a:r>
            <a:endParaRPr lang="en-US" sz="4200" dirty="0"/>
          </a:p>
        </p:txBody>
      </p:sp>
      <p:sp>
        <p:nvSpPr>
          <p:cNvPr id="3" name="Slide Number Placeholder 2"/>
          <p:cNvSpPr>
            <a:spLocks noGrp="1"/>
          </p:cNvSpPr>
          <p:nvPr>
            <p:ph type="sldNum" sz="quarter" idx="10"/>
          </p:nvPr>
        </p:nvSpPr>
        <p:spPr/>
        <p:txBody>
          <a:bodyPr/>
          <a:lstStyle/>
          <a:p>
            <a:pPr>
              <a:defRPr/>
            </a:pPr>
            <a:fld id="{C60DA7DF-59B3-4AAB-AF35-62DB844E63F6}" type="slidenum">
              <a:rPr lang="en-US" smtClean="0">
                <a:solidFill>
                  <a:prstClr val="white"/>
                </a:solidFill>
              </a:rPr>
              <a:pPr>
                <a:defRPr/>
              </a:pPr>
              <a:t>73</a:t>
            </a:fld>
            <a:endParaRPr lang="en-US" dirty="0">
              <a:solidFill>
                <a:prstClr val="white"/>
              </a:solidFill>
            </a:endParaRPr>
          </a:p>
        </p:txBody>
      </p:sp>
      <p:pic>
        <p:nvPicPr>
          <p:cNvPr id="5" name="Picture 2"/>
          <p:cNvPicPr>
            <a:picLocks noChangeArrowheads="1"/>
          </p:cNvPicPr>
          <p:nvPr/>
        </p:nvPicPr>
        <p:blipFill>
          <a:blip r:embed="rId3" cstate="print"/>
          <a:srcRect/>
          <a:stretch>
            <a:fillRect/>
          </a:stretch>
        </p:blipFill>
        <p:spPr bwMode="auto">
          <a:xfrm>
            <a:off x="380999" y="1630680"/>
            <a:ext cx="2834640" cy="3474720"/>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4" name="TextBox 3"/>
          <p:cNvSpPr txBox="1"/>
          <p:nvPr/>
        </p:nvSpPr>
        <p:spPr>
          <a:xfrm>
            <a:off x="573754" y="5181599"/>
            <a:ext cx="2449129" cy="369924"/>
          </a:xfrm>
          <a:prstGeom prst="rect">
            <a:avLst/>
          </a:prstGeom>
          <a:noFill/>
          <a:scene3d>
            <a:camera prst="isometricOffAxis1Right">
              <a:rot lat="420000" lon="20039998" rev="0"/>
            </a:camera>
            <a:lightRig rig="threePt" dir="t"/>
          </a:scene3d>
        </p:spPr>
        <p:txBody>
          <a:bodyPr wrap="square" rtlCol="0">
            <a:spAutoFit/>
          </a:bodyPr>
          <a:lstStyle>
            <a:defPPr>
              <a:defRPr lang="en-US"/>
            </a:defPPr>
            <a:lvl1pPr marL="0" indent="0" algn="ctr">
              <a:spcBef>
                <a:spcPts val="0"/>
              </a:spcBef>
              <a:spcAft>
                <a:spcPts val="1200"/>
              </a:spcAft>
              <a:buNone/>
              <a:defRPr>
                <a:effectLst>
                  <a:outerShdw blurRad="50800" dist="63500" dir="2700000" algn="tl" rotWithShape="0">
                    <a:prstClr val="black"/>
                  </a:outerShdw>
                </a:effectLst>
              </a:defRPr>
            </a:lvl1pPr>
          </a:lstStyle>
          <a:p>
            <a:r>
              <a:rPr lang="en-US" dirty="0">
                <a:solidFill>
                  <a:prstClr val="white"/>
                </a:solidFill>
              </a:rPr>
              <a:t>Released: April  2007</a:t>
            </a:r>
          </a:p>
        </p:txBody>
      </p:sp>
      <p:pic>
        <p:nvPicPr>
          <p:cNvPr id="28674" name="Picture 2"/>
          <p:cNvPicPr>
            <a:picLocks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203222" y="1630680"/>
            <a:ext cx="2834640" cy="3474720"/>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TextBox 7"/>
          <p:cNvSpPr txBox="1"/>
          <p:nvPr/>
        </p:nvSpPr>
        <p:spPr>
          <a:xfrm>
            <a:off x="3325681" y="5181599"/>
            <a:ext cx="2450155" cy="369924"/>
          </a:xfrm>
          <a:prstGeom prst="rect">
            <a:avLst/>
          </a:prstGeom>
          <a:noFill/>
          <a:scene3d>
            <a:camera prst="isometricOffAxis1Right">
              <a:rot lat="420000" lon="20039998" rev="0"/>
            </a:camera>
            <a:lightRig rig="threePt" dir="t"/>
          </a:scene3d>
        </p:spPr>
        <p:txBody>
          <a:bodyPr wrap="square" rtlCol="0">
            <a:spAutoFit/>
          </a:bodyPr>
          <a:lstStyle>
            <a:defPPr>
              <a:defRPr lang="en-US"/>
            </a:defPPr>
            <a:lvl1pPr marL="0" indent="0" algn="ctr">
              <a:spcBef>
                <a:spcPts val="0"/>
              </a:spcBef>
              <a:spcAft>
                <a:spcPts val="1200"/>
              </a:spcAft>
              <a:buNone/>
              <a:defRPr>
                <a:effectLst>
                  <a:outerShdw blurRad="50800" dist="63500" dir="2700000" algn="tl" rotWithShape="0">
                    <a:prstClr val="black"/>
                  </a:outerShdw>
                </a:effectLst>
              </a:defRPr>
            </a:lvl1pPr>
          </a:lstStyle>
          <a:p>
            <a:r>
              <a:rPr lang="en-US" dirty="0">
                <a:solidFill>
                  <a:prstClr val="white"/>
                </a:solidFill>
              </a:rPr>
              <a:t>Released: June 2012</a:t>
            </a:r>
          </a:p>
        </p:txBody>
      </p:sp>
      <p:grpSp>
        <p:nvGrpSpPr>
          <p:cNvPr id="13" name="Group 12"/>
          <p:cNvGrpSpPr/>
          <p:nvPr/>
        </p:nvGrpSpPr>
        <p:grpSpPr>
          <a:xfrm>
            <a:off x="838200" y="6248400"/>
            <a:ext cx="7174856" cy="365760"/>
            <a:chOff x="852992" y="6357718"/>
            <a:chExt cx="7174856" cy="365760"/>
          </a:xfrm>
        </p:grpSpPr>
        <p:pic>
          <p:nvPicPr>
            <p:cNvPr id="14" name="Picture 13" descr="FloodSafe-Logo.png"/>
            <p:cNvPicPr>
              <a:picLocks noChangeAspect="1"/>
            </p:cNvPicPr>
            <p:nvPr/>
          </p:nvPicPr>
          <p:blipFill>
            <a:blip r:embed="rId5" cstate="print"/>
            <a:stretch>
              <a:fillRect/>
            </a:stretch>
          </p:blipFill>
          <p:spPr>
            <a:xfrm>
              <a:off x="852992" y="6357718"/>
              <a:ext cx="861706"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15" name="Picture 14" descr="Footer white.png"/>
            <p:cNvPicPr>
              <a:picLocks noChangeAspect="1"/>
            </p:cNvPicPr>
            <p:nvPr/>
          </p:nvPicPr>
          <p:blipFill>
            <a:blip r:embed="rId6" cstate="print"/>
            <a:stretch>
              <a:fillRect/>
            </a:stretch>
          </p:blipFill>
          <p:spPr>
            <a:xfrm>
              <a:off x="1718488" y="6357718"/>
              <a:ext cx="5932597"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16" name="Picture 15" descr="DWR Logo.png"/>
            <p:cNvPicPr>
              <a:picLocks noChangeAspect="1"/>
            </p:cNvPicPr>
            <p:nvPr/>
          </p:nvPicPr>
          <p:blipFill>
            <a:blip r:embed="rId7" cstate="print"/>
            <a:stretch>
              <a:fillRect/>
            </a:stretch>
          </p:blipFill>
          <p:spPr>
            <a:xfrm>
              <a:off x="7662088" y="6357718"/>
              <a:ext cx="365760" cy="36576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grpSp>
      <p:pic>
        <p:nvPicPr>
          <p:cNvPr id="18" name="Picture 2"/>
          <p:cNvPicPr>
            <a:picLocks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080760" y="1630680"/>
            <a:ext cx="2834640" cy="3474720"/>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9" name="TextBox 18"/>
          <p:cNvSpPr txBox="1"/>
          <p:nvPr/>
        </p:nvSpPr>
        <p:spPr>
          <a:xfrm>
            <a:off x="6334608" y="5107129"/>
            <a:ext cx="2326943" cy="369332"/>
          </a:xfrm>
          <a:prstGeom prst="rect">
            <a:avLst/>
          </a:prstGeom>
          <a:noFill/>
          <a:scene3d>
            <a:camera prst="isometricOffAxis1Right">
              <a:rot lat="420000" lon="20039998" rev="0"/>
            </a:camera>
            <a:lightRig rig="threePt" dir="t"/>
          </a:scene3d>
        </p:spPr>
        <p:txBody>
          <a:bodyPr wrap="square" rtlCol="0">
            <a:spAutoFit/>
          </a:bodyPr>
          <a:lstStyle>
            <a:defPPr>
              <a:defRPr lang="en-US"/>
            </a:defPPr>
            <a:lvl1pPr marL="0" indent="0" algn="ctr">
              <a:spcBef>
                <a:spcPts val="0"/>
              </a:spcBef>
              <a:spcAft>
                <a:spcPts val="1200"/>
              </a:spcAft>
              <a:buNone/>
              <a:defRPr>
                <a:effectLst>
                  <a:outerShdw blurRad="50800" dist="63500" dir="2700000" algn="tl" rotWithShape="0">
                    <a:prstClr val="black"/>
                  </a:outerShdw>
                </a:effectLst>
              </a:defRPr>
            </a:lvl1pPr>
          </a:lstStyle>
          <a:p>
            <a:r>
              <a:rPr lang="en-US" dirty="0">
                <a:solidFill>
                  <a:prstClr val="white"/>
                </a:solidFill>
              </a:rPr>
              <a:t>Released: April 2014</a:t>
            </a:r>
          </a:p>
        </p:txBody>
      </p:sp>
    </p:spTree>
    <p:extLst>
      <p:ext uri="{BB962C8B-B14F-4D97-AF65-F5344CB8AC3E}">
        <p14:creationId xmlns:p14="http://schemas.microsoft.com/office/powerpoint/2010/main" val="471374741"/>
      </p:ext>
    </p:extLst>
  </p:cSld>
  <p:clrMapOvr>
    <a:masterClrMapping/>
  </p:clrMapOvr>
  <p:transition>
    <p:fade/>
  </p:transition>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5"/>
          <p:cNvSpPr>
            <a:spLocks noGrp="1"/>
          </p:cNvSpPr>
          <p:nvPr>
            <p:ph type="title"/>
          </p:nvPr>
        </p:nvSpPr>
        <p:spPr bwMode="ltGray">
          <a:xfrm>
            <a:off x="533400" y="381000"/>
            <a:ext cx="8382000" cy="609398"/>
          </a:xfrm>
        </p:spPr>
        <p:txBody>
          <a:bodyPr/>
          <a:lstStyle/>
          <a:p>
            <a:r>
              <a:rPr lang="en-US" dirty="0" smtClean="0"/>
              <a:t>Delta Flood Emergency Management</a:t>
            </a:r>
            <a:endParaRPr lang="en-US" sz="3200" dirty="0">
              <a:solidFill>
                <a:schemeClr val="tx1"/>
              </a:solidFill>
            </a:endParaRPr>
          </a:p>
        </p:txBody>
      </p:sp>
      <p:sp>
        <p:nvSpPr>
          <p:cNvPr id="10" name="Content Placeholder 9"/>
          <p:cNvSpPr>
            <a:spLocks noGrp="1"/>
          </p:cNvSpPr>
          <p:nvPr>
            <p:ph idx="1"/>
          </p:nvPr>
        </p:nvSpPr>
        <p:spPr>
          <a:xfrm>
            <a:off x="3352800" y="1731085"/>
            <a:ext cx="5562600" cy="4745915"/>
          </a:xfrm>
        </p:spPr>
        <p:txBody>
          <a:bodyPr/>
          <a:lstStyle/>
          <a:p>
            <a:pPr>
              <a:spcBef>
                <a:spcPts val="0"/>
              </a:spcBef>
              <a:spcAft>
                <a:spcPts val="1800"/>
              </a:spcAft>
            </a:pPr>
            <a:r>
              <a:rPr lang="en-US" sz="2700" dirty="0"/>
              <a:t>Coordinated Cal OES, USACE, DWR, </a:t>
            </a:r>
            <a:r>
              <a:rPr lang="en-US" sz="2700" dirty="0" smtClean="0"/>
              <a:t>County and local response </a:t>
            </a:r>
            <a:endParaRPr lang="en-US" sz="2700" dirty="0"/>
          </a:p>
          <a:p>
            <a:pPr marL="731520" lvl="1">
              <a:spcBef>
                <a:spcPts val="0"/>
              </a:spcBef>
              <a:spcAft>
                <a:spcPts val="1800"/>
              </a:spcAft>
            </a:pPr>
            <a:r>
              <a:rPr lang="en-US" sz="2400" dirty="0"/>
              <a:t>Integral </a:t>
            </a:r>
            <a:r>
              <a:rPr lang="en-US" sz="2400" dirty="0" smtClean="0"/>
              <a:t>to Cal </a:t>
            </a:r>
            <a:r>
              <a:rPr lang="en-US" sz="2400" dirty="0"/>
              <a:t>OES  Northern CA Catastrophic Flood Management Plan </a:t>
            </a:r>
          </a:p>
          <a:p>
            <a:pPr marL="731520" lvl="1">
              <a:spcBef>
                <a:spcPts val="0"/>
              </a:spcBef>
              <a:spcAft>
                <a:spcPts val="1800"/>
              </a:spcAft>
            </a:pPr>
            <a:r>
              <a:rPr lang="en-US" sz="2400" dirty="0" smtClean="0"/>
              <a:t>Memorandum </a:t>
            </a:r>
            <a:r>
              <a:rPr lang="en-US" sz="2400" dirty="0"/>
              <a:t>of Agreement synthesizes DWR/USACE operations</a:t>
            </a:r>
          </a:p>
          <a:p>
            <a:pPr>
              <a:spcBef>
                <a:spcPts val="0"/>
              </a:spcBef>
              <a:spcAft>
                <a:spcPts val="1800"/>
              </a:spcAft>
            </a:pPr>
            <a:r>
              <a:rPr lang="en-US" sz="2700" dirty="0" smtClean="0"/>
              <a:t>Pathway developed if </a:t>
            </a:r>
            <a:r>
              <a:rPr lang="en-US" sz="2700" dirty="0"/>
              <a:t>island flooding and salinity </a:t>
            </a:r>
            <a:r>
              <a:rPr lang="en-US" sz="2700" dirty="0" smtClean="0"/>
              <a:t>intrusion is extensive</a:t>
            </a:r>
            <a:endParaRPr lang="en-US" sz="2700" dirty="0">
              <a:effectLst/>
            </a:endParaRPr>
          </a:p>
          <a:p>
            <a:pPr marL="731520" lvl="1">
              <a:spcBef>
                <a:spcPts val="0"/>
              </a:spcBef>
              <a:spcAft>
                <a:spcPts val="1800"/>
              </a:spcAft>
            </a:pPr>
            <a:r>
              <a:rPr lang="en-US" sz="2400" dirty="0" smtClean="0"/>
              <a:t>Restores </a:t>
            </a:r>
            <a:r>
              <a:rPr lang="en-US" sz="2400" dirty="0"/>
              <a:t>exports by repairing levees and constructing channel barriers along Middle River</a:t>
            </a:r>
            <a:endParaRPr lang="en-US" sz="2400" dirty="0">
              <a:effectLst/>
            </a:endParaRPr>
          </a:p>
        </p:txBody>
      </p:sp>
      <p:sp>
        <p:nvSpPr>
          <p:cNvPr id="5" name="Slide Number Placeholder 4"/>
          <p:cNvSpPr>
            <a:spLocks noGrp="1"/>
          </p:cNvSpPr>
          <p:nvPr>
            <p:ph type="sldNum" sz="quarter" idx="10"/>
          </p:nvPr>
        </p:nvSpPr>
        <p:spPr/>
        <p:txBody>
          <a:bodyPr/>
          <a:lstStyle/>
          <a:p>
            <a:fld id="{8EBDCBD4-65BB-488D-AB04-E3B701B04AD9}" type="slidenum">
              <a:rPr lang="en-US" smtClean="0">
                <a:solidFill>
                  <a:prstClr val="white"/>
                </a:solidFill>
              </a:rPr>
              <a:pPr/>
              <a:t>74</a:t>
            </a:fld>
            <a:endParaRPr lang="en-US" dirty="0">
              <a:solidFill>
                <a:prstClr val="white"/>
              </a:solidFill>
            </a:endParaRPr>
          </a:p>
        </p:txBody>
      </p:sp>
      <p:pic>
        <p:nvPicPr>
          <p:cNvPr id="11" name="Picture 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28600" y="1779604"/>
            <a:ext cx="3200400" cy="4138448"/>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2" name="TextBox 11"/>
          <p:cNvSpPr txBox="1"/>
          <p:nvPr/>
        </p:nvSpPr>
        <p:spPr>
          <a:xfrm>
            <a:off x="397934" y="5955268"/>
            <a:ext cx="2514600" cy="369332"/>
          </a:xfrm>
          <a:prstGeom prst="rect">
            <a:avLst/>
          </a:prstGeom>
          <a:noFill/>
          <a:scene3d>
            <a:camera prst="isometricOffAxis1Right">
              <a:rot lat="420000" lon="20039998" rev="0"/>
            </a:camera>
            <a:lightRig rig="threePt" dir="t"/>
          </a:scene3d>
        </p:spPr>
        <p:txBody>
          <a:bodyPr wrap="square" rtlCol="0">
            <a:spAutoFit/>
          </a:bodyPr>
          <a:lstStyle>
            <a:defPPr>
              <a:defRPr lang="en-US"/>
            </a:defPPr>
            <a:lvl1pPr marL="0" indent="0" algn="ctr">
              <a:spcBef>
                <a:spcPts val="0"/>
              </a:spcBef>
              <a:spcAft>
                <a:spcPts val="1200"/>
              </a:spcAft>
              <a:buNone/>
              <a:defRPr>
                <a:effectLst>
                  <a:outerShdw blurRad="50800" dist="63500" dir="2700000" algn="tl" rotWithShape="0">
                    <a:prstClr val="black"/>
                  </a:outerShdw>
                </a:effectLst>
              </a:defRPr>
            </a:lvl1pPr>
          </a:lstStyle>
          <a:p>
            <a:r>
              <a:rPr lang="en-US" dirty="0">
                <a:solidFill>
                  <a:prstClr val="white"/>
                </a:solidFill>
              </a:rPr>
              <a:t>Released: April 2014</a:t>
            </a:r>
          </a:p>
        </p:txBody>
      </p:sp>
    </p:spTree>
    <p:extLst>
      <p:ext uri="{BB962C8B-B14F-4D97-AF65-F5344CB8AC3E}">
        <p14:creationId xmlns:p14="http://schemas.microsoft.com/office/powerpoint/2010/main" val="86021563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500"/>
                                  </p:stCondLst>
                                  <p:childTnLst>
                                    <p:set>
                                      <p:cBhvr>
                                        <p:cTn id="6" dur="1" fill="hold">
                                          <p:stCondLst>
                                            <p:cond delay="0"/>
                                          </p:stCondLst>
                                        </p:cTn>
                                        <p:tgtEl>
                                          <p:spTgt spid="10"/>
                                        </p:tgtEl>
                                        <p:attrNameLst>
                                          <p:attrName>style.visibility</p:attrName>
                                        </p:attrNameLst>
                                      </p:cBhvr>
                                      <p:to>
                                        <p:strVal val="visible"/>
                                      </p:to>
                                    </p:set>
                                    <p:animEffect transition="in" filter="wipe(left)">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Policies/Processes</a:t>
            </a:r>
            <a:endParaRPr lang="en-US" sz="6000" dirty="0"/>
          </a:p>
        </p:txBody>
      </p:sp>
    </p:spTree>
    <p:extLst>
      <p:ext uri="{BB962C8B-B14F-4D97-AF65-F5344CB8AC3E}">
        <p14:creationId xmlns:p14="http://schemas.microsoft.com/office/powerpoint/2010/main" val="742072783"/>
      </p:ext>
    </p:extLst>
  </p:cSld>
  <p:clrMapOvr>
    <a:masterClrMapping/>
  </p:clrMapOvr>
  <p:transition>
    <p:fade/>
  </p:transition>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3400" y="381000"/>
            <a:ext cx="8229600" cy="1107996"/>
          </a:xfrm>
        </p:spPr>
        <p:txBody>
          <a:bodyPr/>
          <a:lstStyle/>
          <a:p>
            <a:r>
              <a:rPr lang="en-US" dirty="0" smtClean="0"/>
              <a:t>Metropolitan </a:t>
            </a:r>
            <a:br>
              <a:rPr lang="en-US" dirty="0" smtClean="0"/>
            </a:br>
            <a:r>
              <a:rPr lang="en-US" sz="3600" dirty="0" smtClean="0">
                <a:solidFill>
                  <a:schemeClr val="tx1"/>
                </a:solidFill>
              </a:rPr>
              <a:t>Board Policies &amp; Agreements</a:t>
            </a:r>
            <a:endParaRPr lang="en-US" sz="3600" dirty="0">
              <a:solidFill>
                <a:schemeClr val="tx1"/>
              </a:solidFill>
            </a:endParaRPr>
          </a:p>
        </p:txBody>
      </p:sp>
      <p:sp>
        <p:nvSpPr>
          <p:cNvPr id="3" name="Text Placeholder 2"/>
          <p:cNvSpPr>
            <a:spLocks noGrp="1"/>
          </p:cNvSpPr>
          <p:nvPr>
            <p:ph type="body" sz="quarter" idx="11"/>
          </p:nvPr>
        </p:nvSpPr>
        <p:spPr>
          <a:xfrm>
            <a:off x="419100" y="1981200"/>
            <a:ext cx="8305800" cy="4343400"/>
          </a:xfrm>
        </p:spPr>
        <p:txBody>
          <a:bodyPr/>
          <a:lstStyle/>
          <a:p>
            <a:pPr>
              <a:spcAft>
                <a:spcPts val="0"/>
              </a:spcAft>
              <a:tabLst>
                <a:tab pos="7777163" algn="r"/>
              </a:tabLst>
            </a:pPr>
            <a:r>
              <a:rPr lang="en-US" sz="2400" dirty="0"/>
              <a:t>Policies</a:t>
            </a:r>
          </a:p>
          <a:p>
            <a:pPr lvl="1">
              <a:spcAft>
                <a:spcPts val="0"/>
              </a:spcAft>
              <a:tabLst>
                <a:tab pos="7777163" algn="r"/>
              </a:tabLst>
            </a:pPr>
            <a:r>
              <a:rPr lang="en-US" sz="2200" dirty="0">
                <a:solidFill>
                  <a:schemeClr val="tx1"/>
                </a:solidFill>
              </a:rPr>
              <a:t>Delta Action Plan Framework	Jun 2007</a:t>
            </a:r>
          </a:p>
          <a:p>
            <a:pPr lvl="1">
              <a:spcAft>
                <a:spcPts val="0"/>
              </a:spcAft>
              <a:tabLst>
                <a:tab pos="7777163" algn="r"/>
              </a:tabLst>
            </a:pPr>
            <a:r>
              <a:rPr lang="en-US" sz="2200" dirty="0">
                <a:solidFill>
                  <a:schemeClr val="tx1"/>
                </a:solidFill>
              </a:rPr>
              <a:t>Delta Conveyance Criteria	Sep 2007</a:t>
            </a:r>
          </a:p>
          <a:p>
            <a:pPr lvl="1">
              <a:spcAft>
                <a:spcPts val="0"/>
              </a:spcAft>
              <a:tabLst>
                <a:tab pos="7777163" algn="r"/>
              </a:tabLst>
            </a:pPr>
            <a:r>
              <a:rPr lang="en-US" sz="2200" dirty="0">
                <a:solidFill>
                  <a:schemeClr val="tx1"/>
                </a:solidFill>
              </a:rPr>
              <a:t>Delta Governance Principles	Aug  2008</a:t>
            </a:r>
          </a:p>
          <a:p>
            <a:pPr lvl="1">
              <a:spcAft>
                <a:spcPts val="0"/>
              </a:spcAft>
              <a:tabLst>
                <a:tab pos="7777163" algn="r"/>
              </a:tabLst>
            </a:pPr>
            <a:r>
              <a:rPr lang="en-US" sz="2200" dirty="0">
                <a:solidFill>
                  <a:schemeClr val="tx1"/>
                </a:solidFill>
              </a:rPr>
              <a:t>Delta Vision Implementation	Jan  2009</a:t>
            </a:r>
          </a:p>
          <a:p>
            <a:pPr lvl="1">
              <a:spcAft>
                <a:spcPts val="0"/>
              </a:spcAft>
              <a:tabLst>
                <a:tab pos="7777163" algn="r"/>
              </a:tabLst>
            </a:pPr>
            <a:r>
              <a:rPr lang="en-US" sz="2200" dirty="0">
                <a:solidFill>
                  <a:schemeClr val="tx1"/>
                </a:solidFill>
              </a:rPr>
              <a:t>Delta-Related Legislation	Apr </a:t>
            </a:r>
            <a:r>
              <a:rPr lang="en-US" sz="2200" dirty="0" smtClean="0">
                <a:solidFill>
                  <a:schemeClr val="tx1"/>
                </a:solidFill>
              </a:rPr>
              <a:t>2009</a:t>
            </a:r>
            <a:br>
              <a:rPr lang="en-US" sz="2200" dirty="0" smtClean="0">
                <a:solidFill>
                  <a:schemeClr val="tx1"/>
                </a:solidFill>
              </a:rPr>
            </a:br>
            <a:endParaRPr lang="en-US" sz="2200" dirty="0">
              <a:solidFill>
                <a:schemeClr val="tx1"/>
              </a:solidFill>
            </a:endParaRPr>
          </a:p>
          <a:p>
            <a:pPr>
              <a:spcAft>
                <a:spcPts val="0"/>
              </a:spcAft>
              <a:tabLst>
                <a:tab pos="7777163" algn="r"/>
              </a:tabLst>
            </a:pPr>
            <a:r>
              <a:rPr lang="en-US" sz="2400" dirty="0"/>
              <a:t>Funding Agreements</a:t>
            </a:r>
          </a:p>
          <a:p>
            <a:pPr lvl="1">
              <a:spcAft>
                <a:spcPts val="0"/>
              </a:spcAft>
              <a:tabLst>
                <a:tab pos="7777163" algn="r"/>
              </a:tabLst>
            </a:pPr>
            <a:r>
              <a:rPr lang="en-US" sz="2200" dirty="0">
                <a:solidFill>
                  <a:schemeClr val="tx1"/>
                </a:solidFill>
              </a:rPr>
              <a:t>Execution of Planning Agreement for BDCP	Oct  2006</a:t>
            </a:r>
          </a:p>
          <a:p>
            <a:pPr lvl="1">
              <a:spcAft>
                <a:spcPts val="0"/>
              </a:spcAft>
              <a:tabLst>
                <a:tab pos="7777163" algn="r"/>
              </a:tabLst>
            </a:pPr>
            <a:r>
              <a:rPr lang="en-US" sz="2200" dirty="0">
                <a:solidFill>
                  <a:schemeClr val="tx1"/>
                </a:solidFill>
              </a:rPr>
              <a:t>Execution of BDCP Cost-Sharing Agreement	Nov 2006</a:t>
            </a:r>
          </a:p>
          <a:p>
            <a:pPr lvl="1">
              <a:spcAft>
                <a:spcPts val="0"/>
              </a:spcAft>
              <a:tabLst>
                <a:tab pos="7777163" algn="r"/>
              </a:tabLst>
            </a:pPr>
            <a:r>
              <a:rPr lang="en-US" sz="2200" dirty="0">
                <a:solidFill>
                  <a:schemeClr val="tx1"/>
                </a:solidFill>
              </a:rPr>
              <a:t>Execution of Initial Funding Agreement	Dec 2008</a:t>
            </a:r>
          </a:p>
          <a:p>
            <a:pPr lvl="1">
              <a:spcAft>
                <a:spcPts val="0"/>
              </a:spcAft>
              <a:tabLst>
                <a:tab pos="7777163" algn="r"/>
              </a:tabLst>
            </a:pPr>
            <a:r>
              <a:rPr lang="en-US" sz="2200" dirty="0">
                <a:solidFill>
                  <a:schemeClr val="tx1"/>
                </a:solidFill>
              </a:rPr>
              <a:t>Execution of Amendments to Planning Agmt	Dec 2009</a:t>
            </a:r>
          </a:p>
          <a:p>
            <a:pPr lvl="1">
              <a:spcAft>
                <a:spcPts val="0"/>
              </a:spcAft>
              <a:tabLst>
                <a:tab pos="7777163" algn="r"/>
              </a:tabLst>
            </a:pPr>
            <a:r>
              <a:rPr lang="en-US" sz="2200" dirty="0">
                <a:solidFill>
                  <a:schemeClr val="tx1"/>
                </a:solidFill>
              </a:rPr>
              <a:t>Execution of Amendment (additional funds)	July 2010</a:t>
            </a:r>
          </a:p>
          <a:p>
            <a:pPr lvl="1">
              <a:spcAft>
                <a:spcPts val="0"/>
              </a:spcAft>
              <a:tabLst>
                <a:tab pos="7777163" algn="r"/>
              </a:tabLst>
            </a:pPr>
            <a:r>
              <a:rPr lang="en-US" sz="2200" dirty="0">
                <a:solidFill>
                  <a:schemeClr val="tx1"/>
                </a:solidFill>
              </a:rPr>
              <a:t>Execution of Amendment to MOA	Aug 2011</a:t>
            </a:r>
          </a:p>
          <a:p>
            <a:pPr>
              <a:spcAft>
                <a:spcPts val="0"/>
              </a:spcAft>
            </a:pPr>
            <a:endParaRPr lang="en-US" sz="2400" dirty="0"/>
          </a:p>
        </p:txBody>
      </p:sp>
    </p:spTree>
    <p:extLst>
      <p:ext uri="{BB962C8B-B14F-4D97-AF65-F5344CB8AC3E}">
        <p14:creationId xmlns:p14="http://schemas.microsoft.com/office/powerpoint/2010/main" val="1677214389"/>
      </p:ext>
    </p:extLst>
  </p:cSld>
  <p:clrMapOvr>
    <a:masterClrMapping/>
  </p:clrMapOvr>
  <p:transition spd="slow">
    <p:fade/>
  </p:transition>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Water Supply" hidden="1"/>
          <p:cNvGraphicFramePr>
            <a:graphicFrameLocks noGrp="1"/>
          </p:cNvGraphicFramePr>
          <p:nvPr>
            <p:extLst>
              <p:ext uri="{D42A27DB-BD31-4B8C-83A1-F6EECF244321}">
                <p14:modId xmlns:p14="http://schemas.microsoft.com/office/powerpoint/2010/main" val="546162935"/>
              </p:ext>
            </p:extLst>
          </p:nvPr>
        </p:nvGraphicFramePr>
        <p:xfrm>
          <a:off x="152399" y="3624193"/>
          <a:ext cx="8839200" cy="594666"/>
        </p:xfrm>
        <a:graphic>
          <a:graphicData uri="http://schemas.openxmlformats.org/drawingml/2006/table">
            <a:tbl>
              <a:tblPr firstRow="1" bandRow="1">
                <a:tableStyleId>{BDBED569-4797-4DF1-A0F4-6AAB3CD982D8}</a:tableStyleId>
              </a:tblPr>
              <a:tblGrid>
                <a:gridCol w="2362200"/>
                <a:gridCol w="6477000"/>
              </a:tblGrid>
              <a:tr h="594666">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a:lnSpc>
                          <a:spcPct val="85000"/>
                        </a:lnSpc>
                        <a:spcBef>
                          <a:spcPts val="0"/>
                        </a:spcBef>
                        <a:spcAft>
                          <a:spcPts val="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graphicFrame>
        <p:nvGraphicFramePr>
          <p:cNvPr id="6" name="Water Quality" hidden="1"/>
          <p:cNvGraphicFramePr>
            <a:graphicFrameLocks noGrp="1"/>
          </p:cNvGraphicFramePr>
          <p:nvPr>
            <p:extLst>
              <p:ext uri="{D42A27DB-BD31-4B8C-83A1-F6EECF244321}">
                <p14:modId xmlns:p14="http://schemas.microsoft.com/office/powerpoint/2010/main" val="186584485"/>
              </p:ext>
            </p:extLst>
          </p:nvPr>
        </p:nvGraphicFramePr>
        <p:xfrm>
          <a:off x="152399" y="4309165"/>
          <a:ext cx="8839200" cy="594666"/>
        </p:xfrm>
        <a:graphic>
          <a:graphicData uri="http://schemas.openxmlformats.org/drawingml/2006/table">
            <a:tbl>
              <a:tblPr firstRow="1" bandRow="1">
                <a:tableStyleId>{BDBED569-4797-4DF1-A0F4-6AAB3CD982D8}</a:tableStyleId>
              </a:tblPr>
              <a:tblGrid>
                <a:gridCol w="2362200"/>
                <a:gridCol w="6477000"/>
              </a:tblGrid>
              <a:tr h="594666">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7" name="Flexible Pumping" hidden="1"/>
          <p:cNvGraphicFramePr>
            <a:graphicFrameLocks noGrp="1"/>
          </p:cNvGraphicFramePr>
          <p:nvPr>
            <p:extLst>
              <p:ext uri="{D42A27DB-BD31-4B8C-83A1-F6EECF244321}">
                <p14:modId xmlns:p14="http://schemas.microsoft.com/office/powerpoint/2010/main" val="1752758734"/>
              </p:ext>
            </p:extLst>
          </p:nvPr>
        </p:nvGraphicFramePr>
        <p:xfrm>
          <a:off x="152399" y="1505169"/>
          <a:ext cx="8839200" cy="1055595"/>
        </p:xfrm>
        <a:graphic>
          <a:graphicData uri="http://schemas.openxmlformats.org/drawingml/2006/table">
            <a:tbl>
              <a:tblPr firstRow="1" bandRow="1">
                <a:tableStyleId>{BDBED569-4797-4DF1-A0F4-6AAB3CD982D8}</a:tableStyleId>
              </a:tblPr>
              <a:tblGrid>
                <a:gridCol w="2362200"/>
                <a:gridCol w="6477000"/>
              </a:tblGrid>
              <a:tr h="1055595">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a:lnSpc>
                          <a:spcPct val="85000"/>
                        </a:lnSpc>
                        <a:spcBef>
                          <a:spcPts val="0"/>
                        </a:spcBef>
                        <a:spcAft>
                          <a:spcPts val="40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graphicFrame>
        <p:nvGraphicFramePr>
          <p:cNvPr id="8" name="Enhance Ecosystem" hidden="1"/>
          <p:cNvGraphicFramePr>
            <a:graphicFrameLocks noGrp="1"/>
          </p:cNvGraphicFramePr>
          <p:nvPr>
            <p:extLst>
              <p:ext uri="{D42A27DB-BD31-4B8C-83A1-F6EECF244321}">
                <p14:modId xmlns:p14="http://schemas.microsoft.com/office/powerpoint/2010/main" val="2271393312"/>
              </p:ext>
            </p:extLst>
          </p:nvPr>
        </p:nvGraphicFramePr>
        <p:xfrm>
          <a:off x="152399" y="2641407"/>
          <a:ext cx="8839200" cy="892000"/>
        </p:xfrm>
        <a:graphic>
          <a:graphicData uri="http://schemas.openxmlformats.org/drawingml/2006/table">
            <a:tbl>
              <a:tblPr firstRow="1" bandRow="1">
                <a:tableStyleId>{BDBED569-4797-4DF1-A0F4-6AAB3CD982D8}</a:tableStyleId>
              </a:tblPr>
              <a:tblGrid>
                <a:gridCol w="2362200"/>
                <a:gridCol w="6477000"/>
              </a:tblGrid>
              <a:tr h="892000">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40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9" name="Seismic Risk" hidden="1"/>
          <p:cNvGraphicFramePr>
            <a:graphicFrameLocks noGrp="1"/>
          </p:cNvGraphicFramePr>
          <p:nvPr>
            <p:extLst>
              <p:ext uri="{D42A27DB-BD31-4B8C-83A1-F6EECF244321}">
                <p14:modId xmlns:p14="http://schemas.microsoft.com/office/powerpoint/2010/main" val="3431835291"/>
              </p:ext>
            </p:extLst>
          </p:nvPr>
        </p:nvGraphicFramePr>
        <p:xfrm>
          <a:off x="152399" y="4971824"/>
          <a:ext cx="8839200" cy="576668"/>
        </p:xfrm>
        <a:graphic>
          <a:graphicData uri="http://schemas.openxmlformats.org/drawingml/2006/table">
            <a:tbl>
              <a:tblPr firstRow="1" bandRow="1">
                <a:tableStyleId>{BDBED569-4797-4DF1-A0F4-6AAB3CD982D8}</a:tableStyleId>
              </a:tblPr>
              <a:tblGrid>
                <a:gridCol w="2362200"/>
                <a:gridCol w="6477000"/>
              </a:tblGrid>
              <a:tr h="576668">
                <a:tc>
                  <a:txBody>
                    <a:bodyPr/>
                    <a:lstStyle/>
                    <a:p>
                      <a:pPr marL="0" marR="0" algn="l" defTabSz="914363" rtl="0" eaLnBrk="1" latinLnBrk="0" hangingPunct="1">
                        <a:lnSpc>
                          <a:spcPct val="85000"/>
                        </a:lnSpc>
                        <a:spcBef>
                          <a:spcPts val="0"/>
                        </a:spcBef>
                        <a:spcAft>
                          <a:spcPts val="0"/>
                        </a:spcAft>
                      </a:pPr>
                      <a:endParaRPr lang="en-US" sz="2000" b="1" i="0" kern="1200" dirty="0">
                        <a:solidFill>
                          <a:schemeClr val="tx1"/>
                        </a:solidFill>
                        <a:effectLst/>
                        <a:latin typeface="+mn-lt"/>
                        <a:ea typeface="+mn-ea"/>
                        <a:cs typeface="+mn-cs"/>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0"/>
                        </a:spcAft>
                        <a:buFont typeface="Arial" panose="020B0604020202020204" pitchFamily="34" charset="0"/>
                        <a:buChar char="•"/>
                      </a:pPr>
                      <a:endParaRPr lang="en-US" sz="1800" b="0" i="0" kern="1200" dirty="0">
                        <a:solidFill>
                          <a:schemeClr val="tx1"/>
                        </a:solidFill>
                        <a:effectLst/>
                        <a:latin typeface="+mn-lt"/>
                        <a:ea typeface="+mn-ea"/>
                        <a:cs typeface="+mn-cs"/>
                      </a:endParaRPr>
                    </a:p>
                  </a:txBody>
                  <a:tcPr marL="68580" marR="68580" marT="0" marB="0">
                    <a:noFill/>
                  </a:tcPr>
                </a:tc>
              </a:tr>
            </a:tbl>
          </a:graphicData>
        </a:graphic>
      </p:graphicFrame>
      <p:graphicFrame>
        <p:nvGraphicFramePr>
          <p:cNvPr id="11" name="Climate Change" hidden="1"/>
          <p:cNvGraphicFramePr>
            <a:graphicFrameLocks noGrp="1"/>
          </p:cNvGraphicFramePr>
          <p:nvPr>
            <p:extLst>
              <p:ext uri="{D42A27DB-BD31-4B8C-83A1-F6EECF244321}">
                <p14:modId xmlns:p14="http://schemas.microsoft.com/office/powerpoint/2010/main" val="406316040"/>
              </p:ext>
            </p:extLst>
          </p:nvPr>
        </p:nvGraphicFramePr>
        <p:xfrm>
          <a:off x="152399" y="5638800"/>
          <a:ext cx="8839200" cy="1070400"/>
        </p:xfrm>
        <a:graphic>
          <a:graphicData uri="http://schemas.openxmlformats.org/drawingml/2006/table">
            <a:tbl>
              <a:tblPr firstRow="1" bandRow="1">
                <a:tableStyleId>{BDBED569-4797-4DF1-A0F4-6AAB3CD982D8}</a:tableStyleId>
              </a:tblPr>
              <a:tblGrid>
                <a:gridCol w="2362200"/>
                <a:gridCol w="6477000"/>
              </a:tblGrid>
              <a:tr h="1070400">
                <a:tc>
                  <a:txBody>
                    <a:bodyPr/>
                    <a:lstStyle/>
                    <a:p>
                      <a:pPr marL="0" marR="0" algn="l">
                        <a:lnSpc>
                          <a:spcPct val="85000"/>
                        </a:lnSpc>
                        <a:spcBef>
                          <a:spcPts val="0"/>
                        </a:spcBef>
                        <a:spcAft>
                          <a:spcPts val="0"/>
                        </a:spcAft>
                      </a:pPr>
                      <a:endParaRPr lang="en-US" sz="2000" b="1" i="0" dirty="0">
                        <a:effectLst/>
                        <a:latin typeface="+mn-lt"/>
                        <a:ea typeface="Times New Roman"/>
                        <a:cs typeface="Times New Roman"/>
                      </a:endParaRPr>
                    </a:p>
                  </a:txBody>
                  <a:tcPr marL="68580" marR="68580" marT="0" marB="0">
                    <a:noFill/>
                  </a:tcPr>
                </a:tc>
                <a:tc>
                  <a:txBody>
                    <a:bodyPr/>
                    <a:lstStyle/>
                    <a:p>
                      <a:pPr marL="285750" marR="0" indent="-285750" algn="l" defTabSz="914363" rtl="0" eaLnBrk="1" latinLnBrk="0" hangingPunct="1">
                        <a:lnSpc>
                          <a:spcPct val="85000"/>
                        </a:lnSpc>
                        <a:spcBef>
                          <a:spcPts val="0"/>
                        </a:spcBef>
                        <a:spcAft>
                          <a:spcPts val="400"/>
                        </a:spcAft>
                        <a:buFont typeface="Arial" panose="020B0604020202020204" pitchFamily="34" charset="0"/>
                        <a:buChar char="•"/>
                      </a:pPr>
                      <a:endParaRPr lang="en-US" sz="1800" b="0" i="0" dirty="0">
                        <a:effectLst/>
                        <a:latin typeface="+mn-lt"/>
                        <a:ea typeface="Times New Roman"/>
                        <a:cs typeface="Times New Roman"/>
                      </a:endParaRPr>
                    </a:p>
                  </a:txBody>
                  <a:tcPr marL="68580" marR="68580" marT="0" marB="0">
                    <a:noFill/>
                  </a:tcPr>
                </a:tc>
              </a:tr>
            </a:tbl>
          </a:graphicData>
        </a:graphic>
      </p:graphicFrame>
      <p:sp>
        <p:nvSpPr>
          <p:cNvPr id="10" name="Title 1"/>
          <p:cNvSpPr>
            <a:spLocks noGrp="1"/>
          </p:cNvSpPr>
          <p:nvPr>
            <p:ph type="title"/>
          </p:nvPr>
        </p:nvSpPr>
        <p:spPr bwMode="invGray"/>
        <p:txBody>
          <a:bodyPr>
            <a:noAutofit/>
          </a:bodyPr>
          <a:lstStyle/>
          <a:p>
            <a:pPr algn="ctr"/>
            <a:r>
              <a:rPr lang="en-US" sz="4000" dirty="0"/>
              <a:t>Metropolitan Board Actions</a:t>
            </a:r>
            <a:br>
              <a:rPr lang="en-US" sz="4000" dirty="0"/>
            </a:br>
            <a:r>
              <a:rPr lang="en-US" sz="3200" dirty="0">
                <a:solidFill>
                  <a:schemeClr val="tx1"/>
                </a:solidFill>
              </a:rPr>
              <a:t>Delta Conveyance Criteria (Sep 2007)</a:t>
            </a:r>
          </a:p>
        </p:txBody>
      </p:sp>
      <p:sp>
        <p:nvSpPr>
          <p:cNvPr id="3" name="Text Placeholder 2"/>
          <p:cNvSpPr>
            <a:spLocks noGrp="1"/>
          </p:cNvSpPr>
          <p:nvPr>
            <p:ph type="body" sz="quarter" idx="11"/>
          </p:nvPr>
        </p:nvSpPr>
        <p:spPr/>
        <p:txBody>
          <a:bodyPr/>
          <a:lstStyle/>
          <a:p>
            <a:endParaRPr lang="en-US" dirty="0"/>
          </a:p>
        </p:txBody>
      </p:sp>
      <p:graphicFrame>
        <p:nvGraphicFramePr>
          <p:cNvPr id="12" name="Water Supply"/>
          <p:cNvGraphicFramePr>
            <a:graphicFrameLocks noGrp="1"/>
          </p:cNvGraphicFramePr>
          <p:nvPr>
            <p:extLst>
              <p:ext uri="{D42A27DB-BD31-4B8C-83A1-F6EECF244321}">
                <p14:modId xmlns:p14="http://schemas.microsoft.com/office/powerpoint/2010/main" val="3295694739"/>
              </p:ext>
            </p:extLst>
          </p:nvPr>
        </p:nvGraphicFramePr>
        <p:xfrm>
          <a:off x="152400" y="3549041"/>
          <a:ext cx="8686800" cy="594666"/>
        </p:xfrm>
        <a:graphic>
          <a:graphicData uri="http://schemas.openxmlformats.org/drawingml/2006/table">
            <a:tbl>
              <a:tblPr firstRow="1" bandRow="1">
                <a:tableStyleId>{BC89EF96-8CEA-46FF-86C4-4CE0E7609802}</a:tableStyleId>
              </a:tblPr>
              <a:tblGrid>
                <a:gridCol w="2321472"/>
                <a:gridCol w="6365328"/>
              </a:tblGrid>
              <a:tr h="594666">
                <a:tc>
                  <a:txBody>
                    <a:bodyPr/>
                    <a:lstStyle/>
                    <a:p>
                      <a:pPr marL="0" marR="0" algn="l">
                        <a:lnSpc>
                          <a:spcPct val="85000"/>
                        </a:lnSpc>
                        <a:spcBef>
                          <a:spcPts val="0"/>
                        </a:spcBef>
                        <a:spcAft>
                          <a:spcPts val="0"/>
                        </a:spcAft>
                      </a:pPr>
                      <a:r>
                        <a:rPr lang="en-US" sz="2000" dirty="0">
                          <a:solidFill>
                            <a:schemeClr val="tx1"/>
                          </a:solidFill>
                          <a:effectLst/>
                        </a:rPr>
                        <a:t>Provide </a:t>
                      </a:r>
                      <a:r>
                        <a:rPr lang="en-US" sz="2000" dirty="0" smtClean="0">
                          <a:solidFill>
                            <a:schemeClr val="tx1"/>
                          </a:solidFill>
                          <a:effectLst/>
                        </a:rPr>
                        <a:t>Water</a:t>
                      </a:r>
                      <a:br>
                        <a:rPr lang="en-US" sz="2000" dirty="0" smtClean="0">
                          <a:solidFill>
                            <a:schemeClr val="tx1"/>
                          </a:solidFill>
                          <a:effectLst/>
                        </a:rPr>
                      </a:br>
                      <a:r>
                        <a:rPr lang="en-US" sz="2000" dirty="0" smtClean="0">
                          <a:solidFill>
                            <a:schemeClr val="tx1"/>
                          </a:solidFill>
                          <a:effectLst/>
                        </a:rPr>
                        <a:t>Supply </a:t>
                      </a:r>
                      <a:r>
                        <a:rPr lang="en-US" sz="2000" dirty="0">
                          <a:solidFill>
                            <a:schemeClr val="tx1"/>
                          </a:solidFill>
                          <a:effectLst/>
                        </a:rPr>
                        <a:t>Reliability</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Consistent with DWR’s State Water Project Reliability Report (2005)</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3" name="Water Quality"/>
          <p:cNvGraphicFramePr>
            <a:graphicFrameLocks noGrp="1"/>
          </p:cNvGraphicFramePr>
          <p:nvPr>
            <p:extLst>
              <p:ext uri="{D42A27DB-BD31-4B8C-83A1-F6EECF244321}">
                <p14:modId xmlns:p14="http://schemas.microsoft.com/office/powerpoint/2010/main" val="2102778198"/>
              </p:ext>
            </p:extLst>
          </p:nvPr>
        </p:nvGraphicFramePr>
        <p:xfrm>
          <a:off x="152400" y="4220530"/>
          <a:ext cx="8686800" cy="594666"/>
        </p:xfrm>
        <a:graphic>
          <a:graphicData uri="http://schemas.openxmlformats.org/drawingml/2006/table">
            <a:tbl>
              <a:tblPr firstRow="1" bandRow="1">
                <a:tableStyleId>{BC89EF96-8CEA-46FF-86C4-4CE0E7609802}</a:tableStyleId>
              </a:tblPr>
              <a:tblGrid>
                <a:gridCol w="2321472"/>
                <a:gridCol w="6365328"/>
              </a:tblGrid>
              <a:tr h="594666">
                <a:tc>
                  <a:txBody>
                    <a:bodyPr/>
                    <a:lstStyle/>
                    <a:p>
                      <a:pPr marL="0" marR="0" algn="l" defTabSz="914363" rtl="0" eaLnBrk="1" latinLnBrk="0" hangingPunct="1">
                        <a:lnSpc>
                          <a:spcPct val="85000"/>
                        </a:lnSpc>
                        <a:spcBef>
                          <a:spcPts val="0"/>
                        </a:spcBef>
                        <a:spcAft>
                          <a:spcPts val="0"/>
                        </a:spcAft>
                      </a:pPr>
                      <a:r>
                        <a:rPr lang="en-US" sz="2000" kern="1200" dirty="0">
                          <a:solidFill>
                            <a:schemeClr val="tx1"/>
                          </a:solidFill>
                          <a:effectLst/>
                        </a:rPr>
                        <a:t>Improve Export </a:t>
                      </a:r>
                      <a:r>
                        <a:rPr lang="en-US" sz="2000" kern="1200" dirty="0" smtClean="0">
                          <a:solidFill>
                            <a:schemeClr val="tx1"/>
                          </a:solidFill>
                          <a:effectLst/>
                        </a:rPr>
                        <a:t/>
                      </a:r>
                      <a:br>
                        <a:rPr lang="en-US" sz="2000" kern="1200" dirty="0" smtClean="0">
                          <a:solidFill>
                            <a:schemeClr val="tx1"/>
                          </a:solidFill>
                          <a:effectLst/>
                        </a:rPr>
                      </a:br>
                      <a:r>
                        <a:rPr lang="en-US" sz="2000" kern="1200" dirty="0" smtClean="0">
                          <a:solidFill>
                            <a:schemeClr val="tx1"/>
                          </a:solidFill>
                          <a:effectLst/>
                        </a:rPr>
                        <a:t>Water </a:t>
                      </a:r>
                      <a:r>
                        <a:rPr lang="en-US" sz="2000" kern="1200" dirty="0">
                          <a:solidFill>
                            <a:schemeClr val="tx1"/>
                          </a:solidFill>
                          <a:effectLst/>
                        </a:rPr>
                        <a:t>Quality</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bromide and dissolved organic carbon concentration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4" name="Flexible Pumping"/>
          <p:cNvGraphicFramePr>
            <a:graphicFrameLocks noGrp="1"/>
          </p:cNvGraphicFramePr>
          <p:nvPr>
            <p:extLst>
              <p:ext uri="{D42A27DB-BD31-4B8C-83A1-F6EECF244321}">
                <p14:modId xmlns:p14="http://schemas.microsoft.com/office/powerpoint/2010/main" val="2667857813"/>
              </p:ext>
            </p:extLst>
          </p:nvPr>
        </p:nvGraphicFramePr>
        <p:xfrm>
          <a:off x="152400" y="2416623"/>
          <a:ext cx="8686800" cy="1055595"/>
        </p:xfrm>
        <a:graphic>
          <a:graphicData uri="http://schemas.openxmlformats.org/drawingml/2006/table">
            <a:tbl>
              <a:tblPr firstRow="1" bandRow="1">
                <a:tableStyleId>{BC89EF96-8CEA-46FF-86C4-4CE0E7609802}</a:tableStyleId>
              </a:tblPr>
              <a:tblGrid>
                <a:gridCol w="2321472"/>
                <a:gridCol w="6365328"/>
              </a:tblGrid>
              <a:tr h="1055595">
                <a:tc>
                  <a:txBody>
                    <a:bodyPr/>
                    <a:lstStyle/>
                    <a:p>
                      <a:pPr marL="0" marR="0" algn="l">
                        <a:lnSpc>
                          <a:spcPct val="85000"/>
                        </a:lnSpc>
                        <a:spcBef>
                          <a:spcPts val="0"/>
                        </a:spcBef>
                        <a:spcAft>
                          <a:spcPts val="0"/>
                        </a:spcAft>
                      </a:pPr>
                      <a:r>
                        <a:rPr lang="en-US" sz="2000" dirty="0">
                          <a:solidFill>
                            <a:schemeClr val="tx1"/>
                          </a:solidFill>
                          <a:effectLst/>
                        </a:rPr>
                        <a:t>Allow Flexible Pumping </a:t>
                      </a:r>
                      <a:r>
                        <a:rPr lang="en-US" sz="2000" dirty="0" smtClean="0">
                          <a:solidFill>
                            <a:schemeClr val="tx1"/>
                          </a:solidFill>
                          <a:effectLst/>
                        </a:rPr>
                        <a:t>Operations in </a:t>
                      </a:r>
                      <a:r>
                        <a:rPr lang="en-US" sz="2000" dirty="0">
                          <a:solidFill>
                            <a:schemeClr val="tx1"/>
                          </a:solidFill>
                          <a:effectLst/>
                        </a:rPr>
                        <a:t>a Dynamic Fishery Environment</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Allow the greatest flexibility in meeting water demands by taking water where and when it is least harmful to migrating salmon and in-Delta fish specie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inherent conflict between fisheries &amp; water conveyance</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5" name="Enhance Ecosystem"/>
          <p:cNvGraphicFramePr>
            <a:graphicFrameLocks noGrp="1"/>
          </p:cNvGraphicFramePr>
          <p:nvPr>
            <p:extLst>
              <p:ext uri="{D42A27DB-BD31-4B8C-83A1-F6EECF244321}">
                <p14:modId xmlns:p14="http://schemas.microsoft.com/office/powerpoint/2010/main" val="1673661209"/>
              </p:ext>
            </p:extLst>
          </p:nvPr>
        </p:nvGraphicFramePr>
        <p:xfrm>
          <a:off x="152400" y="1447800"/>
          <a:ext cx="8686800" cy="892000"/>
        </p:xfrm>
        <a:graphic>
          <a:graphicData uri="http://schemas.openxmlformats.org/drawingml/2006/table">
            <a:tbl>
              <a:tblPr firstRow="1" bandRow="1">
                <a:tableStyleId>{BC89EF96-8CEA-46FF-86C4-4CE0E7609802}</a:tableStyleId>
              </a:tblPr>
              <a:tblGrid>
                <a:gridCol w="2321472"/>
                <a:gridCol w="6365328"/>
              </a:tblGrid>
              <a:tr h="892000">
                <a:tc>
                  <a:txBody>
                    <a:bodyPr/>
                    <a:lstStyle/>
                    <a:p>
                      <a:pPr marL="0" marR="0" algn="l" defTabSz="914363" rtl="0" eaLnBrk="1" latinLnBrk="0" hangingPunct="1">
                        <a:lnSpc>
                          <a:spcPct val="90000"/>
                        </a:lnSpc>
                        <a:spcBef>
                          <a:spcPts val="0"/>
                        </a:spcBef>
                        <a:spcAft>
                          <a:spcPts val="0"/>
                        </a:spcAft>
                      </a:pPr>
                      <a:r>
                        <a:rPr lang="en-US" sz="2000" kern="1200" dirty="0">
                          <a:solidFill>
                            <a:schemeClr val="tx1"/>
                          </a:solidFill>
                          <a:effectLst/>
                        </a:rPr>
                        <a:t>Enhance </a:t>
                      </a:r>
                      <a:r>
                        <a:rPr lang="en-US" sz="2000" kern="1200" dirty="0" smtClean="0">
                          <a:solidFill>
                            <a:schemeClr val="tx1"/>
                          </a:solidFill>
                          <a:effectLst/>
                        </a:rPr>
                        <a:t>Ecosystem </a:t>
                      </a:r>
                      <a:r>
                        <a:rPr lang="en-US" sz="2000" kern="1200" dirty="0">
                          <a:solidFill>
                            <a:schemeClr val="tx1"/>
                          </a:solidFill>
                          <a:effectLst/>
                        </a:rPr>
                        <a:t>Fishery Habitat Throughout Delta</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ability to restore fishery habitat throughout the Delta</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Minimize disruption to tidal food web processe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for fluctuating salinity level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6" name="Seismic Risk"/>
          <p:cNvGraphicFramePr>
            <a:graphicFrameLocks noGrp="1"/>
          </p:cNvGraphicFramePr>
          <p:nvPr>
            <p:extLst>
              <p:ext uri="{D42A27DB-BD31-4B8C-83A1-F6EECF244321}">
                <p14:modId xmlns:p14="http://schemas.microsoft.com/office/powerpoint/2010/main" val="2179489592"/>
              </p:ext>
            </p:extLst>
          </p:nvPr>
        </p:nvGraphicFramePr>
        <p:xfrm>
          <a:off x="152400" y="4892019"/>
          <a:ext cx="8686800" cy="576668"/>
        </p:xfrm>
        <a:graphic>
          <a:graphicData uri="http://schemas.openxmlformats.org/drawingml/2006/table">
            <a:tbl>
              <a:tblPr firstRow="1" bandRow="1">
                <a:tableStyleId>{BC89EF96-8CEA-46FF-86C4-4CE0E7609802}</a:tableStyleId>
              </a:tblPr>
              <a:tblGrid>
                <a:gridCol w="2321472"/>
                <a:gridCol w="6365328"/>
              </a:tblGrid>
              <a:tr h="576668">
                <a:tc>
                  <a:txBody>
                    <a:bodyPr/>
                    <a:lstStyle/>
                    <a:p>
                      <a:pPr marL="0" marR="0" algn="l" defTabSz="914363" rtl="0" eaLnBrk="1" latinLnBrk="0" hangingPunct="1">
                        <a:lnSpc>
                          <a:spcPct val="85000"/>
                        </a:lnSpc>
                        <a:spcBef>
                          <a:spcPts val="0"/>
                        </a:spcBef>
                        <a:spcAft>
                          <a:spcPts val="0"/>
                        </a:spcAft>
                      </a:pPr>
                      <a:r>
                        <a:rPr lang="en-US" sz="2000" kern="1200" dirty="0">
                          <a:solidFill>
                            <a:schemeClr val="tx1"/>
                          </a:solidFill>
                          <a:effectLst/>
                        </a:rPr>
                        <a:t>Reduce Seismic Risks</a:t>
                      </a:r>
                      <a:endParaRPr lang="en-US" sz="2000" b="1" i="0" kern="1200" dirty="0">
                        <a:solidFill>
                          <a:schemeClr val="tx1"/>
                        </a:solidFill>
                        <a:effectLst/>
                        <a:latin typeface="+mn-lt"/>
                        <a:ea typeface="+mn-ea"/>
                        <a:cs typeface="+mn-cs"/>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Provide significant reductions in risks to export water supplies from seismic-induced levee failure and flooding</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graphicFrame>
        <p:nvGraphicFramePr>
          <p:cNvPr id="17" name="Climate Change"/>
          <p:cNvGraphicFramePr>
            <a:graphicFrameLocks noGrp="1"/>
          </p:cNvGraphicFramePr>
          <p:nvPr>
            <p:extLst>
              <p:ext uri="{D42A27DB-BD31-4B8C-83A1-F6EECF244321}">
                <p14:modId xmlns:p14="http://schemas.microsoft.com/office/powerpoint/2010/main" val="2883761432"/>
              </p:ext>
            </p:extLst>
          </p:nvPr>
        </p:nvGraphicFramePr>
        <p:xfrm>
          <a:off x="152400" y="5545512"/>
          <a:ext cx="8686800" cy="1070400"/>
        </p:xfrm>
        <a:graphic>
          <a:graphicData uri="http://schemas.openxmlformats.org/drawingml/2006/table">
            <a:tbl>
              <a:tblPr firstRow="1" bandRow="1">
                <a:tableStyleId>{BC89EF96-8CEA-46FF-86C4-4CE0E7609802}</a:tableStyleId>
              </a:tblPr>
              <a:tblGrid>
                <a:gridCol w="2321472"/>
                <a:gridCol w="6365328"/>
              </a:tblGrid>
              <a:tr h="1070400">
                <a:tc>
                  <a:txBody>
                    <a:bodyPr/>
                    <a:lstStyle/>
                    <a:p>
                      <a:pPr marL="0" marR="0" algn="l">
                        <a:lnSpc>
                          <a:spcPct val="85000"/>
                        </a:lnSpc>
                        <a:spcBef>
                          <a:spcPts val="0"/>
                        </a:spcBef>
                        <a:spcAft>
                          <a:spcPts val="0"/>
                        </a:spcAft>
                      </a:pPr>
                      <a:r>
                        <a:rPr lang="en-US" sz="2000" dirty="0">
                          <a:solidFill>
                            <a:schemeClr val="tx1"/>
                          </a:solidFill>
                          <a:effectLst/>
                        </a:rPr>
                        <a:t>Reduce Climate Change Risks</a:t>
                      </a:r>
                      <a:endParaRPr lang="en-US" sz="2000" b="1" i="0" dirty="0">
                        <a:solidFill>
                          <a:schemeClr val="tx1"/>
                        </a:solidFill>
                        <a:effectLst/>
                        <a:latin typeface="+mn-lt"/>
                        <a:ea typeface="Times New Roman"/>
                        <a:cs typeface="Times New Roman"/>
                      </a:endParaRPr>
                    </a:p>
                  </a:txBody>
                  <a:tcPr marL="68580" marR="68580" marT="0" marB="0" anchor="ctr">
                    <a:solidFill>
                      <a:schemeClr val="accent1">
                        <a:lumMod val="50000"/>
                      </a:schemeClr>
                    </a:solidFill>
                  </a:tcPr>
                </a:tc>
                <a:tc>
                  <a:txBody>
                    <a:bodyPr/>
                    <a:lstStyle/>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Reduce long-term risks from salinity intrusion associated with rising sea levels</a:t>
                      </a:r>
                    </a:p>
                    <a:p>
                      <a:pPr marL="228600" marR="0" indent="-228600" algn="l" defTabSz="914363" rtl="0" eaLnBrk="1" latinLnBrk="0" hangingPunct="1">
                        <a:lnSpc>
                          <a:spcPct val="90000"/>
                        </a:lnSpc>
                        <a:spcBef>
                          <a:spcPts val="0"/>
                        </a:spcBef>
                        <a:spcAft>
                          <a:spcPts val="0"/>
                        </a:spcAft>
                        <a:buFontTx/>
                        <a:buChar char="•"/>
                      </a:pPr>
                      <a:r>
                        <a:rPr lang="en-US" sz="1800" b="0" kern="1200" dirty="0" smtClean="0">
                          <a:solidFill>
                            <a:schemeClr val="tx1"/>
                          </a:solidFill>
                          <a:latin typeface="+mn-lt"/>
                          <a:ea typeface="+mn-ea"/>
                          <a:cs typeface="+mn-cs"/>
                        </a:rPr>
                        <a:t>Intake locations should be able to withstand an estimated </a:t>
                      </a:r>
                      <a:br>
                        <a:rPr lang="en-US" sz="1800" b="0" kern="1200" dirty="0" smtClean="0">
                          <a:solidFill>
                            <a:schemeClr val="tx1"/>
                          </a:solidFill>
                          <a:latin typeface="+mn-lt"/>
                          <a:ea typeface="+mn-ea"/>
                          <a:cs typeface="+mn-cs"/>
                        </a:rPr>
                      </a:br>
                      <a:r>
                        <a:rPr lang="en-US" sz="1800" b="0" kern="1200" dirty="0" smtClean="0">
                          <a:solidFill>
                            <a:schemeClr val="tx1"/>
                          </a:solidFill>
                          <a:latin typeface="+mn-lt"/>
                          <a:ea typeface="+mn-ea"/>
                          <a:cs typeface="+mn-cs"/>
                        </a:rPr>
                        <a:t>1- to 3-foot sea-level rise in the next 100 years</a:t>
                      </a:r>
                      <a:endParaRPr lang="en-US" sz="1800" b="0" kern="1200" dirty="0">
                        <a:solidFill>
                          <a:schemeClr val="tx1"/>
                        </a:solidFill>
                        <a:latin typeface="+mn-lt"/>
                        <a:ea typeface="+mn-ea"/>
                        <a:cs typeface="+mn-cs"/>
                      </a:endParaRPr>
                    </a:p>
                  </a:txBody>
                  <a:tcPr marL="68580" marR="68580" marT="0" marB="0" anchor="ctr">
                    <a:solidFill>
                      <a:schemeClr val="accent1">
                        <a:lumMod val="50000"/>
                      </a:schemeClr>
                    </a:solidFill>
                  </a:tcPr>
                </a:tc>
              </a:tr>
            </a:tbl>
          </a:graphicData>
        </a:graphic>
      </p:graphicFrame>
    </p:spTree>
    <p:extLst>
      <p:ext uri="{BB962C8B-B14F-4D97-AF65-F5344CB8AC3E}">
        <p14:creationId xmlns:p14="http://schemas.microsoft.com/office/powerpoint/2010/main" val="3160105828"/>
      </p:ext>
    </p:extLst>
  </p:cSld>
  <p:clrMapOvr>
    <a:masterClrMapping/>
  </p:clrMapOvr>
  <p:transition>
    <p:fade/>
  </p:transition>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09600" y="228600"/>
            <a:ext cx="8229600" cy="1143000"/>
          </a:xfrm>
        </p:spPr>
        <p:txBody>
          <a:bodyPr>
            <a:noAutofit/>
          </a:bodyPr>
          <a:lstStyle/>
          <a:p>
            <a:r>
              <a:rPr lang="en-US" sz="4000" dirty="0"/>
              <a:t>California WaterFix</a:t>
            </a:r>
            <a:br>
              <a:rPr lang="en-US" sz="4000" dirty="0"/>
            </a:br>
            <a:r>
              <a:rPr lang="en-US" sz="4000" dirty="0"/>
              <a:t>Summary of Planning Process</a:t>
            </a:r>
          </a:p>
        </p:txBody>
      </p:sp>
      <p:sp>
        <p:nvSpPr>
          <p:cNvPr id="3" name="Rounded Rectangle 2"/>
          <p:cNvSpPr/>
          <p:nvPr/>
        </p:nvSpPr>
        <p:spPr>
          <a:xfrm>
            <a:off x="685800" y="1676400"/>
            <a:ext cx="7570304" cy="1167493"/>
          </a:xfrm>
          <a:prstGeom prst="round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nSpc>
                <a:spcPct val="90000"/>
              </a:lnSpc>
            </a:pPr>
            <a:r>
              <a:rPr lang="en-US" sz="2400" b="1" dirty="0">
                <a:solidFill>
                  <a:prstClr val="white"/>
                </a:solidFill>
              </a:rPr>
              <a:t>2006 – 2009</a:t>
            </a:r>
          </a:p>
          <a:p>
            <a:pPr marL="285750" indent="-285750">
              <a:lnSpc>
                <a:spcPct val="90000"/>
              </a:lnSpc>
              <a:buFont typeface="Arial" panose="020B0604020202020204" pitchFamily="34" charset="0"/>
              <a:buChar char="•"/>
            </a:pPr>
            <a:r>
              <a:rPr lang="en-US" sz="2200" dirty="0">
                <a:solidFill>
                  <a:prstClr val="white"/>
                </a:solidFill>
              </a:rPr>
              <a:t>BDCP Stakeholder Steering Committee formed</a:t>
            </a:r>
          </a:p>
          <a:p>
            <a:pPr marL="285750" indent="-285750">
              <a:lnSpc>
                <a:spcPct val="90000"/>
              </a:lnSpc>
              <a:buFont typeface="Arial" panose="020B0604020202020204" pitchFamily="34" charset="0"/>
              <a:buChar char="•"/>
            </a:pPr>
            <a:r>
              <a:rPr lang="en-US" sz="2200" dirty="0">
                <a:solidFill>
                  <a:prstClr val="white"/>
                </a:solidFill>
              </a:rPr>
              <a:t>Planning Agreement signed</a:t>
            </a:r>
          </a:p>
          <a:p>
            <a:pPr marL="285750" indent="-285750">
              <a:lnSpc>
                <a:spcPct val="90000"/>
              </a:lnSpc>
              <a:buFont typeface="Arial" panose="020B0604020202020204" pitchFamily="34" charset="0"/>
              <a:buChar char="•"/>
            </a:pPr>
            <a:r>
              <a:rPr lang="en-US" sz="2200" dirty="0">
                <a:solidFill>
                  <a:prstClr val="white"/>
                </a:solidFill>
              </a:rPr>
              <a:t>Alternative scoping, modeling, environmental analysis, etc</a:t>
            </a:r>
            <a:r>
              <a:rPr lang="en-US" sz="2200" dirty="0" smtClean="0">
                <a:solidFill>
                  <a:prstClr val="white"/>
                </a:solidFill>
              </a:rPr>
              <a:t>.</a:t>
            </a:r>
            <a:endParaRPr lang="en-US" sz="2200" dirty="0">
              <a:solidFill>
                <a:prstClr val="white"/>
              </a:solidFill>
            </a:endParaRPr>
          </a:p>
        </p:txBody>
      </p:sp>
      <p:sp>
        <p:nvSpPr>
          <p:cNvPr id="7" name="Rounded Rectangle 6"/>
          <p:cNvSpPr/>
          <p:nvPr/>
        </p:nvSpPr>
        <p:spPr>
          <a:xfrm>
            <a:off x="685800" y="2900499"/>
            <a:ext cx="7570304" cy="933994"/>
          </a:xfrm>
          <a:prstGeom prst="roundRect">
            <a:avLst/>
          </a:prstGeom>
          <a:ln/>
        </p:spPr>
        <p:style>
          <a:lnRef idx="0">
            <a:schemeClr val="accent5"/>
          </a:lnRef>
          <a:fillRef idx="3">
            <a:schemeClr val="accent5"/>
          </a:fillRef>
          <a:effectRef idx="3">
            <a:schemeClr val="accent5"/>
          </a:effectRef>
          <a:fontRef idx="minor">
            <a:schemeClr val="lt1"/>
          </a:fontRef>
        </p:style>
        <p:txBody>
          <a:bodyPr rtlCol="0" anchor="ctr"/>
          <a:lstStyle/>
          <a:p>
            <a:pPr>
              <a:lnSpc>
                <a:spcPct val="90000"/>
              </a:lnSpc>
            </a:pPr>
            <a:r>
              <a:rPr lang="en-US" sz="2400" b="1" dirty="0">
                <a:solidFill>
                  <a:prstClr val="white"/>
                </a:solidFill>
              </a:rPr>
              <a:t>2010 – 2011</a:t>
            </a:r>
          </a:p>
          <a:p>
            <a:pPr marL="285750" indent="-285750">
              <a:lnSpc>
                <a:spcPct val="90000"/>
              </a:lnSpc>
              <a:buFont typeface="Arial" panose="020B0604020202020204" pitchFamily="34" charset="0"/>
              <a:buChar char="•"/>
            </a:pPr>
            <a:r>
              <a:rPr lang="en-US" sz="2200" dirty="0">
                <a:solidFill>
                  <a:prstClr val="white"/>
                </a:solidFill>
              </a:rPr>
              <a:t>1st Administrative Draft BDCP released to the public</a:t>
            </a:r>
          </a:p>
          <a:p>
            <a:pPr marL="285750" indent="-285750">
              <a:lnSpc>
                <a:spcPct val="90000"/>
              </a:lnSpc>
              <a:buFont typeface="Arial" panose="020B0604020202020204" pitchFamily="34" charset="0"/>
              <a:buChar char="•"/>
            </a:pPr>
            <a:r>
              <a:rPr lang="en-US" sz="2200" dirty="0">
                <a:solidFill>
                  <a:prstClr val="white"/>
                </a:solidFill>
              </a:rPr>
              <a:t>Admin Draft EIR/S Chapters posted </a:t>
            </a:r>
            <a:r>
              <a:rPr lang="en-US" sz="2200" dirty="0" smtClean="0">
                <a:solidFill>
                  <a:prstClr val="white"/>
                </a:solidFill>
              </a:rPr>
              <a:t>online</a:t>
            </a:r>
            <a:endParaRPr lang="en-US" sz="2200" dirty="0">
              <a:solidFill>
                <a:prstClr val="white"/>
              </a:solidFill>
            </a:endParaRPr>
          </a:p>
        </p:txBody>
      </p:sp>
      <p:sp>
        <p:nvSpPr>
          <p:cNvPr id="8" name="Rounded Rectangle 7"/>
          <p:cNvSpPr/>
          <p:nvPr/>
        </p:nvSpPr>
        <p:spPr>
          <a:xfrm>
            <a:off x="685800" y="3891099"/>
            <a:ext cx="7570304" cy="700496"/>
          </a:xfrm>
          <a:prstGeom prst="roundRect">
            <a:avLst/>
          </a:prstGeom>
          <a:ln/>
        </p:spPr>
        <p:style>
          <a:lnRef idx="0">
            <a:schemeClr val="accent4"/>
          </a:lnRef>
          <a:fillRef idx="3">
            <a:schemeClr val="accent4"/>
          </a:fillRef>
          <a:effectRef idx="3">
            <a:schemeClr val="accent4"/>
          </a:effectRef>
          <a:fontRef idx="minor">
            <a:schemeClr val="lt1"/>
          </a:fontRef>
        </p:style>
        <p:txBody>
          <a:bodyPr rtlCol="0" anchor="ctr"/>
          <a:lstStyle/>
          <a:p>
            <a:pPr>
              <a:lnSpc>
                <a:spcPct val="90000"/>
              </a:lnSpc>
            </a:pPr>
            <a:r>
              <a:rPr lang="en-US" sz="2400" b="1" dirty="0">
                <a:solidFill>
                  <a:prstClr val="white"/>
                </a:solidFill>
              </a:rPr>
              <a:t>2012</a:t>
            </a:r>
          </a:p>
          <a:p>
            <a:pPr marL="285750" indent="-285750">
              <a:lnSpc>
                <a:spcPct val="90000"/>
              </a:lnSpc>
              <a:buFont typeface="Arial" panose="020B0604020202020204" pitchFamily="34" charset="0"/>
              <a:buChar char="•"/>
            </a:pPr>
            <a:r>
              <a:rPr lang="en-US" sz="2200" dirty="0">
                <a:solidFill>
                  <a:prstClr val="white"/>
                </a:solidFill>
              </a:rPr>
              <a:t>2nd Administrative Draft BDCP released to the </a:t>
            </a:r>
            <a:r>
              <a:rPr lang="en-US" sz="2200" dirty="0" smtClean="0">
                <a:solidFill>
                  <a:prstClr val="white"/>
                </a:solidFill>
              </a:rPr>
              <a:t>public</a:t>
            </a:r>
            <a:endParaRPr lang="en-US" sz="2200" dirty="0">
              <a:solidFill>
                <a:prstClr val="white"/>
              </a:solidFill>
            </a:endParaRPr>
          </a:p>
        </p:txBody>
      </p:sp>
      <p:sp>
        <p:nvSpPr>
          <p:cNvPr id="11" name="Rounded Rectangle 10"/>
          <p:cNvSpPr/>
          <p:nvPr/>
        </p:nvSpPr>
        <p:spPr>
          <a:xfrm>
            <a:off x="685800" y="4648201"/>
            <a:ext cx="7570304" cy="933994"/>
          </a:xfrm>
          <a:prstGeom prst="roundRect">
            <a:avLst/>
          </a:prstGeom>
          <a:ln/>
        </p:spPr>
        <p:style>
          <a:lnRef idx="0">
            <a:schemeClr val="accent3"/>
          </a:lnRef>
          <a:fillRef idx="3">
            <a:schemeClr val="accent3"/>
          </a:fillRef>
          <a:effectRef idx="3">
            <a:schemeClr val="accent3"/>
          </a:effectRef>
          <a:fontRef idx="minor">
            <a:schemeClr val="lt1"/>
          </a:fontRef>
        </p:style>
        <p:txBody>
          <a:bodyPr rtlCol="0" anchor="ctr"/>
          <a:lstStyle/>
          <a:p>
            <a:pPr>
              <a:lnSpc>
                <a:spcPct val="90000"/>
              </a:lnSpc>
            </a:pPr>
            <a:r>
              <a:rPr lang="en-US" sz="2400" b="1" dirty="0">
                <a:solidFill>
                  <a:prstClr val="white"/>
                </a:solidFill>
              </a:rPr>
              <a:t>2013 - 2014</a:t>
            </a:r>
          </a:p>
          <a:p>
            <a:pPr marL="342900" indent="-342900">
              <a:lnSpc>
                <a:spcPct val="90000"/>
              </a:lnSpc>
              <a:buFont typeface="Arial" panose="020B0604020202020204" pitchFamily="34" charset="0"/>
              <a:buChar char="•"/>
            </a:pPr>
            <a:r>
              <a:rPr lang="en-US" sz="2200" dirty="0" smtClean="0">
                <a:solidFill>
                  <a:prstClr val="white"/>
                </a:solidFill>
              </a:rPr>
              <a:t>First Public Draft </a:t>
            </a:r>
            <a:r>
              <a:rPr lang="en-US" sz="2200" dirty="0">
                <a:solidFill>
                  <a:prstClr val="white"/>
                </a:solidFill>
              </a:rPr>
              <a:t>EIR/S &amp; Draft BDCP released to the public</a:t>
            </a:r>
          </a:p>
          <a:p>
            <a:pPr marL="342900" indent="-342900">
              <a:lnSpc>
                <a:spcPct val="90000"/>
              </a:lnSpc>
              <a:buFont typeface="Arial" panose="020B0604020202020204" pitchFamily="34" charset="0"/>
              <a:buChar char="•"/>
            </a:pPr>
            <a:r>
              <a:rPr lang="en-US" sz="2200" dirty="0">
                <a:solidFill>
                  <a:prstClr val="white"/>
                </a:solidFill>
              </a:rPr>
              <a:t>228 day comment period (Dec 13, 2013 – Jul 29, 2014</a:t>
            </a:r>
            <a:r>
              <a:rPr lang="en-US" sz="2200" dirty="0" smtClean="0">
                <a:solidFill>
                  <a:prstClr val="white"/>
                </a:solidFill>
              </a:rPr>
              <a:t>)</a:t>
            </a:r>
            <a:endParaRPr lang="en-US" sz="2200" dirty="0">
              <a:solidFill>
                <a:prstClr val="white"/>
              </a:solidFill>
            </a:endParaRPr>
          </a:p>
        </p:txBody>
      </p:sp>
      <p:sp>
        <p:nvSpPr>
          <p:cNvPr id="12" name="Rounded Rectangle 11"/>
          <p:cNvSpPr/>
          <p:nvPr/>
        </p:nvSpPr>
        <p:spPr>
          <a:xfrm>
            <a:off x="685800" y="5638801"/>
            <a:ext cx="7570304" cy="933994"/>
          </a:xfrm>
          <a:prstGeom prst="roundRect">
            <a:avLst/>
          </a:prstGeom>
          <a:ln/>
        </p:spPr>
        <p:style>
          <a:lnRef idx="0">
            <a:schemeClr val="accent1"/>
          </a:lnRef>
          <a:fillRef idx="3">
            <a:schemeClr val="accent1"/>
          </a:fillRef>
          <a:effectRef idx="3">
            <a:schemeClr val="accent1"/>
          </a:effectRef>
          <a:fontRef idx="minor">
            <a:schemeClr val="lt1"/>
          </a:fontRef>
        </p:style>
        <p:txBody>
          <a:bodyPr rtlCol="0" anchor="ctr"/>
          <a:lstStyle/>
          <a:p>
            <a:pPr>
              <a:lnSpc>
                <a:spcPct val="90000"/>
              </a:lnSpc>
            </a:pPr>
            <a:r>
              <a:rPr lang="en-US" sz="2400" b="1" dirty="0">
                <a:solidFill>
                  <a:prstClr val="white"/>
                </a:solidFill>
              </a:rPr>
              <a:t>2015</a:t>
            </a:r>
          </a:p>
          <a:p>
            <a:pPr marL="342900" indent="-342900">
              <a:lnSpc>
                <a:spcPct val="90000"/>
              </a:lnSpc>
              <a:buFont typeface="Arial" panose="020B0604020202020204" pitchFamily="34" charset="0"/>
              <a:buChar char="•"/>
            </a:pPr>
            <a:r>
              <a:rPr lang="en-US" sz="2200" dirty="0">
                <a:solidFill>
                  <a:prstClr val="white"/>
                </a:solidFill>
              </a:rPr>
              <a:t>Partially Recirculated DEIR &amp; Supplemental DEIS released</a:t>
            </a:r>
          </a:p>
          <a:p>
            <a:pPr marL="342900" indent="-342900">
              <a:lnSpc>
                <a:spcPct val="90000"/>
              </a:lnSpc>
              <a:buFont typeface="Arial" panose="020B0604020202020204" pitchFamily="34" charset="0"/>
              <a:buChar char="•"/>
            </a:pPr>
            <a:r>
              <a:rPr lang="en-US" sz="2200" dirty="0">
                <a:solidFill>
                  <a:prstClr val="white"/>
                </a:solidFill>
              </a:rPr>
              <a:t>112 day comment period (July 10 – October 30, 2015</a:t>
            </a:r>
            <a:r>
              <a:rPr lang="en-US" sz="2200" dirty="0" smtClean="0">
                <a:solidFill>
                  <a:prstClr val="white"/>
                </a:solidFill>
              </a:rPr>
              <a:t>)</a:t>
            </a:r>
            <a:endParaRPr lang="en-US" sz="2200" dirty="0">
              <a:solidFill>
                <a:prstClr val="white"/>
              </a:solidFill>
            </a:endParaRPr>
          </a:p>
        </p:txBody>
      </p:sp>
    </p:spTree>
    <p:extLst>
      <p:ext uri="{BB962C8B-B14F-4D97-AF65-F5344CB8AC3E}">
        <p14:creationId xmlns:p14="http://schemas.microsoft.com/office/powerpoint/2010/main" val="1751180536"/>
      </p:ext>
    </p:extLst>
  </p:cSld>
  <p:clrMapOvr>
    <a:masterClrMapping/>
  </p:clrMapOvr>
  <p:transition>
    <p:fade/>
  </p:transition>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33400" y="152400"/>
            <a:ext cx="8382000" cy="609398"/>
          </a:xfrm>
        </p:spPr>
        <p:txBody>
          <a:bodyPr/>
          <a:lstStyle/>
          <a:p>
            <a:r>
              <a:rPr lang="en-US" dirty="0"/>
              <a:t>Diverse Alternatives Analyzed </a:t>
            </a:r>
          </a:p>
        </p:txBody>
      </p:sp>
      <p:graphicFrame>
        <p:nvGraphicFramePr>
          <p:cNvPr id="2" name="Diagram 1"/>
          <p:cNvGraphicFramePr/>
          <p:nvPr>
            <p:extLst>
              <p:ext uri="{D42A27DB-BD31-4B8C-83A1-F6EECF244321}">
                <p14:modId xmlns:p14="http://schemas.microsoft.com/office/powerpoint/2010/main" val="68863211"/>
              </p:ext>
            </p:extLst>
          </p:nvPr>
        </p:nvGraphicFramePr>
        <p:xfrm>
          <a:off x="152400" y="685800"/>
          <a:ext cx="8763000" cy="59245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492205169"/>
      </p:ext>
    </p:extLst>
  </p:cSld>
  <p:clrMapOvr>
    <a:masterClrMapping/>
  </p:clrMapOvr>
  <p:transition>
    <p:fade/>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itle 2"/>
          <p:cNvSpPr>
            <a:spLocks noGrp="1"/>
          </p:cNvSpPr>
          <p:nvPr>
            <p:ph type="title"/>
          </p:nvPr>
        </p:nvSpPr>
        <p:spPr>
          <a:xfrm>
            <a:off x="381000" y="76200"/>
            <a:ext cx="8382000" cy="387798"/>
          </a:xfrm>
        </p:spPr>
        <p:txBody>
          <a:bodyPr/>
          <a:lstStyle/>
          <a:p>
            <a:pPr algn="ctr"/>
            <a:r>
              <a:rPr lang="en-US" sz="2800" dirty="0" smtClean="0"/>
              <a:t>Table of Contents</a:t>
            </a:r>
            <a:endParaRPr lang="en-US" sz="2800" dirty="0"/>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3718602946"/>
              </p:ext>
            </p:extLst>
          </p:nvPr>
        </p:nvGraphicFramePr>
        <p:xfrm>
          <a:off x="381000" y="533400"/>
          <a:ext cx="8382000" cy="5801360"/>
        </p:xfrm>
        <a:graphic>
          <a:graphicData uri="http://schemas.openxmlformats.org/drawingml/2006/table">
            <a:tbl>
              <a:tblPr firstRow="1" bandRow="1">
                <a:tableStyleId>{BC89EF96-8CEA-46FF-86C4-4CE0E7609802}</a:tableStyleId>
              </a:tblPr>
              <a:tblGrid>
                <a:gridCol w="5715000"/>
                <a:gridCol w="2667000"/>
              </a:tblGrid>
              <a:tr h="304800">
                <a:tc>
                  <a:txBody>
                    <a:bodyPr/>
                    <a:lstStyle/>
                    <a:p>
                      <a:pPr algn="ctr"/>
                      <a:r>
                        <a:rPr lang="en-US" sz="1400" dirty="0" smtClean="0"/>
                        <a:t>Topic</a:t>
                      </a:r>
                      <a:endParaRPr lang="en-US" sz="1400" dirty="0"/>
                    </a:p>
                  </a:txBody>
                  <a:tcPr>
                    <a:solidFill>
                      <a:schemeClr val="accent1">
                        <a:lumMod val="50000"/>
                      </a:schemeClr>
                    </a:solidFill>
                  </a:tcPr>
                </a:tc>
                <a:tc>
                  <a:txBody>
                    <a:bodyPr/>
                    <a:lstStyle/>
                    <a:p>
                      <a:pPr algn="ctr"/>
                      <a:r>
                        <a:rPr lang="en-US" sz="1400" dirty="0" smtClean="0"/>
                        <a:t>Slide Numbers</a:t>
                      </a:r>
                      <a:endParaRPr lang="en-US" sz="1400" dirty="0"/>
                    </a:p>
                  </a:txBody>
                  <a:tcPr>
                    <a:solidFill>
                      <a:schemeClr val="accent1">
                        <a:lumMod val="50000"/>
                      </a:schemeClr>
                    </a:solidFill>
                  </a:tcPr>
                </a:tc>
              </a:tr>
              <a:tr h="370840">
                <a:tc>
                  <a:txBody>
                    <a:bodyPr/>
                    <a:lstStyle/>
                    <a:p>
                      <a:r>
                        <a:rPr lang="en-US" sz="1400" dirty="0" smtClean="0"/>
                        <a:t>Primary Slides</a:t>
                      </a:r>
                      <a:endParaRPr lang="en-US" sz="1400" dirty="0"/>
                    </a:p>
                  </a:txBody>
                  <a:tcPr/>
                </a:tc>
                <a:tc>
                  <a:txBody>
                    <a:bodyPr/>
                    <a:lstStyle/>
                    <a:p>
                      <a:pPr algn="r"/>
                      <a:r>
                        <a:rPr lang="en-US" sz="1400" dirty="0" smtClean="0"/>
                        <a:t>1</a:t>
                      </a:r>
                      <a:endParaRPr lang="en-US" sz="1400" dirty="0"/>
                    </a:p>
                  </a:txBody>
                  <a:tcPr/>
                </a:tc>
              </a:tr>
              <a:tr h="238760">
                <a:tc>
                  <a:txBody>
                    <a:bodyPr/>
                    <a:lstStyle/>
                    <a:p>
                      <a:r>
                        <a:rPr lang="en-US" sz="1400" dirty="0" smtClean="0"/>
                        <a:t>Back-Up Slides by Topic</a:t>
                      </a:r>
                      <a:endParaRPr lang="en-US" sz="1400" dirty="0"/>
                    </a:p>
                  </a:txBody>
                  <a:tcPr>
                    <a:solidFill>
                      <a:schemeClr val="accent4">
                        <a:lumMod val="75000"/>
                      </a:schemeClr>
                    </a:solidFill>
                  </a:tcPr>
                </a:tc>
                <a:tc>
                  <a:txBody>
                    <a:bodyPr/>
                    <a:lstStyle/>
                    <a:p>
                      <a:pPr algn="r"/>
                      <a:endParaRPr lang="en-US" sz="1400" dirty="0"/>
                    </a:p>
                  </a:txBody>
                  <a:tcPr>
                    <a:solidFill>
                      <a:schemeClr val="accent4">
                        <a:lumMod val="75000"/>
                      </a:schemeClr>
                    </a:solidFill>
                  </a:tcPr>
                </a:tc>
              </a:tr>
              <a:tr h="370840">
                <a:tc>
                  <a:txBody>
                    <a:bodyPr/>
                    <a:lstStyle/>
                    <a:p>
                      <a:r>
                        <a:rPr lang="en-US" sz="1400" dirty="0" smtClean="0"/>
                        <a:t>CA Water Fix</a:t>
                      </a:r>
                      <a:endParaRPr lang="en-US" sz="1400" dirty="0"/>
                    </a:p>
                  </a:txBody>
                  <a:tcPr/>
                </a:tc>
                <a:tc>
                  <a:txBody>
                    <a:bodyPr/>
                    <a:lstStyle/>
                    <a:p>
                      <a:pPr algn="r"/>
                      <a:r>
                        <a:rPr lang="en-US" sz="1400" dirty="0" smtClean="0"/>
                        <a:t>8</a:t>
                      </a:r>
                      <a:endParaRPr lang="en-US" sz="1400" dirty="0"/>
                    </a:p>
                  </a:txBody>
                  <a:tcPr/>
                </a:tc>
              </a:tr>
              <a:tr h="370840">
                <a:tc>
                  <a:txBody>
                    <a:bodyPr/>
                    <a:lstStyle/>
                    <a:p>
                      <a:r>
                        <a:rPr lang="en-US" sz="1400" dirty="0" smtClean="0"/>
                        <a:t>Finance/Cost</a:t>
                      </a:r>
                      <a:r>
                        <a:rPr lang="en-US" sz="1400" baseline="0" dirty="0" smtClean="0"/>
                        <a:t> Allocation</a:t>
                      </a:r>
                      <a:endParaRPr lang="en-US" sz="1400" dirty="0"/>
                    </a:p>
                  </a:txBody>
                  <a:tcPr/>
                </a:tc>
                <a:tc>
                  <a:txBody>
                    <a:bodyPr/>
                    <a:lstStyle/>
                    <a:p>
                      <a:pPr algn="r"/>
                      <a:r>
                        <a:rPr lang="en-US" sz="1400" dirty="0" smtClean="0"/>
                        <a:t>14</a:t>
                      </a:r>
                      <a:endParaRPr lang="en-US" sz="1400" dirty="0"/>
                    </a:p>
                  </a:txBody>
                  <a:tcPr/>
                </a:tc>
              </a:tr>
              <a:tr h="370840">
                <a:tc>
                  <a:txBody>
                    <a:bodyPr/>
                    <a:lstStyle/>
                    <a:p>
                      <a:r>
                        <a:rPr lang="en-US" sz="1400" dirty="0" smtClean="0"/>
                        <a:t>Increasing Regulatory Trends</a:t>
                      </a:r>
                      <a:endParaRPr lang="en-US" sz="1400" dirty="0"/>
                    </a:p>
                  </a:txBody>
                  <a:tcPr/>
                </a:tc>
                <a:tc>
                  <a:txBody>
                    <a:bodyPr/>
                    <a:lstStyle/>
                    <a:p>
                      <a:pPr algn="r"/>
                      <a:r>
                        <a:rPr lang="en-US" sz="1400" dirty="0" smtClean="0"/>
                        <a:t>26</a:t>
                      </a:r>
                      <a:endParaRPr lang="en-US" sz="1400" dirty="0"/>
                    </a:p>
                  </a:txBody>
                  <a:tcPr/>
                </a:tc>
              </a:tr>
              <a:tr h="370840">
                <a:tc>
                  <a:txBody>
                    <a:bodyPr/>
                    <a:lstStyle/>
                    <a:p>
                      <a:r>
                        <a:rPr lang="en-US" sz="1400" dirty="0" smtClean="0"/>
                        <a:t>Protecting Metropolitan’s Interests (Cost and Schedule)</a:t>
                      </a:r>
                      <a:endParaRPr lang="en-US" sz="1400" dirty="0"/>
                    </a:p>
                  </a:txBody>
                  <a:tcPr/>
                </a:tc>
                <a:tc>
                  <a:txBody>
                    <a:bodyPr/>
                    <a:lstStyle/>
                    <a:p>
                      <a:pPr algn="r"/>
                      <a:r>
                        <a:rPr lang="en-US" sz="1400" dirty="0" smtClean="0"/>
                        <a:t>37</a:t>
                      </a:r>
                      <a:endParaRPr lang="en-US" sz="1400" dirty="0"/>
                    </a:p>
                  </a:txBody>
                  <a:tcPr/>
                </a:tc>
              </a:tr>
              <a:tr h="370840">
                <a:tc>
                  <a:txBody>
                    <a:bodyPr/>
                    <a:lstStyle/>
                    <a:p>
                      <a:r>
                        <a:rPr lang="en-US" sz="1400" dirty="0" smtClean="0"/>
                        <a:t>Supplies/Historic Runoff/Storm Flows</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41</a:t>
                      </a:r>
                      <a:endParaRPr lang="en-US" sz="1600" dirty="0">
                        <a:effectLst/>
                        <a:latin typeface="Calibri"/>
                        <a:ea typeface="Calibri"/>
                        <a:cs typeface="Times New Roman"/>
                      </a:endParaRPr>
                    </a:p>
                  </a:txBody>
                  <a:tcPr/>
                </a:tc>
              </a:tr>
              <a:tr h="370840">
                <a:tc>
                  <a:txBody>
                    <a:bodyPr/>
                    <a:lstStyle/>
                    <a:p>
                      <a:r>
                        <a:rPr lang="en-US" sz="1400" dirty="0" smtClean="0"/>
                        <a:t>CA </a:t>
                      </a:r>
                      <a:r>
                        <a:rPr lang="en-US" sz="1400" dirty="0" err="1" smtClean="0"/>
                        <a:t>WaterFix</a:t>
                      </a:r>
                      <a:r>
                        <a:rPr lang="en-US" sz="1400" dirty="0" smtClean="0"/>
                        <a:t> and</a:t>
                      </a:r>
                      <a:r>
                        <a:rPr lang="en-US" sz="1400" baseline="0" dirty="0" smtClean="0"/>
                        <a:t> IRP</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52</a:t>
                      </a:r>
                      <a:endParaRPr lang="en-US" sz="1600" dirty="0">
                        <a:effectLst/>
                        <a:latin typeface="Calibri"/>
                        <a:ea typeface="Calibri"/>
                        <a:cs typeface="Times New Roman"/>
                      </a:endParaRPr>
                    </a:p>
                  </a:txBody>
                  <a:tcPr/>
                </a:tc>
              </a:tr>
              <a:tr h="370840">
                <a:tc>
                  <a:txBody>
                    <a:bodyPr/>
                    <a:lstStyle/>
                    <a:p>
                      <a:r>
                        <a:rPr lang="en-US" sz="1400" dirty="0" err="1" smtClean="0"/>
                        <a:t>EcoRestore</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64</a:t>
                      </a:r>
                      <a:endParaRPr lang="en-US" sz="1600" dirty="0">
                        <a:effectLst/>
                        <a:latin typeface="Calibri"/>
                        <a:ea typeface="Calibri"/>
                        <a:cs typeface="Times New Roman"/>
                      </a:endParaRPr>
                    </a:p>
                  </a:txBody>
                  <a:tcPr/>
                </a:tc>
              </a:tr>
              <a:tr h="370840">
                <a:tc>
                  <a:txBody>
                    <a:bodyPr/>
                    <a:lstStyle/>
                    <a:p>
                      <a:r>
                        <a:rPr lang="en-US" sz="1400" dirty="0" smtClean="0"/>
                        <a:t>Emergency Preparedness</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66</a:t>
                      </a:r>
                      <a:endParaRPr lang="en-US" sz="1600" dirty="0">
                        <a:effectLst/>
                        <a:latin typeface="Calibri"/>
                        <a:ea typeface="Calibri"/>
                        <a:cs typeface="Times New Roman"/>
                      </a:endParaRPr>
                    </a:p>
                  </a:txBody>
                  <a:tcPr/>
                </a:tc>
              </a:tr>
              <a:tr h="370840">
                <a:tc>
                  <a:txBody>
                    <a:bodyPr/>
                    <a:lstStyle/>
                    <a:p>
                      <a:r>
                        <a:rPr lang="en-US" sz="1400" dirty="0" smtClean="0"/>
                        <a:t>Policies and Processes</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72</a:t>
                      </a:r>
                      <a:endParaRPr lang="en-US" sz="1600" dirty="0">
                        <a:effectLst/>
                        <a:latin typeface="Calibri"/>
                        <a:ea typeface="Calibri"/>
                        <a:cs typeface="Times New Roman"/>
                      </a:endParaRPr>
                    </a:p>
                  </a:txBody>
                  <a:tcPr/>
                </a:tc>
              </a:tr>
              <a:tr h="370840">
                <a:tc>
                  <a:txBody>
                    <a:bodyPr/>
                    <a:lstStyle/>
                    <a:p>
                      <a:r>
                        <a:rPr lang="en-US" sz="1400" dirty="0" smtClean="0"/>
                        <a:t>Water Quality</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77</a:t>
                      </a:r>
                      <a:endParaRPr lang="en-US" sz="1600" dirty="0">
                        <a:effectLst/>
                        <a:latin typeface="Calibri"/>
                        <a:ea typeface="Calibri"/>
                        <a:cs typeface="Times New Roman"/>
                      </a:endParaRPr>
                    </a:p>
                  </a:txBody>
                  <a:tcPr/>
                </a:tc>
              </a:tr>
              <a:tr h="370840">
                <a:tc>
                  <a:txBody>
                    <a:bodyPr/>
                    <a:lstStyle/>
                    <a:p>
                      <a:r>
                        <a:rPr lang="en-US" sz="1400" dirty="0" smtClean="0"/>
                        <a:t>Delta Wetlands</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82</a:t>
                      </a:r>
                      <a:endParaRPr lang="en-US" sz="1600" dirty="0">
                        <a:effectLst/>
                        <a:latin typeface="Calibri"/>
                        <a:ea typeface="Calibri"/>
                        <a:cs typeface="Times New Roman"/>
                      </a:endParaRPr>
                    </a:p>
                  </a:txBody>
                  <a:tcPr/>
                </a:tc>
              </a:tr>
              <a:tr h="370840">
                <a:tc>
                  <a:txBody>
                    <a:bodyPr/>
                    <a:lstStyle/>
                    <a:p>
                      <a:r>
                        <a:rPr lang="en-US" sz="1400" dirty="0" smtClean="0"/>
                        <a:t>Other Tunnel/Infrastructure Projects</a:t>
                      </a:r>
                      <a:endParaRPr lang="en-US" sz="1400" dirty="0"/>
                    </a:p>
                  </a:txBody>
                  <a:tcPr/>
                </a:tc>
                <a:tc>
                  <a:txBody>
                    <a:bodyPr/>
                    <a:lstStyle/>
                    <a:p>
                      <a:pPr marL="0" marR="0" algn="r">
                        <a:spcBef>
                          <a:spcPts val="0"/>
                        </a:spcBef>
                        <a:spcAft>
                          <a:spcPts val="0"/>
                        </a:spcAft>
                      </a:pPr>
                      <a:r>
                        <a:rPr lang="en-US" sz="1400" dirty="0" smtClean="0">
                          <a:effectLst/>
                          <a:latin typeface="Calibri"/>
                          <a:ea typeface="Calibri"/>
                          <a:cs typeface="Times New Roman"/>
                        </a:rPr>
                        <a:t>85</a:t>
                      </a:r>
                      <a:endParaRPr lang="en-US" sz="1600" dirty="0">
                        <a:effectLst/>
                        <a:latin typeface="Calibri"/>
                        <a:ea typeface="Calibri"/>
                        <a:cs typeface="Times New Roman"/>
                      </a:endParaRPr>
                    </a:p>
                  </a:txBody>
                  <a:tcPr/>
                </a:tc>
              </a:tr>
              <a:tr h="370840">
                <a:tc>
                  <a:txBody>
                    <a:bodyPr/>
                    <a:lstStyle/>
                    <a:p>
                      <a:r>
                        <a:rPr lang="en-US" sz="1400" dirty="0" smtClean="0"/>
                        <a:t>Staff Reference Only </a:t>
                      </a:r>
                      <a:endParaRPr lang="en-US" sz="1400" dirty="0"/>
                    </a:p>
                  </a:txBody>
                  <a:tcPr/>
                </a:tc>
                <a:tc>
                  <a:txBody>
                    <a:bodyPr/>
                    <a:lstStyle/>
                    <a:p>
                      <a:pPr algn="r"/>
                      <a:r>
                        <a:rPr lang="en-US" sz="1400" dirty="0" smtClean="0"/>
                        <a:t>90</a:t>
                      </a:r>
                      <a:endParaRPr lang="en-US" sz="1400" dirty="0"/>
                    </a:p>
                  </a:txBody>
                  <a:tcPr/>
                </a:tc>
              </a:tr>
            </a:tbl>
          </a:graphicData>
        </a:graphic>
      </p:graphicFrame>
    </p:spTree>
    <p:extLst>
      <p:ext uri="{BB962C8B-B14F-4D97-AF65-F5344CB8AC3E}">
        <p14:creationId xmlns:p14="http://schemas.microsoft.com/office/powerpoint/2010/main" val="3684533232"/>
      </p:ext>
    </p:extLst>
  </p:cSld>
  <p:clrMapOvr>
    <a:masterClrMapping/>
  </p:clrMapOvr>
  <p:transition>
    <p:fade/>
  </p:transition>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Water Quality</a:t>
            </a:r>
            <a:endParaRPr lang="en-US" sz="6000" dirty="0"/>
          </a:p>
        </p:txBody>
      </p:sp>
    </p:spTree>
    <p:extLst>
      <p:ext uri="{BB962C8B-B14F-4D97-AF65-F5344CB8AC3E}">
        <p14:creationId xmlns:p14="http://schemas.microsoft.com/office/powerpoint/2010/main" val="891728621"/>
      </p:ext>
    </p:extLst>
  </p:cSld>
  <p:clrMapOvr>
    <a:masterClrMapping/>
  </p:clrMapOvr>
  <p:transition>
    <p:fade/>
  </p:transition>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t="6435" b="5219"/>
          <a:stretch/>
        </p:blipFill>
        <p:spPr>
          <a:xfrm>
            <a:off x="1504418" y="227462"/>
            <a:ext cx="5871639" cy="6260651"/>
          </a:xfrm>
          <a:prstGeom prst="rect">
            <a:avLst/>
          </a:prstGeom>
          <a:noFill/>
          <a:ln>
            <a:noFill/>
          </a:ln>
          <a:effectLst>
            <a:glow rad="228600">
              <a:schemeClr val="accent1">
                <a:satMod val="175000"/>
                <a:alpha val="40000"/>
              </a:schemeClr>
            </a:glow>
          </a:effectLst>
        </p:spPr>
      </p:pic>
      <p:pic>
        <p:nvPicPr>
          <p:cNvPr id="10248" name="Picture 9" descr="MWD Service Area1.gif"/>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95895" y="4930774"/>
            <a:ext cx="1866900" cy="139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Freeform 5"/>
          <p:cNvSpPr>
            <a:spLocks/>
          </p:cNvSpPr>
          <p:nvPr/>
        </p:nvSpPr>
        <p:spPr bwMode="ltGray">
          <a:xfrm>
            <a:off x="2538582" y="1185862"/>
            <a:ext cx="477837" cy="1633538"/>
          </a:xfrm>
          <a:custGeom>
            <a:avLst/>
            <a:gdLst/>
            <a:ahLst/>
            <a:cxnLst>
              <a:cxn ang="0">
                <a:pos x="0" y="0"/>
              </a:cxn>
              <a:cxn ang="0">
                <a:pos x="24" y="36"/>
              </a:cxn>
              <a:cxn ang="0">
                <a:pos x="21" y="63"/>
              </a:cxn>
              <a:cxn ang="0">
                <a:pos x="18" y="72"/>
              </a:cxn>
              <a:cxn ang="0">
                <a:pos x="39" y="87"/>
              </a:cxn>
              <a:cxn ang="0">
                <a:pos x="48" y="90"/>
              </a:cxn>
              <a:cxn ang="0">
                <a:pos x="60" y="144"/>
              </a:cxn>
              <a:cxn ang="0">
                <a:pos x="81" y="171"/>
              </a:cxn>
              <a:cxn ang="0">
                <a:pos x="81" y="240"/>
              </a:cxn>
              <a:cxn ang="0">
                <a:pos x="123" y="270"/>
              </a:cxn>
              <a:cxn ang="0">
                <a:pos x="159" y="312"/>
              </a:cxn>
              <a:cxn ang="0">
                <a:pos x="174" y="408"/>
              </a:cxn>
              <a:cxn ang="0">
                <a:pos x="174" y="462"/>
              </a:cxn>
              <a:cxn ang="0">
                <a:pos x="180" y="480"/>
              </a:cxn>
              <a:cxn ang="0">
                <a:pos x="153" y="537"/>
              </a:cxn>
              <a:cxn ang="0">
                <a:pos x="180" y="636"/>
              </a:cxn>
              <a:cxn ang="0">
                <a:pos x="207" y="687"/>
              </a:cxn>
              <a:cxn ang="0">
                <a:pos x="246" y="741"/>
              </a:cxn>
              <a:cxn ang="0">
                <a:pos x="249" y="774"/>
              </a:cxn>
              <a:cxn ang="0">
                <a:pos x="252" y="822"/>
              </a:cxn>
              <a:cxn ang="0">
                <a:pos x="282" y="855"/>
              </a:cxn>
              <a:cxn ang="0">
                <a:pos x="282" y="969"/>
              </a:cxn>
              <a:cxn ang="0">
                <a:pos x="261" y="996"/>
              </a:cxn>
              <a:cxn ang="0">
                <a:pos x="234" y="1014"/>
              </a:cxn>
              <a:cxn ang="0">
                <a:pos x="192" y="1011"/>
              </a:cxn>
              <a:cxn ang="0">
                <a:pos x="192" y="1029"/>
              </a:cxn>
            </a:cxnLst>
            <a:rect l="0" t="0" r="r" b="b"/>
            <a:pathLst>
              <a:path w="301" h="1029">
                <a:moveTo>
                  <a:pt x="0" y="0"/>
                </a:moveTo>
                <a:cubicBezTo>
                  <a:pt x="4" y="16"/>
                  <a:pt x="10" y="27"/>
                  <a:pt x="24" y="36"/>
                </a:cubicBezTo>
                <a:cubicBezTo>
                  <a:pt x="29" y="51"/>
                  <a:pt x="28" y="42"/>
                  <a:pt x="21" y="63"/>
                </a:cubicBezTo>
                <a:cubicBezTo>
                  <a:pt x="20" y="66"/>
                  <a:pt x="18" y="72"/>
                  <a:pt x="18" y="72"/>
                </a:cubicBezTo>
                <a:cubicBezTo>
                  <a:pt x="23" y="87"/>
                  <a:pt x="18" y="80"/>
                  <a:pt x="39" y="87"/>
                </a:cubicBezTo>
                <a:cubicBezTo>
                  <a:pt x="42" y="88"/>
                  <a:pt x="48" y="90"/>
                  <a:pt x="48" y="90"/>
                </a:cubicBezTo>
                <a:cubicBezTo>
                  <a:pt x="62" y="111"/>
                  <a:pt x="52" y="115"/>
                  <a:pt x="60" y="144"/>
                </a:cubicBezTo>
                <a:cubicBezTo>
                  <a:pt x="63" y="155"/>
                  <a:pt x="81" y="171"/>
                  <a:pt x="81" y="171"/>
                </a:cubicBezTo>
                <a:cubicBezTo>
                  <a:pt x="80" y="190"/>
                  <a:pt x="75" y="220"/>
                  <a:pt x="81" y="240"/>
                </a:cubicBezTo>
                <a:cubicBezTo>
                  <a:pt x="86" y="257"/>
                  <a:pt x="110" y="263"/>
                  <a:pt x="123" y="270"/>
                </a:cubicBezTo>
                <a:cubicBezTo>
                  <a:pt x="138" y="277"/>
                  <a:pt x="154" y="297"/>
                  <a:pt x="159" y="312"/>
                </a:cubicBezTo>
                <a:cubicBezTo>
                  <a:pt x="170" y="344"/>
                  <a:pt x="172" y="374"/>
                  <a:pt x="174" y="408"/>
                </a:cubicBezTo>
                <a:cubicBezTo>
                  <a:pt x="171" y="433"/>
                  <a:pt x="169" y="435"/>
                  <a:pt x="174" y="462"/>
                </a:cubicBezTo>
                <a:cubicBezTo>
                  <a:pt x="175" y="468"/>
                  <a:pt x="180" y="480"/>
                  <a:pt x="180" y="480"/>
                </a:cubicBezTo>
                <a:cubicBezTo>
                  <a:pt x="176" y="511"/>
                  <a:pt x="162" y="511"/>
                  <a:pt x="153" y="537"/>
                </a:cubicBezTo>
                <a:cubicBezTo>
                  <a:pt x="148" y="582"/>
                  <a:pt x="156" y="601"/>
                  <a:pt x="180" y="636"/>
                </a:cubicBezTo>
                <a:cubicBezTo>
                  <a:pt x="192" y="654"/>
                  <a:pt x="183" y="679"/>
                  <a:pt x="207" y="687"/>
                </a:cubicBezTo>
                <a:cubicBezTo>
                  <a:pt x="219" y="705"/>
                  <a:pt x="230" y="725"/>
                  <a:pt x="246" y="741"/>
                </a:cubicBezTo>
                <a:cubicBezTo>
                  <a:pt x="254" y="764"/>
                  <a:pt x="253" y="753"/>
                  <a:pt x="249" y="774"/>
                </a:cubicBezTo>
                <a:cubicBezTo>
                  <a:pt x="250" y="790"/>
                  <a:pt x="249" y="806"/>
                  <a:pt x="252" y="822"/>
                </a:cubicBezTo>
                <a:cubicBezTo>
                  <a:pt x="254" y="833"/>
                  <a:pt x="276" y="845"/>
                  <a:pt x="282" y="855"/>
                </a:cubicBezTo>
                <a:cubicBezTo>
                  <a:pt x="288" y="888"/>
                  <a:pt x="301" y="941"/>
                  <a:pt x="282" y="969"/>
                </a:cubicBezTo>
                <a:cubicBezTo>
                  <a:pt x="276" y="978"/>
                  <a:pt x="267" y="987"/>
                  <a:pt x="261" y="996"/>
                </a:cubicBezTo>
                <a:cubicBezTo>
                  <a:pt x="255" y="1005"/>
                  <a:pt x="234" y="1014"/>
                  <a:pt x="234" y="1014"/>
                </a:cubicBezTo>
                <a:cubicBezTo>
                  <a:pt x="194" y="1011"/>
                  <a:pt x="208" y="1011"/>
                  <a:pt x="192" y="1011"/>
                </a:cubicBezTo>
                <a:lnTo>
                  <a:pt x="192" y="1029"/>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4" name="Freeform 6"/>
          <p:cNvSpPr>
            <a:spLocks/>
          </p:cNvSpPr>
          <p:nvPr/>
        </p:nvSpPr>
        <p:spPr bwMode="auto">
          <a:xfrm>
            <a:off x="1933745" y="666749"/>
            <a:ext cx="566737" cy="528638"/>
          </a:xfrm>
          <a:custGeom>
            <a:avLst/>
            <a:gdLst/>
            <a:ahLst/>
            <a:cxnLst>
              <a:cxn ang="0">
                <a:pos x="357" y="312"/>
              </a:cxn>
              <a:cxn ang="0">
                <a:pos x="321" y="333"/>
              </a:cxn>
              <a:cxn ang="0">
                <a:pos x="273" y="306"/>
              </a:cxn>
              <a:cxn ang="0">
                <a:pos x="237" y="309"/>
              </a:cxn>
              <a:cxn ang="0">
                <a:pos x="213" y="315"/>
              </a:cxn>
              <a:cxn ang="0">
                <a:pos x="189" y="309"/>
              </a:cxn>
              <a:cxn ang="0">
                <a:pos x="150" y="261"/>
              </a:cxn>
              <a:cxn ang="0">
                <a:pos x="114" y="237"/>
              </a:cxn>
              <a:cxn ang="0">
                <a:pos x="96" y="225"/>
              </a:cxn>
              <a:cxn ang="0">
                <a:pos x="90" y="207"/>
              </a:cxn>
              <a:cxn ang="0">
                <a:pos x="87" y="198"/>
              </a:cxn>
              <a:cxn ang="0">
                <a:pos x="84" y="156"/>
              </a:cxn>
              <a:cxn ang="0">
                <a:pos x="21" y="75"/>
              </a:cxn>
              <a:cxn ang="0">
                <a:pos x="0" y="0"/>
              </a:cxn>
            </a:cxnLst>
            <a:rect l="0" t="0" r="r" b="b"/>
            <a:pathLst>
              <a:path w="357" h="333">
                <a:moveTo>
                  <a:pt x="357" y="312"/>
                </a:moveTo>
                <a:cubicBezTo>
                  <a:pt x="345" y="320"/>
                  <a:pt x="335" y="328"/>
                  <a:pt x="321" y="333"/>
                </a:cubicBezTo>
                <a:cubicBezTo>
                  <a:pt x="301" y="328"/>
                  <a:pt x="291" y="312"/>
                  <a:pt x="273" y="306"/>
                </a:cubicBezTo>
                <a:cubicBezTo>
                  <a:pt x="261" y="307"/>
                  <a:pt x="249" y="307"/>
                  <a:pt x="237" y="309"/>
                </a:cubicBezTo>
                <a:cubicBezTo>
                  <a:pt x="229" y="310"/>
                  <a:pt x="213" y="315"/>
                  <a:pt x="213" y="315"/>
                </a:cubicBezTo>
                <a:cubicBezTo>
                  <a:pt x="205" y="313"/>
                  <a:pt x="195" y="315"/>
                  <a:pt x="189" y="309"/>
                </a:cubicBezTo>
                <a:cubicBezTo>
                  <a:pt x="168" y="288"/>
                  <a:pt x="179" y="280"/>
                  <a:pt x="150" y="261"/>
                </a:cubicBezTo>
                <a:cubicBezTo>
                  <a:pt x="138" y="253"/>
                  <a:pt x="126" y="246"/>
                  <a:pt x="114" y="237"/>
                </a:cubicBezTo>
                <a:cubicBezTo>
                  <a:pt x="108" y="233"/>
                  <a:pt x="96" y="225"/>
                  <a:pt x="96" y="225"/>
                </a:cubicBezTo>
                <a:cubicBezTo>
                  <a:pt x="94" y="219"/>
                  <a:pt x="92" y="213"/>
                  <a:pt x="90" y="207"/>
                </a:cubicBezTo>
                <a:cubicBezTo>
                  <a:pt x="89" y="204"/>
                  <a:pt x="87" y="198"/>
                  <a:pt x="87" y="198"/>
                </a:cubicBezTo>
                <a:cubicBezTo>
                  <a:pt x="86" y="184"/>
                  <a:pt x="86" y="170"/>
                  <a:pt x="84" y="156"/>
                </a:cubicBezTo>
                <a:cubicBezTo>
                  <a:pt x="80" y="120"/>
                  <a:pt x="39" y="102"/>
                  <a:pt x="21" y="75"/>
                </a:cubicBezTo>
                <a:cubicBezTo>
                  <a:pt x="17" y="52"/>
                  <a:pt x="18" y="18"/>
                  <a:pt x="0" y="0"/>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5" name="Freeform 7"/>
          <p:cNvSpPr>
            <a:spLocks/>
          </p:cNvSpPr>
          <p:nvPr/>
        </p:nvSpPr>
        <p:spPr bwMode="ltGray">
          <a:xfrm>
            <a:off x="2919582" y="1928812"/>
            <a:ext cx="100012" cy="471488"/>
          </a:xfrm>
          <a:custGeom>
            <a:avLst/>
            <a:gdLst/>
            <a:ahLst/>
            <a:cxnLst>
              <a:cxn ang="0">
                <a:pos x="33" y="0"/>
              </a:cxn>
              <a:cxn ang="0">
                <a:pos x="30" y="9"/>
              </a:cxn>
              <a:cxn ang="0">
                <a:pos x="24" y="18"/>
              </a:cxn>
              <a:cxn ang="0">
                <a:pos x="18" y="36"/>
              </a:cxn>
              <a:cxn ang="0">
                <a:pos x="42" y="81"/>
              </a:cxn>
              <a:cxn ang="0">
                <a:pos x="57" y="108"/>
              </a:cxn>
              <a:cxn ang="0">
                <a:pos x="63" y="126"/>
              </a:cxn>
              <a:cxn ang="0">
                <a:pos x="12" y="297"/>
              </a:cxn>
              <a:cxn ang="0">
                <a:pos x="0" y="273"/>
              </a:cxn>
            </a:cxnLst>
            <a:rect l="0" t="0" r="r" b="b"/>
            <a:pathLst>
              <a:path w="63" h="297">
                <a:moveTo>
                  <a:pt x="33" y="0"/>
                </a:moveTo>
                <a:cubicBezTo>
                  <a:pt x="32" y="3"/>
                  <a:pt x="31" y="6"/>
                  <a:pt x="30" y="9"/>
                </a:cubicBezTo>
                <a:cubicBezTo>
                  <a:pt x="28" y="12"/>
                  <a:pt x="25" y="15"/>
                  <a:pt x="24" y="18"/>
                </a:cubicBezTo>
                <a:cubicBezTo>
                  <a:pt x="21" y="24"/>
                  <a:pt x="18" y="36"/>
                  <a:pt x="18" y="36"/>
                </a:cubicBezTo>
                <a:cubicBezTo>
                  <a:pt x="24" y="53"/>
                  <a:pt x="29" y="68"/>
                  <a:pt x="42" y="81"/>
                </a:cubicBezTo>
                <a:cubicBezTo>
                  <a:pt x="45" y="91"/>
                  <a:pt x="54" y="98"/>
                  <a:pt x="57" y="108"/>
                </a:cubicBezTo>
                <a:cubicBezTo>
                  <a:pt x="59" y="114"/>
                  <a:pt x="63" y="126"/>
                  <a:pt x="63" y="126"/>
                </a:cubicBezTo>
                <a:cubicBezTo>
                  <a:pt x="60" y="176"/>
                  <a:pt x="51" y="258"/>
                  <a:pt x="12" y="297"/>
                </a:cubicBezTo>
                <a:lnTo>
                  <a:pt x="0" y="273"/>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6" name="Freeform 8"/>
          <p:cNvSpPr>
            <a:spLocks/>
          </p:cNvSpPr>
          <p:nvPr/>
        </p:nvSpPr>
        <p:spPr bwMode="ltGray">
          <a:xfrm>
            <a:off x="2986257" y="2409824"/>
            <a:ext cx="242887" cy="166688"/>
          </a:xfrm>
          <a:custGeom>
            <a:avLst/>
            <a:gdLst/>
            <a:ahLst/>
            <a:cxnLst>
              <a:cxn ang="0">
                <a:pos x="153" y="0"/>
              </a:cxn>
              <a:cxn ang="0">
                <a:pos x="63" y="63"/>
              </a:cxn>
              <a:cxn ang="0">
                <a:pos x="21" y="69"/>
              </a:cxn>
              <a:cxn ang="0">
                <a:pos x="0" y="105"/>
              </a:cxn>
            </a:cxnLst>
            <a:rect l="0" t="0" r="r" b="b"/>
            <a:pathLst>
              <a:path w="153" h="105">
                <a:moveTo>
                  <a:pt x="153" y="0"/>
                </a:moveTo>
                <a:cubicBezTo>
                  <a:pt x="144" y="38"/>
                  <a:pt x="99" y="57"/>
                  <a:pt x="63" y="63"/>
                </a:cubicBezTo>
                <a:cubicBezTo>
                  <a:pt x="49" y="65"/>
                  <a:pt x="21" y="69"/>
                  <a:pt x="21" y="69"/>
                </a:cubicBezTo>
                <a:cubicBezTo>
                  <a:pt x="1" y="76"/>
                  <a:pt x="0" y="85"/>
                  <a:pt x="0" y="105"/>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17" name="Freeform 9"/>
          <p:cNvSpPr>
            <a:spLocks/>
          </p:cNvSpPr>
          <p:nvPr/>
        </p:nvSpPr>
        <p:spPr bwMode="ltGray">
          <a:xfrm>
            <a:off x="2843382" y="2800349"/>
            <a:ext cx="1171575" cy="819150"/>
          </a:xfrm>
          <a:custGeom>
            <a:avLst/>
            <a:gdLst/>
            <a:ahLst/>
            <a:cxnLst>
              <a:cxn ang="0">
                <a:pos x="738" y="453"/>
              </a:cxn>
              <a:cxn ang="0">
                <a:pos x="696" y="462"/>
              </a:cxn>
              <a:cxn ang="0">
                <a:pos x="678" y="468"/>
              </a:cxn>
              <a:cxn ang="0">
                <a:pos x="654" y="504"/>
              </a:cxn>
              <a:cxn ang="0">
                <a:pos x="627" y="516"/>
              </a:cxn>
              <a:cxn ang="0">
                <a:pos x="516" y="498"/>
              </a:cxn>
              <a:cxn ang="0">
                <a:pos x="477" y="465"/>
              </a:cxn>
              <a:cxn ang="0">
                <a:pos x="462" y="384"/>
              </a:cxn>
              <a:cxn ang="0">
                <a:pos x="456" y="366"/>
              </a:cxn>
              <a:cxn ang="0">
                <a:pos x="420" y="342"/>
              </a:cxn>
              <a:cxn ang="0">
                <a:pos x="354" y="315"/>
              </a:cxn>
              <a:cxn ang="0">
                <a:pos x="333" y="288"/>
              </a:cxn>
              <a:cxn ang="0">
                <a:pos x="315" y="270"/>
              </a:cxn>
              <a:cxn ang="0">
                <a:pos x="237" y="129"/>
              </a:cxn>
              <a:cxn ang="0">
                <a:pos x="201" y="78"/>
              </a:cxn>
              <a:cxn ang="0">
                <a:pos x="171" y="45"/>
              </a:cxn>
              <a:cxn ang="0">
                <a:pos x="156" y="18"/>
              </a:cxn>
              <a:cxn ang="0">
                <a:pos x="138" y="6"/>
              </a:cxn>
              <a:cxn ang="0">
                <a:pos x="120" y="0"/>
              </a:cxn>
              <a:cxn ang="0">
                <a:pos x="21" y="6"/>
              </a:cxn>
              <a:cxn ang="0">
                <a:pos x="0" y="12"/>
              </a:cxn>
            </a:cxnLst>
            <a:rect l="0" t="0" r="r" b="b"/>
            <a:pathLst>
              <a:path w="738" h="516">
                <a:moveTo>
                  <a:pt x="738" y="453"/>
                </a:moveTo>
                <a:cubicBezTo>
                  <a:pt x="724" y="458"/>
                  <a:pt x="710" y="458"/>
                  <a:pt x="696" y="462"/>
                </a:cubicBezTo>
                <a:cubicBezTo>
                  <a:pt x="690" y="464"/>
                  <a:pt x="678" y="468"/>
                  <a:pt x="678" y="468"/>
                </a:cubicBezTo>
                <a:cubicBezTo>
                  <a:pt x="669" y="481"/>
                  <a:pt x="666" y="494"/>
                  <a:pt x="654" y="504"/>
                </a:cubicBezTo>
                <a:cubicBezTo>
                  <a:pt x="646" y="510"/>
                  <a:pt x="627" y="516"/>
                  <a:pt x="627" y="516"/>
                </a:cubicBezTo>
                <a:cubicBezTo>
                  <a:pt x="589" y="512"/>
                  <a:pt x="554" y="501"/>
                  <a:pt x="516" y="498"/>
                </a:cubicBezTo>
                <a:cubicBezTo>
                  <a:pt x="485" y="492"/>
                  <a:pt x="493" y="488"/>
                  <a:pt x="477" y="465"/>
                </a:cubicBezTo>
                <a:cubicBezTo>
                  <a:pt x="474" y="437"/>
                  <a:pt x="469" y="411"/>
                  <a:pt x="462" y="384"/>
                </a:cubicBezTo>
                <a:cubicBezTo>
                  <a:pt x="460" y="378"/>
                  <a:pt x="461" y="370"/>
                  <a:pt x="456" y="366"/>
                </a:cubicBezTo>
                <a:cubicBezTo>
                  <a:pt x="444" y="358"/>
                  <a:pt x="434" y="348"/>
                  <a:pt x="420" y="342"/>
                </a:cubicBezTo>
                <a:cubicBezTo>
                  <a:pt x="397" y="332"/>
                  <a:pt x="375" y="329"/>
                  <a:pt x="354" y="315"/>
                </a:cubicBezTo>
                <a:cubicBezTo>
                  <a:pt x="348" y="306"/>
                  <a:pt x="340" y="296"/>
                  <a:pt x="333" y="288"/>
                </a:cubicBezTo>
                <a:cubicBezTo>
                  <a:pt x="327" y="282"/>
                  <a:pt x="315" y="270"/>
                  <a:pt x="315" y="270"/>
                </a:cubicBezTo>
                <a:cubicBezTo>
                  <a:pt x="296" y="213"/>
                  <a:pt x="293" y="166"/>
                  <a:pt x="237" y="129"/>
                </a:cubicBezTo>
                <a:cubicBezTo>
                  <a:pt x="225" y="111"/>
                  <a:pt x="219" y="90"/>
                  <a:pt x="201" y="78"/>
                </a:cubicBezTo>
                <a:cubicBezTo>
                  <a:pt x="192" y="65"/>
                  <a:pt x="178" y="59"/>
                  <a:pt x="171" y="45"/>
                </a:cubicBezTo>
                <a:cubicBezTo>
                  <a:pt x="166" y="34"/>
                  <a:pt x="170" y="27"/>
                  <a:pt x="156" y="18"/>
                </a:cubicBezTo>
                <a:cubicBezTo>
                  <a:pt x="150" y="14"/>
                  <a:pt x="145" y="8"/>
                  <a:pt x="138" y="6"/>
                </a:cubicBezTo>
                <a:cubicBezTo>
                  <a:pt x="132" y="4"/>
                  <a:pt x="120" y="0"/>
                  <a:pt x="120" y="0"/>
                </a:cubicBezTo>
                <a:cubicBezTo>
                  <a:pt x="87" y="2"/>
                  <a:pt x="54" y="6"/>
                  <a:pt x="21" y="6"/>
                </a:cubicBezTo>
                <a:lnTo>
                  <a:pt x="0" y="12"/>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grpSp>
        <p:nvGrpSpPr>
          <p:cNvPr id="2" name="Group 2"/>
          <p:cNvGrpSpPr/>
          <p:nvPr/>
        </p:nvGrpSpPr>
        <p:grpSpPr bwMode="ltGray">
          <a:xfrm>
            <a:off x="5154782" y="4997449"/>
            <a:ext cx="1612900" cy="1111250"/>
            <a:chOff x="3644900" y="5289550"/>
            <a:chExt cx="1612900" cy="1111250"/>
          </a:xfrm>
        </p:grpSpPr>
        <p:sp>
          <p:nvSpPr>
            <p:cNvPr id="27" name="Freeform 51"/>
            <p:cNvSpPr>
              <a:spLocks/>
            </p:cNvSpPr>
            <p:nvPr/>
          </p:nvSpPr>
          <p:spPr bwMode="ltGray">
            <a:xfrm>
              <a:off x="3644900" y="5289550"/>
              <a:ext cx="1612900" cy="428625"/>
            </a:xfrm>
            <a:custGeom>
              <a:avLst/>
              <a:gdLst/>
              <a:ahLst/>
              <a:cxnLst>
                <a:cxn ang="0">
                  <a:pos x="1016" y="0"/>
                </a:cxn>
                <a:cxn ang="0">
                  <a:pos x="980" y="16"/>
                </a:cxn>
                <a:cxn ang="0">
                  <a:pos x="944" y="40"/>
                </a:cxn>
                <a:cxn ang="0">
                  <a:pos x="876" y="52"/>
                </a:cxn>
                <a:cxn ang="0">
                  <a:pos x="800" y="96"/>
                </a:cxn>
                <a:cxn ang="0">
                  <a:pos x="780" y="92"/>
                </a:cxn>
                <a:cxn ang="0">
                  <a:pos x="756" y="100"/>
                </a:cxn>
                <a:cxn ang="0">
                  <a:pos x="684" y="84"/>
                </a:cxn>
                <a:cxn ang="0">
                  <a:pos x="664" y="120"/>
                </a:cxn>
                <a:cxn ang="0">
                  <a:pos x="612" y="188"/>
                </a:cxn>
                <a:cxn ang="0">
                  <a:pos x="588" y="236"/>
                </a:cxn>
                <a:cxn ang="0">
                  <a:pos x="564" y="252"/>
                </a:cxn>
                <a:cxn ang="0">
                  <a:pos x="540" y="260"/>
                </a:cxn>
                <a:cxn ang="0">
                  <a:pos x="452" y="252"/>
                </a:cxn>
                <a:cxn ang="0">
                  <a:pos x="304" y="160"/>
                </a:cxn>
                <a:cxn ang="0">
                  <a:pos x="208" y="184"/>
                </a:cxn>
                <a:cxn ang="0">
                  <a:pos x="128" y="228"/>
                </a:cxn>
                <a:cxn ang="0">
                  <a:pos x="0" y="228"/>
                </a:cxn>
              </a:cxnLst>
              <a:rect l="0" t="0" r="r" b="b"/>
              <a:pathLst>
                <a:path w="1016" h="270">
                  <a:moveTo>
                    <a:pt x="1016" y="0"/>
                  </a:moveTo>
                  <a:cubicBezTo>
                    <a:pt x="997" y="13"/>
                    <a:pt x="1009" y="6"/>
                    <a:pt x="980" y="16"/>
                  </a:cubicBezTo>
                  <a:cubicBezTo>
                    <a:pt x="980" y="16"/>
                    <a:pt x="950" y="36"/>
                    <a:pt x="944" y="40"/>
                  </a:cubicBezTo>
                  <a:cubicBezTo>
                    <a:pt x="928" y="51"/>
                    <a:pt x="890" y="51"/>
                    <a:pt x="876" y="52"/>
                  </a:cubicBezTo>
                  <a:cubicBezTo>
                    <a:pt x="849" y="70"/>
                    <a:pt x="832" y="88"/>
                    <a:pt x="800" y="96"/>
                  </a:cubicBezTo>
                  <a:cubicBezTo>
                    <a:pt x="793" y="95"/>
                    <a:pt x="787" y="91"/>
                    <a:pt x="780" y="92"/>
                  </a:cubicBezTo>
                  <a:cubicBezTo>
                    <a:pt x="772" y="93"/>
                    <a:pt x="756" y="100"/>
                    <a:pt x="756" y="100"/>
                  </a:cubicBezTo>
                  <a:cubicBezTo>
                    <a:pt x="732" y="96"/>
                    <a:pt x="708" y="90"/>
                    <a:pt x="684" y="84"/>
                  </a:cubicBezTo>
                  <a:cubicBezTo>
                    <a:pt x="666" y="112"/>
                    <a:pt x="671" y="99"/>
                    <a:pt x="664" y="120"/>
                  </a:cubicBezTo>
                  <a:cubicBezTo>
                    <a:pt x="658" y="171"/>
                    <a:pt x="663" y="179"/>
                    <a:pt x="612" y="188"/>
                  </a:cubicBezTo>
                  <a:cubicBezTo>
                    <a:pt x="602" y="203"/>
                    <a:pt x="602" y="224"/>
                    <a:pt x="588" y="236"/>
                  </a:cubicBezTo>
                  <a:cubicBezTo>
                    <a:pt x="581" y="242"/>
                    <a:pt x="573" y="249"/>
                    <a:pt x="564" y="252"/>
                  </a:cubicBezTo>
                  <a:cubicBezTo>
                    <a:pt x="556" y="255"/>
                    <a:pt x="540" y="260"/>
                    <a:pt x="540" y="260"/>
                  </a:cubicBezTo>
                  <a:cubicBezTo>
                    <a:pt x="511" y="258"/>
                    <a:pt x="475" y="270"/>
                    <a:pt x="452" y="252"/>
                  </a:cubicBezTo>
                  <a:cubicBezTo>
                    <a:pt x="403" y="214"/>
                    <a:pt x="364" y="180"/>
                    <a:pt x="304" y="160"/>
                  </a:cubicBezTo>
                  <a:cubicBezTo>
                    <a:pt x="268" y="164"/>
                    <a:pt x="243" y="179"/>
                    <a:pt x="208" y="184"/>
                  </a:cubicBezTo>
                  <a:cubicBezTo>
                    <a:pt x="182" y="202"/>
                    <a:pt x="159" y="222"/>
                    <a:pt x="128" y="228"/>
                  </a:cubicBezTo>
                  <a:cubicBezTo>
                    <a:pt x="5" y="224"/>
                    <a:pt x="52" y="228"/>
                    <a:pt x="0" y="228"/>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nvGrpSpPr>
            <p:cNvPr id="3" name="Group 1"/>
            <p:cNvGrpSpPr/>
            <p:nvPr/>
          </p:nvGrpSpPr>
          <p:grpSpPr bwMode="ltGray">
            <a:xfrm>
              <a:off x="3706688" y="5676686"/>
              <a:ext cx="192212" cy="724114"/>
              <a:chOff x="3706688" y="5676686"/>
              <a:chExt cx="192212" cy="724114"/>
            </a:xfrm>
          </p:grpSpPr>
          <p:sp>
            <p:nvSpPr>
              <p:cNvPr id="28" name="Freeform 52"/>
              <p:cNvSpPr>
                <a:spLocks/>
              </p:cNvSpPr>
              <p:nvPr/>
            </p:nvSpPr>
            <p:spPr bwMode="ltGray">
              <a:xfrm>
                <a:off x="3733800" y="5676686"/>
                <a:ext cx="165100" cy="565150"/>
              </a:xfrm>
              <a:custGeom>
                <a:avLst/>
                <a:gdLst/>
                <a:ahLst/>
                <a:cxnLst>
                  <a:cxn ang="0">
                    <a:pos x="40" y="0"/>
                  </a:cxn>
                  <a:cxn ang="0">
                    <a:pos x="12" y="48"/>
                  </a:cxn>
                  <a:cxn ang="0">
                    <a:pos x="4" y="72"/>
                  </a:cxn>
                  <a:cxn ang="0">
                    <a:pos x="0" y="148"/>
                  </a:cxn>
                  <a:cxn ang="0">
                    <a:pos x="16" y="248"/>
                  </a:cxn>
                  <a:cxn ang="0">
                    <a:pos x="32" y="272"/>
                  </a:cxn>
                  <a:cxn ang="0">
                    <a:pos x="52" y="320"/>
                  </a:cxn>
                  <a:cxn ang="0">
                    <a:pos x="84" y="340"/>
                  </a:cxn>
                  <a:cxn ang="0">
                    <a:pos x="104" y="356"/>
                  </a:cxn>
                </a:cxnLst>
                <a:rect l="0" t="0" r="r" b="b"/>
                <a:pathLst>
                  <a:path w="104" h="356">
                    <a:moveTo>
                      <a:pt x="40" y="0"/>
                    </a:moveTo>
                    <a:cubicBezTo>
                      <a:pt x="30" y="16"/>
                      <a:pt x="20" y="31"/>
                      <a:pt x="12" y="48"/>
                    </a:cubicBezTo>
                    <a:cubicBezTo>
                      <a:pt x="9" y="56"/>
                      <a:pt x="4" y="72"/>
                      <a:pt x="4" y="72"/>
                    </a:cubicBezTo>
                    <a:cubicBezTo>
                      <a:pt x="12" y="97"/>
                      <a:pt x="6" y="123"/>
                      <a:pt x="0" y="148"/>
                    </a:cubicBezTo>
                    <a:cubicBezTo>
                      <a:pt x="3" y="188"/>
                      <a:pt x="4" y="212"/>
                      <a:pt x="16" y="248"/>
                    </a:cubicBezTo>
                    <a:cubicBezTo>
                      <a:pt x="19" y="257"/>
                      <a:pt x="29" y="263"/>
                      <a:pt x="32" y="272"/>
                    </a:cubicBezTo>
                    <a:cubicBezTo>
                      <a:pt x="38" y="289"/>
                      <a:pt x="46" y="302"/>
                      <a:pt x="52" y="320"/>
                    </a:cubicBezTo>
                    <a:cubicBezTo>
                      <a:pt x="54" y="325"/>
                      <a:pt x="75" y="336"/>
                      <a:pt x="84" y="340"/>
                    </a:cubicBezTo>
                    <a:lnTo>
                      <a:pt x="104" y="35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29" name="Freeform 53"/>
              <p:cNvSpPr>
                <a:spLocks/>
              </p:cNvSpPr>
              <p:nvPr/>
            </p:nvSpPr>
            <p:spPr bwMode="ltGray">
              <a:xfrm>
                <a:off x="3706688" y="5683250"/>
                <a:ext cx="146050" cy="717550"/>
              </a:xfrm>
              <a:custGeom>
                <a:avLst/>
                <a:gdLst/>
                <a:ahLst/>
                <a:cxnLst>
                  <a:cxn ang="0">
                    <a:pos x="60" y="0"/>
                  </a:cxn>
                  <a:cxn ang="0">
                    <a:pos x="0" y="76"/>
                  </a:cxn>
                  <a:cxn ang="0">
                    <a:pos x="4" y="240"/>
                  </a:cxn>
                  <a:cxn ang="0">
                    <a:pos x="56" y="376"/>
                  </a:cxn>
                  <a:cxn ang="0">
                    <a:pos x="84" y="436"/>
                  </a:cxn>
                  <a:cxn ang="0">
                    <a:pos x="92" y="452"/>
                  </a:cxn>
                </a:cxnLst>
                <a:rect l="0" t="0" r="r" b="b"/>
                <a:pathLst>
                  <a:path w="92" h="452">
                    <a:moveTo>
                      <a:pt x="60" y="0"/>
                    </a:moveTo>
                    <a:cubicBezTo>
                      <a:pt x="36" y="24"/>
                      <a:pt x="11" y="44"/>
                      <a:pt x="0" y="76"/>
                    </a:cubicBezTo>
                    <a:cubicBezTo>
                      <a:pt x="1" y="131"/>
                      <a:pt x="2" y="185"/>
                      <a:pt x="4" y="240"/>
                    </a:cubicBezTo>
                    <a:cubicBezTo>
                      <a:pt x="6" y="289"/>
                      <a:pt x="37" y="333"/>
                      <a:pt x="56" y="376"/>
                    </a:cubicBezTo>
                    <a:cubicBezTo>
                      <a:pt x="65" y="397"/>
                      <a:pt x="65" y="423"/>
                      <a:pt x="84" y="436"/>
                    </a:cubicBezTo>
                    <a:cubicBezTo>
                      <a:pt x="89" y="450"/>
                      <a:pt x="85" y="445"/>
                      <a:pt x="92" y="452"/>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grpSp>
      <p:grpSp>
        <p:nvGrpSpPr>
          <p:cNvPr id="4" name="Group 3"/>
          <p:cNvGrpSpPr/>
          <p:nvPr/>
        </p:nvGrpSpPr>
        <p:grpSpPr bwMode="ltGray">
          <a:xfrm>
            <a:off x="2978320" y="2933700"/>
            <a:ext cx="1447800" cy="1790700"/>
            <a:chOff x="1468438" y="3225801"/>
            <a:chExt cx="1447800" cy="1790700"/>
          </a:xfrm>
        </p:grpSpPr>
        <p:sp>
          <p:nvSpPr>
            <p:cNvPr id="37" name="Freeform 106"/>
            <p:cNvSpPr>
              <a:spLocks/>
            </p:cNvSpPr>
            <p:nvPr/>
          </p:nvSpPr>
          <p:spPr bwMode="ltGray">
            <a:xfrm>
              <a:off x="1468438" y="3225801"/>
              <a:ext cx="1447800" cy="1790700"/>
            </a:xfrm>
            <a:custGeom>
              <a:avLst/>
              <a:gdLst/>
              <a:ahLst/>
              <a:cxnLst>
                <a:cxn ang="0">
                  <a:pos x="0" y="0"/>
                </a:cxn>
                <a:cxn ang="0">
                  <a:pos x="44" y="24"/>
                </a:cxn>
                <a:cxn ang="0">
                  <a:pos x="80" y="60"/>
                </a:cxn>
                <a:cxn ang="0">
                  <a:pos x="124" y="120"/>
                </a:cxn>
                <a:cxn ang="0">
                  <a:pos x="146" y="163"/>
                </a:cxn>
                <a:cxn ang="0">
                  <a:pos x="152" y="208"/>
                </a:cxn>
                <a:cxn ang="0">
                  <a:pos x="164" y="252"/>
                </a:cxn>
                <a:cxn ang="0">
                  <a:pos x="220" y="328"/>
                </a:cxn>
                <a:cxn ang="0">
                  <a:pos x="252" y="372"/>
                </a:cxn>
                <a:cxn ang="0">
                  <a:pos x="272" y="392"/>
                </a:cxn>
                <a:cxn ang="0">
                  <a:pos x="316" y="412"/>
                </a:cxn>
                <a:cxn ang="0">
                  <a:pos x="348" y="468"/>
                </a:cxn>
                <a:cxn ang="0">
                  <a:pos x="384" y="488"/>
                </a:cxn>
                <a:cxn ang="0">
                  <a:pos x="420" y="552"/>
                </a:cxn>
                <a:cxn ang="0">
                  <a:pos x="480" y="584"/>
                </a:cxn>
                <a:cxn ang="0">
                  <a:pos x="484" y="608"/>
                </a:cxn>
                <a:cxn ang="0">
                  <a:pos x="480" y="640"/>
                </a:cxn>
                <a:cxn ang="0">
                  <a:pos x="488" y="664"/>
                </a:cxn>
                <a:cxn ang="0">
                  <a:pos x="524" y="736"/>
                </a:cxn>
                <a:cxn ang="0">
                  <a:pos x="548" y="756"/>
                </a:cxn>
                <a:cxn ang="0">
                  <a:pos x="580" y="832"/>
                </a:cxn>
                <a:cxn ang="0">
                  <a:pos x="608" y="852"/>
                </a:cxn>
                <a:cxn ang="0">
                  <a:pos x="616" y="912"/>
                </a:cxn>
                <a:cxn ang="0">
                  <a:pos x="695" y="931"/>
                </a:cxn>
                <a:cxn ang="0">
                  <a:pos x="746" y="928"/>
                </a:cxn>
                <a:cxn ang="0">
                  <a:pos x="752" y="949"/>
                </a:cxn>
                <a:cxn ang="0">
                  <a:pos x="713" y="961"/>
                </a:cxn>
                <a:cxn ang="0">
                  <a:pos x="704" y="1032"/>
                </a:cxn>
                <a:cxn ang="0">
                  <a:pos x="800" y="1036"/>
                </a:cxn>
                <a:cxn ang="0">
                  <a:pos x="852" y="1084"/>
                </a:cxn>
                <a:cxn ang="0">
                  <a:pos x="869" y="1075"/>
                </a:cxn>
                <a:cxn ang="0">
                  <a:pos x="892" y="1092"/>
                </a:cxn>
                <a:cxn ang="0">
                  <a:pos x="912" y="1128"/>
                </a:cxn>
              </a:cxnLst>
              <a:rect l="0" t="0" r="r" b="b"/>
              <a:pathLst>
                <a:path w="912" h="1128">
                  <a:moveTo>
                    <a:pt x="0" y="0"/>
                  </a:moveTo>
                  <a:lnTo>
                    <a:pt x="44" y="24"/>
                  </a:lnTo>
                  <a:lnTo>
                    <a:pt x="80" y="60"/>
                  </a:lnTo>
                  <a:lnTo>
                    <a:pt x="124" y="120"/>
                  </a:lnTo>
                  <a:lnTo>
                    <a:pt x="146" y="163"/>
                  </a:lnTo>
                  <a:lnTo>
                    <a:pt x="152" y="208"/>
                  </a:lnTo>
                  <a:lnTo>
                    <a:pt x="164" y="252"/>
                  </a:lnTo>
                  <a:lnTo>
                    <a:pt x="220" y="328"/>
                  </a:lnTo>
                  <a:lnTo>
                    <a:pt x="252" y="372"/>
                  </a:lnTo>
                  <a:lnTo>
                    <a:pt x="272" y="392"/>
                  </a:lnTo>
                  <a:lnTo>
                    <a:pt x="316" y="412"/>
                  </a:lnTo>
                  <a:lnTo>
                    <a:pt x="348" y="468"/>
                  </a:lnTo>
                  <a:lnTo>
                    <a:pt x="384" y="488"/>
                  </a:lnTo>
                  <a:lnTo>
                    <a:pt x="420" y="552"/>
                  </a:lnTo>
                  <a:lnTo>
                    <a:pt x="480" y="584"/>
                  </a:lnTo>
                  <a:lnTo>
                    <a:pt x="484" y="608"/>
                  </a:lnTo>
                  <a:lnTo>
                    <a:pt x="480" y="640"/>
                  </a:lnTo>
                  <a:lnTo>
                    <a:pt x="488" y="664"/>
                  </a:lnTo>
                  <a:lnTo>
                    <a:pt x="524" y="736"/>
                  </a:lnTo>
                  <a:lnTo>
                    <a:pt x="548" y="756"/>
                  </a:lnTo>
                  <a:lnTo>
                    <a:pt x="580" y="832"/>
                  </a:lnTo>
                  <a:lnTo>
                    <a:pt x="608" y="852"/>
                  </a:lnTo>
                  <a:lnTo>
                    <a:pt x="616" y="912"/>
                  </a:lnTo>
                  <a:lnTo>
                    <a:pt x="695" y="931"/>
                  </a:lnTo>
                  <a:lnTo>
                    <a:pt x="746" y="928"/>
                  </a:lnTo>
                  <a:lnTo>
                    <a:pt x="752" y="949"/>
                  </a:lnTo>
                  <a:lnTo>
                    <a:pt x="713" y="961"/>
                  </a:lnTo>
                  <a:lnTo>
                    <a:pt x="704" y="1032"/>
                  </a:lnTo>
                  <a:lnTo>
                    <a:pt x="800" y="1036"/>
                  </a:lnTo>
                  <a:lnTo>
                    <a:pt x="852" y="1084"/>
                  </a:lnTo>
                  <a:lnTo>
                    <a:pt x="869" y="1075"/>
                  </a:lnTo>
                  <a:lnTo>
                    <a:pt x="892" y="1092"/>
                  </a:lnTo>
                  <a:lnTo>
                    <a:pt x="912" y="1128"/>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40" name="Freeform 109"/>
            <p:cNvSpPr>
              <a:spLocks/>
            </p:cNvSpPr>
            <p:nvPr/>
          </p:nvSpPr>
          <p:spPr bwMode="ltGray">
            <a:xfrm>
              <a:off x="1914525" y="4389439"/>
              <a:ext cx="381000" cy="614363"/>
            </a:xfrm>
            <a:custGeom>
              <a:avLst/>
              <a:gdLst/>
              <a:ahLst/>
              <a:cxnLst>
                <a:cxn ang="0">
                  <a:pos x="240" y="0"/>
                </a:cxn>
                <a:cxn ang="0">
                  <a:pos x="219" y="42"/>
                </a:cxn>
                <a:cxn ang="0">
                  <a:pos x="204" y="57"/>
                </a:cxn>
                <a:cxn ang="0">
                  <a:pos x="174" y="57"/>
                </a:cxn>
                <a:cxn ang="0">
                  <a:pos x="147" y="36"/>
                </a:cxn>
                <a:cxn ang="0">
                  <a:pos x="126" y="42"/>
                </a:cxn>
                <a:cxn ang="0">
                  <a:pos x="105" y="63"/>
                </a:cxn>
                <a:cxn ang="0">
                  <a:pos x="87" y="87"/>
                </a:cxn>
                <a:cxn ang="0">
                  <a:pos x="87" y="114"/>
                </a:cxn>
                <a:cxn ang="0">
                  <a:pos x="66" y="123"/>
                </a:cxn>
                <a:cxn ang="0">
                  <a:pos x="54" y="138"/>
                </a:cxn>
                <a:cxn ang="0">
                  <a:pos x="39" y="159"/>
                </a:cxn>
                <a:cxn ang="0">
                  <a:pos x="15" y="162"/>
                </a:cxn>
                <a:cxn ang="0">
                  <a:pos x="3" y="192"/>
                </a:cxn>
                <a:cxn ang="0">
                  <a:pos x="24" y="219"/>
                </a:cxn>
                <a:cxn ang="0">
                  <a:pos x="18" y="237"/>
                </a:cxn>
                <a:cxn ang="0">
                  <a:pos x="42" y="249"/>
                </a:cxn>
                <a:cxn ang="0">
                  <a:pos x="45" y="279"/>
                </a:cxn>
                <a:cxn ang="0">
                  <a:pos x="60" y="291"/>
                </a:cxn>
                <a:cxn ang="0">
                  <a:pos x="69" y="312"/>
                </a:cxn>
                <a:cxn ang="0">
                  <a:pos x="63" y="333"/>
                </a:cxn>
                <a:cxn ang="0">
                  <a:pos x="60" y="351"/>
                </a:cxn>
                <a:cxn ang="0">
                  <a:pos x="33" y="387"/>
                </a:cxn>
              </a:cxnLst>
              <a:rect l="0" t="0" r="r" b="b"/>
              <a:pathLst>
                <a:path w="240" h="387">
                  <a:moveTo>
                    <a:pt x="240" y="0"/>
                  </a:moveTo>
                  <a:lnTo>
                    <a:pt x="219" y="42"/>
                  </a:lnTo>
                  <a:lnTo>
                    <a:pt x="204" y="57"/>
                  </a:lnTo>
                  <a:lnTo>
                    <a:pt x="174" y="57"/>
                  </a:lnTo>
                  <a:lnTo>
                    <a:pt x="147" y="36"/>
                  </a:lnTo>
                  <a:lnTo>
                    <a:pt x="126" y="42"/>
                  </a:lnTo>
                  <a:lnTo>
                    <a:pt x="105" y="63"/>
                  </a:lnTo>
                  <a:lnTo>
                    <a:pt x="87" y="87"/>
                  </a:lnTo>
                  <a:lnTo>
                    <a:pt x="87" y="114"/>
                  </a:lnTo>
                  <a:lnTo>
                    <a:pt x="66" y="123"/>
                  </a:lnTo>
                  <a:lnTo>
                    <a:pt x="54" y="138"/>
                  </a:lnTo>
                  <a:lnTo>
                    <a:pt x="39" y="159"/>
                  </a:lnTo>
                  <a:lnTo>
                    <a:pt x="15" y="162"/>
                  </a:lnTo>
                  <a:cubicBezTo>
                    <a:pt x="0" y="181"/>
                    <a:pt x="3" y="171"/>
                    <a:pt x="3" y="192"/>
                  </a:cubicBezTo>
                  <a:lnTo>
                    <a:pt x="24" y="219"/>
                  </a:lnTo>
                  <a:lnTo>
                    <a:pt x="18" y="237"/>
                  </a:lnTo>
                  <a:lnTo>
                    <a:pt x="42" y="249"/>
                  </a:lnTo>
                  <a:lnTo>
                    <a:pt x="45" y="279"/>
                  </a:lnTo>
                  <a:lnTo>
                    <a:pt x="60" y="291"/>
                  </a:lnTo>
                  <a:lnTo>
                    <a:pt x="69" y="312"/>
                  </a:lnTo>
                  <a:lnTo>
                    <a:pt x="63" y="333"/>
                  </a:lnTo>
                  <a:lnTo>
                    <a:pt x="60" y="351"/>
                  </a:lnTo>
                  <a:lnTo>
                    <a:pt x="33" y="387"/>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grpSp>
      <p:sp>
        <p:nvSpPr>
          <p:cNvPr id="41" name="Freeform 110"/>
          <p:cNvSpPr>
            <a:spLocks/>
          </p:cNvSpPr>
          <p:nvPr/>
        </p:nvSpPr>
        <p:spPr bwMode="gray">
          <a:xfrm>
            <a:off x="4381670" y="4716463"/>
            <a:ext cx="819150" cy="485775"/>
          </a:xfrm>
          <a:custGeom>
            <a:avLst/>
            <a:gdLst/>
            <a:ahLst/>
            <a:cxnLst>
              <a:cxn ang="0">
                <a:pos x="42" y="99"/>
              </a:cxn>
              <a:cxn ang="0">
                <a:pos x="12" y="81"/>
              </a:cxn>
              <a:cxn ang="0">
                <a:pos x="3" y="57"/>
              </a:cxn>
              <a:cxn ang="0">
                <a:pos x="0" y="39"/>
              </a:cxn>
              <a:cxn ang="0">
                <a:pos x="18" y="21"/>
              </a:cxn>
              <a:cxn ang="0">
                <a:pos x="33" y="9"/>
              </a:cxn>
              <a:cxn ang="0">
                <a:pos x="57" y="0"/>
              </a:cxn>
              <a:cxn ang="0">
                <a:pos x="75" y="12"/>
              </a:cxn>
              <a:cxn ang="0">
                <a:pos x="96" y="27"/>
              </a:cxn>
              <a:cxn ang="0">
                <a:pos x="120" y="39"/>
              </a:cxn>
              <a:cxn ang="0">
                <a:pos x="150" y="63"/>
              </a:cxn>
              <a:cxn ang="0">
                <a:pos x="192" y="81"/>
              </a:cxn>
              <a:cxn ang="0">
                <a:pos x="222" y="111"/>
              </a:cxn>
              <a:cxn ang="0">
                <a:pos x="291" y="111"/>
              </a:cxn>
              <a:cxn ang="0">
                <a:pos x="306" y="129"/>
              </a:cxn>
              <a:cxn ang="0">
                <a:pos x="441" y="129"/>
              </a:cxn>
              <a:cxn ang="0">
                <a:pos x="468" y="144"/>
              </a:cxn>
              <a:cxn ang="0">
                <a:pos x="486" y="168"/>
              </a:cxn>
              <a:cxn ang="0">
                <a:pos x="516" y="183"/>
              </a:cxn>
              <a:cxn ang="0">
                <a:pos x="495" y="195"/>
              </a:cxn>
              <a:cxn ang="0">
                <a:pos x="489" y="213"/>
              </a:cxn>
              <a:cxn ang="0">
                <a:pos x="492" y="255"/>
              </a:cxn>
              <a:cxn ang="0">
                <a:pos x="501" y="279"/>
              </a:cxn>
              <a:cxn ang="0">
                <a:pos x="504" y="306"/>
              </a:cxn>
            </a:cxnLst>
            <a:rect l="0" t="0" r="r" b="b"/>
            <a:pathLst>
              <a:path w="516" h="306">
                <a:moveTo>
                  <a:pt x="42" y="99"/>
                </a:moveTo>
                <a:lnTo>
                  <a:pt x="12" y="81"/>
                </a:lnTo>
                <a:lnTo>
                  <a:pt x="3" y="57"/>
                </a:lnTo>
                <a:lnTo>
                  <a:pt x="0" y="39"/>
                </a:lnTo>
                <a:lnTo>
                  <a:pt x="18" y="21"/>
                </a:lnTo>
                <a:lnTo>
                  <a:pt x="33" y="9"/>
                </a:lnTo>
                <a:lnTo>
                  <a:pt x="57" y="0"/>
                </a:lnTo>
                <a:lnTo>
                  <a:pt x="75" y="12"/>
                </a:lnTo>
                <a:lnTo>
                  <a:pt x="96" y="27"/>
                </a:lnTo>
                <a:lnTo>
                  <a:pt x="120" y="39"/>
                </a:lnTo>
                <a:lnTo>
                  <a:pt x="150" y="63"/>
                </a:lnTo>
                <a:lnTo>
                  <a:pt x="192" y="81"/>
                </a:lnTo>
                <a:lnTo>
                  <a:pt x="222" y="111"/>
                </a:lnTo>
                <a:lnTo>
                  <a:pt x="291" y="111"/>
                </a:lnTo>
                <a:lnTo>
                  <a:pt x="306" y="129"/>
                </a:lnTo>
                <a:lnTo>
                  <a:pt x="441" y="129"/>
                </a:lnTo>
                <a:lnTo>
                  <a:pt x="468" y="144"/>
                </a:lnTo>
                <a:lnTo>
                  <a:pt x="486" y="168"/>
                </a:lnTo>
                <a:lnTo>
                  <a:pt x="516" y="183"/>
                </a:lnTo>
                <a:lnTo>
                  <a:pt x="495" y="195"/>
                </a:lnTo>
                <a:lnTo>
                  <a:pt x="489" y="213"/>
                </a:lnTo>
                <a:lnTo>
                  <a:pt x="492" y="255"/>
                </a:lnTo>
                <a:lnTo>
                  <a:pt x="501" y="279"/>
                </a:lnTo>
                <a:lnTo>
                  <a:pt x="504" y="30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endParaRPr>
          </a:p>
        </p:txBody>
      </p:sp>
      <p:sp>
        <p:nvSpPr>
          <p:cNvPr id="35" name="Oval 121"/>
          <p:cNvSpPr>
            <a:spLocks noChangeArrowheads="1"/>
          </p:cNvSpPr>
          <p:nvPr/>
        </p:nvSpPr>
        <p:spPr bwMode="ltGray">
          <a:xfrm>
            <a:off x="4408657" y="4862512"/>
            <a:ext cx="133350" cy="133350"/>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36" name="Oval 122"/>
          <p:cNvSpPr>
            <a:spLocks noChangeArrowheads="1"/>
          </p:cNvSpPr>
          <p:nvPr/>
        </p:nvSpPr>
        <p:spPr bwMode="ltGray">
          <a:xfrm>
            <a:off x="5134145" y="5194300"/>
            <a:ext cx="122238" cy="122238"/>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endParaRPr>
          </a:p>
        </p:txBody>
      </p:sp>
      <p:sp>
        <p:nvSpPr>
          <p:cNvPr id="32" name="Title 1"/>
          <p:cNvSpPr txBox="1">
            <a:spLocks/>
          </p:cNvSpPr>
          <p:nvPr/>
        </p:nvSpPr>
        <p:spPr>
          <a:xfrm>
            <a:off x="4042666" y="381000"/>
            <a:ext cx="5001078" cy="1547812"/>
          </a:xfrm>
          <a:prstGeom prst="rect">
            <a:avLst/>
          </a:prstGeom>
        </p:spPr>
        <p:txBody>
          <a:bodyPr/>
          <a:lstStyle/>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California WaterFix</a:t>
            </a:r>
          </a:p>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Improves Water Quality</a:t>
            </a:r>
          </a:p>
          <a:p>
            <a:pPr algn="ctr" defTabSz="912813" eaLnBrk="0" hangingPunct="0">
              <a:lnSpc>
                <a:spcPct val="90000"/>
              </a:lnSpc>
              <a:defRPr/>
            </a:pPr>
            <a:r>
              <a:rPr lang="en-US" sz="3200" b="1" spc="-150" dirty="0" smtClean="0">
                <a:ln w="3175">
                  <a:noFill/>
                </a:ln>
                <a:solidFill>
                  <a:prstClr val="white"/>
                </a:solidFill>
                <a:effectLst>
                  <a:outerShdw blurRad="38100" dist="38100" dir="2700000" algn="tl">
                    <a:srgbClr val="000000">
                      <a:alpha val="43137"/>
                    </a:srgbClr>
                  </a:outerShdw>
                </a:effectLst>
                <a:latin typeface="Calibri"/>
                <a:cs typeface="Arial" charset="0"/>
              </a:rPr>
              <a:t>27</a:t>
            </a:r>
            <a:r>
              <a:rPr lang="en-US" sz="3200" b="1" spc="-150" dirty="0">
                <a:ln w="3175">
                  <a:noFill/>
                </a:ln>
                <a:solidFill>
                  <a:prstClr val="white"/>
                </a:solidFill>
                <a:effectLst>
                  <a:outerShdw blurRad="38100" dist="38100" dir="2700000" algn="tl">
                    <a:srgbClr val="000000">
                      <a:alpha val="43137"/>
                    </a:srgbClr>
                  </a:outerShdw>
                </a:effectLst>
                <a:latin typeface="Calibri"/>
                <a:cs typeface="Arial" charset="0"/>
              </a:rPr>
              <a:t>% </a:t>
            </a:r>
            <a:r>
              <a:rPr lang="en-US" sz="3200" b="1" spc="-150" dirty="0" smtClean="0">
                <a:ln w="3175">
                  <a:noFill/>
                </a:ln>
                <a:solidFill>
                  <a:prstClr val="white"/>
                </a:solidFill>
                <a:effectLst>
                  <a:outerShdw blurRad="38100" dist="38100" dir="2700000" algn="tl">
                    <a:srgbClr val="000000">
                      <a:alpha val="43137"/>
                    </a:srgbClr>
                  </a:outerShdw>
                </a:effectLst>
                <a:latin typeface="Calibri"/>
                <a:cs typeface="Arial" charset="0"/>
              </a:rPr>
              <a:t>salinity reduction</a:t>
            </a:r>
          </a:p>
        </p:txBody>
      </p:sp>
      <p:sp>
        <p:nvSpPr>
          <p:cNvPr id="42" name="Rectangle 14"/>
          <p:cNvSpPr>
            <a:spLocks noChangeArrowheads="1"/>
          </p:cNvSpPr>
          <p:nvPr/>
        </p:nvSpPr>
        <p:spPr bwMode="gray">
          <a:xfrm>
            <a:off x="5440680" y="4205723"/>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Colorado </a:t>
            </a: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650 mg/l</a:t>
            </a:r>
            <a:endParaRPr lang="en-US" sz="2200" b="1" dirty="0">
              <a:solidFill>
                <a:prstClr val="white"/>
              </a:solidFill>
              <a:latin typeface="Calibri"/>
            </a:endParaRPr>
          </a:p>
        </p:txBody>
      </p:sp>
      <p:sp>
        <p:nvSpPr>
          <p:cNvPr id="43" name="Rectangle 14"/>
          <p:cNvSpPr>
            <a:spLocks noChangeArrowheads="1"/>
          </p:cNvSpPr>
          <p:nvPr/>
        </p:nvSpPr>
        <p:spPr bwMode="gray">
          <a:xfrm>
            <a:off x="2432855" y="1497772"/>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acramento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100 mg/l</a:t>
            </a:r>
            <a:endParaRPr lang="en-US" sz="2200" b="1" dirty="0">
              <a:solidFill>
                <a:prstClr val="white"/>
              </a:solidFill>
              <a:latin typeface="Calibri"/>
            </a:endParaRPr>
          </a:p>
        </p:txBody>
      </p:sp>
      <p:sp>
        <p:nvSpPr>
          <p:cNvPr id="44" name="Rectangle 14"/>
          <p:cNvSpPr>
            <a:spLocks noChangeArrowheads="1"/>
          </p:cNvSpPr>
          <p:nvPr/>
        </p:nvSpPr>
        <p:spPr bwMode="gray">
          <a:xfrm>
            <a:off x="110936" y="2763814"/>
            <a:ext cx="2666564"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WP (Existing) </a:t>
            </a:r>
          </a:p>
          <a:p>
            <a:pPr algn="ctr" defTabSz="825500" eaLnBrk="0" hangingPunct="0">
              <a:lnSpc>
                <a:spcPct val="85000"/>
              </a:lnSpc>
              <a:defRPr/>
            </a:pPr>
            <a:r>
              <a:rPr lang="en-US" sz="2200" b="1" dirty="0" smtClean="0">
                <a:solidFill>
                  <a:prstClr val="white"/>
                </a:solidFill>
                <a:latin typeface="Calibri"/>
              </a:rPr>
              <a:t>302 mg/l</a:t>
            </a:r>
            <a:endParaRPr lang="en-US" sz="2200" b="1" dirty="0">
              <a:solidFill>
                <a:prstClr val="white"/>
              </a:solidFill>
              <a:latin typeface="Calibri"/>
            </a:endParaRPr>
          </a:p>
        </p:txBody>
      </p:sp>
      <p:sp>
        <p:nvSpPr>
          <p:cNvPr id="25" name="Rectangle 14"/>
          <p:cNvSpPr>
            <a:spLocks noChangeArrowheads="1"/>
          </p:cNvSpPr>
          <p:nvPr/>
        </p:nvSpPr>
        <p:spPr bwMode="gray">
          <a:xfrm>
            <a:off x="110936" y="3581400"/>
            <a:ext cx="2666564" cy="979242"/>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WP (Cal Water Fix)</a:t>
            </a:r>
            <a:b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br>
            <a:r>
              <a:rPr lang="en-US" sz="2200" b="1" dirty="0" smtClean="0">
                <a:solidFill>
                  <a:prstClr val="white"/>
                </a:solidFill>
                <a:latin typeface="Calibri"/>
              </a:rPr>
              <a:t>221 mg/l</a:t>
            </a:r>
          </a:p>
          <a:p>
            <a:pPr algn="ctr" defTabSz="825500" eaLnBrk="0" hangingPunct="0">
              <a:lnSpc>
                <a:spcPct val="85000"/>
              </a:lnSpc>
              <a:defRPr/>
            </a:pPr>
            <a:r>
              <a:rPr lang="en-US" sz="2200" b="1" dirty="0">
                <a:solidFill>
                  <a:prstClr val="white"/>
                </a:solidFill>
                <a:latin typeface="Calibri"/>
              </a:rPr>
              <a:t>(</a:t>
            </a:r>
            <a:r>
              <a:rPr lang="en-US" sz="2200" b="1" i="1" dirty="0">
                <a:solidFill>
                  <a:prstClr val="white"/>
                </a:solidFill>
                <a:latin typeface="Calibri"/>
              </a:rPr>
              <a:t>27% improvement</a:t>
            </a:r>
            <a:r>
              <a:rPr lang="en-US" sz="2200" b="1" dirty="0" smtClean="0">
                <a:solidFill>
                  <a:prstClr val="white"/>
                </a:solidFill>
                <a:latin typeface="Calibri"/>
              </a:rPr>
              <a:t>)</a:t>
            </a:r>
            <a:endParaRPr lang="en-US" sz="2200" b="1" dirty="0">
              <a:solidFill>
                <a:prstClr val="white"/>
              </a:solidFill>
              <a:latin typeface="Calibri"/>
            </a:endParaRPr>
          </a:p>
        </p:txBody>
      </p:sp>
      <p:sp>
        <p:nvSpPr>
          <p:cNvPr id="30" name="Rectangle 14"/>
          <p:cNvSpPr>
            <a:spLocks noChangeArrowheads="1"/>
          </p:cNvSpPr>
          <p:nvPr/>
        </p:nvSpPr>
        <p:spPr bwMode="gray">
          <a:xfrm>
            <a:off x="3459480" y="2585129"/>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an Joaquin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320 mg/l</a:t>
            </a:r>
            <a:endParaRPr lang="en-US" sz="2200" b="1" dirty="0">
              <a:solidFill>
                <a:prstClr val="white"/>
              </a:solidFill>
              <a:latin typeface="Calibri"/>
            </a:endParaRPr>
          </a:p>
        </p:txBody>
      </p:sp>
      <p:sp>
        <p:nvSpPr>
          <p:cNvPr id="33" name="TextBox 32"/>
          <p:cNvSpPr txBox="1"/>
          <p:nvPr/>
        </p:nvSpPr>
        <p:spPr>
          <a:xfrm>
            <a:off x="76200" y="6383078"/>
            <a:ext cx="8724900" cy="458587"/>
          </a:xfrm>
          <a:prstGeom prst="rect">
            <a:avLst/>
          </a:prstGeom>
          <a:noFill/>
        </p:spPr>
        <p:txBody>
          <a:bodyPr wrap="square" rtlCol="0">
            <a:spAutoFit/>
          </a:bodyPr>
          <a:lstStyle/>
          <a:p>
            <a:pPr marL="236538" indent="-236538">
              <a:lnSpc>
                <a:spcPct val="85000"/>
              </a:lnSpc>
              <a:buFont typeface="Arial" charset="0"/>
              <a:buChar char="•"/>
            </a:pPr>
            <a:r>
              <a:rPr lang="en-US" sz="1400" i="1" dirty="0" smtClean="0">
                <a:solidFill>
                  <a:srgbClr val="FFC000"/>
                </a:solidFill>
                <a:latin typeface="Calibri"/>
              </a:rPr>
              <a:t>Sacramento, San Joaquin &amp; Colorado River water quality represents historical average annual recorded data</a:t>
            </a:r>
          </a:p>
          <a:p>
            <a:pPr marL="236538" indent="-236538">
              <a:lnSpc>
                <a:spcPct val="85000"/>
              </a:lnSpc>
              <a:buFont typeface="Arial" charset="0"/>
              <a:buChar char="•"/>
            </a:pPr>
            <a:r>
              <a:rPr lang="en-US" sz="1400" i="1" dirty="0" smtClean="0">
                <a:solidFill>
                  <a:srgbClr val="FFC000"/>
                </a:solidFill>
                <a:latin typeface="Calibri"/>
              </a:rPr>
              <a:t>State Water Project water quality is a comparison of modeled data from the Recirculated Draft EIR/EIS</a:t>
            </a:r>
            <a:endParaRPr lang="en-US" sz="1400" i="1" dirty="0">
              <a:solidFill>
                <a:srgbClr val="FFC000"/>
              </a:solidFill>
              <a:latin typeface="Calibri"/>
            </a:endParaRPr>
          </a:p>
        </p:txBody>
      </p:sp>
    </p:spTree>
    <p:extLst>
      <p:ext uri="{BB962C8B-B14F-4D97-AF65-F5344CB8AC3E}">
        <p14:creationId xmlns:p14="http://schemas.microsoft.com/office/powerpoint/2010/main" val="3343746624"/>
      </p:ext>
    </p:extLst>
  </p:cSld>
  <p:clrMapOvr>
    <a:masterClrMapping/>
  </p:clrMapOvr>
  <p:transition>
    <p:fade/>
  </p:transition>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 name="Picture 32"/>
          <p:cNvPicPr>
            <a:picLocks noChangeAspect="1"/>
          </p:cNvPicPr>
          <p:nvPr/>
        </p:nvPicPr>
        <p:blipFill rotWithShape="1">
          <a:blip r:embed="rId3">
            <a:extLst>
              <a:ext uri="{28A0092B-C50C-407E-A947-70E740481C1C}">
                <a14:useLocalDpi xmlns:a14="http://schemas.microsoft.com/office/drawing/2010/main" val="0"/>
              </a:ext>
            </a:extLst>
          </a:blip>
          <a:srcRect t="6435" b="5219"/>
          <a:stretch/>
        </p:blipFill>
        <p:spPr>
          <a:xfrm>
            <a:off x="1504418" y="228600"/>
            <a:ext cx="5871639" cy="6260651"/>
          </a:xfrm>
          <a:prstGeom prst="rect">
            <a:avLst/>
          </a:prstGeom>
          <a:noFill/>
          <a:ln>
            <a:noFill/>
          </a:ln>
          <a:effectLst>
            <a:glow rad="228600">
              <a:schemeClr val="accent1">
                <a:satMod val="175000"/>
                <a:alpha val="40000"/>
              </a:schemeClr>
            </a:glow>
          </a:effectLst>
        </p:spPr>
      </p:pic>
      <p:pic>
        <p:nvPicPr>
          <p:cNvPr id="10248" name="Picture 9" descr="MWD Service Area1.gif"/>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95895" y="4931912"/>
            <a:ext cx="1866900" cy="139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Freeform 5"/>
          <p:cNvSpPr>
            <a:spLocks/>
          </p:cNvSpPr>
          <p:nvPr/>
        </p:nvSpPr>
        <p:spPr bwMode="ltGray">
          <a:xfrm>
            <a:off x="2538582" y="1187000"/>
            <a:ext cx="477837" cy="1633538"/>
          </a:xfrm>
          <a:custGeom>
            <a:avLst/>
            <a:gdLst/>
            <a:ahLst/>
            <a:cxnLst>
              <a:cxn ang="0">
                <a:pos x="0" y="0"/>
              </a:cxn>
              <a:cxn ang="0">
                <a:pos x="24" y="36"/>
              </a:cxn>
              <a:cxn ang="0">
                <a:pos x="21" y="63"/>
              </a:cxn>
              <a:cxn ang="0">
                <a:pos x="18" y="72"/>
              </a:cxn>
              <a:cxn ang="0">
                <a:pos x="39" y="87"/>
              </a:cxn>
              <a:cxn ang="0">
                <a:pos x="48" y="90"/>
              </a:cxn>
              <a:cxn ang="0">
                <a:pos x="60" y="144"/>
              </a:cxn>
              <a:cxn ang="0">
                <a:pos x="81" y="171"/>
              </a:cxn>
              <a:cxn ang="0">
                <a:pos x="81" y="240"/>
              </a:cxn>
              <a:cxn ang="0">
                <a:pos x="123" y="270"/>
              </a:cxn>
              <a:cxn ang="0">
                <a:pos x="159" y="312"/>
              </a:cxn>
              <a:cxn ang="0">
                <a:pos x="174" y="408"/>
              </a:cxn>
              <a:cxn ang="0">
                <a:pos x="174" y="462"/>
              </a:cxn>
              <a:cxn ang="0">
                <a:pos x="180" y="480"/>
              </a:cxn>
              <a:cxn ang="0">
                <a:pos x="153" y="537"/>
              </a:cxn>
              <a:cxn ang="0">
                <a:pos x="180" y="636"/>
              </a:cxn>
              <a:cxn ang="0">
                <a:pos x="207" y="687"/>
              </a:cxn>
              <a:cxn ang="0">
                <a:pos x="246" y="741"/>
              </a:cxn>
              <a:cxn ang="0">
                <a:pos x="249" y="774"/>
              </a:cxn>
              <a:cxn ang="0">
                <a:pos x="252" y="822"/>
              </a:cxn>
              <a:cxn ang="0">
                <a:pos x="282" y="855"/>
              </a:cxn>
              <a:cxn ang="0">
                <a:pos x="282" y="969"/>
              </a:cxn>
              <a:cxn ang="0">
                <a:pos x="261" y="996"/>
              </a:cxn>
              <a:cxn ang="0">
                <a:pos x="234" y="1014"/>
              </a:cxn>
              <a:cxn ang="0">
                <a:pos x="192" y="1011"/>
              </a:cxn>
              <a:cxn ang="0">
                <a:pos x="192" y="1029"/>
              </a:cxn>
            </a:cxnLst>
            <a:rect l="0" t="0" r="r" b="b"/>
            <a:pathLst>
              <a:path w="301" h="1029">
                <a:moveTo>
                  <a:pt x="0" y="0"/>
                </a:moveTo>
                <a:cubicBezTo>
                  <a:pt x="4" y="16"/>
                  <a:pt x="10" y="27"/>
                  <a:pt x="24" y="36"/>
                </a:cubicBezTo>
                <a:cubicBezTo>
                  <a:pt x="29" y="51"/>
                  <a:pt x="28" y="42"/>
                  <a:pt x="21" y="63"/>
                </a:cubicBezTo>
                <a:cubicBezTo>
                  <a:pt x="20" y="66"/>
                  <a:pt x="18" y="72"/>
                  <a:pt x="18" y="72"/>
                </a:cubicBezTo>
                <a:cubicBezTo>
                  <a:pt x="23" y="87"/>
                  <a:pt x="18" y="80"/>
                  <a:pt x="39" y="87"/>
                </a:cubicBezTo>
                <a:cubicBezTo>
                  <a:pt x="42" y="88"/>
                  <a:pt x="48" y="90"/>
                  <a:pt x="48" y="90"/>
                </a:cubicBezTo>
                <a:cubicBezTo>
                  <a:pt x="62" y="111"/>
                  <a:pt x="52" y="115"/>
                  <a:pt x="60" y="144"/>
                </a:cubicBezTo>
                <a:cubicBezTo>
                  <a:pt x="63" y="155"/>
                  <a:pt x="81" y="171"/>
                  <a:pt x="81" y="171"/>
                </a:cubicBezTo>
                <a:cubicBezTo>
                  <a:pt x="80" y="190"/>
                  <a:pt x="75" y="220"/>
                  <a:pt x="81" y="240"/>
                </a:cubicBezTo>
                <a:cubicBezTo>
                  <a:pt x="86" y="257"/>
                  <a:pt x="110" y="263"/>
                  <a:pt x="123" y="270"/>
                </a:cubicBezTo>
                <a:cubicBezTo>
                  <a:pt x="138" y="277"/>
                  <a:pt x="154" y="297"/>
                  <a:pt x="159" y="312"/>
                </a:cubicBezTo>
                <a:cubicBezTo>
                  <a:pt x="170" y="344"/>
                  <a:pt x="172" y="374"/>
                  <a:pt x="174" y="408"/>
                </a:cubicBezTo>
                <a:cubicBezTo>
                  <a:pt x="171" y="433"/>
                  <a:pt x="169" y="435"/>
                  <a:pt x="174" y="462"/>
                </a:cubicBezTo>
                <a:cubicBezTo>
                  <a:pt x="175" y="468"/>
                  <a:pt x="180" y="480"/>
                  <a:pt x="180" y="480"/>
                </a:cubicBezTo>
                <a:cubicBezTo>
                  <a:pt x="176" y="511"/>
                  <a:pt x="162" y="511"/>
                  <a:pt x="153" y="537"/>
                </a:cubicBezTo>
                <a:cubicBezTo>
                  <a:pt x="148" y="582"/>
                  <a:pt x="156" y="601"/>
                  <a:pt x="180" y="636"/>
                </a:cubicBezTo>
                <a:cubicBezTo>
                  <a:pt x="192" y="654"/>
                  <a:pt x="183" y="679"/>
                  <a:pt x="207" y="687"/>
                </a:cubicBezTo>
                <a:cubicBezTo>
                  <a:pt x="219" y="705"/>
                  <a:pt x="230" y="725"/>
                  <a:pt x="246" y="741"/>
                </a:cubicBezTo>
                <a:cubicBezTo>
                  <a:pt x="254" y="764"/>
                  <a:pt x="253" y="753"/>
                  <a:pt x="249" y="774"/>
                </a:cubicBezTo>
                <a:cubicBezTo>
                  <a:pt x="250" y="790"/>
                  <a:pt x="249" y="806"/>
                  <a:pt x="252" y="822"/>
                </a:cubicBezTo>
                <a:cubicBezTo>
                  <a:pt x="254" y="833"/>
                  <a:pt x="276" y="845"/>
                  <a:pt x="282" y="855"/>
                </a:cubicBezTo>
                <a:cubicBezTo>
                  <a:pt x="288" y="888"/>
                  <a:pt x="301" y="941"/>
                  <a:pt x="282" y="969"/>
                </a:cubicBezTo>
                <a:cubicBezTo>
                  <a:pt x="276" y="978"/>
                  <a:pt x="267" y="987"/>
                  <a:pt x="261" y="996"/>
                </a:cubicBezTo>
                <a:cubicBezTo>
                  <a:pt x="255" y="1005"/>
                  <a:pt x="234" y="1014"/>
                  <a:pt x="234" y="1014"/>
                </a:cubicBezTo>
                <a:cubicBezTo>
                  <a:pt x="194" y="1011"/>
                  <a:pt x="208" y="1011"/>
                  <a:pt x="192" y="1011"/>
                </a:cubicBezTo>
                <a:lnTo>
                  <a:pt x="192" y="1029"/>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14" name="Freeform 6"/>
          <p:cNvSpPr>
            <a:spLocks/>
          </p:cNvSpPr>
          <p:nvPr/>
        </p:nvSpPr>
        <p:spPr bwMode="auto">
          <a:xfrm>
            <a:off x="1933745" y="667887"/>
            <a:ext cx="566737" cy="528638"/>
          </a:xfrm>
          <a:custGeom>
            <a:avLst/>
            <a:gdLst/>
            <a:ahLst/>
            <a:cxnLst>
              <a:cxn ang="0">
                <a:pos x="357" y="312"/>
              </a:cxn>
              <a:cxn ang="0">
                <a:pos x="321" y="333"/>
              </a:cxn>
              <a:cxn ang="0">
                <a:pos x="273" y="306"/>
              </a:cxn>
              <a:cxn ang="0">
                <a:pos x="237" y="309"/>
              </a:cxn>
              <a:cxn ang="0">
                <a:pos x="213" y="315"/>
              </a:cxn>
              <a:cxn ang="0">
                <a:pos x="189" y="309"/>
              </a:cxn>
              <a:cxn ang="0">
                <a:pos x="150" y="261"/>
              </a:cxn>
              <a:cxn ang="0">
                <a:pos x="114" y="237"/>
              </a:cxn>
              <a:cxn ang="0">
                <a:pos x="96" y="225"/>
              </a:cxn>
              <a:cxn ang="0">
                <a:pos x="90" y="207"/>
              </a:cxn>
              <a:cxn ang="0">
                <a:pos x="87" y="198"/>
              </a:cxn>
              <a:cxn ang="0">
                <a:pos x="84" y="156"/>
              </a:cxn>
              <a:cxn ang="0">
                <a:pos x="21" y="75"/>
              </a:cxn>
              <a:cxn ang="0">
                <a:pos x="0" y="0"/>
              </a:cxn>
            </a:cxnLst>
            <a:rect l="0" t="0" r="r" b="b"/>
            <a:pathLst>
              <a:path w="357" h="333">
                <a:moveTo>
                  <a:pt x="357" y="312"/>
                </a:moveTo>
                <a:cubicBezTo>
                  <a:pt x="345" y="320"/>
                  <a:pt x="335" y="328"/>
                  <a:pt x="321" y="333"/>
                </a:cubicBezTo>
                <a:cubicBezTo>
                  <a:pt x="301" y="328"/>
                  <a:pt x="291" y="312"/>
                  <a:pt x="273" y="306"/>
                </a:cubicBezTo>
                <a:cubicBezTo>
                  <a:pt x="261" y="307"/>
                  <a:pt x="249" y="307"/>
                  <a:pt x="237" y="309"/>
                </a:cubicBezTo>
                <a:cubicBezTo>
                  <a:pt x="229" y="310"/>
                  <a:pt x="213" y="315"/>
                  <a:pt x="213" y="315"/>
                </a:cubicBezTo>
                <a:cubicBezTo>
                  <a:pt x="205" y="313"/>
                  <a:pt x="195" y="315"/>
                  <a:pt x="189" y="309"/>
                </a:cubicBezTo>
                <a:cubicBezTo>
                  <a:pt x="168" y="288"/>
                  <a:pt x="179" y="280"/>
                  <a:pt x="150" y="261"/>
                </a:cubicBezTo>
                <a:cubicBezTo>
                  <a:pt x="138" y="253"/>
                  <a:pt x="126" y="246"/>
                  <a:pt x="114" y="237"/>
                </a:cubicBezTo>
                <a:cubicBezTo>
                  <a:pt x="108" y="233"/>
                  <a:pt x="96" y="225"/>
                  <a:pt x="96" y="225"/>
                </a:cubicBezTo>
                <a:cubicBezTo>
                  <a:pt x="94" y="219"/>
                  <a:pt x="92" y="213"/>
                  <a:pt x="90" y="207"/>
                </a:cubicBezTo>
                <a:cubicBezTo>
                  <a:pt x="89" y="204"/>
                  <a:pt x="87" y="198"/>
                  <a:pt x="87" y="198"/>
                </a:cubicBezTo>
                <a:cubicBezTo>
                  <a:pt x="86" y="184"/>
                  <a:pt x="86" y="170"/>
                  <a:pt x="84" y="156"/>
                </a:cubicBezTo>
                <a:cubicBezTo>
                  <a:pt x="80" y="120"/>
                  <a:pt x="39" y="102"/>
                  <a:pt x="21" y="75"/>
                </a:cubicBezTo>
                <a:cubicBezTo>
                  <a:pt x="17" y="52"/>
                  <a:pt x="18" y="18"/>
                  <a:pt x="0" y="0"/>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15" name="Freeform 7"/>
          <p:cNvSpPr>
            <a:spLocks/>
          </p:cNvSpPr>
          <p:nvPr/>
        </p:nvSpPr>
        <p:spPr bwMode="ltGray">
          <a:xfrm>
            <a:off x="2919582" y="1929950"/>
            <a:ext cx="100012" cy="471488"/>
          </a:xfrm>
          <a:custGeom>
            <a:avLst/>
            <a:gdLst/>
            <a:ahLst/>
            <a:cxnLst>
              <a:cxn ang="0">
                <a:pos x="33" y="0"/>
              </a:cxn>
              <a:cxn ang="0">
                <a:pos x="30" y="9"/>
              </a:cxn>
              <a:cxn ang="0">
                <a:pos x="24" y="18"/>
              </a:cxn>
              <a:cxn ang="0">
                <a:pos x="18" y="36"/>
              </a:cxn>
              <a:cxn ang="0">
                <a:pos x="42" y="81"/>
              </a:cxn>
              <a:cxn ang="0">
                <a:pos x="57" y="108"/>
              </a:cxn>
              <a:cxn ang="0">
                <a:pos x="63" y="126"/>
              </a:cxn>
              <a:cxn ang="0">
                <a:pos x="12" y="297"/>
              </a:cxn>
              <a:cxn ang="0">
                <a:pos x="0" y="273"/>
              </a:cxn>
            </a:cxnLst>
            <a:rect l="0" t="0" r="r" b="b"/>
            <a:pathLst>
              <a:path w="63" h="297">
                <a:moveTo>
                  <a:pt x="33" y="0"/>
                </a:moveTo>
                <a:cubicBezTo>
                  <a:pt x="32" y="3"/>
                  <a:pt x="31" y="6"/>
                  <a:pt x="30" y="9"/>
                </a:cubicBezTo>
                <a:cubicBezTo>
                  <a:pt x="28" y="12"/>
                  <a:pt x="25" y="15"/>
                  <a:pt x="24" y="18"/>
                </a:cubicBezTo>
                <a:cubicBezTo>
                  <a:pt x="21" y="24"/>
                  <a:pt x="18" y="36"/>
                  <a:pt x="18" y="36"/>
                </a:cubicBezTo>
                <a:cubicBezTo>
                  <a:pt x="24" y="53"/>
                  <a:pt x="29" y="68"/>
                  <a:pt x="42" y="81"/>
                </a:cubicBezTo>
                <a:cubicBezTo>
                  <a:pt x="45" y="91"/>
                  <a:pt x="54" y="98"/>
                  <a:pt x="57" y="108"/>
                </a:cubicBezTo>
                <a:cubicBezTo>
                  <a:pt x="59" y="114"/>
                  <a:pt x="63" y="126"/>
                  <a:pt x="63" y="126"/>
                </a:cubicBezTo>
                <a:cubicBezTo>
                  <a:pt x="60" y="176"/>
                  <a:pt x="51" y="258"/>
                  <a:pt x="12" y="297"/>
                </a:cubicBezTo>
                <a:lnTo>
                  <a:pt x="0" y="273"/>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16" name="Freeform 8"/>
          <p:cNvSpPr>
            <a:spLocks/>
          </p:cNvSpPr>
          <p:nvPr/>
        </p:nvSpPr>
        <p:spPr bwMode="ltGray">
          <a:xfrm>
            <a:off x="2986257" y="2410962"/>
            <a:ext cx="242887" cy="166688"/>
          </a:xfrm>
          <a:custGeom>
            <a:avLst/>
            <a:gdLst/>
            <a:ahLst/>
            <a:cxnLst>
              <a:cxn ang="0">
                <a:pos x="153" y="0"/>
              </a:cxn>
              <a:cxn ang="0">
                <a:pos x="63" y="63"/>
              </a:cxn>
              <a:cxn ang="0">
                <a:pos x="21" y="69"/>
              </a:cxn>
              <a:cxn ang="0">
                <a:pos x="0" y="105"/>
              </a:cxn>
            </a:cxnLst>
            <a:rect l="0" t="0" r="r" b="b"/>
            <a:pathLst>
              <a:path w="153" h="105">
                <a:moveTo>
                  <a:pt x="153" y="0"/>
                </a:moveTo>
                <a:cubicBezTo>
                  <a:pt x="144" y="38"/>
                  <a:pt x="99" y="57"/>
                  <a:pt x="63" y="63"/>
                </a:cubicBezTo>
                <a:cubicBezTo>
                  <a:pt x="49" y="65"/>
                  <a:pt x="21" y="69"/>
                  <a:pt x="21" y="69"/>
                </a:cubicBezTo>
                <a:cubicBezTo>
                  <a:pt x="1" y="76"/>
                  <a:pt x="0" y="85"/>
                  <a:pt x="0" y="105"/>
                </a:cubicBez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17" name="Freeform 9"/>
          <p:cNvSpPr>
            <a:spLocks/>
          </p:cNvSpPr>
          <p:nvPr/>
        </p:nvSpPr>
        <p:spPr bwMode="ltGray">
          <a:xfrm>
            <a:off x="2843382" y="2801487"/>
            <a:ext cx="1171575" cy="819150"/>
          </a:xfrm>
          <a:custGeom>
            <a:avLst/>
            <a:gdLst/>
            <a:ahLst/>
            <a:cxnLst>
              <a:cxn ang="0">
                <a:pos x="738" y="453"/>
              </a:cxn>
              <a:cxn ang="0">
                <a:pos x="696" y="462"/>
              </a:cxn>
              <a:cxn ang="0">
                <a:pos x="678" y="468"/>
              </a:cxn>
              <a:cxn ang="0">
                <a:pos x="654" y="504"/>
              </a:cxn>
              <a:cxn ang="0">
                <a:pos x="627" y="516"/>
              </a:cxn>
              <a:cxn ang="0">
                <a:pos x="516" y="498"/>
              </a:cxn>
              <a:cxn ang="0">
                <a:pos x="477" y="465"/>
              </a:cxn>
              <a:cxn ang="0">
                <a:pos x="462" y="384"/>
              </a:cxn>
              <a:cxn ang="0">
                <a:pos x="456" y="366"/>
              </a:cxn>
              <a:cxn ang="0">
                <a:pos x="420" y="342"/>
              </a:cxn>
              <a:cxn ang="0">
                <a:pos x="354" y="315"/>
              </a:cxn>
              <a:cxn ang="0">
                <a:pos x="333" y="288"/>
              </a:cxn>
              <a:cxn ang="0">
                <a:pos x="315" y="270"/>
              </a:cxn>
              <a:cxn ang="0">
                <a:pos x="237" y="129"/>
              </a:cxn>
              <a:cxn ang="0">
                <a:pos x="201" y="78"/>
              </a:cxn>
              <a:cxn ang="0">
                <a:pos x="171" y="45"/>
              </a:cxn>
              <a:cxn ang="0">
                <a:pos x="156" y="18"/>
              </a:cxn>
              <a:cxn ang="0">
                <a:pos x="138" y="6"/>
              </a:cxn>
              <a:cxn ang="0">
                <a:pos x="120" y="0"/>
              </a:cxn>
              <a:cxn ang="0">
                <a:pos x="21" y="6"/>
              </a:cxn>
              <a:cxn ang="0">
                <a:pos x="0" y="12"/>
              </a:cxn>
            </a:cxnLst>
            <a:rect l="0" t="0" r="r" b="b"/>
            <a:pathLst>
              <a:path w="738" h="516">
                <a:moveTo>
                  <a:pt x="738" y="453"/>
                </a:moveTo>
                <a:cubicBezTo>
                  <a:pt x="724" y="458"/>
                  <a:pt x="710" y="458"/>
                  <a:pt x="696" y="462"/>
                </a:cubicBezTo>
                <a:cubicBezTo>
                  <a:pt x="690" y="464"/>
                  <a:pt x="678" y="468"/>
                  <a:pt x="678" y="468"/>
                </a:cubicBezTo>
                <a:cubicBezTo>
                  <a:pt x="669" y="481"/>
                  <a:pt x="666" y="494"/>
                  <a:pt x="654" y="504"/>
                </a:cubicBezTo>
                <a:cubicBezTo>
                  <a:pt x="646" y="510"/>
                  <a:pt x="627" y="516"/>
                  <a:pt x="627" y="516"/>
                </a:cubicBezTo>
                <a:cubicBezTo>
                  <a:pt x="589" y="512"/>
                  <a:pt x="554" y="501"/>
                  <a:pt x="516" y="498"/>
                </a:cubicBezTo>
                <a:cubicBezTo>
                  <a:pt x="485" y="492"/>
                  <a:pt x="493" y="488"/>
                  <a:pt x="477" y="465"/>
                </a:cubicBezTo>
                <a:cubicBezTo>
                  <a:pt x="474" y="437"/>
                  <a:pt x="469" y="411"/>
                  <a:pt x="462" y="384"/>
                </a:cubicBezTo>
                <a:cubicBezTo>
                  <a:pt x="460" y="378"/>
                  <a:pt x="461" y="370"/>
                  <a:pt x="456" y="366"/>
                </a:cubicBezTo>
                <a:cubicBezTo>
                  <a:pt x="444" y="358"/>
                  <a:pt x="434" y="348"/>
                  <a:pt x="420" y="342"/>
                </a:cubicBezTo>
                <a:cubicBezTo>
                  <a:pt x="397" y="332"/>
                  <a:pt x="375" y="329"/>
                  <a:pt x="354" y="315"/>
                </a:cubicBezTo>
                <a:cubicBezTo>
                  <a:pt x="348" y="306"/>
                  <a:pt x="340" y="296"/>
                  <a:pt x="333" y="288"/>
                </a:cubicBezTo>
                <a:cubicBezTo>
                  <a:pt x="327" y="282"/>
                  <a:pt x="315" y="270"/>
                  <a:pt x="315" y="270"/>
                </a:cubicBezTo>
                <a:cubicBezTo>
                  <a:pt x="296" y="213"/>
                  <a:pt x="293" y="166"/>
                  <a:pt x="237" y="129"/>
                </a:cubicBezTo>
                <a:cubicBezTo>
                  <a:pt x="225" y="111"/>
                  <a:pt x="219" y="90"/>
                  <a:pt x="201" y="78"/>
                </a:cubicBezTo>
                <a:cubicBezTo>
                  <a:pt x="192" y="65"/>
                  <a:pt x="178" y="59"/>
                  <a:pt x="171" y="45"/>
                </a:cubicBezTo>
                <a:cubicBezTo>
                  <a:pt x="166" y="34"/>
                  <a:pt x="170" y="27"/>
                  <a:pt x="156" y="18"/>
                </a:cubicBezTo>
                <a:cubicBezTo>
                  <a:pt x="150" y="14"/>
                  <a:pt x="145" y="8"/>
                  <a:pt x="138" y="6"/>
                </a:cubicBezTo>
                <a:cubicBezTo>
                  <a:pt x="132" y="4"/>
                  <a:pt x="120" y="0"/>
                  <a:pt x="120" y="0"/>
                </a:cubicBezTo>
                <a:cubicBezTo>
                  <a:pt x="87" y="2"/>
                  <a:pt x="54" y="6"/>
                  <a:pt x="21" y="6"/>
                </a:cubicBezTo>
                <a:lnTo>
                  <a:pt x="0" y="12"/>
                </a:lnTo>
              </a:path>
            </a:pathLst>
          </a:custGeom>
          <a:noFill/>
          <a:ln w="31750" cap="flat" cmpd="sng">
            <a:solidFill>
              <a:srgbClr val="99CCFF"/>
            </a:solidFill>
            <a:prstDash val="solid"/>
            <a:round/>
            <a:headEnd type="none" w="sm" len="sm"/>
            <a:tailEnd type="none" w="sm" len="sm"/>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grpSp>
        <p:nvGrpSpPr>
          <p:cNvPr id="2" name="Group 2"/>
          <p:cNvGrpSpPr/>
          <p:nvPr/>
        </p:nvGrpSpPr>
        <p:grpSpPr bwMode="ltGray">
          <a:xfrm>
            <a:off x="5154782" y="4998587"/>
            <a:ext cx="1612900" cy="1111250"/>
            <a:chOff x="3644900" y="5289550"/>
            <a:chExt cx="1612900" cy="1111250"/>
          </a:xfrm>
        </p:grpSpPr>
        <p:sp>
          <p:nvSpPr>
            <p:cNvPr id="27" name="Freeform 51"/>
            <p:cNvSpPr>
              <a:spLocks/>
            </p:cNvSpPr>
            <p:nvPr/>
          </p:nvSpPr>
          <p:spPr bwMode="ltGray">
            <a:xfrm>
              <a:off x="3644900" y="5289550"/>
              <a:ext cx="1612900" cy="428625"/>
            </a:xfrm>
            <a:custGeom>
              <a:avLst/>
              <a:gdLst/>
              <a:ahLst/>
              <a:cxnLst>
                <a:cxn ang="0">
                  <a:pos x="1016" y="0"/>
                </a:cxn>
                <a:cxn ang="0">
                  <a:pos x="980" y="16"/>
                </a:cxn>
                <a:cxn ang="0">
                  <a:pos x="944" y="40"/>
                </a:cxn>
                <a:cxn ang="0">
                  <a:pos x="876" y="52"/>
                </a:cxn>
                <a:cxn ang="0">
                  <a:pos x="800" y="96"/>
                </a:cxn>
                <a:cxn ang="0">
                  <a:pos x="780" y="92"/>
                </a:cxn>
                <a:cxn ang="0">
                  <a:pos x="756" y="100"/>
                </a:cxn>
                <a:cxn ang="0">
                  <a:pos x="684" y="84"/>
                </a:cxn>
                <a:cxn ang="0">
                  <a:pos x="664" y="120"/>
                </a:cxn>
                <a:cxn ang="0">
                  <a:pos x="612" y="188"/>
                </a:cxn>
                <a:cxn ang="0">
                  <a:pos x="588" y="236"/>
                </a:cxn>
                <a:cxn ang="0">
                  <a:pos x="564" y="252"/>
                </a:cxn>
                <a:cxn ang="0">
                  <a:pos x="540" y="260"/>
                </a:cxn>
                <a:cxn ang="0">
                  <a:pos x="452" y="252"/>
                </a:cxn>
                <a:cxn ang="0">
                  <a:pos x="304" y="160"/>
                </a:cxn>
                <a:cxn ang="0">
                  <a:pos x="208" y="184"/>
                </a:cxn>
                <a:cxn ang="0">
                  <a:pos x="128" y="228"/>
                </a:cxn>
                <a:cxn ang="0">
                  <a:pos x="0" y="228"/>
                </a:cxn>
              </a:cxnLst>
              <a:rect l="0" t="0" r="r" b="b"/>
              <a:pathLst>
                <a:path w="1016" h="270">
                  <a:moveTo>
                    <a:pt x="1016" y="0"/>
                  </a:moveTo>
                  <a:cubicBezTo>
                    <a:pt x="997" y="13"/>
                    <a:pt x="1009" y="6"/>
                    <a:pt x="980" y="16"/>
                  </a:cubicBezTo>
                  <a:cubicBezTo>
                    <a:pt x="980" y="16"/>
                    <a:pt x="950" y="36"/>
                    <a:pt x="944" y="40"/>
                  </a:cubicBezTo>
                  <a:cubicBezTo>
                    <a:pt x="928" y="51"/>
                    <a:pt x="890" y="51"/>
                    <a:pt x="876" y="52"/>
                  </a:cubicBezTo>
                  <a:cubicBezTo>
                    <a:pt x="849" y="70"/>
                    <a:pt x="832" y="88"/>
                    <a:pt x="800" y="96"/>
                  </a:cubicBezTo>
                  <a:cubicBezTo>
                    <a:pt x="793" y="95"/>
                    <a:pt x="787" y="91"/>
                    <a:pt x="780" y="92"/>
                  </a:cubicBezTo>
                  <a:cubicBezTo>
                    <a:pt x="772" y="93"/>
                    <a:pt x="756" y="100"/>
                    <a:pt x="756" y="100"/>
                  </a:cubicBezTo>
                  <a:cubicBezTo>
                    <a:pt x="732" y="96"/>
                    <a:pt x="708" y="90"/>
                    <a:pt x="684" y="84"/>
                  </a:cubicBezTo>
                  <a:cubicBezTo>
                    <a:pt x="666" y="112"/>
                    <a:pt x="671" y="99"/>
                    <a:pt x="664" y="120"/>
                  </a:cubicBezTo>
                  <a:cubicBezTo>
                    <a:pt x="658" y="171"/>
                    <a:pt x="663" y="179"/>
                    <a:pt x="612" y="188"/>
                  </a:cubicBezTo>
                  <a:cubicBezTo>
                    <a:pt x="602" y="203"/>
                    <a:pt x="602" y="224"/>
                    <a:pt x="588" y="236"/>
                  </a:cubicBezTo>
                  <a:cubicBezTo>
                    <a:pt x="581" y="242"/>
                    <a:pt x="573" y="249"/>
                    <a:pt x="564" y="252"/>
                  </a:cubicBezTo>
                  <a:cubicBezTo>
                    <a:pt x="556" y="255"/>
                    <a:pt x="540" y="260"/>
                    <a:pt x="540" y="260"/>
                  </a:cubicBezTo>
                  <a:cubicBezTo>
                    <a:pt x="511" y="258"/>
                    <a:pt x="475" y="270"/>
                    <a:pt x="452" y="252"/>
                  </a:cubicBezTo>
                  <a:cubicBezTo>
                    <a:pt x="403" y="214"/>
                    <a:pt x="364" y="180"/>
                    <a:pt x="304" y="160"/>
                  </a:cubicBezTo>
                  <a:cubicBezTo>
                    <a:pt x="268" y="164"/>
                    <a:pt x="243" y="179"/>
                    <a:pt x="208" y="184"/>
                  </a:cubicBezTo>
                  <a:cubicBezTo>
                    <a:pt x="182" y="202"/>
                    <a:pt x="159" y="222"/>
                    <a:pt x="128" y="228"/>
                  </a:cubicBezTo>
                  <a:cubicBezTo>
                    <a:pt x="5" y="224"/>
                    <a:pt x="52" y="228"/>
                    <a:pt x="0" y="228"/>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grpSp>
          <p:nvGrpSpPr>
            <p:cNvPr id="3" name="Group 1"/>
            <p:cNvGrpSpPr/>
            <p:nvPr/>
          </p:nvGrpSpPr>
          <p:grpSpPr bwMode="ltGray">
            <a:xfrm>
              <a:off x="3706688" y="5676686"/>
              <a:ext cx="192212" cy="724114"/>
              <a:chOff x="3706688" y="5676686"/>
              <a:chExt cx="192212" cy="724114"/>
            </a:xfrm>
          </p:grpSpPr>
          <p:sp>
            <p:nvSpPr>
              <p:cNvPr id="28" name="Freeform 52"/>
              <p:cNvSpPr>
                <a:spLocks/>
              </p:cNvSpPr>
              <p:nvPr/>
            </p:nvSpPr>
            <p:spPr bwMode="ltGray">
              <a:xfrm>
                <a:off x="3733800" y="5676686"/>
                <a:ext cx="165100" cy="565150"/>
              </a:xfrm>
              <a:custGeom>
                <a:avLst/>
                <a:gdLst/>
                <a:ahLst/>
                <a:cxnLst>
                  <a:cxn ang="0">
                    <a:pos x="40" y="0"/>
                  </a:cxn>
                  <a:cxn ang="0">
                    <a:pos x="12" y="48"/>
                  </a:cxn>
                  <a:cxn ang="0">
                    <a:pos x="4" y="72"/>
                  </a:cxn>
                  <a:cxn ang="0">
                    <a:pos x="0" y="148"/>
                  </a:cxn>
                  <a:cxn ang="0">
                    <a:pos x="16" y="248"/>
                  </a:cxn>
                  <a:cxn ang="0">
                    <a:pos x="32" y="272"/>
                  </a:cxn>
                  <a:cxn ang="0">
                    <a:pos x="52" y="320"/>
                  </a:cxn>
                  <a:cxn ang="0">
                    <a:pos x="84" y="340"/>
                  </a:cxn>
                  <a:cxn ang="0">
                    <a:pos x="104" y="356"/>
                  </a:cxn>
                </a:cxnLst>
                <a:rect l="0" t="0" r="r" b="b"/>
                <a:pathLst>
                  <a:path w="104" h="356">
                    <a:moveTo>
                      <a:pt x="40" y="0"/>
                    </a:moveTo>
                    <a:cubicBezTo>
                      <a:pt x="30" y="16"/>
                      <a:pt x="20" y="31"/>
                      <a:pt x="12" y="48"/>
                    </a:cubicBezTo>
                    <a:cubicBezTo>
                      <a:pt x="9" y="56"/>
                      <a:pt x="4" y="72"/>
                      <a:pt x="4" y="72"/>
                    </a:cubicBezTo>
                    <a:cubicBezTo>
                      <a:pt x="12" y="97"/>
                      <a:pt x="6" y="123"/>
                      <a:pt x="0" y="148"/>
                    </a:cubicBezTo>
                    <a:cubicBezTo>
                      <a:pt x="3" y="188"/>
                      <a:pt x="4" y="212"/>
                      <a:pt x="16" y="248"/>
                    </a:cubicBezTo>
                    <a:cubicBezTo>
                      <a:pt x="19" y="257"/>
                      <a:pt x="29" y="263"/>
                      <a:pt x="32" y="272"/>
                    </a:cubicBezTo>
                    <a:cubicBezTo>
                      <a:pt x="38" y="289"/>
                      <a:pt x="46" y="302"/>
                      <a:pt x="52" y="320"/>
                    </a:cubicBezTo>
                    <a:cubicBezTo>
                      <a:pt x="54" y="325"/>
                      <a:pt x="75" y="336"/>
                      <a:pt x="84" y="340"/>
                    </a:cubicBezTo>
                    <a:lnTo>
                      <a:pt x="104" y="35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sp>
            <p:nvSpPr>
              <p:cNvPr id="29" name="Freeform 53"/>
              <p:cNvSpPr>
                <a:spLocks/>
              </p:cNvSpPr>
              <p:nvPr/>
            </p:nvSpPr>
            <p:spPr bwMode="ltGray">
              <a:xfrm>
                <a:off x="3706688" y="5683250"/>
                <a:ext cx="146050" cy="717550"/>
              </a:xfrm>
              <a:custGeom>
                <a:avLst/>
                <a:gdLst/>
                <a:ahLst/>
                <a:cxnLst>
                  <a:cxn ang="0">
                    <a:pos x="60" y="0"/>
                  </a:cxn>
                  <a:cxn ang="0">
                    <a:pos x="0" y="76"/>
                  </a:cxn>
                  <a:cxn ang="0">
                    <a:pos x="4" y="240"/>
                  </a:cxn>
                  <a:cxn ang="0">
                    <a:pos x="56" y="376"/>
                  </a:cxn>
                  <a:cxn ang="0">
                    <a:pos x="84" y="436"/>
                  </a:cxn>
                  <a:cxn ang="0">
                    <a:pos x="92" y="452"/>
                  </a:cxn>
                </a:cxnLst>
                <a:rect l="0" t="0" r="r" b="b"/>
                <a:pathLst>
                  <a:path w="92" h="452">
                    <a:moveTo>
                      <a:pt x="60" y="0"/>
                    </a:moveTo>
                    <a:cubicBezTo>
                      <a:pt x="36" y="24"/>
                      <a:pt x="11" y="44"/>
                      <a:pt x="0" y="76"/>
                    </a:cubicBezTo>
                    <a:cubicBezTo>
                      <a:pt x="1" y="131"/>
                      <a:pt x="2" y="185"/>
                      <a:pt x="4" y="240"/>
                    </a:cubicBezTo>
                    <a:cubicBezTo>
                      <a:pt x="6" y="289"/>
                      <a:pt x="37" y="333"/>
                      <a:pt x="56" y="376"/>
                    </a:cubicBezTo>
                    <a:cubicBezTo>
                      <a:pt x="65" y="397"/>
                      <a:pt x="65" y="423"/>
                      <a:pt x="84" y="436"/>
                    </a:cubicBezTo>
                    <a:cubicBezTo>
                      <a:pt x="89" y="450"/>
                      <a:pt x="85" y="445"/>
                      <a:pt x="92" y="452"/>
                    </a:cubicBez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grpSp>
      </p:grpSp>
      <p:grpSp>
        <p:nvGrpSpPr>
          <p:cNvPr id="4" name="Group 3"/>
          <p:cNvGrpSpPr/>
          <p:nvPr/>
        </p:nvGrpSpPr>
        <p:grpSpPr bwMode="ltGray">
          <a:xfrm>
            <a:off x="2978320" y="2934838"/>
            <a:ext cx="1447800" cy="1790700"/>
            <a:chOff x="1468438" y="3225801"/>
            <a:chExt cx="1447800" cy="1790700"/>
          </a:xfrm>
        </p:grpSpPr>
        <p:sp>
          <p:nvSpPr>
            <p:cNvPr id="37" name="Freeform 106"/>
            <p:cNvSpPr>
              <a:spLocks/>
            </p:cNvSpPr>
            <p:nvPr/>
          </p:nvSpPr>
          <p:spPr bwMode="ltGray">
            <a:xfrm>
              <a:off x="1468438" y="3225801"/>
              <a:ext cx="1447800" cy="1790700"/>
            </a:xfrm>
            <a:custGeom>
              <a:avLst/>
              <a:gdLst/>
              <a:ahLst/>
              <a:cxnLst>
                <a:cxn ang="0">
                  <a:pos x="0" y="0"/>
                </a:cxn>
                <a:cxn ang="0">
                  <a:pos x="44" y="24"/>
                </a:cxn>
                <a:cxn ang="0">
                  <a:pos x="80" y="60"/>
                </a:cxn>
                <a:cxn ang="0">
                  <a:pos x="124" y="120"/>
                </a:cxn>
                <a:cxn ang="0">
                  <a:pos x="146" y="163"/>
                </a:cxn>
                <a:cxn ang="0">
                  <a:pos x="152" y="208"/>
                </a:cxn>
                <a:cxn ang="0">
                  <a:pos x="164" y="252"/>
                </a:cxn>
                <a:cxn ang="0">
                  <a:pos x="220" y="328"/>
                </a:cxn>
                <a:cxn ang="0">
                  <a:pos x="252" y="372"/>
                </a:cxn>
                <a:cxn ang="0">
                  <a:pos x="272" y="392"/>
                </a:cxn>
                <a:cxn ang="0">
                  <a:pos x="316" y="412"/>
                </a:cxn>
                <a:cxn ang="0">
                  <a:pos x="348" y="468"/>
                </a:cxn>
                <a:cxn ang="0">
                  <a:pos x="384" y="488"/>
                </a:cxn>
                <a:cxn ang="0">
                  <a:pos x="420" y="552"/>
                </a:cxn>
                <a:cxn ang="0">
                  <a:pos x="480" y="584"/>
                </a:cxn>
                <a:cxn ang="0">
                  <a:pos x="484" y="608"/>
                </a:cxn>
                <a:cxn ang="0">
                  <a:pos x="480" y="640"/>
                </a:cxn>
                <a:cxn ang="0">
                  <a:pos x="488" y="664"/>
                </a:cxn>
                <a:cxn ang="0">
                  <a:pos x="524" y="736"/>
                </a:cxn>
                <a:cxn ang="0">
                  <a:pos x="548" y="756"/>
                </a:cxn>
                <a:cxn ang="0">
                  <a:pos x="580" y="832"/>
                </a:cxn>
                <a:cxn ang="0">
                  <a:pos x="608" y="852"/>
                </a:cxn>
                <a:cxn ang="0">
                  <a:pos x="616" y="912"/>
                </a:cxn>
                <a:cxn ang="0">
                  <a:pos x="695" y="931"/>
                </a:cxn>
                <a:cxn ang="0">
                  <a:pos x="746" y="928"/>
                </a:cxn>
                <a:cxn ang="0">
                  <a:pos x="752" y="949"/>
                </a:cxn>
                <a:cxn ang="0">
                  <a:pos x="713" y="961"/>
                </a:cxn>
                <a:cxn ang="0">
                  <a:pos x="704" y="1032"/>
                </a:cxn>
                <a:cxn ang="0">
                  <a:pos x="800" y="1036"/>
                </a:cxn>
                <a:cxn ang="0">
                  <a:pos x="852" y="1084"/>
                </a:cxn>
                <a:cxn ang="0">
                  <a:pos x="869" y="1075"/>
                </a:cxn>
                <a:cxn ang="0">
                  <a:pos x="892" y="1092"/>
                </a:cxn>
                <a:cxn ang="0">
                  <a:pos x="912" y="1128"/>
                </a:cxn>
              </a:cxnLst>
              <a:rect l="0" t="0" r="r" b="b"/>
              <a:pathLst>
                <a:path w="912" h="1128">
                  <a:moveTo>
                    <a:pt x="0" y="0"/>
                  </a:moveTo>
                  <a:lnTo>
                    <a:pt x="44" y="24"/>
                  </a:lnTo>
                  <a:lnTo>
                    <a:pt x="80" y="60"/>
                  </a:lnTo>
                  <a:lnTo>
                    <a:pt x="124" y="120"/>
                  </a:lnTo>
                  <a:lnTo>
                    <a:pt x="146" y="163"/>
                  </a:lnTo>
                  <a:lnTo>
                    <a:pt x="152" y="208"/>
                  </a:lnTo>
                  <a:lnTo>
                    <a:pt x="164" y="252"/>
                  </a:lnTo>
                  <a:lnTo>
                    <a:pt x="220" y="328"/>
                  </a:lnTo>
                  <a:lnTo>
                    <a:pt x="252" y="372"/>
                  </a:lnTo>
                  <a:lnTo>
                    <a:pt x="272" y="392"/>
                  </a:lnTo>
                  <a:lnTo>
                    <a:pt x="316" y="412"/>
                  </a:lnTo>
                  <a:lnTo>
                    <a:pt x="348" y="468"/>
                  </a:lnTo>
                  <a:lnTo>
                    <a:pt x="384" y="488"/>
                  </a:lnTo>
                  <a:lnTo>
                    <a:pt x="420" y="552"/>
                  </a:lnTo>
                  <a:lnTo>
                    <a:pt x="480" y="584"/>
                  </a:lnTo>
                  <a:lnTo>
                    <a:pt x="484" y="608"/>
                  </a:lnTo>
                  <a:lnTo>
                    <a:pt x="480" y="640"/>
                  </a:lnTo>
                  <a:lnTo>
                    <a:pt x="488" y="664"/>
                  </a:lnTo>
                  <a:lnTo>
                    <a:pt x="524" y="736"/>
                  </a:lnTo>
                  <a:lnTo>
                    <a:pt x="548" y="756"/>
                  </a:lnTo>
                  <a:lnTo>
                    <a:pt x="580" y="832"/>
                  </a:lnTo>
                  <a:lnTo>
                    <a:pt x="608" y="852"/>
                  </a:lnTo>
                  <a:lnTo>
                    <a:pt x="616" y="912"/>
                  </a:lnTo>
                  <a:lnTo>
                    <a:pt x="695" y="931"/>
                  </a:lnTo>
                  <a:lnTo>
                    <a:pt x="746" y="928"/>
                  </a:lnTo>
                  <a:lnTo>
                    <a:pt x="752" y="949"/>
                  </a:lnTo>
                  <a:lnTo>
                    <a:pt x="713" y="961"/>
                  </a:lnTo>
                  <a:lnTo>
                    <a:pt x="704" y="1032"/>
                  </a:lnTo>
                  <a:lnTo>
                    <a:pt x="800" y="1036"/>
                  </a:lnTo>
                  <a:lnTo>
                    <a:pt x="852" y="1084"/>
                  </a:lnTo>
                  <a:lnTo>
                    <a:pt x="869" y="1075"/>
                  </a:lnTo>
                  <a:lnTo>
                    <a:pt x="892" y="1092"/>
                  </a:lnTo>
                  <a:lnTo>
                    <a:pt x="912" y="1128"/>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sp>
          <p:nvSpPr>
            <p:cNvPr id="40" name="Freeform 109"/>
            <p:cNvSpPr>
              <a:spLocks/>
            </p:cNvSpPr>
            <p:nvPr/>
          </p:nvSpPr>
          <p:spPr bwMode="ltGray">
            <a:xfrm>
              <a:off x="1914525" y="4389439"/>
              <a:ext cx="381000" cy="614363"/>
            </a:xfrm>
            <a:custGeom>
              <a:avLst/>
              <a:gdLst/>
              <a:ahLst/>
              <a:cxnLst>
                <a:cxn ang="0">
                  <a:pos x="240" y="0"/>
                </a:cxn>
                <a:cxn ang="0">
                  <a:pos x="219" y="42"/>
                </a:cxn>
                <a:cxn ang="0">
                  <a:pos x="204" y="57"/>
                </a:cxn>
                <a:cxn ang="0">
                  <a:pos x="174" y="57"/>
                </a:cxn>
                <a:cxn ang="0">
                  <a:pos x="147" y="36"/>
                </a:cxn>
                <a:cxn ang="0">
                  <a:pos x="126" y="42"/>
                </a:cxn>
                <a:cxn ang="0">
                  <a:pos x="105" y="63"/>
                </a:cxn>
                <a:cxn ang="0">
                  <a:pos x="87" y="87"/>
                </a:cxn>
                <a:cxn ang="0">
                  <a:pos x="87" y="114"/>
                </a:cxn>
                <a:cxn ang="0">
                  <a:pos x="66" y="123"/>
                </a:cxn>
                <a:cxn ang="0">
                  <a:pos x="54" y="138"/>
                </a:cxn>
                <a:cxn ang="0">
                  <a:pos x="39" y="159"/>
                </a:cxn>
                <a:cxn ang="0">
                  <a:pos x="15" y="162"/>
                </a:cxn>
                <a:cxn ang="0">
                  <a:pos x="3" y="192"/>
                </a:cxn>
                <a:cxn ang="0">
                  <a:pos x="24" y="219"/>
                </a:cxn>
                <a:cxn ang="0">
                  <a:pos x="18" y="237"/>
                </a:cxn>
                <a:cxn ang="0">
                  <a:pos x="42" y="249"/>
                </a:cxn>
                <a:cxn ang="0">
                  <a:pos x="45" y="279"/>
                </a:cxn>
                <a:cxn ang="0">
                  <a:pos x="60" y="291"/>
                </a:cxn>
                <a:cxn ang="0">
                  <a:pos x="69" y="312"/>
                </a:cxn>
                <a:cxn ang="0">
                  <a:pos x="63" y="333"/>
                </a:cxn>
                <a:cxn ang="0">
                  <a:pos x="60" y="351"/>
                </a:cxn>
                <a:cxn ang="0">
                  <a:pos x="33" y="387"/>
                </a:cxn>
              </a:cxnLst>
              <a:rect l="0" t="0" r="r" b="b"/>
              <a:pathLst>
                <a:path w="240" h="387">
                  <a:moveTo>
                    <a:pt x="240" y="0"/>
                  </a:moveTo>
                  <a:lnTo>
                    <a:pt x="219" y="42"/>
                  </a:lnTo>
                  <a:lnTo>
                    <a:pt x="204" y="57"/>
                  </a:lnTo>
                  <a:lnTo>
                    <a:pt x="174" y="57"/>
                  </a:lnTo>
                  <a:lnTo>
                    <a:pt x="147" y="36"/>
                  </a:lnTo>
                  <a:lnTo>
                    <a:pt x="126" y="42"/>
                  </a:lnTo>
                  <a:lnTo>
                    <a:pt x="105" y="63"/>
                  </a:lnTo>
                  <a:lnTo>
                    <a:pt x="87" y="87"/>
                  </a:lnTo>
                  <a:lnTo>
                    <a:pt x="87" y="114"/>
                  </a:lnTo>
                  <a:lnTo>
                    <a:pt x="66" y="123"/>
                  </a:lnTo>
                  <a:lnTo>
                    <a:pt x="54" y="138"/>
                  </a:lnTo>
                  <a:lnTo>
                    <a:pt x="39" y="159"/>
                  </a:lnTo>
                  <a:lnTo>
                    <a:pt x="15" y="162"/>
                  </a:lnTo>
                  <a:cubicBezTo>
                    <a:pt x="0" y="181"/>
                    <a:pt x="3" y="171"/>
                    <a:pt x="3" y="192"/>
                  </a:cubicBezTo>
                  <a:lnTo>
                    <a:pt x="24" y="219"/>
                  </a:lnTo>
                  <a:lnTo>
                    <a:pt x="18" y="237"/>
                  </a:lnTo>
                  <a:lnTo>
                    <a:pt x="42" y="249"/>
                  </a:lnTo>
                  <a:lnTo>
                    <a:pt x="45" y="279"/>
                  </a:lnTo>
                  <a:lnTo>
                    <a:pt x="60" y="291"/>
                  </a:lnTo>
                  <a:lnTo>
                    <a:pt x="69" y="312"/>
                  </a:lnTo>
                  <a:lnTo>
                    <a:pt x="63" y="333"/>
                  </a:lnTo>
                  <a:lnTo>
                    <a:pt x="60" y="351"/>
                  </a:lnTo>
                  <a:lnTo>
                    <a:pt x="33" y="387"/>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grpSp>
      <p:sp>
        <p:nvSpPr>
          <p:cNvPr id="41" name="Freeform 110"/>
          <p:cNvSpPr>
            <a:spLocks/>
          </p:cNvSpPr>
          <p:nvPr/>
        </p:nvSpPr>
        <p:spPr bwMode="gray">
          <a:xfrm>
            <a:off x="4381670" y="4717601"/>
            <a:ext cx="819150" cy="485775"/>
          </a:xfrm>
          <a:custGeom>
            <a:avLst/>
            <a:gdLst/>
            <a:ahLst/>
            <a:cxnLst>
              <a:cxn ang="0">
                <a:pos x="42" y="99"/>
              </a:cxn>
              <a:cxn ang="0">
                <a:pos x="12" y="81"/>
              </a:cxn>
              <a:cxn ang="0">
                <a:pos x="3" y="57"/>
              </a:cxn>
              <a:cxn ang="0">
                <a:pos x="0" y="39"/>
              </a:cxn>
              <a:cxn ang="0">
                <a:pos x="18" y="21"/>
              </a:cxn>
              <a:cxn ang="0">
                <a:pos x="33" y="9"/>
              </a:cxn>
              <a:cxn ang="0">
                <a:pos x="57" y="0"/>
              </a:cxn>
              <a:cxn ang="0">
                <a:pos x="75" y="12"/>
              </a:cxn>
              <a:cxn ang="0">
                <a:pos x="96" y="27"/>
              </a:cxn>
              <a:cxn ang="0">
                <a:pos x="120" y="39"/>
              </a:cxn>
              <a:cxn ang="0">
                <a:pos x="150" y="63"/>
              </a:cxn>
              <a:cxn ang="0">
                <a:pos x="192" y="81"/>
              </a:cxn>
              <a:cxn ang="0">
                <a:pos x="222" y="111"/>
              </a:cxn>
              <a:cxn ang="0">
                <a:pos x="291" y="111"/>
              </a:cxn>
              <a:cxn ang="0">
                <a:pos x="306" y="129"/>
              </a:cxn>
              <a:cxn ang="0">
                <a:pos x="441" y="129"/>
              </a:cxn>
              <a:cxn ang="0">
                <a:pos x="468" y="144"/>
              </a:cxn>
              <a:cxn ang="0">
                <a:pos x="486" y="168"/>
              </a:cxn>
              <a:cxn ang="0">
                <a:pos x="516" y="183"/>
              </a:cxn>
              <a:cxn ang="0">
                <a:pos x="495" y="195"/>
              </a:cxn>
              <a:cxn ang="0">
                <a:pos x="489" y="213"/>
              </a:cxn>
              <a:cxn ang="0">
                <a:pos x="492" y="255"/>
              </a:cxn>
              <a:cxn ang="0">
                <a:pos x="501" y="279"/>
              </a:cxn>
              <a:cxn ang="0">
                <a:pos x="504" y="306"/>
              </a:cxn>
            </a:cxnLst>
            <a:rect l="0" t="0" r="r" b="b"/>
            <a:pathLst>
              <a:path w="516" h="306">
                <a:moveTo>
                  <a:pt x="42" y="99"/>
                </a:moveTo>
                <a:lnTo>
                  <a:pt x="12" y="81"/>
                </a:lnTo>
                <a:lnTo>
                  <a:pt x="3" y="57"/>
                </a:lnTo>
                <a:lnTo>
                  <a:pt x="0" y="39"/>
                </a:lnTo>
                <a:lnTo>
                  <a:pt x="18" y="21"/>
                </a:lnTo>
                <a:lnTo>
                  <a:pt x="33" y="9"/>
                </a:lnTo>
                <a:lnTo>
                  <a:pt x="57" y="0"/>
                </a:lnTo>
                <a:lnTo>
                  <a:pt x="75" y="12"/>
                </a:lnTo>
                <a:lnTo>
                  <a:pt x="96" y="27"/>
                </a:lnTo>
                <a:lnTo>
                  <a:pt x="120" y="39"/>
                </a:lnTo>
                <a:lnTo>
                  <a:pt x="150" y="63"/>
                </a:lnTo>
                <a:lnTo>
                  <a:pt x="192" y="81"/>
                </a:lnTo>
                <a:lnTo>
                  <a:pt x="222" y="111"/>
                </a:lnTo>
                <a:lnTo>
                  <a:pt x="291" y="111"/>
                </a:lnTo>
                <a:lnTo>
                  <a:pt x="306" y="129"/>
                </a:lnTo>
                <a:lnTo>
                  <a:pt x="441" y="129"/>
                </a:lnTo>
                <a:lnTo>
                  <a:pt x="468" y="144"/>
                </a:lnTo>
                <a:lnTo>
                  <a:pt x="486" y="168"/>
                </a:lnTo>
                <a:lnTo>
                  <a:pt x="516" y="183"/>
                </a:lnTo>
                <a:lnTo>
                  <a:pt x="495" y="195"/>
                </a:lnTo>
                <a:lnTo>
                  <a:pt x="489" y="213"/>
                </a:lnTo>
                <a:lnTo>
                  <a:pt x="492" y="255"/>
                </a:lnTo>
                <a:lnTo>
                  <a:pt x="501" y="279"/>
                </a:lnTo>
                <a:lnTo>
                  <a:pt x="504" y="306"/>
                </a:lnTo>
              </a:path>
            </a:pathLst>
          </a:custGeom>
          <a:noFill/>
          <a:ln w="28575" cap="flat" cmpd="sng">
            <a:solidFill>
              <a:srgbClr val="00FF00"/>
            </a:solidFill>
            <a:prstDash val="solid"/>
            <a:round/>
            <a:headEnd type="none" w="med" len="med"/>
            <a:tailEnd type="none" w="med" len="med"/>
          </a:ln>
          <a:effectLst>
            <a:glow rad="101600">
              <a:schemeClr val="accent4">
                <a:satMod val="175000"/>
                <a:alpha val="40000"/>
              </a:schemeClr>
            </a:glow>
            <a:outerShdw blurRad="50800" dist="38100" dir="2700000" algn="tl" rotWithShape="0">
              <a:prstClr val="black"/>
            </a:outerShdw>
          </a:effectLst>
        </p:spPr>
        <p:txBody>
          <a:bodyPr wrap="none" anchor="ctr"/>
          <a:lstStyle/>
          <a:p>
            <a:pPr fontAlgn="auto">
              <a:spcBef>
                <a:spcPts val="0"/>
              </a:spcBef>
              <a:spcAft>
                <a:spcPts val="0"/>
              </a:spcAft>
            </a:pPr>
            <a:endParaRPr lang="en-US" dirty="0">
              <a:solidFill>
                <a:prstClr val="white"/>
              </a:solidFill>
              <a:effectLst>
                <a:outerShdw blurRad="38100" dist="38100" dir="2700000" algn="tl">
                  <a:srgbClr val="000000">
                    <a:alpha val="43137"/>
                  </a:srgbClr>
                </a:outerShdw>
              </a:effectLst>
              <a:latin typeface="Calibri"/>
            </a:endParaRPr>
          </a:p>
        </p:txBody>
      </p:sp>
      <p:sp>
        <p:nvSpPr>
          <p:cNvPr id="35" name="Oval 121"/>
          <p:cNvSpPr>
            <a:spLocks noChangeArrowheads="1"/>
          </p:cNvSpPr>
          <p:nvPr/>
        </p:nvSpPr>
        <p:spPr bwMode="ltGray">
          <a:xfrm>
            <a:off x="4408657" y="4863650"/>
            <a:ext cx="133350" cy="133350"/>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36" name="Oval 122"/>
          <p:cNvSpPr>
            <a:spLocks noChangeArrowheads="1"/>
          </p:cNvSpPr>
          <p:nvPr/>
        </p:nvSpPr>
        <p:spPr bwMode="ltGray">
          <a:xfrm>
            <a:off x="5134145" y="5195438"/>
            <a:ext cx="122238" cy="122238"/>
          </a:xfrm>
          <a:prstGeom prst="ellipse">
            <a:avLst/>
          </a:prstGeom>
          <a:solidFill>
            <a:srgbClr val="006600"/>
          </a:solidFill>
          <a:ln w="28575">
            <a:solidFill>
              <a:srgbClr val="66FF33"/>
            </a:solidFill>
            <a:round/>
            <a:headEnd/>
            <a:tailEnd/>
          </a:ln>
          <a:effectLst/>
        </p:spPr>
        <p:txBody>
          <a:bodyPr wrap="none" anchor="ctr"/>
          <a:lstStyle/>
          <a:p>
            <a:pPr fontAlgn="auto">
              <a:spcBef>
                <a:spcPts val="0"/>
              </a:spcBef>
              <a:spcAft>
                <a:spcPts val="0"/>
              </a:spcAft>
              <a:defRPr/>
            </a:pPr>
            <a:endParaRPr lang="en-US" dirty="0">
              <a:solidFill>
                <a:prstClr val="white"/>
              </a:solidFill>
              <a:effectLst>
                <a:outerShdw blurRad="38100" dist="38100" dir="2700000" algn="tl">
                  <a:srgbClr val="000000">
                    <a:alpha val="43137"/>
                  </a:srgbClr>
                </a:outerShdw>
              </a:effectLst>
              <a:latin typeface="Calibri"/>
            </a:endParaRPr>
          </a:p>
        </p:txBody>
      </p:sp>
      <p:sp>
        <p:nvSpPr>
          <p:cNvPr id="42" name="Rectangle 14"/>
          <p:cNvSpPr>
            <a:spLocks noChangeArrowheads="1"/>
          </p:cNvSpPr>
          <p:nvPr/>
        </p:nvSpPr>
        <p:spPr bwMode="gray">
          <a:xfrm>
            <a:off x="5440680" y="4206861"/>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Colorado </a:t>
            </a: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0.06 mg/l</a:t>
            </a:r>
            <a:endParaRPr lang="en-US" sz="2200" b="1" dirty="0">
              <a:solidFill>
                <a:prstClr val="white"/>
              </a:solidFill>
              <a:latin typeface="Calibri"/>
            </a:endParaRPr>
          </a:p>
        </p:txBody>
      </p:sp>
      <p:sp>
        <p:nvSpPr>
          <p:cNvPr id="43" name="Rectangle 14"/>
          <p:cNvSpPr>
            <a:spLocks noChangeArrowheads="1"/>
          </p:cNvSpPr>
          <p:nvPr/>
        </p:nvSpPr>
        <p:spPr bwMode="gray">
          <a:xfrm>
            <a:off x="2432855" y="1498910"/>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acramento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0.02 mg/l</a:t>
            </a:r>
            <a:endParaRPr lang="en-US" sz="2200" b="1" dirty="0">
              <a:solidFill>
                <a:prstClr val="white"/>
              </a:solidFill>
              <a:latin typeface="Calibri"/>
            </a:endParaRPr>
          </a:p>
        </p:txBody>
      </p:sp>
      <p:sp>
        <p:nvSpPr>
          <p:cNvPr id="30" name="Rectangle 14"/>
          <p:cNvSpPr>
            <a:spLocks noChangeArrowheads="1"/>
          </p:cNvSpPr>
          <p:nvPr/>
        </p:nvSpPr>
        <p:spPr bwMode="gray">
          <a:xfrm>
            <a:off x="110936" y="2764952"/>
            <a:ext cx="2666564"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WP (Existing) </a:t>
            </a:r>
          </a:p>
          <a:p>
            <a:pPr algn="ctr" defTabSz="825500" eaLnBrk="0" hangingPunct="0">
              <a:lnSpc>
                <a:spcPct val="85000"/>
              </a:lnSpc>
              <a:defRPr/>
            </a:pPr>
            <a:r>
              <a:rPr lang="en-US" sz="2200" b="1" dirty="0" smtClean="0">
                <a:solidFill>
                  <a:prstClr val="white"/>
                </a:solidFill>
                <a:latin typeface="Calibri"/>
              </a:rPr>
              <a:t>0.36 mg/l</a:t>
            </a:r>
            <a:endParaRPr lang="en-US" sz="2200" b="1" dirty="0">
              <a:solidFill>
                <a:prstClr val="white"/>
              </a:solidFill>
              <a:latin typeface="Calibri"/>
            </a:endParaRPr>
          </a:p>
        </p:txBody>
      </p:sp>
      <p:sp>
        <p:nvSpPr>
          <p:cNvPr id="31" name="Rectangle 14"/>
          <p:cNvSpPr>
            <a:spLocks noChangeArrowheads="1"/>
          </p:cNvSpPr>
          <p:nvPr/>
        </p:nvSpPr>
        <p:spPr bwMode="gray">
          <a:xfrm>
            <a:off x="110936" y="3582538"/>
            <a:ext cx="2666564" cy="979242"/>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WP (Cal Water Fix)</a:t>
            </a:r>
            <a:b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br>
            <a:r>
              <a:rPr lang="en-US" sz="2200" b="1" dirty="0" smtClean="0">
                <a:solidFill>
                  <a:prstClr val="white"/>
                </a:solidFill>
                <a:latin typeface="Calibri"/>
              </a:rPr>
              <a:t>0.22 mg/l</a:t>
            </a:r>
          </a:p>
          <a:p>
            <a:pPr algn="ctr" defTabSz="825500" eaLnBrk="0" hangingPunct="0">
              <a:lnSpc>
                <a:spcPct val="85000"/>
              </a:lnSpc>
              <a:defRPr/>
            </a:pPr>
            <a:r>
              <a:rPr lang="en-US" sz="2200" b="1" dirty="0" smtClean="0">
                <a:solidFill>
                  <a:prstClr val="white"/>
                </a:solidFill>
                <a:latin typeface="Calibri"/>
              </a:rPr>
              <a:t>(</a:t>
            </a:r>
            <a:r>
              <a:rPr lang="en-US" sz="2200" b="1" i="1" dirty="0" smtClean="0">
                <a:solidFill>
                  <a:prstClr val="white"/>
                </a:solidFill>
                <a:latin typeface="Calibri"/>
              </a:rPr>
              <a:t>37</a:t>
            </a:r>
            <a:r>
              <a:rPr lang="en-US" sz="2200" b="1" i="1" dirty="0">
                <a:solidFill>
                  <a:prstClr val="white"/>
                </a:solidFill>
                <a:latin typeface="Calibri"/>
              </a:rPr>
              <a:t>% improvement</a:t>
            </a:r>
            <a:r>
              <a:rPr lang="en-US" sz="2200" b="1" dirty="0" smtClean="0">
                <a:solidFill>
                  <a:prstClr val="white"/>
                </a:solidFill>
                <a:latin typeface="Calibri"/>
              </a:rPr>
              <a:t>)</a:t>
            </a:r>
            <a:endParaRPr lang="en-US" sz="2200" b="1" dirty="0">
              <a:solidFill>
                <a:prstClr val="white"/>
              </a:solidFill>
              <a:latin typeface="Calibri"/>
            </a:endParaRPr>
          </a:p>
        </p:txBody>
      </p:sp>
      <p:sp>
        <p:nvSpPr>
          <p:cNvPr id="34" name="TextBox 33"/>
          <p:cNvSpPr txBox="1"/>
          <p:nvPr/>
        </p:nvSpPr>
        <p:spPr>
          <a:xfrm>
            <a:off x="76200" y="6383078"/>
            <a:ext cx="8724900" cy="458587"/>
          </a:xfrm>
          <a:prstGeom prst="rect">
            <a:avLst/>
          </a:prstGeom>
          <a:noFill/>
        </p:spPr>
        <p:txBody>
          <a:bodyPr wrap="square" rtlCol="0">
            <a:spAutoFit/>
          </a:bodyPr>
          <a:lstStyle>
            <a:defPPr>
              <a:defRPr lang="en-US"/>
            </a:defPPr>
            <a:lvl1pPr marL="236538" indent="-236538">
              <a:lnSpc>
                <a:spcPct val="85000"/>
              </a:lnSpc>
              <a:buFont typeface="Arial" charset="0"/>
              <a:buChar char="•"/>
              <a:defRPr sz="1400" i="1">
                <a:solidFill>
                  <a:srgbClr val="FFC000"/>
                </a:solidFill>
                <a:latin typeface="+mn-lt"/>
              </a:defRPr>
            </a:lvl1pPr>
          </a:lstStyle>
          <a:p>
            <a:r>
              <a:rPr lang="en-US" dirty="0"/>
              <a:t>Sacramento, San Joaquin &amp; Colorado River water quality represents historical average annual recorded data</a:t>
            </a:r>
          </a:p>
          <a:p>
            <a:r>
              <a:rPr lang="en-US" dirty="0"/>
              <a:t>State Water Project water quality is a comparison of modeled data from the Recirculated Draft EIR/EIS</a:t>
            </a:r>
          </a:p>
        </p:txBody>
      </p:sp>
      <p:sp>
        <p:nvSpPr>
          <p:cNvPr id="38" name="Rectangle 14"/>
          <p:cNvSpPr>
            <a:spLocks noChangeArrowheads="1"/>
          </p:cNvSpPr>
          <p:nvPr/>
        </p:nvSpPr>
        <p:spPr bwMode="gray">
          <a:xfrm>
            <a:off x="3459480" y="2585129"/>
            <a:ext cx="2103120" cy="691471"/>
          </a:xfrm>
          <a:prstGeom prst="rect">
            <a:avLst/>
          </a:prstGeom>
          <a:solidFill>
            <a:srgbClr val="000000">
              <a:alpha val="40000"/>
            </a:srgbClr>
          </a:solidFill>
          <a:ln w="9525">
            <a:noFill/>
            <a:miter lim="800000"/>
            <a:headEnd/>
            <a:tailEnd/>
          </a:ln>
          <a:effectLst>
            <a:outerShdw blurRad="50800" dist="38100" dir="2700000" algn="tl" rotWithShape="0">
              <a:prstClr val="black"/>
            </a:outerShdw>
          </a:effectLst>
        </p:spPr>
        <p:txBody>
          <a:bodyPr wrap="square" lIns="87312" tIns="44450" rIns="87312" bIns="44450">
            <a:spAutoFit/>
          </a:bodyPr>
          <a:lstStyle/>
          <a:p>
            <a:pPr algn="ctr" defTabSz="825500" eaLnBrk="0" hangingPunct="0">
              <a:lnSpc>
                <a:spcPct val="85000"/>
              </a:lnSpc>
              <a:defRPr/>
            </a:pPr>
            <a:r>
              <a:rPr lang="en-US" sz="24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San Joaquin River</a:t>
            </a:r>
            <a:endParaRPr lang="en-US" sz="2400" b="1" spc="-150" dirty="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endParaRPr>
          </a:p>
          <a:p>
            <a:pPr algn="ctr" defTabSz="825500" eaLnBrk="0" hangingPunct="0">
              <a:lnSpc>
                <a:spcPct val="85000"/>
              </a:lnSpc>
              <a:defRPr/>
            </a:pPr>
            <a:r>
              <a:rPr lang="en-US" sz="2200" b="1" dirty="0" smtClean="0">
                <a:solidFill>
                  <a:prstClr val="white"/>
                </a:solidFill>
                <a:latin typeface="Calibri"/>
              </a:rPr>
              <a:t>0.1 – 0.4 mg/l</a:t>
            </a:r>
            <a:endParaRPr lang="en-US" sz="2200" b="1" dirty="0">
              <a:solidFill>
                <a:prstClr val="white"/>
              </a:solidFill>
              <a:latin typeface="Calibri"/>
            </a:endParaRPr>
          </a:p>
        </p:txBody>
      </p:sp>
      <p:sp>
        <p:nvSpPr>
          <p:cNvPr id="39" name="Title 1"/>
          <p:cNvSpPr txBox="1">
            <a:spLocks/>
          </p:cNvSpPr>
          <p:nvPr/>
        </p:nvSpPr>
        <p:spPr>
          <a:xfrm>
            <a:off x="4042666" y="381000"/>
            <a:ext cx="5001078" cy="1547812"/>
          </a:xfrm>
          <a:prstGeom prst="rect">
            <a:avLst/>
          </a:prstGeom>
        </p:spPr>
        <p:txBody>
          <a:bodyPr/>
          <a:lstStyle/>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California WaterFix</a:t>
            </a:r>
          </a:p>
          <a:p>
            <a:pPr algn="ctr" defTabSz="912813" eaLnBrk="0" hangingPunct="0">
              <a:lnSpc>
                <a:spcPct val="90000"/>
              </a:lnSpc>
              <a:defRPr/>
            </a:pPr>
            <a:r>
              <a:rPr lang="en-US" sz="3600" b="1" spc="-150" dirty="0" smtClean="0">
                <a:ln w="3175">
                  <a:noFill/>
                </a:ln>
                <a:gradFill flip="none" rotWithShape="1">
                  <a:gsLst>
                    <a:gs pos="0">
                      <a:srgbClr val="FFFFB9"/>
                    </a:gs>
                    <a:gs pos="36000">
                      <a:srgbClr val="FFFF99"/>
                    </a:gs>
                    <a:gs pos="86000">
                      <a:srgbClr val="F6AE1E"/>
                    </a:gs>
                  </a:gsLst>
                  <a:lin ang="5400000" scaled="0"/>
                  <a:tileRect/>
                </a:gradFill>
                <a:effectLst>
                  <a:outerShdw blurRad="38100" dist="38100" dir="2700000" algn="tl">
                    <a:srgbClr val="000000">
                      <a:alpha val="43137"/>
                    </a:srgbClr>
                  </a:outerShdw>
                </a:effectLst>
                <a:latin typeface="Calibri"/>
                <a:cs typeface="Arial" charset="0"/>
              </a:rPr>
              <a:t>Improves Water Quality</a:t>
            </a:r>
          </a:p>
          <a:p>
            <a:pPr algn="ctr" defTabSz="912813" eaLnBrk="0" hangingPunct="0">
              <a:lnSpc>
                <a:spcPct val="90000"/>
              </a:lnSpc>
              <a:defRPr/>
            </a:pPr>
            <a:r>
              <a:rPr lang="en-US" sz="3200" b="1" spc="-150" dirty="0" smtClean="0">
                <a:ln w="3175">
                  <a:noFill/>
                </a:ln>
                <a:solidFill>
                  <a:prstClr val="white"/>
                </a:solidFill>
                <a:effectLst>
                  <a:outerShdw blurRad="38100" dist="38100" dir="2700000" algn="tl">
                    <a:srgbClr val="000000">
                      <a:alpha val="43137"/>
                    </a:srgbClr>
                  </a:outerShdw>
                </a:effectLst>
                <a:latin typeface="Calibri"/>
                <a:cs typeface="Arial" charset="0"/>
              </a:rPr>
              <a:t>37</a:t>
            </a:r>
            <a:r>
              <a:rPr lang="en-US" sz="3200" b="1" spc="-150" dirty="0">
                <a:ln w="3175">
                  <a:noFill/>
                </a:ln>
                <a:solidFill>
                  <a:prstClr val="white"/>
                </a:solidFill>
                <a:effectLst>
                  <a:outerShdw blurRad="38100" dist="38100" dir="2700000" algn="tl">
                    <a:srgbClr val="000000">
                      <a:alpha val="43137"/>
                    </a:srgbClr>
                  </a:outerShdw>
                </a:effectLst>
                <a:latin typeface="Calibri"/>
                <a:cs typeface="Arial" charset="0"/>
              </a:rPr>
              <a:t>% </a:t>
            </a:r>
            <a:r>
              <a:rPr lang="en-US" sz="3200" b="1" spc="-150" dirty="0" smtClean="0">
                <a:ln w="3175">
                  <a:noFill/>
                </a:ln>
                <a:solidFill>
                  <a:prstClr val="white"/>
                </a:solidFill>
                <a:effectLst>
                  <a:outerShdw blurRad="38100" dist="38100" dir="2700000" algn="tl">
                    <a:srgbClr val="000000">
                      <a:alpha val="43137"/>
                    </a:srgbClr>
                  </a:outerShdw>
                </a:effectLst>
                <a:latin typeface="Calibri"/>
                <a:cs typeface="Arial" charset="0"/>
              </a:rPr>
              <a:t>bromide reduction</a:t>
            </a:r>
          </a:p>
        </p:txBody>
      </p:sp>
    </p:spTree>
    <p:extLst>
      <p:ext uri="{BB962C8B-B14F-4D97-AF65-F5344CB8AC3E}">
        <p14:creationId xmlns:p14="http://schemas.microsoft.com/office/powerpoint/2010/main" val="3299301876"/>
      </p:ext>
    </p:extLst>
  </p:cSld>
  <p:clrMapOvr>
    <a:masterClrMapping/>
  </p:clrMapOvr>
  <p:transition>
    <p:fade/>
  </p:transition>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ackground Member Agency Map"/>
          <p:cNvPicPr>
            <a:picLocks noChangeAspect="1" noChangeArrowheads="1"/>
          </p:cNvPicPr>
          <p:nvPr/>
        </p:nvPicPr>
        <p:blipFill>
          <a:blip r:embed="rId3">
            <a:extLst>
              <a:ext uri="{BEBA8EAE-BF5A-486C-A8C5-ECC9F3942E4B}">
                <a14:imgProps xmlns:a14="http://schemas.microsoft.com/office/drawing/2010/main">
                  <a14:imgLayer r:embed="rId4">
                    <a14:imgEffect>
                      <a14:backgroundRemoval t="321" b="100000" l="0" r="100000">
                        <a14:foregroundMark x1="10057" y1="11378" x2="20546" y2="14263"/>
                        <a14:foregroundMark x1="2874" y1="16506" x2="3736" y2="14263"/>
                        <a14:foregroundMark x1="46264" y1="24519" x2="48276" y2="16346"/>
                      </a14:backgroundRemoval>
                    </a14:imgEffect>
                  </a14:imgLayer>
                </a14:imgProps>
              </a:ext>
              <a:ext uri="{28A0092B-C50C-407E-A947-70E740481C1C}">
                <a14:useLocalDpi xmlns:a14="http://schemas.microsoft.com/office/drawing/2010/main" val="0"/>
              </a:ext>
            </a:extLst>
          </a:blip>
          <a:srcRect/>
          <a:stretch>
            <a:fillRect/>
          </a:stretch>
        </p:blipFill>
        <p:spPr bwMode="auto">
          <a:xfrm>
            <a:off x="762000" y="1371600"/>
            <a:ext cx="7772400" cy="53339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5" name="Blending Freeform 2"/>
          <p:cNvSpPr/>
          <p:nvPr/>
        </p:nvSpPr>
        <p:spPr bwMode="auto">
          <a:xfrm>
            <a:off x="6646132" y="3534035"/>
            <a:ext cx="671038" cy="1470339"/>
          </a:xfrm>
          <a:custGeom>
            <a:avLst/>
            <a:gdLst>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635431 w 687092"/>
              <a:gd name="connsiteY14" fmla="*/ 465546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630264 w 687092"/>
              <a:gd name="connsiteY13" fmla="*/ 4345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30264 w 687092"/>
              <a:gd name="connsiteY15" fmla="*/ 579200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98039 w 687092"/>
              <a:gd name="connsiteY14" fmla="*/ 485942 h 1493600"/>
              <a:gd name="connsiteX15" fmla="*/ 609868 w 687092"/>
              <a:gd name="connsiteY15" fmla="*/ 569002 h 1493600"/>
              <a:gd name="connsiteX16" fmla="*/ 635431 w 687092"/>
              <a:gd name="connsiteY16" fmla="*/ 656692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98039 w 687092"/>
              <a:gd name="connsiteY15" fmla="*/ 485942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609868 w 687092"/>
              <a:gd name="connsiteY16" fmla="*/ 569002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35431 w 687092"/>
              <a:gd name="connsiteY17" fmla="*/ 656692 h 1493600"/>
              <a:gd name="connsiteX18" fmla="*/ 650929 w 687092"/>
              <a:gd name="connsiteY18" fmla="*/ 713519 h 1493600"/>
              <a:gd name="connsiteX19" fmla="*/ 666427 w 687092"/>
              <a:gd name="connsiteY19" fmla="*/ 749681 h 1493600"/>
              <a:gd name="connsiteX20" fmla="*/ 671593 w 687092"/>
              <a:gd name="connsiteY20" fmla="*/ 765180 h 1493600"/>
              <a:gd name="connsiteX21" fmla="*/ 681925 w 687092"/>
              <a:gd name="connsiteY21" fmla="*/ 791010 h 1493600"/>
              <a:gd name="connsiteX22" fmla="*/ 687092 w 687092"/>
              <a:gd name="connsiteY22" fmla="*/ 811675 h 1493600"/>
              <a:gd name="connsiteX23" fmla="*/ 681925 w 687092"/>
              <a:gd name="connsiteY23" fmla="*/ 842671 h 1493600"/>
              <a:gd name="connsiteX24" fmla="*/ 676759 w 687092"/>
              <a:gd name="connsiteY24" fmla="*/ 858170 h 1493600"/>
              <a:gd name="connsiteX25" fmla="*/ 671593 w 687092"/>
              <a:gd name="connsiteY25" fmla="*/ 951159 h 1493600"/>
              <a:gd name="connsiteX26" fmla="*/ 661261 w 687092"/>
              <a:gd name="connsiteY26" fmla="*/ 982156 h 1493600"/>
              <a:gd name="connsiteX27" fmla="*/ 650929 w 687092"/>
              <a:gd name="connsiteY27" fmla="*/ 1023485 h 1493600"/>
              <a:gd name="connsiteX28" fmla="*/ 635431 w 687092"/>
              <a:gd name="connsiteY28" fmla="*/ 1033817 h 1493600"/>
              <a:gd name="connsiteX29" fmla="*/ 625098 w 687092"/>
              <a:gd name="connsiteY29" fmla="*/ 1044149 h 1493600"/>
              <a:gd name="connsiteX30" fmla="*/ 609600 w 687092"/>
              <a:gd name="connsiteY30" fmla="*/ 1075146 h 1493600"/>
              <a:gd name="connsiteX31" fmla="*/ 588936 w 687092"/>
              <a:gd name="connsiteY31" fmla="*/ 1121641 h 1493600"/>
              <a:gd name="connsiteX32" fmla="*/ 583770 w 687092"/>
              <a:gd name="connsiteY32" fmla="*/ 1147471 h 1493600"/>
              <a:gd name="connsiteX33" fmla="*/ 578603 w 687092"/>
              <a:gd name="connsiteY33" fmla="*/ 1162970 h 1493600"/>
              <a:gd name="connsiteX34" fmla="*/ 568271 w 687092"/>
              <a:gd name="connsiteY34" fmla="*/ 1204298 h 1493600"/>
              <a:gd name="connsiteX35" fmla="*/ 547607 w 687092"/>
              <a:gd name="connsiteY35" fmla="*/ 1235295 h 1493600"/>
              <a:gd name="connsiteX36" fmla="*/ 542441 w 687092"/>
              <a:gd name="connsiteY36" fmla="*/ 1250793 h 1493600"/>
              <a:gd name="connsiteX37" fmla="*/ 516610 w 687092"/>
              <a:gd name="connsiteY37" fmla="*/ 1271458 h 1493600"/>
              <a:gd name="connsiteX38" fmla="*/ 495946 w 687092"/>
              <a:gd name="connsiteY38" fmla="*/ 1302454 h 1493600"/>
              <a:gd name="connsiteX39" fmla="*/ 485614 w 687092"/>
              <a:gd name="connsiteY39" fmla="*/ 1317953 h 1493600"/>
              <a:gd name="connsiteX40" fmla="*/ 470115 w 687092"/>
              <a:gd name="connsiteY40" fmla="*/ 1369614 h 1493600"/>
              <a:gd name="connsiteX41" fmla="*/ 464949 w 687092"/>
              <a:gd name="connsiteY41" fmla="*/ 1385112 h 1493600"/>
              <a:gd name="connsiteX42" fmla="*/ 454617 w 687092"/>
              <a:gd name="connsiteY42" fmla="*/ 1400610 h 1493600"/>
              <a:gd name="connsiteX43" fmla="*/ 444285 w 687092"/>
              <a:gd name="connsiteY43" fmla="*/ 1426441 h 1493600"/>
              <a:gd name="connsiteX44" fmla="*/ 428786 w 687092"/>
              <a:gd name="connsiteY44" fmla="*/ 1441939 h 1493600"/>
              <a:gd name="connsiteX45" fmla="*/ 418454 w 687092"/>
              <a:gd name="connsiteY45" fmla="*/ 1457437 h 1493600"/>
              <a:gd name="connsiteX46" fmla="*/ 304800 w 687092"/>
              <a:gd name="connsiteY46" fmla="*/ 1462603 h 1493600"/>
              <a:gd name="connsiteX47" fmla="*/ 237641 w 687092"/>
              <a:gd name="connsiteY47" fmla="*/ 1467770 h 1493600"/>
              <a:gd name="connsiteX48" fmla="*/ 175648 w 687092"/>
              <a:gd name="connsiteY48" fmla="*/ 1488434 h 1493600"/>
              <a:gd name="connsiteX49" fmla="*/ 113654 w 687092"/>
              <a:gd name="connsiteY49" fmla="*/ 1493600 h 1493600"/>
              <a:gd name="connsiteX50" fmla="*/ 41329 w 687092"/>
              <a:gd name="connsiteY50" fmla="*/ 1483268 h 1493600"/>
              <a:gd name="connsiteX51" fmla="*/ 25831 w 687092"/>
              <a:gd name="connsiteY51" fmla="*/ 1472936 h 1493600"/>
              <a:gd name="connsiteX52" fmla="*/ 10332 w 687092"/>
              <a:gd name="connsiteY52" fmla="*/ 1410942 h 1493600"/>
              <a:gd name="connsiteX53" fmla="*/ 5166 w 687092"/>
              <a:gd name="connsiteY53" fmla="*/ 1240461 h 1493600"/>
              <a:gd name="connsiteX54" fmla="*/ 0 w 687092"/>
              <a:gd name="connsiteY54" fmla="*/ 1193966 h 1493600"/>
              <a:gd name="connsiteX55" fmla="*/ 15498 w 687092"/>
              <a:gd name="connsiteY55" fmla="*/ 1090644 h 1493600"/>
              <a:gd name="connsiteX56" fmla="*/ 20664 w 687092"/>
              <a:gd name="connsiteY56" fmla="*/ 1064814 h 1493600"/>
              <a:gd name="connsiteX57" fmla="*/ 30997 w 687092"/>
              <a:gd name="connsiteY57" fmla="*/ 1033817 h 1493600"/>
              <a:gd name="connsiteX58" fmla="*/ 36163 w 687092"/>
              <a:gd name="connsiteY58" fmla="*/ 935661 h 1493600"/>
              <a:gd name="connsiteX59" fmla="*/ 46495 w 687092"/>
              <a:gd name="connsiteY59" fmla="*/ 920163 h 1493600"/>
              <a:gd name="connsiteX60" fmla="*/ 56827 w 687092"/>
              <a:gd name="connsiteY60" fmla="*/ 899498 h 1493600"/>
              <a:gd name="connsiteX61" fmla="*/ 77492 w 687092"/>
              <a:gd name="connsiteY61" fmla="*/ 873668 h 1493600"/>
              <a:gd name="connsiteX62" fmla="*/ 77492 w 687092"/>
              <a:gd name="connsiteY62" fmla="*/ 806509 h 1493600"/>
              <a:gd name="connsiteX63" fmla="*/ 87824 w 687092"/>
              <a:gd name="connsiteY63" fmla="*/ 698020 h 1493600"/>
              <a:gd name="connsiteX64" fmla="*/ 98156 w 687092"/>
              <a:gd name="connsiteY64" fmla="*/ 667024 h 1493600"/>
              <a:gd name="connsiteX65" fmla="*/ 108488 w 687092"/>
              <a:gd name="connsiteY65" fmla="*/ 651526 h 1493600"/>
              <a:gd name="connsiteX66" fmla="*/ 113654 w 687092"/>
              <a:gd name="connsiteY66" fmla="*/ 636027 h 1493600"/>
              <a:gd name="connsiteX67" fmla="*/ 123986 w 687092"/>
              <a:gd name="connsiteY67" fmla="*/ 574034 h 1493600"/>
              <a:gd name="connsiteX68" fmla="*/ 129153 w 687092"/>
              <a:gd name="connsiteY68" fmla="*/ 532705 h 1493600"/>
              <a:gd name="connsiteX69" fmla="*/ 144651 w 687092"/>
              <a:gd name="connsiteY69" fmla="*/ 357058 h 1493600"/>
              <a:gd name="connsiteX70" fmla="*/ 165315 w 687092"/>
              <a:gd name="connsiteY70" fmla="*/ 310563 h 1493600"/>
              <a:gd name="connsiteX71" fmla="*/ 170481 w 687092"/>
              <a:gd name="connsiteY71" fmla="*/ 289898 h 1493600"/>
              <a:gd name="connsiteX72" fmla="*/ 180814 w 687092"/>
              <a:gd name="connsiteY72" fmla="*/ 279566 h 1493600"/>
              <a:gd name="connsiteX73" fmla="*/ 191146 w 687092"/>
              <a:gd name="connsiteY73" fmla="*/ 264068 h 1493600"/>
              <a:gd name="connsiteX74" fmla="*/ 201478 w 687092"/>
              <a:gd name="connsiteY74" fmla="*/ 227905 h 1493600"/>
              <a:gd name="connsiteX75" fmla="*/ 211810 w 687092"/>
              <a:gd name="connsiteY75" fmla="*/ 196909 h 1493600"/>
              <a:gd name="connsiteX76" fmla="*/ 216976 w 687092"/>
              <a:gd name="connsiteY76" fmla="*/ 181410 h 1493600"/>
              <a:gd name="connsiteX77" fmla="*/ 227309 w 687092"/>
              <a:gd name="connsiteY77" fmla="*/ 171078 h 1493600"/>
              <a:gd name="connsiteX78" fmla="*/ 242807 w 687092"/>
              <a:gd name="connsiteY78" fmla="*/ 140081 h 1493600"/>
              <a:gd name="connsiteX79" fmla="*/ 258305 w 687092"/>
              <a:gd name="connsiteY79" fmla="*/ 124583 h 1493600"/>
              <a:gd name="connsiteX80" fmla="*/ 268637 w 687092"/>
              <a:gd name="connsiteY80" fmla="*/ 109085 h 1493600"/>
              <a:gd name="connsiteX81" fmla="*/ 278970 w 687092"/>
              <a:gd name="connsiteY81" fmla="*/ 98753 h 1493600"/>
              <a:gd name="connsiteX82" fmla="*/ 289302 w 687092"/>
              <a:gd name="connsiteY82" fmla="*/ 83254 h 1493600"/>
              <a:gd name="connsiteX83" fmla="*/ 325464 w 687092"/>
              <a:gd name="connsiteY83" fmla="*/ 62590 h 1493600"/>
              <a:gd name="connsiteX84" fmla="*/ 335797 w 687092"/>
              <a:gd name="connsiteY84" fmla="*/ 52258 h 1493600"/>
              <a:gd name="connsiteX85" fmla="*/ 351295 w 687092"/>
              <a:gd name="connsiteY85" fmla="*/ 41926 h 1493600"/>
              <a:gd name="connsiteX86" fmla="*/ 371959 w 687092"/>
              <a:gd name="connsiteY86" fmla="*/ 10929 h 1493600"/>
              <a:gd name="connsiteX87" fmla="*/ 382292 w 687092"/>
              <a:gd name="connsiteY87"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71593 w 687092"/>
              <a:gd name="connsiteY24" fmla="*/ 951159 h 1493600"/>
              <a:gd name="connsiteX25" fmla="*/ 661261 w 687092"/>
              <a:gd name="connsiteY25" fmla="*/ 982156 h 1493600"/>
              <a:gd name="connsiteX26" fmla="*/ 650929 w 687092"/>
              <a:gd name="connsiteY26" fmla="*/ 1023485 h 1493600"/>
              <a:gd name="connsiteX27" fmla="*/ 635431 w 687092"/>
              <a:gd name="connsiteY27" fmla="*/ 1033817 h 1493600"/>
              <a:gd name="connsiteX28" fmla="*/ 625098 w 687092"/>
              <a:gd name="connsiteY28" fmla="*/ 1044149 h 1493600"/>
              <a:gd name="connsiteX29" fmla="*/ 609600 w 687092"/>
              <a:gd name="connsiteY29" fmla="*/ 1075146 h 1493600"/>
              <a:gd name="connsiteX30" fmla="*/ 588936 w 687092"/>
              <a:gd name="connsiteY30" fmla="*/ 1121641 h 1493600"/>
              <a:gd name="connsiteX31" fmla="*/ 583770 w 687092"/>
              <a:gd name="connsiteY31" fmla="*/ 1147471 h 1493600"/>
              <a:gd name="connsiteX32" fmla="*/ 578603 w 687092"/>
              <a:gd name="connsiteY32" fmla="*/ 1162970 h 1493600"/>
              <a:gd name="connsiteX33" fmla="*/ 568271 w 687092"/>
              <a:gd name="connsiteY33" fmla="*/ 1204298 h 1493600"/>
              <a:gd name="connsiteX34" fmla="*/ 547607 w 687092"/>
              <a:gd name="connsiteY34" fmla="*/ 1235295 h 1493600"/>
              <a:gd name="connsiteX35" fmla="*/ 542441 w 687092"/>
              <a:gd name="connsiteY35" fmla="*/ 1250793 h 1493600"/>
              <a:gd name="connsiteX36" fmla="*/ 516610 w 687092"/>
              <a:gd name="connsiteY36" fmla="*/ 1271458 h 1493600"/>
              <a:gd name="connsiteX37" fmla="*/ 495946 w 687092"/>
              <a:gd name="connsiteY37" fmla="*/ 1302454 h 1493600"/>
              <a:gd name="connsiteX38" fmla="*/ 485614 w 687092"/>
              <a:gd name="connsiteY38" fmla="*/ 1317953 h 1493600"/>
              <a:gd name="connsiteX39" fmla="*/ 470115 w 687092"/>
              <a:gd name="connsiteY39" fmla="*/ 1369614 h 1493600"/>
              <a:gd name="connsiteX40" fmla="*/ 464949 w 687092"/>
              <a:gd name="connsiteY40" fmla="*/ 1385112 h 1493600"/>
              <a:gd name="connsiteX41" fmla="*/ 454617 w 687092"/>
              <a:gd name="connsiteY41" fmla="*/ 1400610 h 1493600"/>
              <a:gd name="connsiteX42" fmla="*/ 444285 w 687092"/>
              <a:gd name="connsiteY42" fmla="*/ 1426441 h 1493600"/>
              <a:gd name="connsiteX43" fmla="*/ 428786 w 687092"/>
              <a:gd name="connsiteY43" fmla="*/ 1441939 h 1493600"/>
              <a:gd name="connsiteX44" fmla="*/ 418454 w 687092"/>
              <a:gd name="connsiteY44" fmla="*/ 1457437 h 1493600"/>
              <a:gd name="connsiteX45" fmla="*/ 304800 w 687092"/>
              <a:gd name="connsiteY45" fmla="*/ 1462603 h 1493600"/>
              <a:gd name="connsiteX46" fmla="*/ 237641 w 687092"/>
              <a:gd name="connsiteY46" fmla="*/ 1467770 h 1493600"/>
              <a:gd name="connsiteX47" fmla="*/ 175648 w 687092"/>
              <a:gd name="connsiteY47" fmla="*/ 1488434 h 1493600"/>
              <a:gd name="connsiteX48" fmla="*/ 113654 w 687092"/>
              <a:gd name="connsiteY48" fmla="*/ 1493600 h 1493600"/>
              <a:gd name="connsiteX49" fmla="*/ 41329 w 687092"/>
              <a:gd name="connsiteY49" fmla="*/ 1483268 h 1493600"/>
              <a:gd name="connsiteX50" fmla="*/ 25831 w 687092"/>
              <a:gd name="connsiteY50" fmla="*/ 1472936 h 1493600"/>
              <a:gd name="connsiteX51" fmla="*/ 10332 w 687092"/>
              <a:gd name="connsiteY51" fmla="*/ 1410942 h 1493600"/>
              <a:gd name="connsiteX52" fmla="*/ 5166 w 687092"/>
              <a:gd name="connsiteY52" fmla="*/ 1240461 h 1493600"/>
              <a:gd name="connsiteX53" fmla="*/ 0 w 687092"/>
              <a:gd name="connsiteY53" fmla="*/ 1193966 h 1493600"/>
              <a:gd name="connsiteX54" fmla="*/ 15498 w 687092"/>
              <a:gd name="connsiteY54" fmla="*/ 1090644 h 1493600"/>
              <a:gd name="connsiteX55" fmla="*/ 20664 w 687092"/>
              <a:gd name="connsiteY55" fmla="*/ 1064814 h 1493600"/>
              <a:gd name="connsiteX56" fmla="*/ 30997 w 687092"/>
              <a:gd name="connsiteY56" fmla="*/ 1033817 h 1493600"/>
              <a:gd name="connsiteX57" fmla="*/ 36163 w 687092"/>
              <a:gd name="connsiteY57" fmla="*/ 935661 h 1493600"/>
              <a:gd name="connsiteX58" fmla="*/ 46495 w 687092"/>
              <a:gd name="connsiteY58" fmla="*/ 920163 h 1493600"/>
              <a:gd name="connsiteX59" fmla="*/ 56827 w 687092"/>
              <a:gd name="connsiteY59" fmla="*/ 899498 h 1493600"/>
              <a:gd name="connsiteX60" fmla="*/ 77492 w 687092"/>
              <a:gd name="connsiteY60" fmla="*/ 873668 h 1493600"/>
              <a:gd name="connsiteX61" fmla="*/ 77492 w 687092"/>
              <a:gd name="connsiteY61" fmla="*/ 806509 h 1493600"/>
              <a:gd name="connsiteX62" fmla="*/ 87824 w 687092"/>
              <a:gd name="connsiteY62" fmla="*/ 698020 h 1493600"/>
              <a:gd name="connsiteX63" fmla="*/ 98156 w 687092"/>
              <a:gd name="connsiteY63" fmla="*/ 667024 h 1493600"/>
              <a:gd name="connsiteX64" fmla="*/ 108488 w 687092"/>
              <a:gd name="connsiteY64" fmla="*/ 651526 h 1493600"/>
              <a:gd name="connsiteX65" fmla="*/ 113654 w 687092"/>
              <a:gd name="connsiteY65" fmla="*/ 636027 h 1493600"/>
              <a:gd name="connsiteX66" fmla="*/ 123986 w 687092"/>
              <a:gd name="connsiteY66" fmla="*/ 574034 h 1493600"/>
              <a:gd name="connsiteX67" fmla="*/ 129153 w 687092"/>
              <a:gd name="connsiteY67" fmla="*/ 532705 h 1493600"/>
              <a:gd name="connsiteX68" fmla="*/ 144651 w 687092"/>
              <a:gd name="connsiteY68" fmla="*/ 357058 h 1493600"/>
              <a:gd name="connsiteX69" fmla="*/ 165315 w 687092"/>
              <a:gd name="connsiteY69" fmla="*/ 310563 h 1493600"/>
              <a:gd name="connsiteX70" fmla="*/ 170481 w 687092"/>
              <a:gd name="connsiteY70" fmla="*/ 289898 h 1493600"/>
              <a:gd name="connsiteX71" fmla="*/ 180814 w 687092"/>
              <a:gd name="connsiteY71" fmla="*/ 279566 h 1493600"/>
              <a:gd name="connsiteX72" fmla="*/ 191146 w 687092"/>
              <a:gd name="connsiteY72" fmla="*/ 264068 h 1493600"/>
              <a:gd name="connsiteX73" fmla="*/ 201478 w 687092"/>
              <a:gd name="connsiteY73" fmla="*/ 227905 h 1493600"/>
              <a:gd name="connsiteX74" fmla="*/ 211810 w 687092"/>
              <a:gd name="connsiteY74" fmla="*/ 196909 h 1493600"/>
              <a:gd name="connsiteX75" fmla="*/ 216976 w 687092"/>
              <a:gd name="connsiteY75" fmla="*/ 181410 h 1493600"/>
              <a:gd name="connsiteX76" fmla="*/ 227309 w 687092"/>
              <a:gd name="connsiteY76" fmla="*/ 171078 h 1493600"/>
              <a:gd name="connsiteX77" fmla="*/ 242807 w 687092"/>
              <a:gd name="connsiteY77" fmla="*/ 140081 h 1493600"/>
              <a:gd name="connsiteX78" fmla="*/ 258305 w 687092"/>
              <a:gd name="connsiteY78" fmla="*/ 124583 h 1493600"/>
              <a:gd name="connsiteX79" fmla="*/ 268637 w 687092"/>
              <a:gd name="connsiteY79" fmla="*/ 109085 h 1493600"/>
              <a:gd name="connsiteX80" fmla="*/ 278970 w 687092"/>
              <a:gd name="connsiteY80" fmla="*/ 98753 h 1493600"/>
              <a:gd name="connsiteX81" fmla="*/ 289302 w 687092"/>
              <a:gd name="connsiteY81" fmla="*/ 83254 h 1493600"/>
              <a:gd name="connsiteX82" fmla="*/ 325464 w 687092"/>
              <a:gd name="connsiteY82" fmla="*/ 62590 h 1493600"/>
              <a:gd name="connsiteX83" fmla="*/ 335797 w 687092"/>
              <a:gd name="connsiteY83" fmla="*/ 52258 h 1493600"/>
              <a:gd name="connsiteX84" fmla="*/ 351295 w 687092"/>
              <a:gd name="connsiteY84" fmla="*/ 41926 h 1493600"/>
              <a:gd name="connsiteX85" fmla="*/ 371959 w 687092"/>
              <a:gd name="connsiteY85" fmla="*/ 10929 h 1493600"/>
              <a:gd name="connsiteX86" fmla="*/ 382292 w 687092"/>
              <a:gd name="connsiteY86"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76759 w 687092"/>
              <a:gd name="connsiteY23" fmla="*/ 858170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50929 w 687092"/>
              <a:gd name="connsiteY25" fmla="*/ 1023485 h 1493600"/>
              <a:gd name="connsiteX26" fmla="*/ 635431 w 687092"/>
              <a:gd name="connsiteY26" fmla="*/ 1033817 h 1493600"/>
              <a:gd name="connsiteX27" fmla="*/ 625098 w 687092"/>
              <a:gd name="connsiteY27" fmla="*/ 1044149 h 1493600"/>
              <a:gd name="connsiteX28" fmla="*/ 609600 w 687092"/>
              <a:gd name="connsiteY28" fmla="*/ 1075146 h 1493600"/>
              <a:gd name="connsiteX29" fmla="*/ 588936 w 687092"/>
              <a:gd name="connsiteY29" fmla="*/ 1121641 h 1493600"/>
              <a:gd name="connsiteX30" fmla="*/ 583770 w 687092"/>
              <a:gd name="connsiteY30" fmla="*/ 1147471 h 1493600"/>
              <a:gd name="connsiteX31" fmla="*/ 578603 w 687092"/>
              <a:gd name="connsiteY31" fmla="*/ 1162970 h 1493600"/>
              <a:gd name="connsiteX32" fmla="*/ 568271 w 687092"/>
              <a:gd name="connsiteY32" fmla="*/ 1204298 h 1493600"/>
              <a:gd name="connsiteX33" fmla="*/ 547607 w 687092"/>
              <a:gd name="connsiteY33" fmla="*/ 1235295 h 1493600"/>
              <a:gd name="connsiteX34" fmla="*/ 542441 w 687092"/>
              <a:gd name="connsiteY34" fmla="*/ 1250793 h 1493600"/>
              <a:gd name="connsiteX35" fmla="*/ 516610 w 687092"/>
              <a:gd name="connsiteY35" fmla="*/ 1271458 h 1493600"/>
              <a:gd name="connsiteX36" fmla="*/ 495946 w 687092"/>
              <a:gd name="connsiteY36" fmla="*/ 1302454 h 1493600"/>
              <a:gd name="connsiteX37" fmla="*/ 485614 w 687092"/>
              <a:gd name="connsiteY37" fmla="*/ 1317953 h 1493600"/>
              <a:gd name="connsiteX38" fmla="*/ 470115 w 687092"/>
              <a:gd name="connsiteY38" fmla="*/ 1369614 h 1493600"/>
              <a:gd name="connsiteX39" fmla="*/ 464949 w 687092"/>
              <a:gd name="connsiteY39" fmla="*/ 1385112 h 1493600"/>
              <a:gd name="connsiteX40" fmla="*/ 454617 w 687092"/>
              <a:gd name="connsiteY40" fmla="*/ 1400610 h 1493600"/>
              <a:gd name="connsiteX41" fmla="*/ 444285 w 687092"/>
              <a:gd name="connsiteY41" fmla="*/ 1426441 h 1493600"/>
              <a:gd name="connsiteX42" fmla="*/ 428786 w 687092"/>
              <a:gd name="connsiteY42" fmla="*/ 1441939 h 1493600"/>
              <a:gd name="connsiteX43" fmla="*/ 418454 w 687092"/>
              <a:gd name="connsiteY43" fmla="*/ 1457437 h 1493600"/>
              <a:gd name="connsiteX44" fmla="*/ 304800 w 687092"/>
              <a:gd name="connsiteY44" fmla="*/ 1462603 h 1493600"/>
              <a:gd name="connsiteX45" fmla="*/ 237641 w 687092"/>
              <a:gd name="connsiteY45" fmla="*/ 1467770 h 1493600"/>
              <a:gd name="connsiteX46" fmla="*/ 175648 w 687092"/>
              <a:gd name="connsiteY46" fmla="*/ 1488434 h 1493600"/>
              <a:gd name="connsiteX47" fmla="*/ 113654 w 687092"/>
              <a:gd name="connsiteY47" fmla="*/ 1493600 h 1493600"/>
              <a:gd name="connsiteX48" fmla="*/ 41329 w 687092"/>
              <a:gd name="connsiteY48" fmla="*/ 1483268 h 1493600"/>
              <a:gd name="connsiteX49" fmla="*/ 25831 w 687092"/>
              <a:gd name="connsiteY49" fmla="*/ 1472936 h 1493600"/>
              <a:gd name="connsiteX50" fmla="*/ 10332 w 687092"/>
              <a:gd name="connsiteY50" fmla="*/ 1410942 h 1493600"/>
              <a:gd name="connsiteX51" fmla="*/ 5166 w 687092"/>
              <a:gd name="connsiteY51" fmla="*/ 1240461 h 1493600"/>
              <a:gd name="connsiteX52" fmla="*/ 0 w 687092"/>
              <a:gd name="connsiteY52" fmla="*/ 1193966 h 1493600"/>
              <a:gd name="connsiteX53" fmla="*/ 15498 w 687092"/>
              <a:gd name="connsiteY53" fmla="*/ 1090644 h 1493600"/>
              <a:gd name="connsiteX54" fmla="*/ 20664 w 687092"/>
              <a:gd name="connsiteY54" fmla="*/ 1064814 h 1493600"/>
              <a:gd name="connsiteX55" fmla="*/ 30997 w 687092"/>
              <a:gd name="connsiteY55" fmla="*/ 1033817 h 1493600"/>
              <a:gd name="connsiteX56" fmla="*/ 36163 w 687092"/>
              <a:gd name="connsiteY56" fmla="*/ 935661 h 1493600"/>
              <a:gd name="connsiteX57" fmla="*/ 46495 w 687092"/>
              <a:gd name="connsiteY57" fmla="*/ 920163 h 1493600"/>
              <a:gd name="connsiteX58" fmla="*/ 56827 w 687092"/>
              <a:gd name="connsiteY58" fmla="*/ 899498 h 1493600"/>
              <a:gd name="connsiteX59" fmla="*/ 77492 w 687092"/>
              <a:gd name="connsiteY59" fmla="*/ 873668 h 1493600"/>
              <a:gd name="connsiteX60" fmla="*/ 77492 w 687092"/>
              <a:gd name="connsiteY60" fmla="*/ 806509 h 1493600"/>
              <a:gd name="connsiteX61" fmla="*/ 87824 w 687092"/>
              <a:gd name="connsiteY61" fmla="*/ 698020 h 1493600"/>
              <a:gd name="connsiteX62" fmla="*/ 98156 w 687092"/>
              <a:gd name="connsiteY62" fmla="*/ 667024 h 1493600"/>
              <a:gd name="connsiteX63" fmla="*/ 108488 w 687092"/>
              <a:gd name="connsiteY63" fmla="*/ 651526 h 1493600"/>
              <a:gd name="connsiteX64" fmla="*/ 113654 w 687092"/>
              <a:gd name="connsiteY64" fmla="*/ 636027 h 1493600"/>
              <a:gd name="connsiteX65" fmla="*/ 123986 w 687092"/>
              <a:gd name="connsiteY65" fmla="*/ 574034 h 1493600"/>
              <a:gd name="connsiteX66" fmla="*/ 129153 w 687092"/>
              <a:gd name="connsiteY66" fmla="*/ 532705 h 1493600"/>
              <a:gd name="connsiteX67" fmla="*/ 144651 w 687092"/>
              <a:gd name="connsiteY67" fmla="*/ 357058 h 1493600"/>
              <a:gd name="connsiteX68" fmla="*/ 165315 w 687092"/>
              <a:gd name="connsiteY68" fmla="*/ 310563 h 1493600"/>
              <a:gd name="connsiteX69" fmla="*/ 170481 w 687092"/>
              <a:gd name="connsiteY69" fmla="*/ 289898 h 1493600"/>
              <a:gd name="connsiteX70" fmla="*/ 180814 w 687092"/>
              <a:gd name="connsiteY70" fmla="*/ 279566 h 1493600"/>
              <a:gd name="connsiteX71" fmla="*/ 191146 w 687092"/>
              <a:gd name="connsiteY71" fmla="*/ 264068 h 1493600"/>
              <a:gd name="connsiteX72" fmla="*/ 201478 w 687092"/>
              <a:gd name="connsiteY72" fmla="*/ 227905 h 1493600"/>
              <a:gd name="connsiteX73" fmla="*/ 211810 w 687092"/>
              <a:gd name="connsiteY73" fmla="*/ 196909 h 1493600"/>
              <a:gd name="connsiteX74" fmla="*/ 216976 w 687092"/>
              <a:gd name="connsiteY74" fmla="*/ 181410 h 1493600"/>
              <a:gd name="connsiteX75" fmla="*/ 227309 w 687092"/>
              <a:gd name="connsiteY75" fmla="*/ 171078 h 1493600"/>
              <a:gd name="connsiteX76" fmla="*/ 242807 w 687092"/>
              <a:gd name="connsiteY76" fmla="*/ 140081 h 1493600"/>
              <a:gd name="connsiteX77" fmla="*/ 258305 w 687092"/>
              <a:gd name="connsiteY77" fmla="*/ 124583 h 1493600"/>
              <a:gd name="connsiteX78" fmla="*/ 268637 w 687092"/>
              <a:gd name="connsiteY78" fmla="*/ 109085 h 1493600"/>
              <a:gd name="connsiteX79" fmla="*/ 278970 w 687092"/>
              <a:gd name="connsiteY79" fmla="*/ 98753 h 1493600"/>
              <a:gd name="connsiteX80" fmla="*/ 289302 w 687092"/>
              <a:gd name="connsiteY80" fmla="*/ 83254 h 1493600"/>
              <a:gd name="connsiteX81" fmla="*/ 325464 w 687092"/>
              <a:gd name="connsiteY81" fmla="*/ 62590 h 1493600"/>
              <a:gd name="connsiteX82" fmla="*/ 335797 w 687092"/>
              <a:gd name="connsiteY82" fmla="*/ 52258 h 1493600"/>
              <a:gd name="connsiteX83" fmla="*/ 351295 w 687092"/>
              <a:gd name="connsiteY83" fmla="*/ 41926 h 1493600"/>
              <a:gd name="connsiteX84" fmla="*/ 371959 w 687092"/>
              <a:gd name="connsiteY84" fmla="*/ 10929 h 1493600"/>
              <a:gd name="connsiteX85" fmla="*/ 382292 w 687092"/>
              <a:gd name="connsiteY85"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25098 w 687092"/>
              <a:gd name="connsiteY26" fmla="*/ 1044149 h 1493600"/>
              <a:gd name="connsiteX27" fmla="*/ 609600 w 687092"/>
              <a:gd name="connsiteY27" fmla="*/ 1075146 h 1493600"/>
              <a:gd name="connsiteX28" fmla="*/ 588936 w 687092"/>
              <a:gd name="connsiteY28" fmla="*/ 1121641 h 1493600"/>
              <a:gd name="connsiteX29" fmla="*/ 583770 w 687092"/>
              <a:gd name="connsiteY29" fmla="*/ 1147471 h 1493600"/>
              <a:gd name="connsiteX30" fmla="*/ 578603 w 687092"/>
              <a:gd name="connsiteY30" fmla="*/ 1162970 h 1493600"/>
              <a:gd name="connsiteX31" fmla="*/ 568271 w 687092"/>
              <a:gd name="connsiteY31" fmla="*/ 1204298 h 1493600"/>
              <a:gd name="connsiteX32" fmla="*/ 547607 w 687092"/>
              <a:gd name="connsiteY32" fmla="*/ 1235295 h 1493600"/>
              <a:gd name="connsiteX33" fmla="*/ 542441 w 687092"/>
              <a:gd name="connsiteY33" fmla="*/ 1250793 h 1493600"/>
              <a:gd name="connsiteX34" fmla="*/ 516610 w 687092"/>
              <a:gd name="connsiteY34" fmla="*/ 1271458 h 1493600"/>
              <a:gd name="connsiteX35" fmla="*/ 495946 w 687092"/>
              <a:gd name="connsiteY35" fmla="*/ 1302454 h 1493600"/>
              <a:gd name="connsiteX36" fmla="*/ 485614 w 687092"/>
              <a:gd name="connsiteY36" fmla="*/ 1317953 h 1493600"/>
              <a:gd name="connsiteX37" fmla="*/ 470115 w 687092"/>
              <a:gd name="connsiteY37" fmla="*/ 1369614 h 1493600"/>
              <a:gd name="connsiteX38" fmla="*/ 464949 w 687092"/>
              <a:gd name="connsiteY38" fmla="*/ 1385112 h 1493600"/>
              <a:gd name="connsiteX39" fmla="*/ 454617 w 687092"/>
              <a:gd name="connsiteY39" fmla="*/ 1400610 h 1493600"/>
              <a:gd name="connsiteX40" fmla="*/ 444285 w 687092"/>
              <a:gd name="connsiteY40" fmla="*/ 1426441 h 1493600"/>
              <a:gd name="connsiteX41" fmla="*/ 428786 w 687092"/>
              <a:gd name="connsiteY41" fmla="*/ 1441939 h 1493600"/>
              <a:gd name="connsiteX42" fmla="*/ 418454 w 687092"/>
              <a:gd name="connsiteY42" fmla="*/ 1457437 h 1493600"/>
              <a:gd name="connsiteX43" fmla="*/ 304800 w 687092"/>
              <a:gd name="connsiteY43" fmla="*/ 1462603 h 1493600"/>
              <a:gd name="connsiteX44" fmla="*/ 237641 w 687092"/>
              <a:gd name="connsiteY44" fmla="*/ 1467770 h 1493600"/>
              <a:gd name="connsiteX45" fmla="*/ 175648 w 687092"/>
              <a:gd name="connsiteY45" fmla="*/ 1488434 h 1493600"/>
              <a:gd name="connsiteX46" fmla="*/ 113654 w 687092"/>
              <a:gd name="connsiteY46" fmla="*/ 1493600 h 1493600"/>
              <a:gd name="connsiteX47" fmla="*/ 41329 w 687092"/>
              <a:gd name="connsiteY47" fmla="*/ 1483268 h 1493600"/>
              <a:gd name="connsiteX48" fmla="*/ 25831 w 687092"/>
              <a:gd name="connsiteY48" fmla="*/ 1472936 h 1493600"/>
              <a:gd name="connsiteX49" fmla="*/ 10332 w 687092"/>
              <a:gd name="connsiteY49" fmla="*/ 1410942 h 1493600"/>
              <a:gd name="connsiteX50" fmla="*/ 5166 w 687092"/>
              <a:gd name="connsiteY50" fmla="*/ 1240461 h 1493600"/>
              <a:gd name="connsiteX51" fmla="*/ 0 w 687092"/>
              <a:gd name="connsiteY51" fmla="*/ 1193966 h 1493600"/>
              <a:gd name="connsiteX52" fmla="*/ 15498 w 687092"/>
              <a:gd name="connsiteY52" fmla="*/ 1090644 h 1493600"/>
              <a:gd name="connsiteX53" fmla="*/ 20664 w 687092"/>
              <a:gd name="connsiteY53" fmla="*/ 1064814 h 1493600"/>
              <a:gd name="connsiteX54" fmla="*/ 30997 w 687092"/>
              <a:gd name="connsiteY54" fmla="*/ 1033817 h 1493600"/>
              <a:gd name="connsiteX55" fmla="*/ 36163 w 687092"/>
              <a:gd name="connsiteY55" fmla="*/ 935661 h 1493600"/>
              <a:gd name="connsiteX56" fmla="*/ 46495 w 687092"/>
              <a:gd name="connsiteY56" fmla="*/ 920163 h 1493600"/>
              <a:gd name="connsiteX57" fmla="*/ 56827 w 687092"/>
              <a:gd name="connsiteY57" fmla="*/ 899498 h 1493600"/>
              <a:gd name="connsiteX58" fmla="*/ 77492 w 687092"/>
              <a:gd name="connsiteY58" fmla="*/ 873668 h 1493600"/>
              <a:gd name="connsiteX59" fmla="*/ 77492 w 687092"/>
              <a:gd name="connsiteY59" fmla="*/ 806509 h 1493600"/>
              <a:gd name="connsiteX60" fmla="*/ 87824 w 687092"/>
              <a:gd name="connsiteY60" fmla="*/ 698020 h 1493600"/>
              <a:gd name="connsiteX61" fmla="*/ 98156 w 687092"/>
              <a:gd name="connsiteY61" fmla="*/ 667024 h 1493600"/>
              <a:gd name="connsiteX62" fmla="*/ 108488 w 687092"/>
              <a:gd name="connsiteY62" fmla="*/ 651526 h 1493600"/>
              <a:gd name="connsiteX63" fmla="*/ 113654 w 687092"/>
              <a:gd name="connsiteY63" fmla="*/ 636027 h 1493600"/>
              <a:gd name="connsiteX64" fmla="*/ 123986 w 687092"/>
              <a:gd name="connsiteY64" fmla="*/ 574034 h 1493600"/>
              <a:gd name="connsiteX65" fmla="*/ 129153 w 687092"/>
              <a:gd name="connsiteY65" fmla="*/ 532705 h 1493600"/>
              <a:gd name="connsiteX66" fmla="*/ 144651 w 687092"/>
              <a:gd name="connsiteY66" fmla="*/ 357058 h 1493600"/>
              <a:gd name="connsiteX67" fmla="*/ 165315 w 687092"/>
              <a:gd name="connsiteY67" fmla="*/ 310563 h 1493600"/>
              <a:gd name="connsiteX68" fmla="*/ 170481 w 687092"/>
              <a:gd name="connsiteY68" fmla="*/ 289898 h 1493600"/>
              <a:gd name="connsiteX69" fmla="*/ 180814 w 687092"/>
              <a:gd name="connsiteY69" fmla="*/ 279566 h 1493600"/>
              <a:gd name="connsiteX70" fmla="*/ 191146 w 687092"/>
              <a:gd name="connsiteY70" fmla="*/ 264068 h 1493600"/>
              <a:gd name="connsiteX71" fmla="*/ 201478 w 687092"/>
              <a:gd name="connsiteY71" fmla="*/ 227905 h 1493600"/>
              <a:gd name="connsiteX72" fmla="*/ 211810 w 687092"/>
              <a:gd name="connsiteY72" fmla="*/ 196909 h 1493600"/>
              <a:gd name="connsiteX73" fmla="*/ 216976 w 687092"/>
              <a:gd name="connsiteY73" fmla="*/ 181410 h 1493600"/>
              <a:gd name="connsiteX74" fmla="*/ 227309 w 687092"/>
              <a:gd name="connsiteY74" fmla="*/ 171078 h 1493600"/>
              <a:gd name="connsiteX75" fmla="*/ 242807 w 687092"/>
              <a:gd name="connsiteY75" fmla="*/ 140081 h 1493600"/>
              <a:gd name="connsiteX76" fmla="*/ 258305 w 687092"/>
              <a:gd name="connsiteY76" fmla="*/ 124583 h 1493600"/>
              <a:gd name="connsiteX77" fmla="*/ 268637 w 687092"/>
              <a:gd name="connsiteY77" fmla="*/ 109085 h 1493600"/>
              <a:gd name="connsiteX78" fmla="*/ 278970 w 687092"/>
              <a:gd name="connsiteY78" fmla="*/ 98753 h 1493600"/>
              <a:gd name="connsiteX79" fmla="*/ 289302 w 687092"/>
              <a:gd name="connsiteY79" fmla="*/ 83254 h 1493600"/>
              <a:gd name="connsiteX80" fmla="*/ 325464 w 687092"/>
              <a:gd name="connsiteY80" fmla="*/ 62590 h 1493600"/>
              <a:gd name="connsiteX81" fmla="*/ 335797 w 687092"/>
              <a:gd name="connsiteY81" fmla="*/ 52258 h 1493600"/>
              <a:gd name="connsiteX82" fmla="*/ 351295 w 687092"/>
              <a:gd name="connsiteY82" fmla="*/ 41926 h 1493600"/>
              <a:gd name="connsiteX83" fmla="*/ 371959 w 687092"/>
              <a:gd name="connsiteY83" fmla="*/ 10929 h 1493600"/>
              <a:gd name="connsiteX84" fmla="*/ 382292 w 687092"/>
              <a:gd name="connsiteY84"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609600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88936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83770 w 687092"/>
              <a:gd name="connsiteY28" fmla="*/ 1147471 h 1493600"/>
              <a:gd name="connsiteX29" fmla="*/ 578603 w 687092"/>
              <a:gd name="connsiteY29" fmla="*/ 1162970 h 1493600"/>
              <a:gd name="connsiteX30" fmla="*/ 568271 w 687092"/>
              <a:gd name="connsiteY30" fmla="*/ 1204298 h 1493600"/>
              <a:gd name="connsiteX31" fmla="*/ 547607 w 687092"/>
              <a:gd name="connsiteY31" fmla="*/ 1235295 h 1493600"/>
              <a:gd name="connsiteX32" fmla="*/ 542441 w 687092"/>
              <a:gd name="connsiteY32" fmla="*/ 1250793 h 1493600"/>
              <a:gd name="connsiteX33" fmla="*/ 516610 w 687092"/>
              <a:gd name="connsiteY33" fmla="*/ 1271458 h 1493600"/>
              <a:gd name="connsiteX34" fmla="*/ 495946 w 687092"/>
              <a:gd name="connsiteY34" fmla="*/ 1302454 h 1493600"/>
              <a:gd name="connsiteX35" fmla="*/ 485614 w 687092"/>
              <a:gd name="connsiteY35" fmla="*/ 1317953 h 1493600"/>
              <a:gd name="connsiteX36" fmla="*/ 470115 w 687092"/>
              <a:gd name="connsiteY36" fmla="*/ 1369614 h 1493600"/>
              <a:gd name="connsiteX37" fmla="*/ 464949 w 687092"/>
              <a:gd name="connsiteY37" fmla="*/ 1385112 h 1493600"/>
              <a:gd name="connsiteX38" fmla="*/ 454617 w 687092"/>
              <a:gd name="connsiteY38" fmla="*/ 1400610 h 1493600"/>
              <a:gd name="connsiteX39" fmla="*/ 444285 w 687092"/>
              <a:gd name="connsiteY39" fmla="*/ 1426441 h 1493600"/>
              <a:gd name="connsiteX40" fmla="*/ 428786 w 687092"/>
              <a:gd name="connsiteY40" fmla="*/ 1441939 h 1493600"/>
              <a:gd name="connsiteX41" fmla="*/ 418454 w 687092"/>
              <a:gd name="connsiteY41" fmla="*/ 1457437 h 1493600"/>
              <a:gd name="connsiteX42" fmla="*/ 304800 w 687092"/>
              <a:gd name="connsiteY42" fmla="*/ 1462603 h 1493600"/>
              <a:gd name="connsiteX43" fmla="*/ 237641 w 687092"/>
              <a:gd name="connsiteY43" fmla="*/ 1467770 h 1493600"/>
              <a:gd name="connsiteX44" fmla="*/ 175648 w 687092"/>
              <a:gd name="connsiteY44" fmla="*/ 1488434 h 1493600"/>
              <a:gd name="connsiteX45" fmla="*/ 113654 w 687092"/>
              <a:gd name="connsiteY45" fmla="*/ 1493600 h 1493600"/>
              <a:gd name="connsiteX46" fmla="*/ 41329 w 687092"/>
              <a:gd name="connsiteY46" fmla="*/ 1483268 h 1493600"/>
              <a:gd name="connsiteX47" fmla="*/ 25831 w 687092"/>
              <a:gd name="connsiteY47" fmla="*/ 1472936 h 1493600"/>
              <a:gd name="connsiteX48" fmla="*/ 10332 w 687092"/>
              <a:gd name="connsiteY48" fmla="*/ 1410942 h 1493600"/>
              <a:gd name="connsiteX49" fmla="*/ 5166 w 687092"/>
              <a:gd name="connsiteY49" fmla="*/ 1240461 h 1493600"/>
              <a:gd name="connsiteX50" fmla="*/ 0 w 687092"/>
              <a:gd name="connsiteY50" fmla="*/ 1193966 h 1493600"/>
              <a:gd name="connsiteX51" fmla="*/ 15498 w 687092"/>
              <a:gd name="connsiteY51" fmla="*/ 1090644 h 1493600"/>
              <a:gd name="connsiteX52" fmla="*/ 20664 w 687092"/>
              <a:gd name="connsiteY52" fmla="*/ 1064814 h 1493600"/>
              <a:gd name="connsiteX53" fmla="*/ 30997 w 687092"/>
              <a:gd name="connsiteY53" fmla="*/ 1033817 h 1493600"/>
              <a:gd name="connsiteX54" fmla="*/ 36163 w 687092"/>
              <a:gd name="connsiteY54" fmla="*/ 935661 h 1493600"/>
              <a:gd name="connsiteX55" fmla="*/ 46495 w 687092"/>
              <a:gd name="connsiteY55" fmla="*/ 920163 h 1493600"/>
              <a:gd name="connsiteX56" fmla="*/ 56827 w 687092"/>
              <a:gd name="connsiteY56" fmla="*/ 899498 h 1493600"/>
              <a:gd name="connsiteX57" fmla="*/ 77492 w 687092"/>
              <a:gd name="connsiteY57" fmla="*/ 873668 h 1493600"/>
              <a:gd name="connsiteX58" fmla="*/ 77492 w 687092"/>
              <a:gd name="connsiteY58" fmla="*/ 806509 h 1493600"/>
              <a:gd name="connsiteX59" fmla="*/ 87824 w 687092"/>
              <a:gd name="connsiteY59" fmla="*/ 698020 h 1493600"/>
              <a:gd name="connsiteX60" fmla="*/ 98156 w 687092"/>
              <a:gd name="connsiteY60" fmla="*/ 667024 h 1493600"/>
              <a:gd name="connsiteX61" fmla="*/ 108488 w 687092"/>
              <a:gd name="connsiteY61" fmla="*/ 651526 h 1493600"/>
              <a:gd name="connsiteX62" fmla="*/ 113654 w 687092"/>
              <a:gd name="connsiteY62" fmla="*/ 636027 h 1493600"/>
              <a:gd name="connsiteX63" fmla="*/ 123986 w 687092"/>
              <a:gd name="connsiteY63" fmla="*/ 574034 h 1493600"/>
              <a:gd name="connsiteX64" fmla="*/ 129153 w 687092"/>
              <a:gd name="connsiteY64" fmla="*/ 532705 h 1493600"/>
              <a:gd name="connsiteX65" fmla="*/ 144651 w 687092"/>
              <a:gd name="connsiteY65" fmla="*/ 357058 h 1493600"/>
              <a:gd name="connsiteX66" fmla="*/ 165315 w 687092"/>
              <a:gd name="connsiteY66" fmla="*/ 310563 h 1493600"/>
              <a:gd name="connsiteX67" fmla="*/ 170481 w 687092"/>
              <a:gd name="connsiteY67" fmla="*/ 289898 h 1493600"/>
              <a:gd name="connsiteX68" fmla="*/ 180814 w 687092"/>
              <a:gd name="connsiteY68" fmla="*/ 279566 h 1493600"/>
              <a:gd name="connsiteX69" fmla="*/ 191146 w 687092"/>
              <a:gd name="connsiteY69" fmla="*/ 264068 h 1493600"/>
              <a:gd name="connsiteX70" fmla="*/ 201478 w 687092"/>
              <a:gd name="connsiteY70" fmla="*/ 227905 h 1493600"/>
              <a:gd name="connsiteX71" fmla="*/ 211810 w 687092"/>
              <a:gd name="connsiteY71" fmla="*/ 196909 h 1493600"/>
              <a:gd name="connsiteX72" fmla="*/ 216976 w 687092"/>
              <a:gd name="connsiteY72" fmla="*/ 181410 h 1493600"/>
              <a:gd name="connsiteX73" fmla="*/ 227309 w 687092"/>
              <a:gd name="connsiteY73" fmla="*/ 171078 h 1493600"/>
              <a:gd name="connsiteX74" fmla="*/ 242807 w 687092"/>
              <a:gd name="connsiteY74" fmla="*/ 140081 h 1493600"/>
              <a:gd name="connsiteX75" fmla="*/ 258305 w 687092"/>
              <a:gd name="connsiteY75" fmla="*/ 124583 h 1493600"/>
              <a:gd name="connsiteX76" fmla="*/ 268637 w 687092"/>
              <a:gd name="connsiteY76" fmla="*/ 109085 h 1493600"/>
              <a:gd name="connsiteX77" fmla="*/ 278970 w 687092"/>
              <a:gd name="connsiteY77" fmla="*/ 98753 h 1493600"/>
              <a:gd name="connsiteX78" fmla="*/ 289302 w 687092"/>
              <a:gd name="connsiteY78" fmla="*/ 83254 h 1493600"/>
              <a:gd name="connsiteX79" fmla="*/ 325464 w 687092"/>
              <a:gd name="connsiteY79" fmla="*/ 62590 h 1493600"/>
              <a:gd name="connsiteX80" fmla="*/ 335797 w 687092"/>
              <a:gd name="connsiteY80" fmla="*/ 52258 h 1493600"/>
              <a:gd name="connsiteX81" fmla="*/ 351295 w 687092"/>
              <a:gd name="connsiteY81" fmla="*/ 41926 h 1493600"/>
              <a:gd name="connsiteX82" fmla="*/ 371959 w 687092"/>
              <a:gd name="connsiteY82" fmla="*/ 10929 h 1493600"/>
              <a:gd name="connsiteX83" fmla="*/ 382292 w 687092"/>
              <a:gd name="connsiteY83"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78603 w 687092"/>
              <a:gd name="connsiteY28" fmla="*/ 1162970 h 1493600"/>
              <a:gd name="connsiteX29" fmla="*/ 568271 w 687092"/>
              <a:gd name="connsiteY29" fmla="*/ 1204298 h 1493600"/>
              <a:gd name="connsiteX30" fmla="*/ 547607 w 687092"/>
              <a:gd name="connsiteY30" fmla="*/ 1235295 h 1493600"/>
              <a:gd name="connsiteX31" fmla="*/ 542441 w 687092"/>
              <a:gd name="connsiteY31" fmla="*/ 1250793 h 1493600"/>
              <a:gd name="connsiteX32" fmla="*/ 516610 w 687092"/>
              <a:gd name="connsiteY32" fmla="*/ 1271458 h 1493600"/>
              <a:gd name="connsiteX33" fmla="*/ 495946 w 687092"/>
              <a:gd name="connsiteY33" fmla="*/ 1302454 h 1493600"/>
              <a:gd name="connsiteX34" fmla="*/ 485614 w 687092"/>
              <a:gd name="connsiteY34" fmla="*/ 1317953 h 1493600"/>
              <a:gd name="connsiteX35" fmla="*/ 470115 w 687092"/>
              <a:gd name="connsiteY35" fmla="*/ 1369614 h 1493600"/>
              <a:gd name="connsiteX36" fmla="*/ 464949 w 687092"/>
              <a:gd name="connsiteY36" fmla="*/ 1385112 h 1493600"/>
              <a:gd name="connsiteX37" fmla="*/ 454617 w 687092"/>
              <a:gd name="connsiteY37" fmla="*/ 1400610 h 1493600"/>
              <a:gd name="connsiteX38" fmla="*/ 444285 w 687092"/>
              <a:gd name="connsiteY38" fmla="*/ 1426441 h 1493600"/>
              <a:gd name="connsiteX39" fmla="*/ 428786 w 687092"/>
              <a:gd name="connsiteY39" fmla="*/ 1441939 h 1493600"/>
              <a:gd name="connsiteX40" fmla="*/ 418454 w 687092"/>
              <a:gd name="connsiteY40" fmla="*/ 1457437 h 1493600"/>
              <a:gd name="connsiteX41" fmla="*/ 304800 w 687092"/>
              <a:gd name="connsiteY41" fmla="*/ 1462603 h 1493600"/>
              <a:gd name="connsiteX42" fmla="*/ 237641 w 687092"/>
              <a:gd name="connsiteY42" fmla="*/ 1467770 h 1493600"/>
              <a:gd name="connsiteX43" fmla="*/ 175648 w 687092"/>
              <a:gd name="connsiteY43" fmla="*/ 1488434 h 1493600"/>
              <a:gd name="connsiteX44" fmla="*/ 113654 w 687092"/>
              <a:gd name="connsiteY44" fmla="*/ 1493600 h 1493600"/>
              <a:gd name="connsiteX45" fmla="*/ 41329 w 687092"/>
              <a:gd name="connsiteY45" fmla="*/ 1483268 h 1493600"/>
              <a:gd name="connsiteX46" fmla="*/ 25831 w 687092"/>
              <a:gd name="connsiteY46" fmla="*/ 1472936 h 1493600"/>
              <a:gd name="connsiteX47" fmla="*/ 10332 w 687092"/>
              <a:gd name="connsiteY47" fmla="*/ 1410942 h 1493600"/>
              <a:gd name="connsiteX48" fmla="*/ 5166 w 687092"/>
              <a:gd name="connsiteY48" fmla="*/ 1240461 h 1493600"/>
              <a:gd name="connsiteX49" fmla="*/ 0 w 687092"/>
              <a:gd name="connsiteY49" fmla="*/ 1193966 h 1493600"/>
              <a:gd name="connsiteX50" fmla="*/ 15498 w 687092"/>
              <a:gd name="connsiteY50" fmla="*/ 1090644 h 1493600"/>
              <a:gd name="connsiteX51" fmla="*/ 20664 w 687092"/>
              <a:gd name="connsiteY51" fmla="*/ 1064814 h 1493600"/>
              <a:gd name="connsiteX52" fmla="*/ 30997 w 687092"/>
              <a:gd name="connsiteY52" fmla="*/ 1033817 h 1493600"/>
              <a:gd name="connsiteX53" fmla="*/ 36163 w 687092"/>
              <a:gd name="connsiteY53" fmla="*/ 935661 h 1493600"/>
              <a:gd name="connsiteX54" fmla="*/ 46495 w 687092"/>
              <a:gd name="connsiteY54" fmla="*/ 920163 h 1493600"/>
              <a:gd name="connsiteX55" fmla="*/ 56827 w 687092"/>
              <a:gd name="connsiteY55" fmla="*/ 899498 h 1493600"/>
              <a:gd name="connsiteX56" fmla="*/ 77492 w 687092"/>
              <a:gd name="connsiteY56" fmla="*/ 873668 h 1493600"/>
              <a:gd name="connsiteX57" fmla="*/ 77492 w 687092"/>
              <a:gd name="connsiteY57" fmla="*/ 806509 h 1493600"/>
              <a:gd name="connsiteX58" fmla="*/ 87824 w 687092"/>
              <a:gd name="connsiteY58" fmla="*/ 698020 h 1493600"/>
              <a:gd name="connsiteX59" fmla="*/ 98156 w 687092"/>
              <a:gd name="connsiteY59" fmla="*/ 667024 h 1493600"/>
              <a:gd name="connsiteX60" fmla="*/ 108488 w 687092"/>
              <a:gd name="connsiteY60" fmla="*/ 651526 h 1493600"/>
              <a:gd name="connsiteX61" fmla="*/ 113654 w 687092"/>
              <a:gd name="connsiteY61" fmla="*/ 636027 h 1493600"/>
              <a:gd name="connsiteX62" fmla="*/ 123986 w 687092"/>
              <a:gd name="connsiteY62" fmla="*/ 574034 h 1493600"/>
              <a:gd name="connsiteX63" fmla="*/ 129153 w 687092"/>
              <a:gd name="connsiteY63" fmla="*/ 532705 h 1493600"/>
              <a:gd name="connsiteX64" fmla="*/ 144651 w 687092"/>
              <a:gd name="connsiteY64" fmla="*/ 357058 h 1493600"/>
              <a:gd name="connsiteX65" fmla="*/ 165315 w 687092"/>
              <a:gd name="connsiteY65" fmla="*/ 310563 h 1493600"/>
              <a:gd name="connsiteX66" fmla="*/ 170481 w 687092"/>
              <a:gd name="connsiteY66" fmla="*/ 289898 h 1493600"/>
              <a:gd name="connsiteX67" fmla="*/ 180814 w 687092"/>
              <a:gd name="connsiteY67" fmla="*/ 279566 h 1493600"/>
              <a:gd name="connsiteX68" fmla="*/ 191146 w 687092"/>
              <a:gd name="connsiteY68" fmla="*/ 264068 h 1493600"/>
              <a:gd name="connsiteX69" fmla="*/ 201478 w 687092"/>
              <a:gd name="connsiteY69" fmla="*/ 227905 h 1493600"/>
              <a:gd name="connsiteX70" fmla="*/ 211810 w 687092"/>
              <a:gd name="connsiteY70" fmla="*/ 196909 h 1493600"/>
              <a:gd name="connsiteX71" fmla="*/ 216976 w 687092"/>
              <a:gd name="connsiteY71" fmla="*/ 181410 h 1493600"/>
              <a:gd name="connsiteX72" fmla="*/ 227309 w 687092"/>
              <a:gd name="connsiteY72" fmla="*/ 171078 h 1493600"/>
              <a:gd name="connsiteX73" fmla="*/ 242807 w 687092"/>
              <a:gd name="connsiteY73" fmla="*/ 140081 h 1493600"/>
              <a:gd name="connsiteX74" fmla="*/ 258305 w 687092"/>
              <a:gd name="connsiteY74" fmla="*/ 124583 h 1493600"/>
              <a:gd name="connsiteX75" fmla="*/ 268637 w 687092"/>
              <a:gd name="connsiteY75" fmla="*/ 109085 h 1493600"/>
              <a:gd name="connsiteX76" fmla="*/ 278970 w 687092"/>
              <a:gd name="connsiteY76" fmla="*/ 98753 h 1493600"/>
              <a:gd name="connsiteX77" fmla="*/ 289302 w 687092"/>
              <a:gd name="connsiteY77" fmla="*/ 83254 h 1493600"/>
              <a:gd name="connsiteX78" fmla="*/ 325464 w 687092"/>
              <a:gd name="connsiteY78" fmla="*/ 62590 h 1493600"/>
              <a:gd name="connsiteX79" fmla="*/ 335797 w 687092"/>
              <a:gd name="connsiteY79" fmla="*/ 52258 h 1493600"/>
              <a:gd name="connsiteX80" fmla="*/ 351295 w 687092"/>
              <a:gd name="connsiteY80" fmla="*/ 41926 h 1493600"/>
              <a:gd name="connsiteX81" fmla="*/ 371959 w 687092"/>
              <a:gd name="connsiteY81" fmla="*/ 10929 h 1493600"/>
              <a:gd name="connsiteX82" fmla="*/ 382292 w 687092"/>
              <a:gd name="connsiteY82"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68271 w 687092"/>
              <a:gd name="connsiteY28" fmla="*/ 1204298 h 1493600"/>
              <a:gd name="connsiteX29" fmla="*/ 547607 w 687092"/>
              <a:gd name="connsiteY29" fmla="*/ 1235295 h 1493600"/>
              <a:gd name="connsiteX30" fmla="*/ 542441 w 687092"/>
              <a:gd name="connsiteY30" fmla="*/ 1250793 h 1493600"/>
              <a:gd name="connsiteX31" fmla="*/ 516610 w 687092"/>
              <a:gd name="connsiteY31" fmla="*/ 1271458 h 1493600"/>
              <a:gd name="connsiteX32" fmla="*/ 495946 w 687092"/>
              <a:gd name="connsiteY32" fmla="*/ 1302454 h 1493600"/>
              <a:gd name="connsiteX33" fmla="*/ 485614 w 687092"/>
              <a:gd name="connsiteY33" fmla="*/ 1317953 h 1493600"/>
              <a:gd name="connsiteX34" fmla="*/ 470115 w 687092"/>
              <a:gd name="connsiteY34" fmla="*/ 1369614 h 1493600"/>
              <a:gd name="connsiteX35" fmla="*/ 464949 w 687092"/>
              <a:gd name="connsiteY35" fmla="*/ 1385112 h 1493600"/>
              <a:gd name="connsiteX36" fmla="*/ 454617 w 687092"/>
              <a:gd name="connsiteY36" fmla="*/ 1400610 h 1493600"/>
              <a:gd name="connsiteX37" fmla="*/ 444285 w 687092"/>
              <a:gd name="connsiteY37" fmla="*/ 1426441 h 1493600"/>
              <a:gd name="connsiteX38" fmla="*/ 428786 w 687092"/>
              <a:gd name="connsiteY38" fmla="*/ 1441939 h 1493600"/>
              <a:gd name="connsiteX39" fmla="*/ 418454 w 687092"/>
              <a:gd name="connsiteY39" fmla="*/ 1457437 h 1493600"/>
              <a:gd name="connsiteX40" fmla="*/ 304800 w 687092"/>
              <a:gd name="connsiteY40" fmla="*/ 1462603 h 1493600"/>
              <a:gd name="connsiteX41" fmla="*/ 237641 w 687092"/>
              <a:gd name="connsiteY41" fmla="*/ 1467770 h 1493600"/>
              <a:gd name="connsiteX42" fmla="*/ 175648 w 687092"/>
              <a:gd name="connsiteY42" fmla="*/ 1488434 h 1493600"/>
              <a:gd name="connsiteX43" fmla="*/ 113654 w 687092"/>
              <a:gd name="connsiteY43" fmla="*/ 1493600 h 1493600"/>
              <a:gd name="connsiteX44" fmla="*/ 41329 w 687092"/>
              <a:gd name="connsiteY44" fmla="*/ 1483268 h 1493600"/>
              <a:gd name="connsiteX45" fmla="*/ 25831 w 687092"/>
              <a:gd name="connsiteY45" fmla="*/ 1472936 h 1493600"/>
              <a:gd name="connsiteX46" fmla="*/ 10332 w 687092"/>
              <a:gd name="connsiteY46" fmla="*/ 1410942 h 1493600"/>
              <a:gd name="connsiteX47" fmla="*/ 5166 w 687092"/>
              <a:gd name="connsiteY47" fmla="*/ 1240461 h 1493600"/>
              <a:gd name="connsiteX48" fmla="*/ 0 w 687092"/>
              <a:gd name="connsiteY48" fmla="*/ 1193966 h 1493600"/>
              <a:gd name="connsiteX49" fmla="*/ 15498 w 687092"/>
              <a:gd name="connsiteY49" fmla="*/ 1090644 h 1493600"/>
              <a:gd name="connsiteX50" fmla="*/ 20664 w 687092"/>
              <a:gd name="connsiteY50" fmla="*/ 1064814 h 1493600"/>
              <a:gd name="connsiteX51" fmla="*/ 30997 w 687092"/>
              <a:gd name="connsiteY51" fmla="*/ 1033817 h 1493600"/>
              <a:gd name="connsiteX52" fmla="*/ 36163 w 687092"/>
              <a:gd name="connsiteY52" fmla="*/ 935661 h 1493600"/>
              <a:gd name="connsiteX53" fmla="*/ 46495 w 687092"/>
              <a:gd name="connsiteY53" fmla="*/ 920163 h 1493600"/>
              <a:gd name="connsiteX54" fmla="*/ 56827 w 687092"/>
              <a:gd name="connsiteY54" fmla="*/ 899498 h 1493600"/>
              <a:gd name="connsiteX55" fmla="*/ 77492 w 687092"/>
              <a:gd name="connsiteY55" fmla="*/ 873668 h 1493600"/>
              <a:gd name="connsiteX56" fmla="*/ 77492 w 687092"/>
              <a:gd name="connsiteY56" fmla="*/ 806509 h 1493600"/>
              <a:gd name="connsiteX57" fmla="*/ 87824 w 687092"/>
              <a:gd name="connsiteY57" fmla="*/ 698020 h 1493600"/>
              <a:gd name="connsiteX58" fmla="*/ 98156 w 687092"/>
              <a:gd name="connsiteY58" fmla="*/ 667024 h 1493600"/>
              <a:gd name="connsiteX59" fmla="*/ 108488 w 687092"/>
              <a:gd name="connsiteY59" fmla="*/ 651526 h 1493600"/>
              <a:gd name="connsiteX60" fmla="*/ 113654 w 687092"/>
              <a:gd name="connsiteY60" fmla="*/ 636027 h 1493600"/>
              <a:gd name="connsiteX61" fmla="*/ 123986 w 687092"/>
              <a:gd name="connsiteY61" fmla="*/ 574034 h 1493600"/>
              <a:gd name="connsiteX62" fmla="*/ 129153 w 687092"/>
              <a:gd name="connsiteY62" fmla="*/ 532705 h 1493600"/>
              <a:gd name="connsiteX63" fmla="*/ 144651 w 687092"/>
              <a:gd name="connsiteY63" fmla="*/ 357058 h 1493600"/>
              <a:gd name="connsiteX64" fmla="*/ 165315 w 687092"/>
              <a:gd name="connsiteY64" fmla="*/ 310563 h 1493600"/>
              <a:gd name="connsiteX65" fmla="*/ 170481 w 687092"/>
              <a:gd name="connsiteY65" fmla="*/ 289898 h 1493600"/>
              <a:gd name="connsiteX66" fmla="*/ 180814 w 687092"/>
              <a:gd name="connsiteY66" fmla="*/ 279566 h 1493600"/>
              <a:gd name="connsiteX67" fmla="*/ 191146 w 687092"/>
              <a:gd name="connsiteY67" fmla="*/ 264068 h 1493600"/>
              <a:gd name="connsiteX68" fmla="*/ 201478 w 687092"/>
              <a:gd name="connsiteY68" fmla="*/ 227905 h 1493600"/>
              <a:gd name="connsiteX69" fmla="*/ 211810 w 687092"/>
              <a:gd name="connsiteY69" fmla="*/ 196909 h 1493600"/>
              <a:gd name="connsiteX70" fmla="*/ 216976 w 687092"/>
              <a:gd name="connsiteY70" fmla="*/ 181410 h 1493600"/>
              <a:gd name="connsiteX71" fmla="*/ 227309 w 687092"/>
              <a:gd name="connsiteY71" fmla="*/ 171078 h 1493600"/>
              <a:gd name="connsiteX72" fmla="*/ 242807 w 687092"/>
              <a:gd name="connsiteY72" fmla="*/ 140081 h 1493600"/>
              <a:gd name="connsiteX73" fmla="*/ 258305 w 687092"/>
              <a:gd name="connsiteY73" fmla="*/ 124583 h 1493600"/>
              <a:gd name="connsiteX74" fmla="*/ 268637 w 687092"/>
              <a:gd name="connsiteY74" fmla="*/ 109085 h 1493600"/>
              <a:gd name="connsiteX75" fmla="*/ 278970 w 687092"/>
              <a:gd name="connsiteY75" fmla="*/ 98753 h 1493600"/>
              <a:gd name="connsiteX76" fmla="*/ 289302 w 687092"/>
              <a:gd name="connsiteY76" fmla="*/ 83254 h 1493600"/>
              <a:gd name="connsiteX77" fmla="*/ 325464 w 687092"/>
              <a:gd name="connsiteY77" fmla="*/ 62590 h 1493600"/>
              <a:gd name="connsiteX78" fmla="*/ 335797 w 687092"/>
              <a:gd name="connsiteY78" fmla="*/ 52258 h 1493600"/>
              <a:gd name="connsiteX79" fmla="*/ 351295 w 687092"/>
              <a:gd name="connsiteY79" fmla="*/ 41926 h 1493600"/>
              <a:gd name="connsiteX80" fmla="*/ 371959 w 687092"/>
              <a:gd name="connsiteY80" fmla="*/ 10929 h 1493600"/>
              <a:gd name="connsiteX81" fmla="*/ 382292 w 687092"/>
              <a:gd name="connsiteY81"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47607 w 687092"/>
              <a:gd name="connsiteY28" fmla="*/ 1235295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42441 w 687092"/>
              <a:gd name="connsiteY29" fmla="*/ 1250793 h 1493600"/>
              <a:gd name="connsiteX30" fmla="*/ 516610 w 687092"/>
              <a:gd name="connsiteY30" fmla="*/ 1271458 h 1493600"/>
              <a:gd name="connsiteX31" fmla="*/ 495946 w 687092"/>
              <a:gd name="connsiteY31" fmla="*/ 1302454 h 1493600"/>
              <a:gd name="connsiteX32" fmla="*/ 485614 w 687092"/>
              <a:gd name="connsiteY32" fmla="*/ 1317953 h 1493600"/>
              <a:gd name="connsiteX33" fmla="*/ 470115 w 687092"/>
              <a:gd name="connsiteY33" fmla="*/ 1369614 h 1493600"/>
              <a:gd name="connsiteX34" fmla="*/ 464949 w 687092"/>
              <a:gd name="connsiteY34" fmla="*/ 1385112 h 1493600"/>
              <a:gd name="connsiteX35" fmla="*/ 454617 w 687092"/>
              <a:gd name="connsiteY35" fmla="*/ 1400610 h 1493600"/>
              <a:gd name="connsiteX36" fmla="*/ 444285 w 687092"/>
              <a:gd name="connsiteY36" fmla="*/ 1426441 h 1493600"/>
              <a:gd name="connsiteX37" fmla="*/ 428786 w 687092"/>
              <a:gd name="connsiteY37" fmla="*/ 1441939 h 1493600"/>
              <a:gd name="connsiteX38" fmla="*/ 418454 w 687092"/>
              <a:gd name="connsiteY38" fmla="*/ 1457437 h 1493600"/>
              <a:gd name="connsiteX39" fmla="*/ 304800 w 687092"/>
              <a:gd name="connsiteY39" fmla="*/ 1462603 h 1493600"/>
              <a:gd name="connsiteX40" fmla="*/ 237641 w 687092"/>
              <a:gd name="connsiteY40" fmla="*/ 1467770 h 1493600"/>
              <a:gd name="connsiteX41" fmla="*/ 175648 w 687092"/>
              <a:gd name="connsiteY41" fmla="*/ 1488434 h 1493600"/>
              <a:gd name="connsiteX42" fmla="*/ 113654 w 687092"/>
              <a:gd name="connsiteY42" fmla="*/ 1493600 h 1493600"/>
              <a:gd name="connsiteX43" fmla="*/ 41329 w 687092"/>
              <a:gd name="connsiteY43" fmla="*/ 1483268 h 1493600"/>
              <a:gd name="connsiteX44" fmla="*/ 25831 w 687092"/>
              <a:gd name="connsiteY44" fmla="*/ 1472936 h 1493600"/>
              <a:gd name="connsiteX45" fmla="*/ 10332 w 687092"/>
              <a:gd name="connsiteY45" fmla="*/ 1410942 h 1493600"/>
              <a:gd name="connsiteX46" fmla="*/ 5166 w 687092"/>
              <a:gd name="connsiteY46" fmla="*/ 1240461 h 1493600"/>
              <a:gd name="connsiteX47" fmla="*/ 0 w 687092"/>
              <a:gd name="connsiteY47" fmla="*/ 1193966 h 1493600"/>
              <a:gd name="connsiteX48" fmla="*/ 15498 w 687092"/>
              <a:gd name="connsiteY48" fmla="*/ 1090644 h 1493600"/>
              <a:gd name="connsiteX49" fmla="*/ 20664 w 687092"/>
              <a:gd name="connsiteY49" fmla="*/ 1064814 h 1493600"/>
              <a:gd name="connsiteX50" fmla="*/ 30997 w 687092"/>
              <a:gd name="connsiteY50" fmla="*/ 1033817 h 1493600"/>
              <a:gd name="connsiteX51" fmla="*/ 36163 w 687092"/>
              <a:gd name="connsiteY51" fmla="*/ 935661 h 1493600"/>
              <a:gd name="connsiteX52" fmla="*/ 46495 w 687092"/>
              <a:gd name="connsiteY52" fmla="*/ 920163 h 1493600"/>
              <a:gd name="connsiteX53" fmla="*/ 56827 w 687092"/>
              <a:gd name="connsiteY53" fmla="*/ 899498 h 1493600"/>
              <a:gd name="connsiteX54" fmla="*/ 77492 w 687092"/>
              <a:gd name="connsiteY54" fmla="*/ 873668 h 1493600"/>
              <a:gd name="connsiteX55" fmla="*/ 77492 w 687092"/>
              <a:gd name="connsiteY55" fmla="*/ 806509 h 1493600"/>
              <a:gd name="connsiteX56" fmla="*/ 87824 w 687092"/>
              <a:gd name="connsiteY56" fmla="*/ 698020 h 1493600"/>
              <a:gd name="connsiteX57" fmla="*/ 98156 w 687092"/>
              <a:gd name="connsiteY57" fmla="*/ 667024 h 1493600"/>
              <a:gd name="connsiteX58" fmla="*/ 108488 w 687092"/>
              <a:gd name="connsiteY58" fmla="*/ 651526 h 1493600"/>
              <a:gd name="connsiteX59" fmla="*/ 113654 w 687092"/>
              <a:gd name="connsiteY59" fmla="*/ 636027 h 1493600"/>
              <a:gd name="connsiteX60" fmla="*/ 123986 w 687092"/>
              <a:gd name="connsiteY60" fmla="*/ 574034 h 1493600"/>
              <a:gd name="connsiteX61" fmla="*/ 129153 w 687092"/>
              <a:gd name="connsiteY61" fmla="*/ 532705 h 1493600"/>
              <a:gd name="connsiteX62" fmla="*/ 144651 w 687092"/>
              <a:gd name="connsiteY62" fmla="*/ 357058 h 1493600"/>
              <a:gd name="connsiteX63" fmla="*/ 165315 w 687092"/>
              <a:gd name="connsiteY63" fmla="*/ 310563 h 1493600"/>
              <a:gd name="connsiteX64" fmla="*/ 170481 w 687092"/>
              <a:gd name="connsiteY64" fmla="*/ 289898 h 1493600"/>
              <a:gd name="connsiteX65" fmla="*/ 180814 w 687092"/>
              <a:gd name="connsiteY65" fmla="*/ 279566 h 1493600"/>
              <a:gd name="connsiteX66" fmla="*/ 191146 w 687092"/>
              <a:gd name="connsiteY66" fmla="*/ 264068 h 1493600"/>
              <a:gd name="connsiteX67" fmla="*/ 201478 w 687092"/>
              <a:gd name="connsiteY67" fmla="*/ 227905 h 1493600"/>
              <a:gd name="connsiteX68" fmla="*/ 211810 w 687092"/>
              <a:gd name="connsiteY68" fmla="*/ 196909 h 1493600"/>
              <a:gd name="connsiteX69" fmla="*/ 216976 w 687092"/>
              <a:gd name="connsiteY69" fmla="*/ 181410 h 1493600"/>
              <a:gd name="connsiteX70" fmla="*/ 227309 w 687092"/>
              <a:gd name="connsiteY70" fmla="*/ 171078 h 1493600"/>
              <a:gd name="connsiteX71" fmla="*/ 242807 w 687092"/>
              <a:gd name="connsiteY71" fmla="*/ 140081 h 1493600"/>
              <a:gd name="connsiteX72" fmla="*/ 258305 w 687092"/>
              <a:gd name="connsiteY72" fmla="*/ 124583 h 1493600"/>
              <a:gd name="connsiteX73" fmla="*/ 268637 w 687092"/>
              <a:gd name="connsiteY73" fmla="*/ 109085 h 1493600"/>
              <a:gd name="connsiteX74" fmla="*/ 278970 w 687092"/>
              <a:gd name="connsiteY74" fmla="*/ 98753 h 1493600"/>
              <a:gd name="connsiteX75" fmla="*/ 289302 w 687092"/>
              <a:gd name="connsiteY75" fmla="*/ 83254 h 1493600"/>
              <a:gd name="connsiteX76" fmla="*/ 325464 w 687092"/>
              <a:gd name="connsiteY76" fmla="*/ 62590 h 1493600"/>
              <a:gd name="connsiteX77" fmla="*/ 335797 w 687092"/>
              <a:gd name="connsiteY77" fmla="*/ 52258 h 1493600"/>
              <a:gd name="connsiteX78" fmla="*/ 351295 w 687092"/>
              <a:gd name="connsiteY78" fmla="*/ 41926 h 1493600"/>
              <a:gd name="connsiteX79" fmla="*/ 371959 w 687092"/>
              <a:gd name="connsiteY79" fmla="*/ 10929 h 1493600"/>
              <a:gd name="connsiteX80" fmla="*/ 382292 w 687092"/>
              <a:gd name="connsiteY80" fmla="*/ 597 h 1493600"/>
              <a:gd name="connsiteX0" fmla="*/ 382292 w 687092"/>
              <a:gd name="connsiteY0" fmla="*/ 597 h 1493600"/>
              <a:gd name="connsiteX1" fmla="*/ 495946 w 687092"/>
              <a:gd name="connsiteY1" fmla="*/ 5763 h 1493600"/>
              <a:gd name="connsiteX2" fmla="*/ 547607 w 687092"/>
              <a:gd name="connsiteY2" fmla="*/ 47092 h 1493600"/>
              <a:gd name="connsiteX3" fmla="*/ 563105 w 687092"/>
              <a:gd name="connsiteY3" fmla="*/ 62590 h 1493600"/>
              <a:gd name="connsiteX4" fmla="*/ 573437 w 687092"/>
              <a:gd name="connsiteY4" fmla="*/ 93587 h 1493600"/>
              <a:gd name="connsiteX5" fmla="*/ 578603 w 687092"/>
              <a:gd name="connsiteY5" fmla="*/ 109085 h 1493600"/>
              <a:gd name="connsiteX6" fmla="*/ 583770 w 687092"/>
              <a:gd name="connsiteY6" fmla="*/ 155580 h 1493600"/>
              <a:gd name="connsiteX7" fmla="*/ 588936 w 687092"/>
              <a:gd name="connsiteY7" fmla="*/ 191742 h 1493600"/>
              <a:gd name="connsiteX8" fmla="*/ 594102 w 687092"/>
              <a:gd name="connsiteY8" fmla="*/ 264068 h 1493600"/>
              <a:gd name="connsiteX9" fmla="*/ 599268 w 687092"/>
              <a:gd name="connsiteY9" fmla="*/ 284732 h 1493600"/>
              <a:gd name="connsiteX10" fmla="*/ 604434 w 687092"/>
              <a:gd name="connsiteY10" fmla="*/ 320895 h 1493600"/>
              <a:gd name="connsiteX11" fmla="*/ 614766 w 687092"/>
              <a:gd name="connsiteY11" fmla="*/ 351892 h 1493600"/>
              <a:gd name="connsiteX12" fmla="*/ 625098 w 687092"/>
              <a:gd name="connsiteY12" fmla="*/ 398387 h 1493600"/>
              <a:gd name="connsiteX13" fmla="*/ 596272 w 687092"/>
              <a:gd name="connsiteY13" fmla="*/ 431149 h 1493600"/>
              <a:gd name="connsiteX14" fmla="*/ 579256 w 687092"/>
              <a:gd name="connsiteY14" fmla="*/ 451661 h 1493600"/>
              <a:gd name="connsiteX15" fmla="*/ 587841 w 687092"/>
              <a:gd name="connsiteY15" fmla="*/ 513136 h 1493600"/>
              <a:gd name="connsiteX16" fmla="*/ 592872 w 687092"/>
              <a:gd name="connsiteY16" fmla="*/ 592797 h 1493600"/>
              <a:gd name="connsiteX17" fmla="*/ 650929 w 687092"/>
              <a:gd name="connsiteY17" fmla="*/ 713519 h 1493600"/>
              <a:gd name="connsiteX18" fmla="*/ 666427 w 687092"/>
              <a:gd name="connsiteY18" fmla="*/ 749681 h 1493600"/>
              <a:gd name="connsiteX19" fmla="*/ 671593 w 687092"/>
              <a:gd name="connsiteY19" fmla="*/ 765180 h 1493600"/>
              <a:gd name="connsiteX20" fmla="*/ 681925 w 687092"/>
              <a:gd name="connsiteY20" fmla="*/ 791010 h 1493600"/>
              <a:gd name="connsiteX21" fmla="*/ 687092 w 687092"/>
              <a:gd name="connsiteY21" fmla="*/ 811675 h 1493600"/>
              <a:gd name="connsiteX22" fmla="*/ 681925 w 687092"/>
              <a:gd name="connsiteY22" fmla="*/ 842671 h 1493600"/>
              <a:gd name="connsiteX23" fmla="*/ 663162 w 687092"/>
              <a:gd name="connsiteY23" fmla="*/ 871767 h 1493600"/>
              <a:gd name="connsiteX24" fmla="*/ 661261 w 687092"/>
              <a:gd name="connsiteY24" fmla="*/ 982156 h 1493600"/>
              <a:gd name="connsiteX25" fmla="*/ 635431 w 687092"/>
              <a:gd name="connsiteY25" fmla="*/ 1033817 h 1493600"/>
              <a:gd name="connsiteX26" fmla="*/ 589204 w 687092"/>
              <a:gd name="connsiteY26" fmla="*/ 1075146 h 1493600"/>
              <a:gd name="connsiteX27" fmla="*/ 551545 w 687092"/>
              <a:gd name="connsiteY27" fmla="*/ 1121641 h 1493600"/>
              <a:gd name="connsiteX28" fmla="*/ 527211 w 687092"/>
              <a:gd name="connsiteY28" fmla="*/ 1197903 h 1493600"/>
              <a:gd name="connsiteX29" fmla="*/ 516610 w 687092"/>
              <a:gd name="connsiteY29" fmla="*/ 1271458 h 1493600"/>
              <a:gd name="connsiteX30" fmla="*/ 495946 w 687092"/>
              <a:gd name="connsiteY30" fmla="*/ 1302454 h 1493600"/>
              <a:gd name="connsiteX31" fmla="*/ 485614 w 687092"/>
              <a:gd name="connsiteY31" fmla="*/ 1317953 h 1493600"/>
              <a:gd name="connsiteX32" fmla="*/ 470115 w 687092"/>
              <a:gd name="connsiteY32" fmla="*/ 1369614 h 1493600"/>
              <a:gd name="connsiteX33" fmla="*/ 464949 w 687092"/>
              <a:gd name="connsiteY33" fmla="*/ 1385112 h 1493600"/>
              <a:gd name="connsiteX34" fmla="*/ 454617 w 687092"/>
              <a:gd name="connsiteY34" fmla="*/ 1400610 h 1493600"/>
              <a:gd name="connsiteX35" fmla="*/ 444285 w 687092"/>
              <a:gd name="connsiteY35" fmla="*/ 1426441 h 1493600"/>
              <a:gd name="connsiteX36" fmla="*/ 428786 w 687092"/>
              <a:gd name="connsiteY36" fmla="*/ 1441939 h 1493600"/>
              <a:gd name="connsiteX37" fmla="*/ 418454 w 687092"/>
              <a:gd name="connsiteY37" fmla="*/ 1457437 h 1493600"/>
              <a:gd name="connsiteX38" fmla="*/ 304800 w 687092"/>
              <a:gd name="connsiteY38" fmla="*/ 1462603 h 1493600"/>
              <a:gd name="connsiteX39" fmla="*/ 237641 w 687092"/>
              <a:gd name="connsiteY39" fmla="*/ 1467770 h 1493600"/>
              <a:gd name="connsiteX40" fmla="*/ 175648 w 687092"/>
              <a:gd name="connsiteY40" fmla="*/ 1488434 h 1493600"/>
              <a:gd name="connsiteX41" fmla="*/ 113654 w 687092"/>
              <a:gd name="connsiteY41" fmla="*/ 1493600 h 1493600"/>
              <a:gd name="connsiteX42" fmla="*/ 41329 w 687092"/>
              <a:gd name="connsiteY42" fmla="*/ 1483268 h 1493600"/>
              <a:gd name="connsiteX43" fmla="*/ 25831 w 687092"/>
              <a:gd name="connsiteY43" fmla="*/ 1472936 h 1493600"/>
              <a:gd name="connsiteX44" fmla="*/ 10332 w 687092"/>
              <a:gd name="connsiteY44" fmla="*/ 1410942 h 1493600"/>
              <a:gd name="connsiteX45" fmla="*/ 5166 w 687092"/>
              <a:gd name="connsiteY45" fmla="*/ 1240461 h 1493600"/>
              <a:gd name="connsiteX46" fmla="*/ 0 w 687092"/>
              <a:gd name="connsiteY46" fmla="*/ 1193966 h 1493600"/>
              <a:gd name="connsiteX47" fmla="*/ 15498 w 687092"/>
              <a:gd name="connsiteY47" fmla="*/ 1090644 h 1493600"/>
              <a:gd name="connsiteX48" fmla="*/ 20664 w 687092"/>
              <a:gd name="connsiteY48" fmla="*/ 1064814 h 1493600"/>
              <a:gd name="connsiteX49" fmla="*/ 30997 w 687092"/>
              <a:gd name="connsiteY49" fmla="*/ 1033817 h 1493600"/>
              <a:gd name="connsiteX50" fmla="*/ 36163 w 687092"/>
              <a:gd name="connsiteY50" fmla="*/ 935661 h 1493600"/>
              <a:gd name="connsiteX51" fmla="*/ 46495 w 687092"/>
              <a:gd name="connsiteY51" fmla="*/ 920163 h 1493600"/>
              <a:gd name="connsiteX52" fmla="*/ 56827 w 687092"/>
              <a:gd name="connsiteY52" fmla="*/ 899498 h 1493600"/>
              <a:gd name="connsiteX53" fmla="*/ 77492 w 687092"/>
              <a:gd name="connsiteY53" fmla="*/ 873668 h 1493600"/>
              <a:gd name="connsiteX54" fmla="*/ 77492 w 687092"/>
              <a:gd name="connsiteY54" fmla="*/ 806509 h 1493600"/>
              <a:gd name="connsiteX55" fmla="*/ 87824 w 687092"/>
              <a:gd name="connsiteY55" fmla="*/ 698020 h 1493600"/>
              <a:gd name="connsiteX56" fmla="*/ 98156 w 687092"/>
              <a:gd name="connsiteY56" fmla="*/ 667024 h 1493600"/>
              <a:gd name="connsiteX57" fmla="*/ 108488 w 687092"/>
              <a:gd name="connsiteY57" fmla="*/ 651526 h 1493600"/>
              <a:gd name="connsiteX58" fmla="*/ 113654 w 687092"/>
              <a:gd name="connsiteY58" fmla="*/ 636027 h 1493600"/>
              <a:gd name="connsiteX59" fmla="*/ 123986 w 687092"/>
              <a:gd name="connsiteY59" fmla="*/ 574034 h 1493600"/>
              <a:gd name="connsiteX60" fmla="*/ 129153 w 687092"/>
              <a:gd name="connsiteY60" fmla="*/ 532705 h 1493600"/>
              <a:gd name="connsiteX61" fmla="*/ 144651 w 687092"/>
              <a:gd name="connsiteY61" fmla="*/ 357058 h 1493600"/>
              <a:gd name="connsiteX62" fmla="*/ 165315 w 687092"/>
              <a:gd name="connsiteY62" fmla="*/ 310563 h 1493600"/>
              <a:gd name="connsiteX63" fmla="*/ 170481 w 687092"/>
              <a:gd name="connsiteY63" fmla="*/ 289898 h 1493600"/>
              <a:gd name="connsiteX64" fmla="*/ 180814 w 687092"/>
              <a:gd name="connsiteY64" fmla="*/ 279566 h 1493600"/>
              <a:gd name="connsiteX65" fmla="*/ 191146 w 687092"/>
              <a:gd name="connsiteY65" fmla="*/ 264068 h 1493600"/>
              <a:gd name="connsiteX66" fmla="*/ 201478 w 687092"/>
              <a:gd name="connsiteY66" fmla="*/ 227905 h 1493600"/>
              <a:gd name="connsiteX67" fmla="*/ 211810 w 687092"/>
              <a:gd name="connsiteY67" fmla="*/ 196909 h 1493600"/>
              <a:gd name="connsiteX68" fmla="*/ 216976 w 687092"/>
              <a:gd name="connsiteY68" fmla="*/ 181410 h 1493600"/>
              <a:gd name="connsiteX69" fmla="*/ 227309 w 687092"/>
              <a:gd name="connsiteY69" fmla="*/ 171078 h 1493600"/>
              <a:gd name="connsiteX70" fmla="*/ 242807 w 687092"/>
              <a:gd name="connsiteY70" fmla="*/ 140081 h 1493600"/>
              <a:gd name="connsiteX71" fmla="*/ 258305 w 687092"/>
              <a:gd name="connsiteY71" fmla="*/ 124583 h 1493600"/>
              <a:gd name="connsiteX72" fmla="*/ 268637 w 687092"/>
              <a:gd name="connsiteY72" fmla="*/ 109085 h 1493600"/>
              <a:gd name="connsiteX73" fmla="*/ 278970 w 687092"/>
              <a:gd name="connsiteY73" fmla="*/ 98753 h 1493600"/>
              <a:gd name="connsiteX74" fmla="*/ 289302 w 687092"/>
              <a:gd name="connsiteY74" fmla="*/ 83254 h 1493600"/>
              <a:gd name="connsiteX75" fmla="*/ 325464 w 687092"/>
              <a:gd name="connsiteY75" fmla="*/ 62590 h 1493600"/>
              <a:gd name="connsiteX76" fmla="*/ 335797 w 687092"/>
              <a:gd name="connsiteY76" fmla="*/ 52258 h 1493600"/>
              <a:gd name="connsiteX77" fmla="*/ 351295 w 687092"/>
              <a:gd name="connsiteY77" fmla="*/ 41926 h 1493600"/>
              <a:gd name="connsiteX78" fmla="*/ 371959 w 687092"/>
              <a:gd name="connsiteY78" fmla="*/ 10929 h 1493600"/>
              <a:gd name="connsiteX79" fmla="*/ 382292 w 687092"/>
              <a:gd name="connsiteY79" fmla="*/ 597 h 1493600"/>
              <a:gd name="connsiteX0" fmla="*/ 395889 w 700689"/>
              <a:gd name="connsiteY0" fmla="*/ 597 h 1493600"/>
              <a:gd name="connsiteX1" fmla="*/ 509543 w 700689"/>
              <a:gd name="connsiteY1" fmla="*/ 5763 h 1493600"/>
              <a:gd name="connsiteX2" fmla="*/ 561204 w 700689"/>
              <a:gd name="connsiteY2" fmla="*/ 47092 h 1493600"/>
              <a:gd name="connsiteX3" fmla="*/ 576702 w 700689"/>
              <a:gd name="connsiteY3" fmla="*/ 62590 h 1493600"/>
              <a:gd name="connsiteX4" fmla="*/ 587034 w 700689"/>
              <a:gd name="connsiteY4" fmla="*/ 93587 h 1493600"/>
              <a:gd name="connsiteX5" fmla="*/ 592200 w 700689"/>
              <a:gd name="connsiteY5" fmla="*/ 109085 h 1493600"/>
              <a:gd name="connsiteX6" fmla="*/ 597367 w 700689"/>
              <a:gd name="connsiteY6" fmla="*/ 155580 h 1493600"/>
              <a:gd name="connsiteX7" fmla="*/ 602533 w 700689"/>
              <a:gd name="connsiteY7" fmla="*/ 191742 h 1493600"/>
              <a:gd name="connsiteX8" fmla="*/ 607699 w 700689"/>
              <a:gd name="connsiteY8" fmla="*/ 264068 h 1493600"/>
              <a:gd name="connsiteX9" fmla="*/ 612865 w 700689"/>
              <a:gd name="connsiteY9" fmla="*/ 284732 h 1493600"/>
              <a:gd name="connsiteX10" fmla="*/ 618031 w 700689"/>
              <a:gd name="connsiteY10" fmla="*/ 320895 h 1493600"/>
              <a:gd name="connsiteX11" fmla="*/ 628363 w 700689"/>
              <a:gd name="connsiteY11" fmla="*/ 351892 h 1493600"/>
              <a:gd name="connsiteX12" fmla="*/ 638695 w 700689"/>
              <a:gd name="connsiteY12" fmla="*/ 398387 h 1493600"/>
              <a:gd name="connsiteX13" fmla="*/ 609869 w 700689"/>
              <a:gd name="connsiteY13" fmla="*/ 431149 h 1493600"/>
              <a:gd name="connsiteX14" fmla="*/ 592853 w 700689"/>
              <a:gd name="connsiteY14" fmla="*/ 451661 h 1493600"/>
              <a:gd name="connsiteX15" fmla="*/ 601438 w 700689"/>
              <a:gd name="connsiteY15" fmla="*/ 513136 h 1493600"/>
              <a:gd name="connsiteX16" fmla="*/ 606469 w 700689"/>
              <a:gd name="connsiteY16" fmla="*/ 592797 h 1493600"/>
              <a:gd name="connsiteX17" fmla="*/ 664526 w 700689"/>
              <a:gd name="connsiteY17" fmla="*/ 713519 h 1493600"/>
              <a:gd name="connsiteX18" fmla="*/ 680024 w 700689"/>
              <a:gd name="connsiteY18" fmla="*/ 749681 h 1493600"/>
              <a:gd name="connsiteX19" fmla="*/ 685190 w 700689"/>
              <a:gd name="connsiteY19" fmla="*/ 765180 h 1493600"/>
              <a:gd name="connsiteX20" fmla="*/ 695522 w 700689"/>
              <a:gd name="connsiteY20" fmla="*/ 791010 h 1493600"/>
              <a:gd name="connsiteX21" fmla="*/ 700689 w 700689"/>
              <a:gd name="connsiteY21" fmla="*/ 811675 h 1493600"/>
              <a:gd name="connsiteX22" fmla="*/ 695522 w 700689"/>
              <a:gd name="connsiteY22" fmla="*/ 842671 h 1493600"/>
              <a:gd name="connsiteX23" fmla="*/ 676759 w 700689"/>
              <a:gd name="connsiteY23" fmla="*/ 871767 h 1493600"/>
              <a:gd name="connsiteX24" fmla="*/ 674858 w 700689"/>
              <a:gd name="connsiteY24" fmla="*/ 982156 h 1493600"/>
              <a:gd name="connsiteX25" fmla="*/ 649028 w 700689"/>
              <a:gd name="connsiteY25" fmla="*/ 1033817 h 1493600"/>
              <a:gd name="connsiteX26" fmla="*/ 602801 w 700689"/>
              <a:gd name="connsiteY26" fmla="*/ 1075146 h 1493600"/>
              <a:gd name="connsiteX27" fmla="*/ 565142 w 700689"/>
              <a:gd name="connsiteY27" fmla="*/ 1121641 h 1493600"/>
              <a:gd name="connsiteX28" fmla="*/ 540808 w 700689"/>
              <a:gd name="connsiteY28" fmla="*/ 1197903 h 1493600"/>
              <a:gd name="connsiteX29" fmla="*/ 530207 w 700689"/>
              <a:gd name="connsiteY29" fmla="*/ 1271458 h 1493600"/>
              <a:gd name="connsiteX30" fmla="*/ 509543 w 700689"/>
              <a:gd name="connsiteY30" fmla="*/ 1302454 h 1493600"/>
              <a:gd name="connsiteX31" fmla="*/ 499211 w 700689"/>
              <a:gd name="connsiteY31" fmla="*/ 1317953 h 1493600"/>
              <a:gd name="connsiteX32" fmla="*/ 483712 w 700689"/>
              <a:gd name="connsiteY32" fmla="*/ 1369614 h 1493600"/>
              <a:gd name="connsiteX33" fmla="*/ 478546 w 700689"/>
              <a:gd name="connsiteY33" fmla="*/ 1385112 h 1493600"/>
              <a:gd name="connsiteX34" fmla="*/ 468214 w 700689"/>
              <a:gd name="connsiteY34" fmla="*/ 1400610 h 1493600"/>
              <a:gd name="connsiteX35" fmla="*/ 457882 w 700689"/>
              <a:gd name="connsiteY35" fmla="*/ 1426441 h 1493600"/>
              <a:gd name="connsiteX36" fmla="*/ 442383 w 700689"/>
              <a:gd name="connsiteY36" fmla="*/ 1441939 h 1493600"/>
              <a:gd name="connsiteX37" fmla="*/ 432051 w 700689"/>
              <a:gd name="connsiteY37" fmla="*/ 1457437 h 1493600"/>
              <a:gd name="connsiteX38" fmla="*/ 318397 w 700689"/>
              <a:gd name="connsiteY38" fmla="*/ 1462603 h 1493600"/>
              <a:gd name="connsiteX39" fmla="*/ 251238 w 700689"/>
              <a:gd name="connsiteY39" fmla="*/ 1467770 h 1493600"/>
              <a:gd name="connsiteX40" fmla="*/ 189245 w 700689"/>
              <a:gd name="connsiteY40" fmla="*/ 1488434 h 1493600"/>
              <a:gd name="connsiteX41" fmla="*/ 127251 w 700689"/>
              <a:gd name="connsiteY41" fmla="*/ 1493600 h 1493600"/>
              <a:gd name="connsiteX42" fmla="*/ 54926 w 700689"/>
              <a:gd name="connsiteY42" fmla="*/ 1483268 h 1493600"/>
              <a:gd name="connsiteX43" fmla="*/ 39428 w 700689"/>
              <a:gd name="connsiteY43" fmla="*/ 1472936 h 1493600"/>
              <a:gd name="connsiteX44" fmla="*/ 23929 w 700689"/>
              <a:gd name="connsiteY44" fmla="*/ 1410942 h 1493600"/>
              <a:gd name="connsiteX45" fmla="*/ 18763 w 700689"/>
              <a:gd name="connsiteY45" fmla="*/ 1240461 h 1493600"/>
              <a:gd name="connsiteX46" fmla="*/ 0 w 700689"/>
              <a:gd name="connsiteY46" fmla="*/ 1193966 h 1493600"/>
              <a:gd name="connsiteX47" fmla="*/ 29095 w 700689"/>
              <a:gd name="connsiteY47" fmla="*/ 1090644 h 1493600"/>
              <a:gd name="connsiteX48" fmla="*/ 34261 w 700689"/>
              <a:gd name="connsiteY48" fmla="*/ 1064814 h 1493600"/>
              <a:gd name="connsiteX49" fmla="*/ 44594 w 700689"/>
              <a:gd name="connsiteY49" fmla="*/ 1033817 h 1493600"/>
              <a:gd name="connsiteX50" fmla="*/ 49760 w 700689"/>
              <a:gd name="connsiteY50" fmla="*/ 935661 h 1493600"/>
              <a:gd name="connsiteX51" fmla="*/ 60092 w 700689"/>
              <a:gd name="connsiteY51" fmla="*/ 920163 h 1493600"/>
              <a:gd name="connsiteX52" fmla="*/ 70424 w 700689"/>
              <a:gd name="connsiteY52" fmla="*/ 899498 h 1493600"/>
              <a:gd name="connsiteX53" fmla="*/ 91089 w 700689"/>
              <a:gd name="connsiteY53" fmla="*/ 873668 h 1493600"/>
              <a:gd name="connsiteX54" fmla="*/ 91089 w 700689"/>
              <a:gd name="connsiteY54" fmla="*/ 806509 h 1493600"/>
              <a:gd name="connsiteX55" fmla="*/ 101421 w 700689"/>
              <a:gd name="connsiteY55" fmla="*/ 698020 h 1493600"/>
              <a:gd name="connsiteX56" fmla="*/ 111753 w 700689"/>
              <a:gd name="connsiteY56" fmla="*/ 667024 h 1493600"/>
              <a:gd name="connsiteX57" fmla="*/ 122085 w 700689"/>
              <a:gd name="connsiteY57" fmla="*/ 651526 h 1493600"/>
              <a:gd name="connsiteX58" fmla="*/ 127251 w 700689"/>
              <a:gd name="connsiteY58" fmla="*/ 636027 h 1493600"/>
              <a:gd name="connsiteX59" fmla="*/ 137583 w 700689"/>
              <a:gd name="connsiteY59" fmla="*/ 574034 h 1493600"/>
              <a:gd name="connsiteX60" fmla="*/ 142750 w 700689"/>
              <a:gd name="connsiteY60" fmla="*/ 532705 h 1493600"/>
              <a:gd name="connsiteX61" fmla="*/ 158248 w 700689"/>
              <a:gd name="connsiteY61" fmla="*/ 357058 h 1493600"/>
              <a:gd name="connsiteX62" fmla="*/ 178912 w 700689"/>
              <a:gd name="connsiteY62" fmla="*/ 310563 h 1493600"/>
              <a:gd name="connsiteX63" fmla="*/ 184078 w 700689"/>
              <a:gd name="connsiteY63" fmla="*/ 289898 h 1493600"/>
              <a:gd name="connsiteX64" fmla="*/ 194411 w 700689"/>
              <a:gd name="connsiteY64" fmla="*/ 279566 h 1493600"/>
              <a:gd name="connsiteX65" fmla="*/ 204743 w 700689"/>
              <a:gd name="connsiteY65" fmla="*/ 264068 h 1493600"/>
              <a:gd name="connsiteX66" fmla="*/ 215075 w 700689"/>
              <a:gd name="connsiteY66" fmla="*/ 227905 h 1493600"/>
              <a:gd name="connsiteX67" fmla="*/ 225407 w 700689"/>
              <a:gd name="connsiteY67" fmla="*/ 196909 h 1493600"/>
              <a:gd name="connsiteX68" fmla="*/ 230573 w 700689"/>
              <a:gd name="connsiteY68" fmla="*/ 181410 h 1493600"/>
              <a:gd name="connsiteX69" fmla="*/ 240906 w 700689"/>
              <a:gd name="connsiteY69" fmla="*/ 171078 h 1493600"/>
              <a:gd name="connsiteX70" fmla="*/ 256404 w 700689"/>
              <a:gd name="connsiteY70" fmla="*/ 140081 h 1493600"/>
              <a:gd name="connsiteX71" fmla="*/ 271902 w 700689"/>
              <a:gd name="connsiteY71" fmla="*/ 124583 h 1493600"/>
              <a:gd name="connsiteX72" fmla="*/ 282234 w 700689"/>
              <a:gd name="connsiteY72" fmla="*/ 109085 h 1493600"/>
              <a:gd name="connsiteX73" fmla="*/ 292567 w 700689"/>
              <a:gd name="connsiteY73" fmla="*/ 98753 h 1493600"/>
              <a:gd name="connsiteX74" fmla="*/ 302899 w 700689"/>
              <a:gd name="connsiteY74" fmla="*/ 83254 h 1493600"/>
              <a:gd name="connsiteX75" fmla="*/ 339061 w 700689"/>
              <a:gd name="connsiteY75" fmla="*/ 62590 h 1493600"/>
              <a:gd name="connsiteX76" fmla="*/ 349394 w 700689"/>
              <a:gd name="connsiteY76" fmla="*/ 52258 h 1493600"/>
              <a:gd name="connsiteX77" fmla="*/ 364892 w 700689"/>
              <a:gd name="connsiteY77" fmla="*/ 41926 h 1493600"/>
              <a:gd name="connsiteX78" fmla="*/ 385556 w 700689"/>
              <a:gd name="connsiteY78" fmla="*/ 10929 h 1493600"/>
              <a:gd name="connsiteX79" fmla="*/ 395889 w 700689"/>
              <a:gd name="connsiteY79" fmla="*/ 597 h 1493600"/>
              <a:gd name="connsiteX0" fmla="*/ 421712 w 726512"/>
              <a:gd name="connsiteY0" fmla="*/ 597 h 1493600"/>
              <a:gd name="connsiteX1" fmla="*/ 535366 w 726512"/>
              <a:gd name="connsiteY1" fmla="*/ 5763 h 1493600"/>
              <a:gd name="connsiteX2" fmla="*/ 587027 w 726512"/>
              <a:gd name="connsiteY2" fmla="*/ 47092 h 1493600"/>
              <a:gd name="connsiteX3" fmla="*/ 602525 w 726512"/>
              <a:gd name="connsiteY3" fmla="*/ 62590 h 1493600"/>
              <a:gd name="connsiteX4" fmla="*/ 612857 w 726512"/>
              <a:gd name="connsiteY4" fmla="*/ 93587 h 1493600"/>
              <a:gd name="connsiteX5" fmla="*/ 618023 w 726512"/>
              <a:gd name="connsiteY5" fmla="*/ 109085 h 1493600"/>
              <a:gd name="connsiteX6" fmla="*/ 623190 w 726512"/>
              <a:gd name="connsiteY6" fmla="*/ 155580 h 1493600"/>
              <a:gd name="connsiteX7" fmla="*/ 628356 w 726512"/>
              <a:gd name="connsiteY7" fmla="*/ 191742 h 1493600"/>
              <a:gd name="connsiteX8" fmla="*/ 633522 w 726512"/>
              <a:gd name="connsiteY8" fmla="*/ 264068 h 1493600"/>
              <a:gd name="connsiteX9" fmla="*/ 638688 w 726512"/>
              <a:gd name="connsiteY9" fmla="*/ 284732 h 1493600"/>
              <a:gd name="connsiteX10" fmla="*/ 643854 w 726512"/>
              <a:gd name="connsiteY10" fmla="*/ 320895 h 1493600"/>
              <a:gd name="connsiteX11" fmla="*/ 654186 w 726512"/>
              <a:gd name="connsiteY11" fmla="*/ 351892 h 1493600"/>
              <a:gd name="connsiteX12" fmla="*/ 664518 w 726512"/>
              <a:gd name="connsiteY12" fmla="*/ 398387 h 1493600"/>
              <a:gd name="connsiteX13" fmla="*/ 635692 w 726512"/>
              <a:gd name="connsiteY13" fmla="*/ 431149 h 1493600"/>
              <a:gd name="connsiteX14" fmla="*/ 618676 w 726512"/>
              <a:gd name="connsiteY14" fmla="*/ 451661 h 1493600"/>
              <a:gd name="connsiteX15" fmla="*/ 627261 w 726512"/>
              <a:gd name="connsiteY15" fmla="*/ 513136 h 1493600"/>
              <a:gd name="connsiteX16" fmla="*/ 632292 w 726512"/>
              <a:gd name="connsiteY16" fmla="*/ 592797 h 1493600"/>
              <a:gd name="connsiteX17" fmla="*/ 690349 w 726512"/>
              <a:gd name="connsiteY17" fmla="*/ 713519 h 1493600"/>
              <a:gd name="connsiteX18" fmla="*/ 705847 w 726512"/>
              <a:gd name="connsiteY18" fmla="*/ 749681 h 1493600"/>
              <a:gd name="connsiteX19" fmla="*/ 711013 w 726512"/>
              <a:gd name="connsiteY19" fmla="*/ 765180 h 1493600"/>
              <a:gd name="connsiteX20" fmla="*/ 721345 w 726512"/>
              <a:gd name="connsiteY20" fmla="*/ 791010 h 1493600"/>
              <a:gd name="connsiteX21" fmla="*/ 726512 w 726512"/>
              <a:gd name="connsiteY21" fmla="*/ 811675 h 1493600"/>
              <a:gd name="connsiteX22" fmla="*/ 721345 w 726512"/>
              <a:gd name="connsiteY22" fmla="*/ 842671 h 1493600"/>
              <a:gd name="connsiteX23" fmla="*/ 702582 w 726512"/>
              <a:gd name="connsiteY23" fmla="*/ 871767 h 1493600"/>
              <a:gd name="connsiteX24" fmla="*/ 700681 w 726512"/>
              <a:gd name="connsiteY24" fmla="*/ 982156 h 1493600"/>
              <a:gd name="connsiteX25" fmla="*/ 674851 w 726512"/>
              <a:gd name="connsiteY25" fmla="*/ 1033817 h 1493600"/>
              <a:gd name="connsiteX26" fmla="*/ 628624 w 726512"/>
              <a:gd name="connsiteY26" fmla="*/ 1075146 h 1493600"/>
              <a:gd name="connsiteX27" fmla="*/ 590965 w 726512"/>
              <a:gd name="connsiteY27" fmla="*/ 1121641 h 1493600"/>
              <a:gd name="connsiteX28" fmla="*/ 566631 w 726512"/>
              <a:gd name="connsiteY28" fmla="*/ 1197903 h 1493600"/>
              <a:gd name="connsiteX29" fmla="*/ 556030 w 726512"/>
              <a:gd name="connsiteY29" fmla="*/ 1271458 h 1493600"/>
              <a:gd name="connsiteX30" fmla="*/ 535366 w 726512"/>
              <a:gd name="connsiteY30" fmla="*/ 1302454 h 1493600"/>
              <a:gd name="connsiteX31" fmla="*/ 525034 w 726512"/>
              <a:gd name="connsiteY31" fmla="*/ 1317953 h 1493600"/>
              <a:gd name="connsiteX32" fmla="*/ 509535 w 726512"/>
              <a:gd name="connsiteY32" fmla="*/ 1369614 h 1493600"/>
              <a:gd name="connsiteX33" fmla="*/ 504369 w 726512"/>
              <a:gd name="connsiteY33" fmla="*/ 1385112 h 1493600"/>
              <a:gd name="connsiteX34" fmla="*/ 494037 w 726512"/>
              <a:gd name="connsiteY34" fmla="*/ 1400610 h 1493600"/>
              <a:gd name="connsiteX35" fmla="*/ 483705 w 726512"/>
              <a:gd name="connsiteY35" fmla="*/ 1426441 h 1493600"/>
              <a:gd name="connsiteX36" fmla="*/ 468206 w 726512"/>
              <a:gd name="connsiteY36" fmla="*/ 1441939 h 1493600"/>
              <a:gd name="connsiteX37" fmla="*/ 457874 w 726512"/>
              <a:gd name="connsiteY37" fmla="*/ 1457437 h 1493600"/>
              <a:gd name="connsiteX38" fmla="*/ 344220 w 726512"/>
              <a:gd name="connsiteY38" fmla="*/ 1462603 h 1493600"/>
              <a:gd name="connsiteX39" fmla="*/ 277061 w 726512"/>
              <a:gd name="connsiteY39" fmla="*/ 1467770 h 1493600"/>
              <a:gd name="connsiteX40" fmla="*/ 215068 w 726512"/>
              <a:gd name="connsiteY40" fmla="*/ 1488434 h 1493600"/>
              <a:gd name="connsiteX41" fmla="*/ 153074 w 726512"/>
              <a:gd name="connsiteY41" fmla="*/ 1493600 h 1493600"/>
              <a:gd name="connsiteX42" fmla="*/ 80749 w 726512"/>
              <a:gd name="connsiteY42" fmla="*/ 1483268 h 1493600"/>
              <a:gd name="connsiteX43" fmla="*/ 65251 w 726512"/>
              <a:gd name="connsiteY43" fmla="*/ 1472936 h 1493600"/>
              <a:gd name="connsiteX44" fmla="*/ 49752 w 726512"/>
              <a:gd name="connsiteY44" fmla="*/ 1410942 h 1493600"/>
              <a:gd name="connsiteX45" fmla="*/ 13 w 726512"/>
              <a:gd name="connsiteY45" fmla="*/ 1267482 h 1493600"/>
              <a:gd name="connsiteX46" fmla="*/ 44586 w 726512"/>
              <a:gd name="connsiteY46" fmla="*/ 1240461 h 1493600"/>
              <a:gd name="connsiteX47" fmla="*/ 25823 w 726512"/>
              <a:gd name="connsiteY47" fmla="*/ 1193966 h 1493600"/>
              <a:gd name="connsiteX48" fmla="*/ 54918 w 726512"/>
              <a:gd name="connsiteY48" fmla="*/ 1090644 h 1493600"/>
              <a:gd name="connsiteX49" fmla="*/ 60084 w 726512"/>
              <a:gd name="connsiteY49" fmla="*/ 1064814 h 1493600"/>
              <a:gd name="connsiteX50" fmla="*/ 70417 w 726512"/>
              <a:gd name="connsiteY50" fmla="*/ 1033817 h 1493600"/>
              <a:gd name="connsiteX51" fmla="*/ 75583 w 726512"/>
              <a:gd name="connsiteY51" fmla="*/ 935661 h 1493600"/>
              <a:gd name="connsiteX52" fmla="*/ 85915 w 726512"/>
              <a:gd name="connsiteY52" fmla="*/ 920163 h 1493600"/>
              <a:gd name="connsiteX53" fmla="*/ 96247 w 726512"/>
              <a:gd name="connsiteY53" fmla="*/ 899498 h 1493600"/>
              <a:gd name="connsiteX54" fmla="*/ 116912 w 726512"/>
              <a:gd name="connsiteY54" fmla="*/ 873668 h 1493600"/>
              <a:gd name="connsiteX55" fmla="*/ 116912 w 726512"/>
              <a:gd name="connsiteY55" fmla="*/ 806509 h 1493600"/>
              <a:gd name="connsiteX56" fmla="*/ 127244 w 726512"/>
              <a:gd name="connsiteY56" fmla="*/ 698020 h 1493600"/>
              <a:gd name="connsiteX57" fmla="*/ 137576 w 726512"/>
              <a:gd name="connsiteY57" fmla="*/ 667024 h 1493600"/>
              <a:gd name="connsiteX58" fmla="*/ 147908 w 726512"/>
              <a:gd name="connsiteY58" fmla="*/ 651526 h 1493600"/>
              <a:gd name="connsiteX59" fmla="*/ 153074 w 726512"/>
              <a:gd name="connsiteY59" fmla="*/ 636027 h 1493600"/>
              <a:gd name="connsiteX60" fmla="*/ 163406 w 726512"/>
              <a:gd name="connsiteY60" fmla="*/ 574034 h 1493600"/>
              <a:gd name="connsiteX61" fmla="*/ 168573 w 726512"/>
              <a:gd name="connsiteY61" fmla="*/ 532705 h 1493600"/>
              <a:gd name="connsiteX62" fmla="*/ 184071 w 726512"/>
              <a:gd name="connsiteY62" fmla="*/ 357058 h 1493600"/>
              <a:gd name="connsiteX63" fmla="*/ 204735 w 726512"/>
              <a:gd name="connsiteY63" fmla="*/ 310563 h 1493600"/>
              <a:gd name="connsiteX64" fmla="*/ 209901 w 726512"/>
              <a:gd name="connsiteY64" fmla="*/ 289898 h 1493600"/>
              <a:gd name="connsiteX65" fmla="*/ 220234 w 726512"/>
              <a:gd name="connsiteY65" fmla="*/ 279566 h 1493600"/>
              <a:gd name="connsiteX66" fmla="*/ 230566 w 726512"/>
              <a:gd name="connsiteY66" fmla="*/ 264068 h 1493600"/>
              <a:gd name="connsiteX67" fmla="*/ 240898 w 726512"/>
              <a:gd name="connsiteY67" fmla="*/ 227905 h 1493600"/>
              <a:gd name="connsiteX68" fmla="*/ 251230 w 726512"/>
              <a:gd name="connsiteY68" fmla="*/ 196909 h 1493600"/>
              <a:gd name="connsiteX69" fmla="*/ 256396 w 726512"/>
              <a:gd name="connsiteY69" fmla="*/ 181410 h 1493600"/>
              <a:gd name="connsiteX70" fmla="*/ 266729 w 726512"/>
              <a:gd name="connsiteY70" fmla="*/ 171078 h 1493600"/>
              <a:gd name="connsiteX71" fmla="*/ 282227 w 726512"/>
              <a:gd name="connsiteY71" fmla="*/ 140081 h 1493600"/>
              <a:gd name="connsiteX72" fmla="*/ 297725 w 726512"/>
              <a:gd name="connsiteY72" fmla="*/ 124583 h 1493600"/>
              <a:gd name="connsiteX73" fmla="*/ 308057 w 726512"/>
              <a:gd name="connsiteY73" fmla="*/ 109085 h 1493600"/>
              <a:gd name="connsiteX74" fmla="*/ 318390 w 726512"/>
              <a:gd name="connsiteY74" fmla="*/ 98753 h 1493600"/>
              <a:gd name="connsiteX75" fmla="*/ 328722 w 726512"/>
              <a:gd name="connsiteY75" fmla="*/ 83254 h 1493600"/>
              <a:gd name="connsiteX76" fmla="*/ 364884 w 726512"/>
              <a:gd name="connsiteY76" fmla="*/ 62590 h 1493600"/>
              <a:gd name="connsiteX77" fmla="*/ 375217 w 726512"/>
              <a:gd name="connsiteY77" fmla="*/ 52258 h 1493600"/>
              <a:gd name="connsiteX78" fmla="*/ 390715 w 726512"/>
              <a:gd name="connsiteY78" fmla="*/ 41926 h 1493600"/>
              <a:gd name="connsiteX79" fmla="*/ 411379 w 726512"/>
              <a:gd name="connsiteY79" fmla="*/ 10929 h 1493600"/>
              <a:gd name="connsiteX80" fmla="*/ 421712 w 726512"/>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50244 w 727004"/>
              <a:gd name="connsiteY44" fmla="*/ 1410942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12852 w 727004"/>
              <a:gd name="connsiteY44" fmla="*/ 1404144 h 1493600"/>
              <a:gd name="connsiteX45" fmla="*/ 505 w 727004"/>
              <a:gd name="connsiteY45" fmla="*/ 1267482 h 1493600"/>
              <a:gd name="connsiteX46" fmla="*/ 26315 w 727004"/>
              <a:gd name="connsiteY46" fmla="*/ 1193966 h 1493600"/>
              <a:gd name="connsiteX47" fmla="*/ 55410 w 727004"/>
              <a:gd name="connsiteY47" fmla="*/ 1090644 h 1493600"/>
              <a:gd name="connsiteX48" fmla="*/ 60576 w 727004"/>
              <a:gd name="connsiteY48" fmla="*/ 1064814 h 1493600"/>
              <a:gd name="connsiteX49" fmla="*/ 70909 w 727004"/>
              <a:gd name="connsiteY49" fmla="*/ 1033817 h 1493600"/>
              <a:gd name="connsiteX50" fmla="*/ 76075 w 727004"/>
              <a:gd name="connsiteY50" fmla="*/ 935661 h 1493600"/>
              <a:gd name="connsiteX51" fmla="*/ 86407 w 727004"/>
              <a:gd name="connsiteY51" fmla="*/ 920163 h 1493600"/>
              <a:gd name="connsiteX52" fmla="*/ 96739 w 727004"/>
              <a:gd name="connsiteY52" fmla="*/ 899498 h 1493600"/>
              <a:gd name="connsiteX53" fmla="*/ 117404 w 727004"/>
              <a:gd name="connsiteY53" fmla="*/ 873668 h 1493600"/>
              <a:gd name="connsiteX54" fmla="*/ 117404 w 727004"/>
              <a:gd name="connsiteY54" fmla="*/ 806509 h 1493600"/>
              <a:gd name="connsiteX55" fmla="*/ 127736 w 727004"/>
              <a:gd name="connsiteY55" fmla="*/ 698020 h 1493600"/>
              <a:gd name="connsiteX56" fmla="*/ 138068 w 727004"/>
              <a:gd name="connsiteY56" fmla="*/ 667024 h 1493600"/>
              <a:gd name="connsiteX57" fmla="*/ 148400 w 727004"/>
              <a:gd name="connsiteY57" fmla="*/ 651526 h 1493600"/>
              <a:gd name="connsiteX58" fmla="*/ 153566 w 727004"/>
              <a:gd name="connsiteY58" fmla="*/ 636027 h 1493600"/>
              <a:gd name="connsiteX59" fmla="*/ 163898 w 727004"/>
              <a:gd name="connsiteY59" fmla="*/ 574034 h 1493600"/>
              <a:gd name="connsiteX60" fmla="*/ 169065 w 727004"/>
              <a:gd name="connsiteY60" fmla="*/ 532705 h 1493600"/>
              <a:gd name="connsiteX61" fmla="*/ 184563 w 727004"/>
              <a:gd name="connsiteY61" fmla="*/ 357058 h 1493600"/>
              <a:gd name="connsiteX62" fmla="*/ 205227 w 727004"/>
              <a:gd name="connsiteY62" fmla="*/ 310563 h 1493600"/>
              <a:gd name="connsiteX63" fmla="*/ 210393 w 727004"/>
              <a:gd name="connsiteY63" fmla="*/ 289898 h 1493600"/>
              <a:gd name="connsiteX64" fmla="*/ 220726 w 727004"/>
              <a:gd name="connsiteY64" fmla="*/ 279566 h 1493600"/>
              <a:gd name="connsiteX65" fmla="*/ 231058 w 727004"/>
              <a:gd name="connsiteY65" fmla="*/ 264068 h 1493600"/>
              <a:gd name="connsiteX66" fmla="*/ 241390 w 727004"/>
              <a:gd name="connsiteY66" fmla="*/ 227905 h 1493600"/>
              <a:gd name="connsiteX67" fmla="*/ 251722 w 727004"/>
              <a:gd name="connsiteY67" fmla="*/ 196909 h 1493600"/>
              <a:gd name="connsiteX68" fmla="*/ 256888 w 727004"/>
              <a:gd name="connsiteY68" fmla="*/ 181410 h 1493600"/>
              <a:gd name="connsiteX69" fmla="*/ 267221 w 727004"/>
              <a:gd name="connsiteY69" fmla="*/ 171078 h 1493600"/>
              <a:gd name="connsiteX70" fmla="*/ 282719 w 727004"/>
              <a:gd name="connsiteY70" fmla="*/ 140081 h 1493600"/>
              <a:gd name="connsiteX71" fmla="*/ 298217 w 727004"/>
              <a:gd name="connsiteY71" fmla="*/ 124583 h 1493600"/>
              <a:gd name="connsiteX72" fmla="*/ 308549 w 727004"/>
              <a:gd name="connsiteY72" fmla="*/ 109085 h 1493600"/>
              <a:gd name="connsiteX73" fmla="*/ 318882 w 727004"/>
              <a:gd name="connsiteY73" fmla="*/ 98753 h 1493600"/>
              <a:gd name="connsiteX74" fmla="*/ 329214 w 727004"/>
              <a:gd name="connsiteY74" fmla="*/ 83254 h 1493600"/>
              <a:gd name="connsiteX75" fmla="*/ 365376 w 727004"/>
              <a:gd name="connsiteY75" fmla="*/ 62590 h 1493600"/>
              <a:gd name="connsiteX76" fmla="*/ 375709 w 727004"/>
              <a:gd name="connsiteY76" fmla="*/ 52258 h 1493600"/>
              <a:gd name="connsiteX77" fmla="*/ 391207 w 727004"/>
              <a:gd name="connsiteY77" fmla="*/ 41926 h 1493600"/>
              <a:gd name="connsiteX78" fmla="*/ 411871 w 727004"/>
              <a:gd name="connsiteY78" fmla="*/ 10929 h 1493600"/>
              <a:gd name="connsiteX79" fmla="*/ 422204 w 727004"/>
              <a:gd name="connsiteY79"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12852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93600"/>
              <a:gd name="connsiteX1" fmla="*/ 535858 w 727004"/>
              <a:gd name="connsiteY1" fmla="*/ 5763 h 1493600"/>
              <a:gd name="connsiteX2" fmla="*/ 587519 w 727004"/>
              <a:gd name="connsiteY2" fmla="*/ 47092 h 1493600"/>
              <a:gd name="connsiteX3" fmla="*/ 603017 w 727004"/>
              <a:gd name="connsiteY3" fmla="*/ 62590 h 1493600"/>
              <a:gd name="connsiteX4" fmla="*/ 613349 w 727004"/>
              <a:gd name="connsiteY4" fmla="*/ 93587 h 1493600"/>
              <a:gd name="connsiteX5" fmla="*/ 618515 w 727004"/>
              <a:gd name="connsiteY5" fmla="*/ 109085 h 1493600"/>
              <a:gd name="connsiteX6" fmla="*/ 623682 w 727004"/>
              <a:gd name="connsiteY6" fmla="*/ 155580 h 1493600"/>
              <a:gd name="connsiteX7" fmla="*/ 628848 w 727004"/>
              <a:gd name="connsiteY7" fmla="*/ 191742 h 1493600"/>
              <a:gd name="connsiteX8" fmla="*/ 634014 w 727004"/>
              <a:gd name="connsiteY8" fmla="*/ 264068 h 1493600"/>
              <a:gd name="connsiteX9" fmla="*/ 639180 w 727004"/>
              <a:gd name="connsiteY9" fmla="*/ 284732 h 1493600"/>
              <a:gd name="connsiteX10" fmla="*/ 644346 w 727004"/>
              <a:gd name="connsiteY10" fmla="*/ 320895 h 1493600"/>
              <a:gd name="connsiteX11" fmla="*/ 654678 w 727004"/>
              <a:gd name="connsiteY11" fmla="*/ 351892 h 1493600"/>
              <a:gd name="connsiteX12" fmla="*/ 665010 w 727004"/>
              <a:gd name="connsiteY12" fmla="*/ 398387 h 1493600"/>
              <a:gd name="connsiteX13" fmla="*/ 636184 w 727004"/>
              <a:gd name="connsiteY13" fmla="*/ 431149 h 1493600"/>
              <a:gd name="connsiteX14" fmla="*/ 619168 w 727004"/>
              <a:gd name="connsiteY14" fmla="*/ 451661 h 1493600"/>
              <a:gd name="connsiteX15" fmla="*/ 627753 w 727004"/>
              <a:gd name="connsiteY15" fmla="*/ 513136 h 1493600"/>
              <a:gd name="connsiteX16" fmla="*/ 632784 w 727004"/>
              <a:gd name="connsiteY16" fmla="*/ 592797 h 1493600"/>
              <a:gd name="connsiteX17" fmla="*/ 690841 w 727004"/>
              <a:gd name="connsiteY17" fmla="*/ 713519 h 1493600"/>
              <a:gd name="connsiteX18" fmla="*/ 706339 w 727004"/>
              <a:gd name="connsiteY18" fmla="*/ 749681 h 1493600"/>
              <a:gd name="connsiteX19" fmla="*/ 711505 w 727004"/>
              <a:gd name="connsiteY19" fmla="*/ 765180 h 1493600"/>
              <a:gd name="connsiteX20" fmla="*/ 721837 w 727004"/>
              <a:gd name="connsiteY20" fmla="*/ 791010 h 1493600"/>
              <a:gd name="connsiteX21" fmla="*/ 727004 w 727004"/>
              <a:gd name="connsiteY21" fmla="*/ 811675 h 1493600"/>
              <a:gd name="connsiteX22" fmla="*/ 721837 w 727004"/>
              <a:gd name="connsiteY22" fmla="*/ 842671 h 1493600"/>
              <a:gd name="connsiteX23" fmla="*/ 703074 w 727004"/>
              <a:gd name="connsiteY23" fmla="*/ 871767 h 1493600"/>
              <a:gd name="connsiteX24" fmla="*/ 701173 w 727004"/>
              <a:gd name="connsiteY24" fmla="*/ 982156 h 1493600"/>
              <a:gd name="connsiteX25" fmla="*/ 675343 w 727004"/>
              <a:gd name="connsiteY25" fmla="*/ 1033817 h 1493600"/>
              <a:gd name="connsiteX26" fmla="*/ 629116 w 727004"/>
              <a:gd name="connsiteY26" fmla="*/ 1075146 h 1493600"/>
              <a:gd name="connsiteX27" fmla="*/ 591457 w 727004"/>
              <a:gd name="connsiteY27" fmla="*/ 1121641 h 1493600"/>
              <a:gd name="connsiteX28" fmla="*/ 567123 w 727004"/>
              <a:gd name="connsiteY28" fmla="*/ 1197903 h 1493600"/>
              <a:gd name="connsiteX29" fmla="*/ 556522 w 727004"/>
              <a:gd name="connsiteY29" fmla="*/ 1271458 h 1493600"/>
              <a:gd name="connsiteX30" fmla="*/ 535858 w 727004"/>
              <a:gd name="connsiteY30" fmla="*/ 1302454 h 1493600"/>
              <a:gd name="connsiteX31" fmla="*/ 525526 w 727004"/>
              <a:gd name="connsiteY31" fmla="*/ 1317953 h 1493600"/>
              <a:gd name="connsiteX32" fmla="*/ 510027 w 727004"/>
              <a:gd name="connsiteY32" fmla="*/ 1369614 h 1493600"/>
              <a:gd name="connsiteX33" fmla="*/ 504861 w 727004"/>
              <a:gd name="connsiteY33" fmla="*/ 1385112 h 1493600"/>
              <a:gd name="connsiteX34" fmla="*/ 494529 w 727004"/>
              <a:gd name="connsiteY34" fmla="*/ 1400610 h 1493600"/>
              <a:gd name="connsiteX35" fmla="*/ 484197 w 727004"/>
              <a:gd name="connsiteY35" fmla="*/ 1426441 h 1493600"/>
              <a:gd name="connsiteX36" fmla="*/ 468698 w 727004"/>
              <a:gd name="connsiteY36" fmla="*/ 1441939 h 1493600"/>
              <a:gd name="connsiteX37" fmla="*/ 458366 w 727004"/>
              <a:gd name="connsiteY37" fmla="*/ 1457437 h 1493600"/>
              <a:gd name="connsiteX38" fmla="*/ 344712 w 727004"/>
              <a:gd name="connsiteY38" fmla="*/ 1462603 h 1493600"/>
              <a:gd name="connsiteX39" fmla="*/ 277553 w 727004"/>
              <a:gd name="connsiteY39" fmla="*/ 1467770 h 1493600"/>
              <a:gd name="connsiteX40" fmla="*/ 215560 w 727004"/>
              <a:gd name="connsiteY40" fmla="*/ 1488434 h 1493600"/>
              <a:gd name="connsiteX41" fmla="*/ 153566 w 727004"/>
              <a:gd name="connsiteY41" fmla="*/ 1493600 h 1493600"/>
              <a:gd name="connsiteX42" fmla="*/ 81241 w 727004"/>
              <a:gd name="connsiteY42" fmla="*/ 1483268 h 1493600"/>
              <a:gd name="connsiteX43" fmla="*/ 65743 w 727004"/>
              <a:gd name="connsiteY43" fmla="*/ 1472936 h 1493600"/>
              <a:gd name="connsiteX44" fmla="*/ 41296 w 727004"/>
              <a:gd name="connsiteY44" fmla="*/ 1461240 h 1493600"/>
              <a:gd name="connsiteX45" fmla="*/ 2655 w 727004"/>
              <a:gd name="connsiteY45" fmla="*/ 1404144 h 1493600"/>
              <a:gd name="connsiteX46" fmla="*/ 505 w 727004"/>
              <a:gd name="connsiteY46" fmla="*/ 1267482 h 1493600"/>
              <a:gd name="connsiteX47" fmla="*/ 26315 w 727004"/>
              <a:gd name="connsiteY47" fmla="*/ 1193966 h 1493600"/>
              <a:gd name="connsiteX48" fmla="*/ 55410 w 727004"/>
              <a:gd name="connsiteY48" fmla="*/ 1090644 h 1493600"/>
              <a:gd name="connsiteX49" fmla="*/ 60576 w 727004"/>
              <a:gd name="connsiteY49" fmla="*/ 1064814 h 1493600"/>
              <a:gd name="connsiteX50" fmla="*/ 70909 w 727004"/>
              <a:gd name="connsiteY50" fmla="*/ 1033817 h 1493600"/>
              <a:gd name="connsiteX51" fmla="*/ 76075 w 727004"/>
              <a:gd name="connsiteY51" fmla="*/ 935661 h 1493600"/>
              <a:gd name="connsiteX52" fmla="*/ 86407 w 727004"/>
              <a:gd name="connsiteY52" fmla="*/ 920163 h 1493600"/>
              <a:gd name="connsiteX53" fmla="*/ 96739 w 727004"/>
              <a:gd name="connsiteY53" fmla="*/ 899498 h 1493600"/>
              <a:gd name="connsiteX54" fmla="*/ 117404 w 727004"/>
              <a:gd name="connsiteY54" fmla="*/ 873668 h 1493600"/>
              <a:gd name="connsiteX55" fmla="*/ 117404 w 727004"/>
              <a:gd name="connsiteY55" fmla="*/ 806509 h 1493600"/>
              <a:gd name="connsiteX56" fmla="*/ 127736 w 727004"/>
              <a:gd name="connsiteY56" fmla="*/ 698020 h 1493600"/>
              <a:gd name="connsiteX57" fmla="*/ 138068 w 727004"/>
              <a:gd name="connsiteY57" fmla="*/ 667024 h 1493600"/>
              <a:gd name="connsiteX58" fmla="*/ 148400 w 727004"/>
              <a:gd name="connsiteY58" fmla="*/ 651526 h 1493600"/>
              <a:gd name="connsiteX59" fmla="*/ 153566 w 727004"/>
              <a:gd name="connsiteY59" fmla="*/ 636027 h 1493600"/>
              <a:gd name="connsiteX60" fmla="*/ 163898 w 727004"/>
              <a:gd name="connsiteY60" fmla="*/ 574034 h 1493600"/>
              <a:gd name="connsiteX61" fmla="*/ 169065 w 727004"/>
              <a:gd name="connsiteY61" fmla="*/ 532705 h 1493600"/>
              <a:gd name="connsiteX62" fmla="*/ 184563 w 727004"/>
              <a:gd name="connsiteY62" fmla="*/ 357058 h 1493600"/>
              <a:gd name="connsiteX63" fmla="*/ 205227 w 727004"/>
              <a:gd name="connsiteY63" fmla="*/ 310563 h 1493600"/>
              <a:gd name="connsiteX64" fmla="*/ 210393 w 727004"/>
              <a:gd name="connsiteY64" fmla="*/ 289898 h 1493600"/>
              <a:gd name="connsiteX65" fmla="*/ 220726 w 727004"/>
              <a:gd name="connsiteY65" fmla="*/ 279566 h 1493600"/>
              <a:gd name="connsiteX66" fmla="*/ 231058 w 727004"/>
              <a:gd name="connsiteY66" fmla="*/ 264068 h 1493600"/>
              <a:gd name="connsiteX67" fmla="*/ 241390 w 727004"/>
              <a:gd name="connsiteY67" fmla="*/ 227905 h 1493600"/>
              <a:gd name="connsiteX68" fmla="*/ 251722 w 727004"/>
              <a:gd name="connsiteY68" fmla="*/ 196909 h 1493600"/>
              <a:gd name="connsiteX69" fmla="*/ 256888 w 727004"/>
              <a:gd name="connsiteY69" fmla="*/ 181410 h 1493600"/>
              <a:gd name="connsiteX70" fmla="*/ 267221 w 727004"/>
              <a:gd name="connsiteY70" fmla="*/ 171078 h 1493600"/>
              <a:gd name="connsiteX71" fmla="*/ 282719 w 727004"/>
              <a:gd name="connsiteY71" fmla="*/ 140081 h 1493600"/>
              <a:gd name="connsiteX72" fmla="*/ 298217 w 727004"/>
              <a:gd name="connsiteY72" fmla="*/ 124583 h 1493600"/>
              <a:gd name="connsiteX73" fmla="*/ 308549 w 727004"/>
              <a:gd name="connsiteY73" fmla="*/ 109085 h 1493600"/>
              <a:gd name="connsiteX74" fmla="*/ 318882 w 727004"/>
              <a:gd name="connsiteY74" fmla="*/ 98753 h 1493600"/>
              <a:gd name="connsiteX75" fmla="*/ 329214 w 727004"/>
              <a:gd name="connsiteY75" fmla="*/ 83254 h 1493600"/>
              <a:gd name="connsiteX76" fmla="*/ 365376 w 727004"/>
              <a:gd name="connsiteY76" fmla="*/ 62590 h 1493600"/>
              <a:gd name="connsiteX77" fmla="*/ 375709 w 727004"/>
              <a:gd name="connsiteY77" fmla="*/ 52258 h 1493600"/>
              <a:gd name="connsiteX78" fmla="*/ 391207 w 727004"/>
              <a:gd name="connsiteY78" fmla="*/ 41926 h 1493600"/>
              <a:gd name="connsiteX79" fmla="*/ 411871 w 727004"/>
              <a:gd name="connsiteY79" fmla="*/ 10929 h 1493600"/>
              <a:gd name="connsiteX80" fmla="*/ 422204 w 727004"/>
              <a:gd name="connsiteY80" fmla="*/ 597 h 1493600"/>
              <a:gd name="connsiteX0" fmla="*/ 422204 w 727004"/>
              <a:gd name="connsiteY0" fmla="*/ 597 h 1489316"/>
              <a:gd name="connsiteX1" fmla="*/ 535858 w 727004"/>
              <a:gd name="connsiteY1" fmla="*/ 5763 h 1489316"/>
              <a:gd name="connsiteX2" fmla="*/ 587519 w 727004"/>
              <a:gd name="connsiteY2" fmla="*/ 47092 h 1489316"/>
              <a:gd name="connsiteX3" fmla="*/ 603017 w 727004"/>
              <a:gd name="connsiteY3" fmla="*/ 62590 h 1489316"/>
              <a:gd name="connsiteX4" fmla="*/ 613349 w 727004"/>
              <a:gd name="connsiteY4" fmla="*/ 93587 h 1489316"/>
              <a:gd name="connsiteX5" fmla="*/ 618515 w 727004"/>
              <a:gd name="connsiteY5" fmla="*/ 109085 h 1489316"/>
              <a:gd name="connsiteX6" fmla="*/ 623682 w 727004"/>
              <a:gd name="connsiteY6" fmla="*/ 155580 h 1489316"/>
              <a:gd name="connsiteX7" fmla="*/ 628848 w 727004"/>
              <a:gd name="connsiteY7" fmla="*/ 191742 h 1489316"/>
              <a:gd name="connsiteX8" fmla="*/ 634014 w 727004"/>
              <a:gd name="connsiteY8" fmla="*/ 264068 h 1489316"/>
              <a:gd name="connsiteX9" fmla="*/ 639180 w 727004"/>
              <a:gd name="connsiteY9" fmla="*/ 284732 h 1489316"/>
              <a:gd name="connsiteX10" fmla="*/ 644346 w 727004"/>
              <a:gd name="connsiteY10" fmla="*/ 320895 h 1489316"/>
              <a:gd name="connsiteX11" fmla="*/ 654678 w 727004"/>
              <a:gd name="connsiteY11" fmla="*/ 351892 h 1489316"/>
              <a:gd name="connsiteX12" fmla="*/ 665010 w 727004"/>
              <a:gd name="connsiteY12" fmla="*/ 398387 h 1489316"/>
              <a:gd name="connsiteX13" fmla="*/ 636184 w 727004"/>
              <a:gd name="connsiteY13" fmla="*/ 431149 h 1489316"/>
              <a:gd name="connsiteX14" fmla="*/ 619168 w 727004"/>
              <a:gd name="connsiteY14" fmla="*/ 451661 h 1489316"/>
              <a:gd name="connsiteX15" fmla="*/ 627753 w 727004"/>
              <a:gd name="connsiteY15" fmla="*/ 513136 h 1489316"/>
              <a:gd name="connsiteX16" fmla="*/ 632784 w 727004"/>
              <a:gd name="connsiteY16" fmla="*/ 592797 h 1489316"/>
              <a:gd name="connsiteX17" fmla="*/ 690841 w 727004"/>
              <a:gd name="connsiteY17" fmla="*/ 713519 h 1489316"/>
              <a:gd name="connsiteX18" fmla="*/ 706339 w 727004"/>
              <a:gd name="connsiteY18" fmla="*/ 749681 h 1489316"/>
              <a:gd name="connsiteX19" fmla="*/ 711505 w 727004"/>
              <a:gd name="connsiteY19" fmla="*/ 765180 h 1489316"/>
              <a:gd name="connsiteX20" fmla="*/ 721837 w 727004"/>
              <a:gd name="connsiteY20" fmla="*/ 791010 h 1489316"/>
              <a:gd name="connsiteX21" fmla="*/ 727004 w 727004"/>
              <a:gd name="connsiteY21" fmla="*/ 811675 h 1489316"/>
              <a:gd name="connsiteX22" fmla="*/ 721837 w 727004"/>
              <a:gd name="connsiteY22" fmla="*/ 842671 h 1489316"/>
              <a:gd name="connsiteX23" fmla="*/ 703074 w 727004"/>
              <a:gd name="connsiteY23" fmla="*/ 871767 h 1489316"/>
              <a:gd name="connsiteX24" fmla="*/ 701173 w 727004"/>
              <a:gd name="connsiteY24" fmla="*/ 982156 h 1489316"/>
              <a:gd name="connsiteX25" fmla="*/ 675343 w 727004"/>
              <a:gd name="connsiteY25" fmla="*/ 1033817 h 1489316"/>
              <a:gd name="connsiteX26" fmla="*/ 629116 w 727004"/>
              <a:gd name="connsiteY26" fmla="*/ 1075146 h 1489316"/>
              <a:gd name="connsiteX27" fmla="*/ 591457 w 727004"/>
              <a:gd name="connsiteY27" fmla="*/ 1121641 h 1489316"/>
              <a:gd name="connsiteX28" fmla="*/ 567123 w 727004"/>
              <a:gd name="connsiteY28" fmla="*/ 1197903 h 1489316"/>
              <a:gd name="connsiteX29" fmla="*/ 556522 w 727004"/>
              <a:gd name="connsiteY29" fmla="*/ 1271458 h 1489316"/>
              <a:gd name="connsiteX30" fmla="*/ 535858 w 727004"/>
              <a:gd name="connsiteY30" fmla="*/ 1302454 h 1489316"/>
              <a:gd name="connsiteX31" fmla="*/ 525526 w 727004"/>
              <a:gd name="connsiteY31" fmla="*/ 1317953 h 1489316"/>
              <a:gd name="connsiteX32" fmla="*/ 510027 w 727004"/>
              <a:gd name="connsiteY32" fmla="*/ 1369614 h 1489316"/>
              <a:gd name="connsiteX33" fmla="*/ 504861 w 727004"/>
              <a:gd name="connsiteY33" fmla="*/ 1385112 h 1489316"/>
              <a:gd name="connsiteX34" fmla="*/ 494529 w 727004"/>
              <a:gd name="connsiteY34" fmla="*/ 1400610 h 1489316"/>
              <a:gd name="connsiteX35" fmla="*/ 484197 w 727004"/>
              <a:gd name="connsiteY35" fmla="*/ 1426441 h 1489316"/>
              <a:gd name="connsiteX36" fmla="*/ 468698 w 727004"/>
              <a:gd name="connsiteY36" fmla="*/ 1441939 h 1489316"/>
              <a:gd name="connsiteX37" fmla="*/ 458366 w 727004"/>
              <a:gd name="connsiteY37" fmla="*/ 1457437 h 1489316"/>
              <a:gd name="connsiteX38" fmla="*/ 344712 w 727004"/>
              <a:gd name="connsiteY38" fmla="*/ 1462603 h 1489316"/>
              <a:gd name="connsiteX39" fmla="*/ 277553 w 727004"/>
              <a:gd name="connsiteY39" fmla="*/ 1467770 h 1489316"/>
              <a:gd name="connsiteX40" fmla="*/ 215560 w 727004"/>
              <a:gd name="connsiteY40" fmla="*/ 1488434 h 1489316"/>
              <a:gd name="connsiteX41" fmla="*/ 160365 w 727004"/>
              <a:gd name="connsiteY41" fmla="*/ 1486801 h 1489316"/>
              <a:gd name="connsiteX42" fmla="*/ 81241 w 727004"/>
              <a:gd name="connsiteY42" fmla="*/ 1483268 h 1489316"/>
              <a:gd name="connsiteX43" fmla="*/ 65743 w 727004"/>
              <a:gd name="connsiteY43" fmla="*/ 1472936 h 1489316"/>
              <a:gd name="connsiteX44" fmla="*/ 41296 w 727004"/>
              <a:gd name="connsiteY44" fmla="*/ 1461240 h 1489316"/>
              <a:gd name="connsiteX45" fmla="*/ 2655 w 727004"/>
              <a:gd name="connsiteY45" fmla="*/ 1404144 h 1489316"/>
              <a:gd name="connsiteX46" fmla="*/ 505 w 727004"/>
              <a:gd name="connsiteY46" fmla="*/ 1267482 h 1489316"/>
              <a:gd name="connsiteX47" fmla="*/ 26315 w 727004"/>
              <a:gd name="connsiteY47" fmla="*/ 1193966 h 1489316"/>
              <a:gd name="connsiteX48" fmla="*/ 55410 w 727004"/>
              <a:gd name="connsiteY48" fmla="*/ 1090644 h 1489316"/>
              <a:gd name="connsiteX49" fmla="*/ 60576 w 727004"/>
              <a:gd name="connsiteY49" fmla="*/ 1064814 h 1489316"/>
              <a:gd name="connsiteX50" fmla="*/ 70909 w 727004"/>
              <a:gd name="connsiteY50" fmla="*/ 1033817 h 1489316"/>
              <a:gd name="connsiteX51" fmla="*/ 76075 w 727004"/>
              <a:gd name="connsiteY51" fmla="*/ 935661 h 1489316"/>
              <a:gd name="connsiteX52" fmla="*/ 86407 w 727004"/>
              <a:gd name="connsiteY52" fmla="*/ 920163 h 1489316"/>
              <a:gd name="connsiteX53" fmla="*/ 96739 w 727004"/>
              <a:gd name="connsiteY53" fmla="*/ 899498 h 1489316"/>
              <a:gd name="connsiteX54" fmla="*/ 117404 w 727004"/>
              <a:gd name="connsiteY54" fmla="*/ 873668 h 1489316"/>
              <a:gd name="connsiteX55" fmla="*/ 117404 w 727004"/>
              <a:gd name="connsiteY55" fmla="*/ 806509 h 1489316"/>
              <a:gd name="connsiteX56" fmla="*/ 127736 w 727004"/>
              <a:gd name="connsiteY56" fmla="*/ 698020 h 1489316"/>
              <a:gd name="connsiteX57" fmla="*/ 138068 w 727004"/>
              <a:gd name="connsiteY57" fmla="*/ 667024 h 1489316"/>
              <a:gd name="connsiteX58" fmla="*/ 148400 w 727004"/>
              <a:gd name="connsiteY58" fmla="*/ 651526 h 1489316"/>
              <a:gd name="connsiteX59" fmla="*/ 153566 w 727004"/>
              <a:gd name="connsiteY59" fmla="*/ 636027 h 1489316"/>
              <a:gd name="connsiteX60" fmla="*/ 163898 w 727004"/>
              <a:gd name="connsiteY60" fmla="*/ 574034 h 1489316"/>
              <a:gd name="connsiteX61" fmla="*/ 169065 w 727004"/>
              <a:gd name="connsiteY61" fmla="*/ 532705 h 1489316"/>
              <a:gd name="connsiteX62" fmla="*/ 184563 w 727004"/>
              <a:gd name="connsiteY62" fmla="*/ 357058 h 1489316"/>
              <a:gd name="connsiteX63" fmla="*/ 205227 w 727004"/>
              <a:gd name="connsiteY63" fmla="*/ 310563 h 1489316"/>
              <a:gd name="connsiteX64" fmla="*/ 210393 w 727004"/>
              <a:gd name="connsiteY64" fmla="*/ 289898 h 1489316"/>
              <a:gd name="connsiteX65" fmla="*/ 220726 w 727004"/>
              <a:gd name="connsiteY65" fmla="*/ 279566 h 1489316"/>
              <a:gd name="connsiteX66" fmla="*/ 231058 w 727004"/>
              <a:gd name="connsiteY66" fmla="*/ 264068 h 1489316"/>
              <a:gd name="connsiteX67" fmla="*/ 241390 w 727004"/>
              <a:gd name="connsiteY67" fmla="*/ 227905 h 1489316"/>
              <a:gd name="connsiteX68" fmla="*/ 251722 w 727004"/>
              <a:gd name="connsiteY68" fmla="*/ 196909 h 1489316"/>
              <a:gd name="connsiteX69" fmla="*/ 256888 w 727004"/>
              <a:gd name="connsiteY69" fmla="*/ 181410 h 1489316"/>
              <a:gd name="connsiteX70" fmla="*/ 267221 w 727004"/>
              <a:gd name="connsiteY70" fmla="*/ 171078 h 1489316"/>
              <a:gd name="connsiteX71" fmla="*/ 282719 w 727004"/>
              <a:gd name="connsiteY71" fmla="*/ 140081 h 1489316"/>
              <a:gd name="connsiteX72" fmla="*/ 298217 w 727004"/>
              <a:gd name="connsiteY72" fmla="*/ 124583 h 1489316"/>
              <a:gd name="connsiteX73" fmla="*/ 308549 w 727004"/>
              <a:gd name="connsiteY73" fmla="*/ 109085 h 1489316"/>
              <a:gd name="connsiteX74" fmla="*/ 318882 w 727004"/>
              <a:gd name="connsiteY74" fmla="*/ 98753 h 1489316"/>
              <a:gd name="connsiteX75" fmla="*/ 329214 w 727004"/>
              <a:gd name="connsiteY75" fmla="*/ 83254 h 1489316"/>
              <a:gd name="connsiteX76" fmla="*/ 365376 w 727004"/>
              <a:gd name="connsiteY76" fmla="*/ 62590 h 1489316"/>
              <a:gd name="connsiteX77" fmla="*/ 375709 w 727004"/>
              <a:gd name="connsiteY77" fmla="*/ 52258 h 1489316"/>
              <a:gd name="connsiteX78" fmla="*/ 391207 w 727004"/>
              <a:gd name="connsiteY78" fmla="*/ 41926 h 1489316"/>
              <a:gd name="connsiteX79" fmla="*/ 411871 w 727004"/>
              <a:gd name="connsiteY79" fmla="*/ 10929 h 1489316"/>
              <a:gd name="connsiteX80" fmla="*/ 422204 w 727004"/>
              <a:gd name="connsiteY80" fmla="*/ 597 h 1489316"/>
              <a:gd name="connsiteX0" fmla="*/ 422204 w 727004"/>
              <a:gd name="connsiteY0" fmla="*/ 597 h 1487666"/>
              <a:gd name="connsiteX1" fmla="*/ 535858 w 727004"/>
              <a:gd name="connsiteY1" fmla="*/ 5763 h 1487666"/>
              <a:gd name="connsiteX2" fmla="*/ 587519 w 727004"/>
              <a:gd name="connsiteY2" fmla="*/ 47092 h 1487666"/>
              <a:gd name="connsiteX3" fmla="*/ 603017 w 727004"/>
              <a:gd name="connsiteY3" fmla="*/ 62590 h 1487666"/>
              <a:gd name="connsiteX4" fmla="*/ 613349 w 727004"/>
              <a:gd name="connsiteY4" fmla="*/ 93587 h 1487666"/>
              <a:gd name="connsiteX5" fmla="*/ 618515 w 727004"/>
              <a:gd name="connsiteY5" fmla="*/ 109085 h 1487666"/>
              <a:gd name="connsiteX6" fmla="*/ 623682 w 727004"/>
              <a:gd name="connsiteY6" fmla="*/ 155580 h 1487666"/>
              <a:gd name="connsiteX7" fmla="*/ 628848 w 727004"/>
              <a:gd name="connsiteY7" fmla="*/ 191742 h 1487666"/>
              <a:gd name="connsiteX8" fmla="*/ 634014 w 727004"/>
              <a:gd name="connsiteY8" fmla="*/ 264068 h 1487666"/>
              <a:gd name="connsiteX9" fmla="*/ 639180 w 727004"/>
              <a:gd name="connsiteY9" fmla="*/ 284732 h 1487666"/>
              <a:gd name="connsiteX10" fmla="*/ 644346 w 727004"/>
              <a:gd name="connsiteY10" fmla="*/ 320895 h 1487666"/>
              <a:gd name="connsiteX11" fmla="*/ 654678 w 727004"/>
              <a:gd name="connsiteY11" fmla="*/ 351892 h 1487666"/>
              <a:gd name="connsiteX12" fmla="*/ 665010 w 727004"/>
              <a:gd name="connsiteY12" fmla="*/ 398387 h 1487666"/>
              <a:gd name="connsiteX13" fmla="*/ 636184 w 727004"/>
              <a:gd name="connsiteY13" fmla="*/ 431149 h 1487666"/>
              <a:gd name="connsiteX14" fmla="*/ 619168 w 727004"/>
              <a:gd name="connsiteY14" fmla="*/ 451661 h 1487666"/>
              <a:gd name="connsiteX15" fmla="*/ 627753 w 727004"/>
              <a:gd name="connsiteY15" fmla="*/ 513136 h 1487666"/>
              <a:gd name="connsiteX16" fmla="*/ 632784 w 727004"/>
              <a:gd name="connsiteY16" fmla="*/ 592797 h 1487666"/>
              <a:gd name="connsiteX17" fmla="*/ 690841 w 727004"/>
              <a:gd name="connsiteY17" fmla="*/ 713519 h 1487666"/>
              <a:gd name="connsiteX18" fmla="*/ 706339 w 727004"/>
              <a:gd name="connsiteY18" fmla="*/ 749681 h 1487666"/>
              <a:gd name="connsiteX19" fmla="*/ 711505 w 727004"/>
              <a:gd name="connsiteY19" fmla="*/ 765180 h 1487666"/>
              <a:gd name="connsiteX20" fmla="*/ 721837 w 727004"/>
              <a:gd name="connsiteY20" fmla="*/ 791010 h 1487666"/>
              <a:gd name="connsiteX21" fmla="*/ 727004 w 727004"/>
              <a:gd name="connsiteY21" fmla="*/ 811675 h 1487666"/>
              <a:gd name="connsiteX22" fmla="*/ 721837 w 727004"/>
              <a:gd name="connsiteY22" fmla="*/ 842671 h 1487666"/>
              <a:gd name="connsiteX23" fmla="*/ 703074 w 727004"/>
              <a:gd name="connsiteY23" fmla="*/ 871767 h 1487666"/>
              <a:gd name="connsiteX24" fmla="*/ 701173 w 727004"/>
              <a:gd name="connsiteY24" fmla="*/ 982156 h 1487666"/>
              <a:gd name="connsiteX25" fmla="*/ 675343 w 727004"/>
              <a:gd name="connsiteY25" fmla="*/ 1033817 h 1487666"/>
              <a:gd name="connsiteX26" fmla="*/ 629116 w 727004"/>
              <a:gd name="connsiteY26" fmla="*/ 1075146 h 1487666"/>
              <a:gd name="connsiteX27" fmla="*/ 591457 w 727004"/>
              <a:gd name="connsiteY27" fmla="*/ 1121641 h 1487666"/>
              <a:gd name="connsiteX28" fmla="*/ 567123 w 727004"/>
              <a:gd name="connsiteY28" fmla="*/ 1197903 h 1487666"/>
              <a:gd name="connsiteX29" fmla="*/ 556522 w 727004"/>
              <a:gd name="connsiteY29" fmla="*/ 1271458 h 1487666"/>
              <a:gd name="connsiteX30" fmla="*/ 535858 w 727004"/>
              <a:gd name="connsiteY30" fmla="*/ 1302454 h 1487666"/>
              <a:gd name="connsiteX31" fmla="*/ 525526 w 727004"/>
              <a:gd name="connsiteY31" fmla="*/ 1317953 h 1487666"/>
              <a:gd name="connsiteX32" fmla="*/ 510027 w 727004"/>
              <a:gd name="connsiteY32" fmla="*/ 1369614 h 1487666"/>
              <a:gd name="connsiteX33" fmla="*/ 504861 w 727004"/>
              <a:gd name="connsiteY33" fmla="*/ 1385112 h 1487666"/>
              <a:gd name="connsiteX34" fmla="*/ 494529 w 727004"/>
              <a:gd name="connsiteY34" fmla="*/ 1400610 h 1487666"/>
              <a:gd name="connsiteX35" fmla="*/ 484197 w 727004"/>
              <a:gd name="connsiteY35" fmla="*/ 1426441 h 1487666"/>
              <a:gd name="connsiteX36" fmla="*/ 468698 w 727004"/>
              <a:gd name="connsiteY36" fmla="*/ 1441939 h 1487666"/>
              <a:gd name="connsiteX37" fmla="*/ 458366 w 727004"/>
              <a:gd name="connsiteY37" fmla="*/ 1457437 h 1487666"/>
              <a:gd name="connsiteX38" fmla="*/ 344712 w 727004"/>
              <a:gd name="connsiteY38" fmla="*/ 1462603 h 1487666"/>
              <a:gd name="connsiteX39" fmla="*/ 277553 w 727004"/>
              <a:gd name="connsiteY39" fmla="*/ 1467770 h 1487666"/>
              <a:gd name="connsiteX40" fmla="*/ 160365 w 727004"/>
              <a:gd name="connsiteY40" fmla="*/ 1486801 h 1487666"/>
              <a:gd name="connsiteX41" fmla="*/ 81241 w 727004"/>
              <a:gd name="connsiteY41" fmla="*/ 1483268 h 1487666"/>
              <a:gd name="connsiteX42" fmla="*/ 65743 w 727004"/>
              <a:gd name="connsiteY42" fmla="*/ 1472936 h 1487666"/>
              <a:gd name="connsiteX43" fmla="*/ 41296 w 727004"/>
              <a:gd name="connsiteY43" fmla="*/ 1461240 h 1487666"/>
              <a:gd name="connsiteX44" fmla="*/ 2655 w 727004"/>
              <a:gd name="connsiteY44" fmla="*/ 1404144 h 1487666"/>
              <a:gd name="connsiteX45" fmla="*/ 505 w 727004"/>
              <a:gd name="connsiteY45" fmla="*/ 1267482 h 1487666"/>
              <a:gd name="connsiteX46" fmla="*/ 26315 w 727004"/>
              <a:gd name="connsiteY46" fmla="*/ 1193966 h 1487666"/>
              <a:gd name="connsiteX47" fmla="*/ 55410 w 727004"/>
              <a:gd name="connsiteY47" fmla="*/ 1090644 h 1487666"/>
              <a:gd name="connsiteX48" fmla="*/ 60576 w 727004"/>
              <a:gd name="connsiteY48" fmla="*/ 1064814 h 1487666"/>
              <a:gd name="connsiteX49" fmla="*/ 70909 w 727004"/>
              <a:gd name="connsiteY49" fmla="*/ 1033817 h 1487666"/>
              <a:gd name="connsiteX50" fmla="*/ 76075 w 727004"/>
              <a:gd name="connsiteY50" fmla="*/ 935661 h 1487666"/>
              <a:gd name="connsiteX51" fmla="*/ 86407 w 727004"/>
              <a:gd name="connsiteY51" fmla="*/ 920163 h 1487666"/>
              <a:gd name="connsiteX52" fmla="*/ 96739 w 727004"/>
              <a:gd name="connsiteY52" fmla="*/ 899498 h 1487666"/>
              <a:gd name="connsiteX53" fmla="*/ 117404 w 727004"/>
              <a:gd name="connsiteY53" fmla="*/ 873668 h 1487666"/>
              <a:gd name="connsiteX54" fmla="*/ 117404 w 727004"/>
              <a:gd name="connsiteY54" fmla="*/ 806509 h 1487666"/>
              <a:gd name="connsiteX55" fmla="*/ 127736 w 727004"/>
              <a:gd name="connsiteY55" fmla="*/ 698020 h 1487666"/>
              <a:gd name="connsiteX56" fmla="*/ 138068 w 727004"/>
              <a:gd name="connsiteY56" fmla="*/ 667024 h 1487666"/>
              <a:gd name="connsiteX57" fmla="*/ 148400 w 727004"/>
              <a:gd name="connsiteY57" fmla="*/ 651526 h 1487666"/>
              <a:gd name="connsiteX58" fmla="*/ 153566 w 727004"/>
              <a:gd name="connsiteY58" fmla="*/ 636027 h 1487666"/>
              <a:gd name="connsiteX59" fmla="*/ 163898 w 727004"/>
              <a:gd name="connsiteY59" fmla="*/ 574034 h 1487666"/>
              <a:gd name="connsiteX60" fmla="*/ 169065 w 727004"/>
              <a:gd name="connsiteY60" fmla="*/ 532705 h 1487666"/>
              <a:gd name="connsiteX61" fmla="*/ 184563 w 727004"/>
              <a:gd name="connsiteY61" fmla="*/ 357058 h 1487666"/>
              <a:gd name="connsiteX62" fmla="*/ 205227 w 727004"/>
              <a:gd name="connsiteY62" fmla="*/ 310563 h 1487666"/>
              <a:gd name="connsiteX63" fmla="*/ 210393 w 727004"/>
              <a:gd name="connsiteY63" fmla="*/ 289898 h 1487666"/>
              <a:gd name="connsiteX64" fmla="*/ 220726 w 727004"/>
              <a:gd name="connsiteY64" fmla="*/ 279566 h 1487666"/>
              <a:gd name="connsiteX65" fmla="*/ 231058 w 727004"/>
              <a:gd name="connsiteY65" fmla="*/ 264068 h 1487666"/>
              <a:gd name="connsiteX66" fmla="*/ 241390 w 727004"/>
              <a:gd name="connsiteY66" fmla="*/ 227905 h 1487666"/>
              <a:gd name="connsiteX67" fmla="*/ 251722 w 727004"/>
              <a:gd name="connsiteY67" fmla="*/ 196909 h 1487666"/>
              <a:gd name="connsiteX68" fmla="*/ 256888 w 727004"/>
              <a:gd name="connsiteY68" fmla="*/ 181410 h 1487666"/>
              <a:gd name="connsiteX69" fmla="*/ 267221 w 727004"/>
              <a:gd name="connsiteY69" fmla="*/ 171078 h 1487666"/>
              <a:gd name="connsiteX70" fmla="*/ 282719 w 727004"/>
              <a:gd name="connsiteY70" fmla="*/ 140081 h 1487666"/>
              <a:gd name="connsiteX71" fmla="*/ 298217 w 727004"/>
              <a:gd name="connsiteY71" fmla="*/ 124583 h 1487666"/>
              <a:gd name="connsiteX72" fmla="*/ 308549 w 727004"/>
              <a:gd name="connsiteY72" fmla="*/ 109085 h 1487666"/>
              <a:gd name="connsiteX73" fmla="*/ 318882 w 727004"/>
              <a:gd name="connsiteY73" fmla="*/ 98753 h 1487666"/>
              <a:gd name="connsiteX74" fmla="*/ 329214 w 727004"/>
              <a:gd name="connsiteY74" fmla="*/ 83254 h 1487666"/>
              <a:gd name="connsiteX75" fmla="*/ 365376 w 727004"/>
              <a:gd name="connsiteY75" fmla="*/ 62590 h 1487666"/>
              <a:gd name="connsiteX76" fmla="*/ 375709 w 727004"/>
              <a:gd name="connsiteY76" fmla="*/ 52258 h 1487666"/>
              <a:gd name="connsiteX77" fmla="*/ 391207 w 727004"/>
              <a:gd name="connsiteY77" fmla="*/ 41926 h 1487666"/>
              <a:gd name="connsiteX78" fmla="*/ 411871 w 727004"/>
              <a:gd name="connsiteY78" fmla="*/ 10929 h 1487666"/>
              <a:gd name="connsiteX79" fmla="*/ 422204 w 727004"/>
              <a:gd name="connsiteY79" fmla="*/ 597 h 1487666"/>
              <a:gd name="connsiteX0" fmla="*/ 422204 w 727004"/>
              <a:gd name="connsiteY0" fmla="*/ 597 h 1483334"/>
              <a:gd name="connsiteX1" fmla="*/ 535858 w 727004"/>
              <a:gd name="connsiteY1" fmla="*/ 5763 h 1483334"/>
              <a:gd name="connsiteX2" fmla="*/ 587519 w 727004"/>
              <a:gd name="connsiteY2" fmla="*/ 47092 h 1483334"/>
              <a:gd name="connsiteX3" fmla="*/ 603017 w 727004"/>
              <a:gd name="connsiteY3" fmla="*/ 62590 h 1483334"/>
              <a:gd name="connsiteX4" fmla="*/ 613349 w 727004"/>
              <a:gd name="connsiteY4" fmla="*/ 93587 h 1483334"/>
              <a:gd name="connsiteX5" fmla="*/ 618515 w 727004"/>
              <a:gd name="connsiteY5" fmla="*/ 109085 h 1483334"/>
              <a:gd name="connsiteX6" fmla="*/ 623682 w 727004"/>
              <a:gd name="connsiteY6" fmla="*/ 155580 h 1483334"/>
              <a:gd name="connsiteX7" fmla="*/ 628848 w 727004"/>
              <a:gd name="connsiteY7" fmla="*/ 191742 h 1483334"/>
              <a:gd name="connsiteX8" fmla="*/ 634014 w 727004"/>
              <a:gd name="connsiteY8" fmla="*/ 264068 h 1483334"/>
              <a:gd name="connsiteX9" fmla="*/ 639180 w 727004"/>
              <a:gd name="connsiteY9" fmla="*/ 284732 h 1483334"/>
              <a:gd name="connsiteX10" fmla="*/ 644346 w 727004"/>
              <a:gd name="connsiteY10" fmla="*/ 320895 h 1483334"/>
              <a:gd name="connsiteX11" fmla="*/ 654678 w 727004"/>
              <a:gd name="connsiteY11" fmla="*/ 351892 h 1483334"/>
              <a:gd name="connsiteX12" fmla="*/ 665010 w 727004"/>
              <a:gd name="connsiteY12" fmla="*/ 398387 h 1483334"/>
              <a:gd name="connsiteX13" fmla="*/ 636184 w 727004"/>
              <a:gd name="connsiteY13" fmla="*/ 431149 h 1483334"/>
              <a:gd name="connsiteX14" fmla="*/ 619168 w 727004"/>
              <a:gd name="connsiteY14" fmla="*/ 451661 h 1483334"/>
              <a:gd name="connsiteX15" fmla="*/ 627753 w 727004"/>
              <a:gd name="connsiteY15" fmla="*/ 513136 h 1483334"/>
              <a:gd name="connsiteX16" fmla="*/ 632784 w 727004"/>
              <a:gd name="connsiteY16" fmla="*/ 592797 h 1483334"/>
              <a:gd name="connsiteX17" fmla="*/ 690841 w 727004"/>
              <a:gd name="connsiteY17" fmla="*/ 713519 h 1483334"/>
              <a:gd name="connsiteX18" fmla="*/ 706339 w 727004"/>
              <a:gd name="connsiteY18" fmla="*/ 749681 h 1483334"/>
              <a:gd name="connsiteX19" fmla="*/ 711505 w 727004"/>
              <a:gd name="connsiteY19" fmla="*/ 765180 h 1483334"/>
              <a:gd name="connsiteX20" fmla="*/ 721837 w 727004"/>
              <a:gd name="connsiteY20" fmla="*/ 791010 h 1483334"/>
              <a:gd name="connsiteX21" fmla="*/ 727004 w 727004"/>
              <a:gd name="connsiteY21" fmla="*/ 811675 h 1483334"/>
              <a:gd name="connsiteX22" fmla="*/ 721837 w 727004"/>
              <a:gd name="connsiteY22" fmla="*/ 842671 h 1483334"/>
              <a:gd name="connsiteX23" fmla="*/ 703074 w 727004"/>
              <a:gd name="connsiteY23" fmla="*/ 871767 h 1483334"/>
              <a:gd name="connsiteX24" fmla="*/ 701173 w 727004"/>
              <a:gd name="connsiteY24" fmla="*/ 982156 h 1483334"/>
              <a:gd name="connsiteX25" fmla="*/ 675343 w 727004"/>
              <a:gd name="connsiteY25" fmla="*/ 1033817 h 1483334"/>
              <a:gd name="connsiteX26" fmla="*/ 629116 w 727004"/>
              <a:gd name="connsiteY26" fmla="*/ 1075146 h 1483334"/>
              <a:gd name="connsiteX27" fmla="*/ 591457 w 727004"/>
              <a:gd name="connsiteY27" fmla="*/ 1121641 h 1483334"/>
              <a:gd name="connsiteX28" fmla="*/ 567123 w 727004"/>
              <a:gd name="connsiteY28" fmla="*/ 1197903 h 1483334"/>
              <a:gd name="connsiteX29" fmla="*/ 556522 w 727004"/>
              <a:gd name="connsiteY29" fmla="*/ 1271458 h 1483334"/>
              <a:gd name="connsiteX30" fmla="*/ 535858 w 727004"/>
              <a:gd name="connsiteY30" fmla="*/ 1302454 h 1483334"/>
              <a:gd name="connsiteX31" fmla="*/ 525526 w 727004"/>
              <a:gd name="connsiteY31" fmla="*/ 1317953 h 1483334"/>
              <a:gd name="connsiteX32" fmla="*/ 510027 w 727004"/>
              <a:gd name="connsiteY32" fmla="*/ 1369614 h 1483334"/>
              <a:gd name="connsiteX33" fmla="*/ 504861 w 727004"/>
              <a:gd name="connsiteY33" fmla="*/ 1385112 h 1483334"/>
              <a:gd name="connsiteX34" fmla="*/ 494529 w 727004"/>
              <a:gd name="connsiteY34" fmla="*/ 1400610 h 1483334"/>
              <a:gd name="connsiteX35" fmla="*/ 484197 w 727004"/>
              <a:gd name="connsiteY35" fmla="*/ 1426441 h 1483334"/>
              <a:gd name="connsiteX36" fmla="*/ 468698 w 727004"/>
              <a:gd name="connsiteY36" fmla="*/ 1441939 h 1483334"/>
              <a:gd name="connsiteX37" fmla="*/ 458366 w 727004"/>
              <a:gd name="connsiteY37" fmla="*/ 1457437 h 1483334"/>
              <a:gd name="connsiteX38" fmla="*/ 344712 w 727004"/>
              <a:gd name="connsiteY38" fmla="*/ 1462603 h 1483334"/>
              <a:gd name="connsiteX39" fmla="*/ 277553 w 727004"/>
              <a:gd name="connsiteY39" fmla="*/ 1467770 h 1483334"/>
              <a:gd name="connsiteX40" fmla="*/ 81241 w 727004"/>
              <a:gd name="connsiteY40" fmla="*/ 1483268 h 1483334"/>
              <a:gd name="connsiteX41" fmla="*/ 65743 w 727004"/>
              <a:gd name="connsiteY41" fmla="*/ 1472936 h 1483334"/>
              <a:gd name="connsiteX42" fmla="*/ 41296 w 727004"/>
              <a:gd name="connsiteY42" fmla="*/ 1461240 h 1483334"/>
              <a:gd name="connsiteX43" fmla="*/ 2655 w 727004"/>
              <a:gd name="connsiteY43" fmla="*/ 1404144 h 1483334"/>
              <a:gd name="connsiteX44" fmla="*/ 505 w 727004"/>
              <a:gd name="connsiteY44" fmla="*/ 1267482 h 1483334"/>
              <a:gd name="connsiteX45" fmla="*/ 26315 w 727004"/>
              <a:gd name="connsiteY45" fmla="*/ 1193966 h 1483334"/>
              <a:gd name="connsiteX46" fmla="*/ 55410 w 727004"/>
              <a:gd name="connsiteY46" fmla="*/ 1090644 h 1483334"/>
              <a:gd name="connsiteX47" fmla="*/ 60576 w 727004"/>
              <a:gd name="connsiteY47" fmla="*/ 1064814 h 1483334"/>
              <a:gd name="connsiteX48" fmla="*/ 70909 w 727004"/>
              <a:gd name="connsiteY48" fmla="*/ 1033817 h 1483334"/>
              <a:gd name="connsiteX49" fmla="*/ 76075 w 727004"/>
              <a:gd name="connsiteY49" fmla="*/ 935661 h 1483334"/>
              <a:gd name="connsiteX50" fmla="*/ 86407 w 727004"/>
              <a:gd name="connsiteY50" fmla="*/ 920163 h 1483334"/>
              <a:gd name="connsiteX51" fmla="*/ 96739 w 727004"/>
              <a:gd name="connsiteY51" fmla="*/ 899498 h 1483334"/>
              <a:gd name="connsiteX52" fmla="*/ 117404 w 727004"/>
              <a:gd name="connsiteY52" fmla="*/ 873668 h 1483334"/>
              <a:gd name="connsiteX53" fmla="*/ 117404 w 727004"/>
              <a:gd name="connsiteY53" fmla="*/ 806509 h 1483334"/>
              <a:gd name="connsiteX54" fmla="*/ 127736 w 727004"/>
              <a:gd name="connsiteY54" fmla="*/ 698020 h 1483334"/>
              <a:gd name="connsiteX55" fmla="*/ 138068 w 727004"/>
              <a:gd name="connsiteY55" fmla="*/ 667024 h 1483334"/>
              <a:gd name="connsiteX56" fmla="*/ 148400 w 727004"/>
              <a:gd name="connsiteY56" fmla="*/ 651526 h 1483334"/>
              <a:gd name="connsiteX57" fmla="*/ 153566 w 727004"/>
              <a:gd name="connsiteY57" fmla="*/ 636027 h 1483334"/>
              <a:gd name="connsiteX58" fmla="*/ 163898 w 727004"/>
              <a:gd name="connsiteY58" fmla="*/ 574034 h 1483334"/>
              <a:gd name="connsiteX59" fmla="*/ 169065 w 727004"/>
              <a:gd name="connsiteY59" fmla="*/ 532705 h 1483334"/>
              <a:gd name="connsiteX60" fmla="*/ 184563 w 727004"/>
              <a:gd name="connsiteY60" fmla="*/ 357058 h 1483334"/>
              <a:gd name="connsiteX61" fmla="*/ 205227 w 727004"/>
              <a:gd name="connsiteY61" fmla="*/ 310563 h 1483334"/>
              <a:gd name="connsiteX62" fmla="*/ 210393 w 727004"/>
              <a:gd name="connsiteY62" fmla="*/ 289898 h 1483334"/>
              <a:gd name="connsiteX63" fmla="*/ 220726 w 727004"/>
              <a:gd name="connsiteY63" fmla="*/ 279566 h 1483334"/>
              <a:gd name="connsiteX64" fmla="*/ 231058 w 727004"/>
              <a:gd name="connsiteY64" fmla="*/ 264068 h 1483334"/>
              <a:gd name="connsiteX65" fmla="*/ 241390 w 727004"/>
              <a:gd name="connsiteY65" fmla="*/ 227905 h 1483334"/>
              <a:gd name="connsiteX66" fmla="*/ 251722 w 727004"/>
              <a:gd name="connsiteY66" fmla="*/ 196909 h 1483334"/>
              <a:gd name="connsiteX67" fmla="*/ 256888 w 727004"/>
              <a:gd name="connsiteY67" fmla="*/ 181410 h 1483334"/>
              <a:gd name="connsiteX68" fmla="*/ 267221 w 727004"/>
              <a:gd name="connsiteY68" fmla="*/ 171078 h 1483334"/>
              <a:gd name="connsiteX69" fmla="*/ 282719 w 727004"/>
              <a:gd name="connsiteY69" fmla="*/ 140081 h 1483334"/>
              <a:gd name="connsiteX70" fmla="*/ 298217 w 727004"/>
              <a:gd name="connsiteY70" fmla="*/ 124583 h 1483334"/>
              <a:gd name="connsiteX71" fmla="*/ 308549 w 727004"/>
              <a:gd name="connsiteY71" fmla="*/ 109085 h 1483334"/>
              <a:gd name="connsiteX72" fmla="*/ 318882 w 727004"/>
              <a:gd name="connsiteY72" fmla="*/ 98753 h 1483334"/>
              <a:gd name="connsiteX73" fmla="*/ 329214 w 727004"/>
              <a:gd name="connsiteY73" fmla="*/ 83254 h 1483334"/>
              <a:gd name="connsiteX74" fmla="*/ 365376 w 727004"/>
              <a:gd name="connsiteY74" fmla="*/ 62590 h 1483334"/>
              <a:gd name="connsiteX75" fmla="*/ 375709 w 727004"/>
              <a:gd name="connsiteY75" fmla="*/ 52258 h 1483334"/>
              <a:gd name="connsiteX76" fmla="*/ 391207 w 727004"/>
              <a:gd name="connsiteY76" fmla="*/ 41926 h 1483334"/>
              <a:gd name="connsiteX77" fmla="*/ 411871 w 727004"/>
              <a:gd name="connsiteY77" fmla="*/ 10929 h 1483334"/>
              <a:gd name="connsiteX78" fmla="*/ 422204 w 727004"/>
              <a:gd name="connsiteY78" fmla="*/ 597 h 1483334"/>
              <a:gd name="connsiteX0" fmla="*/ 422204 w 727004"/>
              <a:gd name="connsiteY0" fmla="*/ 597 h 1473102"/>
              <a:gd name="connsiteX1" fmla="*/ 535858 w 727004"/>
              <a:gd name="connsiteY1" fmla="*/ 5763 h 1473102"/>
              <a:gd name="connsiteX2" fmla="*/ 587519 w 727004"/>
              <a:gd name="connsiteY2" fmla="*/ 47092 h 1473102"/>
              <a:gd name="connsiteX3" fmla="*/ 603017 w 727004"/>
              <a:gd name="connsiteY3" fmla="*/ 62590 h 1473102"/>
              <a:gd name="connsiteX4" fmla="*/ 613349 w 727004"/>
              <a:gd name="connsiteY4" fmla="*/ 93587 h 1473102"/>
              <a:gd name="connsiteX5" fmla="*/ 618515 w 727004"/>
              <a:gd name="connsiteY5" fmla="*/ 109085 h 1473102"/>
              <a:gd name="connsiteX6" fmla="*/ 623682 w 727004"/>
              <a:gd name="connsiteY6" fmla="*/ 155580 h 1473102"/>
              <a:gd name="connsiteX7" fmla="*/ 628848 w 727004"/>
              <a:gd name="connsiteY7" fmla="*/ 191742 h 1473102"/>
              <a:gd name="connsiteX8" fmla="*/ 634014 w 727004"/>
              <a:gd name="connsiteY8" fmla="*/ 264068 h 1473102"/>
              <a:gd name="connsiteX9" fmla="*/ 639180 w 727004"/>
              <a:gd name="connsiteY9" fmla="*/ 284732 h 1473102"/>
              <a:gd name="connsiteX10" fmla="*/ 644346 w 727004"/>
              <a:gd name="connsiteY10" fmla="*/ 320895 h 1473102"/>
              <a:gd name="connsiteX11" fmla="*/ 654678 w 727004"/>
              <a:gd name="connsiteY11" fmla="*/ 351892 h 1473102"/>
              <a:gd name="connsiteX12" fmla="*/ 665010 w 727004"/>
              <a:gd name="connsiteY12" fmla="*/ 398387 h 1473102"/>
              <a:gd name="connsiteX13" fmla="*/ 636184 w 727004"/>
              <a:gd name="connsiteY13" fmla="*/ 431149 h 1473102"/>
              <a:gd name="connsiteX14" fmla="*/ 619168 w 727004"/>
              <a:gd name="connsiteY14" fmla="*/ 451661 h 1473102"/>
              <a:gd name="connsiteX15" fmla="*/ 627753 w 727004"/>
              <a:gd name="connsiteY15" fmla="*/ 513136 h 1473102"/>
              <a:gd name="connsiteX16" fmla="*/ 632784 w 727004"/>
              <a:gd name="connsiteY16" fmla="*/ 592797 h 1473102"/>
              <a:gd name="connsiteX17" fmla="*/ 690841 w 727004"/>
              <a:gd name="connsiteY17" fmla="*/ 713519 h 1473102"/>
              <a:gd name="connsiteX18" fmla="*/ 706339 w 727004"/>
              <a:gd name="connsiteY18" fmla="*/ 749681 h 1473102"/>
              <a:gd name="connsiteX19" fmla="*/ 711505 w 727004"/>
              <a:gd name="connsiteY19" fmla="*/ 765180 h 1473102"/>
              <a:gd name="connsiteX20" fmla="*/ 721837 w 727004"/>
              <a:gd name="connsiteY20" fmla="*/ 791010 h 1473102"/>
              <a:gd name="connsiteX21" fmla="*/ 727004 w 727004"/>
              <a:gd name="connsiteY21" fmla="*/ 811675 h 1473102"/>
              <a:gd name="connsiteX22" fmla="*/ 721837 w 727004"/>
              <a:gd name="connsiteY22" fmla="*/ 842671 h 1473102"/>
              <a:gd name="connsiteX23" fmla="*/ 703074 w 727004"/>
              <a:gd name="connsiteY23" fmla="*/ 871767 h 1473102"/>
              <a:gd name="connsiteX24" fmla="*/ 701173 w 727004"/>
              <a:gd name="connsiteY24" fmla="*/ 982156 h 1473102"/>
              <a:gd name="connsiteX25" fmla="*/ 675343 w 727004"/>
              <a:gd name="connsiteY25" fmla="*/ 1033817 h 1473102"/>
              <a:gd name="connsiteX26" fmla="*/ 629116 w 727004"/>
              <a:gd name="connsiteY26" fmla="*/ 1075146 h 1473102"/>
              <a:gd name="connsiteX27" fmla="*/ 591457 w 727004"/>
              <a:gd name="connsiteY27" fmla="*/ 1121641 h 1473102"/>
              <a:gd name="connsiteX28" fmla="*/ 567123 w 727004"/>
              <a:gd name="connsiteY28" fmla="*/ 1197903 h 1473102"/>
              <a:gd name="connsiteX29" fmla="*/ 556522 w 727004"/>
              <a:gd name="connsiteY29" fmla="*/ 1271458 h 1473102"/>
              <a:gd name="connsiteX30" fmla="*/ 535858 w 727004"/>
              <a:gd name="connsiteY30" fmla="*/ 1302454 h 1473102"/>
              <a:gd name="connsiteX31" fmla="*/ 525526 w 727004"/>
              <a:gd name="connsiteY31" fmla="*/ 1317953 h 1473102"/>
              <a:gd name="connsiteX32" fmla="*/ 510027 w 727004"/>
              <a:gd name="connsiteY32" fmla="*/ 1369614 h 1473102"/>
              <a:gd name="connsiteX33" fmla="*/ 504861 w 727004"/>
              <a:gd name="connsiteY33" fmla="*/ 1385112 h 1473102"/>
              <a:gd name="connsiteX34" fmla="*/ 494529 w 727004"/>
              <a:gd name="connsiteY34" fmla="*/ 1400610 h 1473102"/>
              <a:gd name="connsiteX35" fmla="*/ 484197 w 727004"/>
              <a:gd name="connsiteY35" fmla="*/ 1426441 h 1473102"/>
              <a:gd name="connsiteX36" fmla="*/ 468698 w 727004"/>
              <a:gd name="connsiteY36" fmla="*/ 1441939 h 1473102"/>
              <a:gd name="connsiteX37" fmla="*/ 458366 w 727004"/>
              <a:gd name="connsiteY37" fmla="*/ 1457437 h 1473102"/>
              <a:gd name="connsiteX38" fmla="*/ 344712 w 727004"/>
              <a:gd name="connsiteY38" fmla="*/ 1462603 h 1473102"/>
              <a:gd name="connsiteX39" fmla="*/ 277553 w 727004"/>
              <a:gd name="connsiteY39" fmla="*/ 1467770 h 1473102"/>
              <a:gd name="connsiteX40" fmla="*/ 65743 w 727004"/>
              <a:gd name="connsiteY40" fmla="*/ 1472936 h 1473102"/>
              <a:gd name="connsiteX41" fmla="*/ 41296 w 727004"/>
              <a:gd name="connsiteY41" fmla="*/ 1461240 h 1473102"/>
              <a:gd name="connsiteX42" fmla="*/ 2655 w 727004"/>
              <a:gd name="connsiteY42" fmla="*/ 1404144 h 1473102"/>
              <a:gd name="connsiteX43" fmla="*/ 505 w 727004"/>
              <a:gd name="connsiteY43" fmla="*/ 1267482 h 1473102"/>
              <a:gd name="connsiteX44" fmla="*/ 26315 w 727004"/>
              <a:gd name="connsiteY44" fmla="*/ 1193966 h 1473102"/>
              <a:gd name="connsiteX45" fmla="*/ 55410 w 727004"/>
              <a:gd name="connsiteY45" fmla="*/ 1090644 h 1473102"/>
              <a:gd name="connsiteX46" fmla="*/ 60576 w 727004"/>
              <a:gd name="connsiteY46" fmla="*/ 1064814 h 1473102"/>
              <a:gd name="connsiteX47" fmla="*/ 70909 w 727004"/>
              <a:gd name="connsiteY47" fmla="*/ 1033817 h 1473102"/>
              <a:gd name="connsiteX48" fmla="*/ 76075 w 727004"/>
              <a:gd name="connsiteY48" fmla="*/ 935661 h 1473102"/>
              <a:gd name="connsiteX49" fmla="*/ 86407 w 727004"/>
              <a:gd name="connsiteY49" fmla="*/ 920163 h 1473102"/>
              <a:gd name="connsiteX50" fmla="*/ 96739 w 727004"/>
              <a:gd name="connsiteY50" fmla="*/ 899498 h 1473102"/>
              <a:gd name="connsiteX51" fmla="*/ 117404 w 727004"/>
              <a:gd name="connsiteY51" fmla="*/ 873668 h 1473102"/>
              <a:gd name="connsiteX52" fmla="*/ 117404 w 727004"/>
              <a:gd name="connsiteY52" fmla="*/ 806509 h 1473102"/>
              <a:gd name="connsiteX53" fmla="*/ 127736 w 727004"/>
              <a:gd name="connsiteY53" fmla="*/ 698020 h 1473102"/>
              <a:gd name="connsiteX54" fmla="*/ 138068 w 727004"/>
              <a:gd name="connsiteY54" fmla="*/ 667024 h 1473102"/>
              <a:gd name="connsiteX55" fmla="*/ 148400 w 727004"/>
              <a:gd name="connsiteY55" fmla="*/ 651526 h 1473102"/>
              <a:gd name="connsiteX56" fmla="*/ 153566 w 727004"/>
              <a:gd name="connsiteY56" fmla="*/ 636027 h 1473102"/>
              <a:gd name="connsiteX57" fmla="*/ 163898 w 727004"/>
              <a:gd name="connsiteY57" fmla="*/ 574034 h 1473102"/>
              <a:gd name="connsiteX58" fmla="*/ 169065 w 727004"/>
              <a:gd name="connsiteY58" fmla="*/ 532705 h 1473102"/>
              <a:gd name="connsiteX59" fmla="*/ 184563 w 727004"/>
              <a:gd name="connsiteY59" fmla="*/ 357058 h 1473102"/>
              <a:gd name="connsiteX60" fmla="*/ 205227 w 727004"/>
              <a:gd name="connsiteY60" fmla="*/ 310563 h 1473102"/>
              <a:gd name="connsiteX61" fmla="*/ 210393 w 727004"/>
              <a:gd name="connsiteY61" fmla="*/ 289898 h 1473102"/>
              <a:gd name="connsiteX62" fmla="*/ 220726 w 727004"/>
              <a:gd name="connsiteY62" fmla="*/ 279566 h 1473102"/>
              <a:gd name="connsiteX63" fmla="*/ 231058 w 727004"/>
              <a:gd name="connsiteY63" fmla="*/ 264068 h 1473102"/>
              <a:gd name="connsiteX64" fmla="*/ 241390 w 727004"/>
              <a:gd name="connsiteY64" fmla="*/ 227905 h 1473102"/>
              <a:gd name="connsiteX65" fmla="*/ 251722 w 727004"/>
              <a:gd name="connsiteY65" fmla="*/ 196909 h 1473102"/>
              <a:gd name="connsiteX66" fmla="*/ 256888 w 727004"/>
              <a:gd name="connsiteY66" fmla="*/ 181410 h 1473102"/>
              <a:gd name="connsiteX67" fmla="*/ 267221 w 727004"/>
              <a:gd name="connsiteY67" fmla="*/ 171078 h 1473102"/>
              <a:gd name="connsiteX68" fmla="*/ 282719 w 727004"/>
              <a:gd name="connsiteY68" fmla="*/ 140081 h 1473102"/>
              <a:gd name="connsiteX69" fmla="*/ 298217 w 727004"/>
              <a:gd name="connsiteY69" fmla="*/ 124583 h 1473102"/>
              <a:gd name="connsiteX70" fmla="*/ 308549 w 727004"/>
              <a:gd name="connsiteY70" fmla="*/ 109085 h 1473102"/>
              <a:gd name="connsiteX71" fmla="*/ 318882 w 727004"/>
              <a:gd name="connsiteY71" fmla="*/ 98753 h 1473102"/>
              <a:gd name="connsiteX72" fmla="*/ 329214 w 727004"/>
              <a:gd name="connsiteY72" fmla="*/ 83254 h 1473102"/>
              <a:gd name="connsiteX73" fmla="*/ 365376 w 727004"/>
              <a:gd name="connsiteY73" fmla="*/ 62590 h 1473102"/>
              <a:gd name="connsiteX74" fmla="*/ 375709 w 727004"/>
              <a:gd name="connsiteY74" fmla="*/ 52258 h 1473102"/>
              <a:gd name="connsiteX75" fmla="*/ 391207 w 727004"/>
              <a:gd name="connsiteY75" fmla="*/ 41926 h 1473102"/>
              <a:gd name="connsiteX76" fmla="*/ 411871 w 727004"/>
              <a:gd name="connsiteY76" fmla="*/ 10929 h 1473102"/>
              <a:gd name="connsiteX77" fmla="*/ 422204 w 727004"/>
              <a:gd name="connsiteY77" fmla="*/ 597 h 1473102"/>
              <a:gd name="connsiteX0" fmla="*/ 422204 w 727004"/>
              <a:gd name="connsiteY0" fmla="*/ 597 h 1473132"/>
              <a:gd name="connsiteX1" fmla="*/ 535858 w 727004"/>
              <a:gd name="connsiteY1" fmla="*/ 5763 h 1473132"/>
              <a:gd name="connsiteX2" fmla="*/ 587519 w 727004"/>
              <a:gd name="connsiteY2" fmla="*/ 47092 h 1473132"/>
              <a:gd name="connsiteX3" fmla="*/ 603017 w 727004"/>
              <a:gd name="connsiteY3" fmla="*/ 62590 h 1473132"/>
              <a:gd name="connsiteX4" fmla="*/ 613349 w 727004"/>
              <a:gd name="connsiteY4" fmla="*/ 93587 h 1473132"/>
              <a:gd name="connsiteX5" fmla="*/ 618515 w 727004"/>
              <a:gd name="connsiteY5" fmla="*/ 109085 h 1473132"/>
              <a:gd name="connsiteX6" fmla="*/ 623682 w 727004"/>
              <a:gd name="connsiteY6" fmla="*/ 155580 h 1473132"/>
              <a:gd name="connsiteX7" fmla="*/ 628848 w 727004"/>
              <a:gd name="connsiteY7" fmla="*/ 191742 h 1473132"/>
              <a:gd name="connsiteX8" fmla="*/ 634014 w 727004"/>
              <a:gd name="connsiteY8" fmla="*/ 264068 h 1473132"/>
              <a:gd name="connsiteX9" fmla="*/ 639180 w 727004"/>
              <a:gd name="connsiteY9" fmla="*/ 284732 h 1473132"/>
              <a:gd name="connsiteX10" fmla="*/ 644346 w 727004"/>
              <a:gd name="connsiteY10" fmla="*/ 320895 h 1473132"/>
              <a:gd name="connsiteX11" fmla="*/ 654678 w 727004"/>
              <a:gd name="connsiteY11" fmla="*/ 351892 h 1473132"/>
              <a:gd name="connsiteX12" fmla="*/ 665010 w 727004"/>
              <a:gd name="connsiteY12" fmla="*/ 398387 h 1473132"/>
              <a:gd name="connsiteX13" fmla="*/ 636184 w 727004"/>
              <a:gd name="connsiteY13" fmla="*/ 431149 h 1473132"/>
              <a:gd name="connsiteX14" fmla="*/ 619168 w 727004"/>
              <a:gd name="connsiteY14" fmla="*/ 451661 h 1473132"/>
              <a:gd name="connsiteX15" fmla="*/ 627753 w 727004"/>
              <a:gd name="connsiteY15" fmla="*/ 513136 h 1473132"/>
              <a:gd name="connsiteX16" fmla="*/ 632784 w 727004"/>
              <a:gd name="connsiteY16" fmla="*/ 592797 h 1473132"/>
              <a:gd name="connsiteX17" fmla="*/ 690841 w 727004"/>
              <a:gd name="connsiteY17" fmla="*/ 713519 h 1473132"/>
              <a:gd name="connsiteX18" fmla="*/ 706339 w 727004"/>
              <a:gd name="connsiteY18" fmla="*/ 749681 h 1473132"/>
              <a:gd name="connsiteX19" fmla="*/ 711505 w 727004"/>
              <a:gd name="connsiteY19" fmla="*/ 765180 h 1473132"/>
              <a:gd name="connsiteX20" fmla="*/ 721837 w 727004"/>
              <a:gd name="connsiteY20" fmla="*/ 791010 h 1473132"/>
              <a:gd name="connsiteX21" fmla="*/ 727004 w 727004"/>
              <a:gd name="connsiteY21" fmla="*/ 811675 h 1473132"/>
              <a:gd name="connsiteX22" fmla="*/ 721837 w 727004"/>
              <a:gd name="connsiteY22" fmla="*/ 842671 h 1473132"/>
              <a:gd name="connsiteX23" fmla="*/ 703074 w 727004"/>
              <a:gd name="connsiteY23" fmla="*/ 871767 h 1473132"/>
              <a:gd name="connsiteX24" fmla="*/ 701173 w 727004"/>
              <a:gd name="connsiteY24" fmla="*/ 982156 h 1473132"/>
              <a:gd name="connsiteX25" fmla="*/ 675343 w 727004"/>
              <a:gd name="connsiteY25" fmla="*/ 1033817 h 1473132"/>
              <a:gd name="connsiteX26" fmla="*/ 629116 w 727004"/>
              <a:gd name="connsiteY26" fmla="*/ 1075146 h 1473132"/>
              <a:gd name="connsiteX27" fmla="*/ 591457 w 727004"/>
              <a:gd name="connsiteY27" fmla="*/ 1121641 h 1473132"/>
              <a:gd name="connsiteX28" fmla="*/ 567123 w 727004"/>
              <a:gd name="connsiteY28" fmla="*/ 1197903 h 1473132"/>
              <a:gd name="connsiteX29" fmla="*/ 556522 w 727004"/>
              <a:gd name="connsiteY29" fmla="*/ 1271458 h 1473132"/>
              <a:gd name="connsiteX30" fmla="*/ 535858 w 727004"/>
              <a:gd name="connsiteY30" fmla="*/ 1302454 h 1473132"/>
              <a:gd name="connsiteX31" fmla="*/ 525526 w 727004"/>
              <a:gd name="connsiteY31" fmla="*/ 1317953 h 1473132"/>
              <a:gd name="connsiteX32" fmla="*/ 510027 w 727004"/>
              <a:gd name="connsiteY32" fmla="*/ 1369614 h 1473132"/>
              <a:gd name="connsiteX33" fmla="*/ 504861 w 727004"/>
              <a:gd name="connsiteY33" fmla="*/ 1385112 h 1473132"/>
              <a:gd name="connsiteX34" fmla="*/ 494529 w 727004"/>
              <a:gd name="connsiteY34" fmla="*/ 1400610 h 1473132"/>
              <a:gd name="connsiteX35" fmla="*/ 484197 w 727004"/>
              <a:gd name="connsiteY35" fmla="*/ 1426441 h 1473132"/>
              <a:gd name="connsiteX36" fmla="*/ 468698 w 727004"/>
              <a:gd name="connsiteY36" fmla="*/ 1441939 h 1473132"/>
              <a:gd name="connsiteX37" fmla="*/ 458366 w 727004"/>
              <a:gd name="connsiteY37" fmla="*/ 1457437 h 1473132"/>
              <a:gd name="connsiteX38" fmla="*/ 277553 w 727004"/>
              <a:gd name="connsiteY38" fmla="*/ 1467770 h 1473132"/>
              <a:gd name="connsiteX39" fmla="*/ 65743 w 727004"/>
              <a:gd name="connsiteY39" fmla="*/ 1472936 h 1473132"/>
              <a:gd name="connsiteX40" fmla="*/ 41296 w 727004"/>
              <a:gd name="connsiteY40" fmla="*/ 1461240 h 1473132"/>
              <a:gd name="connsiteX41" fmla="*/ 2655 w 727004"/>
              <a:gd name="connsiteY41" fmla="*/ 1404144 h 1473132"/>
              <a:gd name="connsiteX42" fmla="*/ 505 w 727004"/>
              <a:gd name="connsiteY42" fmla="*/ 1267482 h 1473132"/>
              <a:gd name="connsiteX43" fmla="*/ 26315 w 727004"/>
              <a:gd name="connsiteY43" fmla="*/ 1193966 h 1473132"/>
              <a:gd name="connsiteX44" fmla="*/ 55410 w 727004"/>
              <a:gd name="connsiteY44" fmla="*/ 1090644 h 1473132"/>
              <a:gd name="connsiteX45" fmla="*/ 60576 w 727004"/>
              <a:gd name="connsiteY45" fmla="*/ 1064814 h 1473132"/>
              <a:gd name="connsiteX46" fmla="*/ 70909 w 727004"/>
              <a:gd name="connsiteY46" fmla="*/ 1033817 h 1473132"/>
              <a:gd name="connsiteX47" fmla="*/ 76075 w 727004"/>
              <a:gd name="connsiteY47" fmla="*/ 935661 h 1473132"/>
              <a:gd name="connsiteX48" fmla="*/ 86407 w 727004"/>
              <a:gd name="connsiteY48" fmla="*/ 920163 h 1473132"/>
              <a:gd name="connsiteX49" fmla="*/ 96739 w 727004"/>
              <a:gd name="connsiteY49" fmla="*/ 899498 h 1473132"/>
              <a:gd name="connsiteX50" fmla="*/ 117404 w 727004"/>
              <a:gd name="connsiteY50" fmla="*/ 873668 h 1473132"/>
              <a:gd name="connsiteX51" fmla="*/ 117404 w 727004"/>
              <a:gd name="connsiteY51" fmla="*/ 806509 h 1473132"/>
              <a:gd name="connsiteX52" fmla="*/ 127736 w 727004"/>
              <a:gd name="connsiteY52" fmla="*/ 698020 h 1473132"/>
              <a:gd name="connsiteX53" fmla="*/ 138068 w 727004"/>
              <a:gd name="connsiteY53" fmla="*/ 667024 h 1473132"/>
              <a:gd name="connsiteX54" fmla="*/ 148400 w 727004"/>
              <a:gd name="connsiteY54" fmla="*/ 651526 h 1473132"/>
              <a:gd name="connsiteX55" fmla="*/ 153566 w 727004"/>
              <a:gd name="connsiteY55" fmla="*/ 636027 h 1473132"/>
              <a:gd name="connsiteX56" fmla="*/ 163898 w 727004"/>
              <a:gd name="connsiteY56" fmla="*/ 574034 h 1473132"/>
              <a:gd name="connsiteX57" fmla="*/ 169065 w 727004"/>
              <a:gd name="connsiteY57" fmla="*/ 532705 h 1473132"/>
              <a:gd name="connsiteX58" fmla="*/ 184563 w 727004"/>
              <a:gd name="connsiteY58" fmla="*/ 357058 h 1473132"/>
              <a:gd name="connsiteX59" fmla="*/ 205227 w 727004"/>
              <a:gd name="connsiteY59" fmla="*/ 310563 h 1473132"/>
              <a:gd name="connsiteX60" fmla="*/ 210393 w 727004"/>
              <a:gd name="connsiteY60" fmla="*/ 289898 h 1473132"/>
              <a:gd name="connsiteX61" fmla="*/ 220726 w 727004"/>
              <a:gd name="connsiteY61" fmla="*/ 279566 h 1473132"/>
              <a:gd name="connsiteX62" fmla="*/ 231058 w 727004"/>
              <a:gd name="connsiteY62" fmla="*/ 264068 h 1473132"/>
              <a:gd name="connsiteX63" fmla="*/ 241390 w 727004"/>
              <a:gd name="connsiteY63" fmla="*/ 227905 h 1473132"/>
              <a:gd name="connsiteX64" fmla="*/ 251722 w 727004"/>
              <a:gd name="connsiteY64" fmla="*/ 196909 h 1473132"/>
              <a:gd name="connsiteX65" fmla="*/ 256888 w 727004"/>
              <a:gd name="connsiteY65" fmla="*/ 181410 h 1473132"/>
              <a:gd name="connsiteX66" fmla="*/ 267221 w 727004"/>
              <a:gd name="connsiteY66" fmla="*/ 171078 h 1473132"/>
              <a:gd name="connsiteX67" fmla="*/ 282719 w 727004"/>
              <a:gd name="connsiteY67" fmla="*/ 140081 h 1473132"/>
              <a:gd name="connsiteX68" fmla="*/ 298217 w 727004"/>
              <a:gd name="connsiteY68" fmla="*/ 124583 h 1473132"/>
              <a:gd name="connsiteX69" fmla="*/ 308549 w 727004"/>
              <a:gd name="connsiteY69" fmla="*/ 109085 h 1473132"/>
              <a:gd name="connsiteX70" fmla="*/ 318882 w 727004"/>
              <a:gd name="connsiteY70" fmla="*/ 98753 h 1473132"/>
              <a:gd name="connsiteX71" fmla="*/ 329214 w 727004"/>
              <a:gd name="connsiteY71" fmla="*/ 83254 h 1473132"/>
              <a:gd name="connsiteX72" fmla="*/ 365376 w 727004"/>
              <a:gd name="connsiteY72" fmla="*/ 62590 h 1473132"/>
              <a:gd name="connsiteX73" fmla="*/ 375709 w 727004"/>
              <a:gd name="connsiteY73" fmla="*/ 52258 h 1473132"/>
              <a:gd name="connsiteX74" fmla="*/ 391207 w 727004"/>
              <a:gd name="connsiteY74" fmla="*/ 41926 h 1473132"/>
              <a:gd name="connsiteX75" fmla="*/ 411871 w 727004"/>
              <a:gd name="connsiteY75" fmla="*/ 10929 h 1473132"/>
              <a:gd name="connsiteX76" fmla="*/ 422204 w 727004"/>
              <a:gd name="connsiteY76" fmla="*/ 597 h 1473132"/>
              <a:gd name="connsiteX0" fmla="*/ 411871 w 727004"/>
              <a:gd name="connsiteY0" fmla="*/ 7853 h 1470056"/>
              <a:gd name="connsiteX1" fmla="*/ 535858 w 727004"/>
              <a:gd name="connsiteY1" fmla="*/ 2687 h 1470056"/>
              <a:gd name="connsiteX2" fmla="*/ 587519 w 727004"/>
              <a:gd name="connsiteY2" fmla="*/ 44016 h 1470056"/>
              <a:gd name="connsiteX3" fmla="*/ 603017 w 727004"/>
              <a:gd name="connsiteY3" fmla="*/ 59514 h 1470056"/>
              <a:gd name="connsiteX4" fmla="*/ 613349 w 727004"/>
              <a:gd name="connsiteY4" fmla="*/ 90511 h 1470056"/>
              <a:gd name="connsiteX5" fmla="*/ 618515 w 727004"/>
              <a:gd name="connsiteY5" fmla="*/ 106009 h 1470056"/>
              <a:gd name="connsiteX6" fmla="*/ 623682 w 727004"/>
              <a:gd name="connsiteY6" fmla="*/ 152504 h 1470056"/>
              <a:gd name="connsiteX7" fmla="*/ 628848 w 727004"/>
              <a:gd name="connsiteY7" fmla="*/ 188666 h 1470056"/>
              <a:gd name="connsiteX8" fmla="*/ 634014 w 727004"/>
              <a:gd name="connsiteY8" fmla="*/ 260992 h 1470056"/>
              <a:gd name="connsiteX9" fmla="*/ 639180 w 727004"/>
              <a:gd name="connsiteY9" fmla="*/ 281656 h 1470056"/>
              <a:gd name="connsiteX10" fmla="*/ 644346 w 727004"/>
              <a:gd name="connsiteY10" fmla="*/ 317819 h 1470056"/>
              <a:gd name="connsiteX11" fmla="*/ 654678 w 727004"/>
              <a:gd name="connsiteY11" fmla="*/ 348816 h 1470056"/>
              <a:gd name="connsiteX12" fmla="*/ 665010 w 727004"/>
              <a:gd name="connsiteY12" fmla="*/ 395311 h 1470056"/>
              <a:gd name="connsiteX13" fmla="*/ 636184 w 727004"/>
              <a:gd name="connsiteY13" fmla="*/ 428073 h 1470056"/>
              <a:gd name="connsiteX14" fmla="*/ 619168 w 727004"/>
              <a:gd name="connsiteY14" fmla="*/ 448585 h 1470056"/>
              <a:gd name="connsiteX15" fmla="*/ 627753 w 727004"/>
              <a:gd name="connsiteY15" fmla="*/ 510060 h 1470056"/>
              <a:gd name="connsiteX16" fmla="*/ 632784 w 727004"/>
              <a:gd name="connsiteY16" fmla="*/ 589721 h 1470056"/>
              <a:gd name="connsiteX17" fmla="*/ 690841 w 727004"/>
              <a:gd name="connsiteY17" fmla="*/ 710443 h 1470056"/>
              <a:gd name="connsiteX18" fmla="*/ 706339 w 727004"/>
              <a:gd name="connsiteY18" fmla="*/ 746605 h 1470056"/>
              <a:gd name="connsiteX19" fmla="*/ 711505 w 727004"/>
              <a:gd name="connsiteY19" fmla="*/ 762104 h 1470056"/>
              <a:gd name="connsiteX20" fmla="*/ 721837 w 727004"/>
              <a:gd name="connsiteY20" fmla="*/ 787934 h 1470056"/>
              <a:gd name="connsiteX21" fmla="*/ 727004 w 727004"/>
              <a:gd name="connsiteY21" fmla="*/ 808599 h 1470056"/>
              <a:gd name="connsiteX22" fmla="*/ 721837 w 727004"/>
              <a:gd name="connsiteY22" fmla="*/ 839595 h 1470056"/>
              <a:gd name="connsiteX23" fmla="*/ 703074 w 727004"/>
              <a:gd name="connsiteY23" fmla="*/ 868691 h 1470056"/>
              <a:gd name="connsiteX24" fmla="*/ 701173 w 727004"/>
              <a:gd name="connsiteY24" fmla="*/ 979080 h 1470056"/>
              <a:gd name="connsiteX25" fmla="*/ 675343 w 727004"/>
              <a:gd name="connsiteY25" fmla="*/ 1030741 h 1470056"/>
              <a:gd name="connsiteX26" fmla="*/ 629116 w 727004"/>
              <a:gd name="connsiteY26" fmla="*/ 1072070 h 1470056"/>
              <a:gd name="connsiteX27" fmla="*/ 591457 w 727004"/>
              <a:gd name="connsiteY27" fmla="*/ 1118565 h 1470056"/>
              <a:gd name="connsiteX28" fmla="*/ 567123 w 727004"/>
              <a:gd name="connsiteY28" fmla="*/ 1194827 h 1470056"/>
              <a:gd name="connsiteX29" fmla="*/ 556522 w 727004"/>
              <a:gd name="connsiteY29" fmla="*/ 1268382 h 1470056"/>
              <a:gd name="connsiteX30" fmla="*/ 535858 w 727004"/>
              <a:gd name="connsiteY30" fmla="*/ 1299378 h 1470056"/>
              <a:gd name="connsiteX31" fmla="*/ 525526 w 727004"/>
              <a:gd name="connsiteY31" fmla="*/ 1314877 h 1470056"/>
              <a:gd name="connsiteX32" fmla="*/ 510027 w 727004"/>
              <a:gd name="connsiteY32" fmla="*/ 1366538 h 1470056"/>
              <a:gd name="connsiteX33" fmla="*/ 504861 w 727004"/>
              <a:gd name="connsiteY33" fmla="*/ 1382036 h 1470056"/>
              <a:gd name="connsiteX34" fmla="*/ 494529 w 727004"/>
              <a:gd name="connsiteY34" fmla="*/ 1397534 h 1470056"/>
              <a:gd name="connsiteX35" fmla="*/ 484197 w 727004"/>
              <a:gd name="connsiteY35" fmla="*/ 1423365 h 1470056"/>
              <a:gd name="connsiteX36" fmla="*/ 468698 w 727004"/>
              <a:gd name="connsiteY36" fmla="*/ 1438863 h 1470056"/>
              <a:gd name="connsiteX37" fmla="*/ 458366 w 727004"/>
              <a:gd name="connsiteY37" fmla="*/ 1454361 h 1470056"/>
              <a:gd name="connsiteX38" fmla="*/ 277553 w 727004"/>
              <a:gd name="connsiteY38" fmla="*/ 1464694 h 1470056"/>
              <a:gd name="connsiteX39" fmla="*/ 65743 w 727004"/>
              <a:gd name="connsiteY39" fmla="*/ 1469860 h 1470056"/>
              <a:gd name="connsiteX40" fmla="*/ 41296 w 727004"/>
              <a:gd name="connsiteY40" fmla="*/ 1458164 h 1470056"/>
              <a:gd name="connsiteX41" fmla="*/ 2655 w 727004"/>
              <a:gd name="connsiteY41" fmla="*/ 1401068 h 1470056"/>
              <a:gd name="connsiteX42" fmla="*/ 505 w 727004"/>
              <a:gd name="connsiteY42" fmla="*/ 1264406 h 1470056"/>
              <a:gd name="connsiteX43" fmla="*/ 26315 w 727004"/>
              <a:gd name="connsiteY43" fmla="*/ 1190890 h 1470056"/>
              <a:gd name="connsiteX44" fmla="*/ 55410 w 727004"/>
              <a:gd name="connsiteY44" fmla="*/ 1087568 h 1470056"/>
              <a:gd name="connsiteX45" fmla="*/ 60576 w 727004"/>
              <a:gd name="connsiteY45" fmla="*/ 1061738 h 1470056"/>
              <a:gd name="connsiteX46" fmla="*/ 70909 w 727004"/>
              <a:gd name="connsiteY46" fmla="*/ 1030741 h 1470056"/>
              <a:gd name="connsiteX47" fmla="*/ 76075 w 727004"/>
              <a:gd name="connsiteY47" fmla="*/ 932585 h 1470056"/>
              <a:gd name="connsiteX48" fmla="*/ 86407 w 727004"/>
              <a:gd name="connsiteY48" fmla="*/ 917087 h 1470056"/>
              <a:gd name="connsiteX49" fmla="*/ 96739 w 727004"/>
              <a:gd name="connsiteY49" fmla="*/ 896422 h 1470056"/>
              <a:gd name="connsiteX50" fmla="*/ 117404 w 727004"/>
              <a:gd name="connsiteY50" fmla="*/ 870592 h 1470056"/>
              <a:gd name="connsiteX51" fmla="*/ 117404 w 727004"/>
              <a:gd name="connsiteY51" fmla="*/ 803433 h 1470056"/>
              <a:gd name="connsiteX52" fmla="*/ 127736 w 727004"/>
              <a:gd name="connsiteY52" fmla="*/ 694944 h 1470056"/>
              <a:gd name="connsiteX53" fmla="*/ 138068 w 727004"/>
              <a:gd name="connsiteY53" fmla="*/ 663948 h 1470056"/>
              <a:gd name="connsiteX54" fmla="*/ 148400 w 727004"/>
              <a:gd name="connsiteY54" fmla="*/ 648450 h 1470056"/>
              <a:gd name="connsiteX55" fmla="*/ 153566 w 727004"/>
              <a:gd name="connsiteY55" fmla="*/ 632951 h 1470056"/>
              <a:gd name="connsiteX56" fmla="*/ 163898 w 727004"/>
              <a:gd name="connsiteY56" fmla="*/ 570958 h 1470056"/>
              <a:gd name="connsiteX57" fmla="*/ 169065 w 727004"/>
              <a:gd name="connsiteY57" fmla="*/ 529629 h 1470056"/>
              <a:gd name="connsiteX58" fmla="*/ 184563 w 727004"/>
              <a:gd name="connsiteY58" fmla="*/ 353982 h 1470056"/>
              <a:gd name="connsiteX59" fmla="*/ 205227 w 727004"/>
              <a:gd name="connsiteY59" fmla="*/ 307487 h 1470056"/>
              <a:gd name="connsiteX60" fmla="*/ 210393 w 727004"/>
              <a:gd name="connsiteY60" fmla="*/ 286822 h 1470056"/>
              <a:gd name="connsiteX61" fmla="*/ 220726 w 727004"/>
              <a:gd name="connsiteY61" fmla="*/ 276490 h 1470056"/>
              <a:gd name="connsiteX62" fmla="*/ 231058 w 727004"/>
              <a:gd name="connsiteY62" fmla="*/ 260992 h 1470056"/>
              <a:gd name="connsiteX63" fmla="*/ 241390 w 727004"/>
              <a:gd name="connsiteY63" fmla="*/ 224829 h 1470056"/>
              <a:gd name="connsiteX64" fmla="*/ 251722 w 727004"/>
              <a:gd name="connsiteY64" fmla="*/ 193833 h 1470056"/>
              <a:gd name="connsiteX65" fmla="*/ 256888 w 727004"/>
              <a:gd name="connsiteY65" fmla="*/ 178334 h 1470056"/>
              <a:gd name="connsiteX66" fmla="*/ 267221 w 727004"/>
              <a:gd name="connsiteY66" fmla="*/ 168002 h 1470056"/>
              <a:gd name="connsiteX67" fmla="*/ 282719 w 727004"/>
              <a:gd name="connsiteY67" fmla="*/ 137005 h 1470056"/>
              <a:gd name="connsiteX68" fmla="*/ 298217 w 727004"/>
              <a:gd name="connsiteY68" fmla="*/ 121507 h 1470056"/>
              <a:gd name="connsiteX69" fmla="*/ 308549 w 727004"/>
              <a:gd name="connsiteY69" fmla="*/ 106009 h 1470056"/>
              <a:gd name="connsiteX70" fmla="*/ 318882 w 727004"/>
              <a:gd name="connsiteY70" fmla="*/ 95677 h 1470056"/>
              <a:gd name="connsiteX71" fmla="*/ 329214 w 727004"/>
              <a:gd name="connsiteY71" fmla="*/ 80178 h 1470056"/>
              <a:gd name="connsiteX72" fmla="*/ 365376 w 727004"/>
              <a:gd name="connsiteY72" fmla="*/ 59514 h 1470056"/>
              <a:gd name="connsiteX73" fmla="*/ 375709 w 727004"/>
              <a:gd name="connsiteY73" fmla="*/ 49182 h 1470056"/>
              <a:gd name="connsiteX74" fmla="*/ 391207 w 727004"/>
              <a:gd name="connsiteY74" fmla="*/ 38850 h 1470056"/>
              <a:gd name="connsiteX75" fmla="*/ 411871 w 727004"/>
              <a:gd name="connsiteY75" fmla="*/ 7853 h 1470056"/>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29214 w 727004"/>
              <a:gd name="connsiteY71" fmla="*/ 77510 h 1467388"/>
              <a:gd name="connsiteX72" fmla="*/ 365376 w 727004"/>
              <a:gd name="connsiteY72" fmla="*/ 56846 h 1467388"/>
              <a:gd name="connsiteX73" fmla="*/ 375709 w 727004"/>
              <a:gd name="connsiteY73" fmla="*/ 46514 h 1467388"/>
              <a:gd name="connsiteX74" fmla="*/ 391207 w 727004"/>
              <a:gd name="connsiteY74"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08549 w 727004"/>
              <a:gd name="connsiteY69" fmla="*/ 103341 h 1467388"/>
              <a:gd name="connsiteX70" fmla="*/ 318882 w 727004"/>
              <a:gd name="connsiteY70" fmla="*/ 93009 h 1467388"/>
              <a:gd name="connsiteX71" fmla="*/ 365376 w 727004"/>
              <a:gd name="connsiteY71" fmla="*/ 56846 h 1467388"/>
              <a:gd name="connsiteX72" fmla="*/ 375709 w 727004"/>
              <a:gd name="connsiteY72" fmla="*/ 46514 h 1467388"/>
              <a:gd name="connsiteX73" fmla="*/ 391207 w 727004"/>
              <a:gd name="connsiteY73"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298217 w 727004"/>
              <a:gd name="connsiteY68" fmla="*/ 118839 h 1467388"/>
              <a:gd name="connsiteX69" fmla="*/ 318882 w 727004"/>
              <a:gd name="connsiteY69" fmla="*/ 93009 h 1467388"/>
              <a:gd name="connsiteX70" fmla="*/ 365376 w 727004"/>
              <a:gd name="connsiteY70" fmla="*/ 56846 h 1467388"/>
              <a:gd name="connsiteX71" fmla="*/ 375709 w 727004"/>
              <a:gd name="connsiteY71" fmla="*/ 46514 h 1467388"/>
              <a:gd name="connsiteX72" fmla="*/ 391207 w 727004"/>
              <a:gd name="connsiteY72"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75709 w 727004"/>
              <a:gd name="connsiteY70" fmla="*/ 46514 h 1467388"/>
              <a:gd name="connsiteX71" fmla="*/ 391207 w 727004"/>
              <a:gd name="connsiteY71"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67221 w 727004"/>
              <a:gd name="connsiteY66" fmla="*/ 165334 h 1467388"/>
              <a:gd name="connsiteX67" fmla="*/ 282719 w 727004"/>
              <a:gd name="connsiteY67" fmla="*/ 134337 h 1467388"/>
              <a:gd name="connsiteX68" fmla="*/ 318882 w 727004"/>
              <a:gd name="connsiteY68" fmla="*/ 93009 h 1467388"/>
              <a:gd name="connsiteX69" fmla="*/ 365376 w 727004"/>
              <a:gd name="connsiteY69" fmla="*/ 56846 h 1467388"/>
              <a:gd name="connsiteX70" fmla="*/ 391207 w 727004"/>
              <a:gd name="connsiteY70"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184563 w 727004"/>
              <a:gd name="connsiteY58" fmla="*/ 351314 h 1467388"/>
              <a:gd name="connsiteX59" fmla="*/ 205227 w 727004"/>
              <a:gd name="connsiteY59" fmla="*/ 304819 h 1467388"/>
              <a:gd name="connsiteX60" fmla="*/ 210393 w 727004"/>
              <a:gd name="connsiteY60" fmla="*/ 284154 h 1467388"/>
              <a:gd name="connsiteX61" fmla="*/ 220726 w 727004"/>
              <a:gd name="connsiteY61" fmla="*/ 273822 h 1467388"/>
              <a:gd name="connsiteX62" fmla="*/ 231058 w 727004"/>
              <a:gd name="connsiteY62" fmla="*/ 258324 h 1467388"/>
              <a:gd name="connsiteX63" fmla="*/ 241390 w 727004"/>
              <a:gd name="connsiteY63" fmla="*/ 222161 h 1467388"/>
              <a:gd name="connsiteX64" fmla="*/ 251722 w 727004"/>
              <a:gd name="connsiteY64" fmla="*/ 191165 h 1467388"/>
              <a:gd name="connsiteX65" fmla="*/ 256888 w 727004"/>
              <a:gd name="connsiteY65" fmla="*/ 175666 h 1467388"/>
              <a:gd name="connsiteX66" fmla="*/ 282719 w 727004"/>
              <a:gd name="connsiteY66" fmla="*/ 134337 h 1467388"/>
              <a:gd name="connsiteX67" fmla="*/ 318882 w 727004"/>
              <a:gd name="connsiteY67" fmla="*/ 93009 h 1467388"/>
              <a:gd name="connsiteX68" fmla="*/ 365376 w 727004"/>
              <a:gd name="connsiteY68" fmla="*/ 56846 h 1467388"/>
              <a:gd name="connsiteX69" fmla="*/ 391207 w 727004"/>
              <a:gd name="connsiteY69" fmla="*/ 36182 h 1467388"/>
              <a:gd name="connsiteX0" fmla="*/ 391207 w 727004"/>
              <a:gd name="connsiteY0" fmla="*/ 36182 h 1467388"/>
              <a:gd name="connsiteX1" fmla="*/ 535858 w 727004"/>
              <a:gd name="connsiteY1" fmla="*/ 19 h 1467388"/>
              <a:gd name="connsiteX2" fmla="*/ 587519 w 727004"/>
              <a:gd name="connsiteY2" fmla="*/ 41348 h 1467388"/>
              <a:gd name="connsiteX3" fmla="*/ 603017 w 727004"/>
              <a:gd name="connsiteY3" fmla="*/ 56846 h 1467388"/>
              <a:gd name="connsiteX4" fmla="*/ 613349 w 727004"/>
              <a:gd name="connsiteY4" fmla="*/ 87843 h 1467388"/>
              <a:gd name="connsiteX5" fmla="*/ 618515 w 727004"/>
              <a:gd name="connsiteY5" fmla="*/ 103341 h 1467388"/>
              <a:gd name="connsiteX6" fmla="*/ 623682 w 727004"/>
              <a:gd name="connsiteY6" fmla="*/ 149836 h 1467388"/>
              <a:gd name="connsiteX7" fmla="*/ 628848 w 727004"/>
              <a:gd name="connsiteY7" fmla="*/ 185998 h 1467388"/>
              <a:gd name="connsiteX8" fmla="*/ 634014 w 727004"/>
              <a:gd name="connsiteY8" fmla="*/ 258324 h 1467388"/>
              <a:gd name="connsiteX9" fmla="*/ 639180 w 727004"/>
              <a:gd name="connsiteY9" fmla="*/ 278988 h 1467388"/>
              <a:gd name="connsiteX10" fmla="*/ 644346 w 727004"/>
              <a:gd name="connsiteY10" fmla="*/ 315151 h 1467388"/>
              <a:gd name="connsiteX11" fmla="*/ 654678 w 727004"/>
              <a:gd name="connsiteY11" fmla="*/ 346148 h 1467388"/>
              <a:gd name="connsiteX12" fmla="*/ 665010 w 727004"/>
              <a:gd name="connsiteY12" fmla="*/ 392643 h 1467388"/>
              <a:gd name="connsiteX13" fmla="*/ 636184 w 727004"/>
              <a:gd name="connsiteY13" fmla="*/ 425405 h 1467388"/>
              <a:gd name="connsiteX14" fmla="*/ 619168 w 727004"/>
              <a:gd name="connsiteY14" fmla="*/ 445917 h 1467388"/>
              <a:gd name="connsiteX15" fmla="*/ 627753 w 727004"/>
              <a:gd name="connsiteY15" fmla="*/ 507392 h 1467388"/>
              <a:gd name="connsiteX16" fmla="*/ 632784 w 727004"/>
              <a:gd name="connsiteY16" fmla="*/ 587053 h 1467388"/>
              <a:gd name="connsiteX17" fmla="*/ 690841 w 727004"/>
              <a:gd name="connsiteY17" fmla="*/ 707775 h 1467388"/>
              <a:gd name="connsiteX18" fmla="*/ 706339 w 727004"/>
              <a:gd name="connsiteY18" fmla="*/ 743937 h 1467388"/>
              <a:gd name="connsiteX19" fmla="*/ 711505 w 727004"/>
              <a:gd name="connsiteY19" fmla="*/ 759436 h 1467388"/>
              <a:gd name="connsiteX20" fmla="*/ 721837 w 727004"/>
              <a:gd name="connsiteY20" fmla="*/ 785266 h 1467388"/>
              <a:gd name="connsiteX21" fmla="*/ 727004 w 727004"/>
              <a:gd name="connsiteY21" fmla="*/ 805931 h 1467388"/>
              <a:gd name="connsiteX22" fmla="*/ 721837 w 727004"/>
              <a:gd name="connsiteY22" fmla="*/ 836927 h 1467388"/>
              <a:gd name="connsiteX23" fmla="*/ 703074 w 727004"/>
              <a:gd name="connsiteY23" fmla="*/ 866023 h 1467388"/>
              <a:gd name="connsiteX24" fmla="*/ 701173 w 727004"/>
              <a:gd name="connsiteY24" fmla="*/ 976412 h 1467388"/>
              <a:gd name="connsiteX25" fmla="*/ 675343 w 727004"/>
              <a:gd name="connsiteY25" fmla="*/ 1028073 h 1467388"/>
              <a:gd name="connsiteX26" fmla="*/ 629116 w 727004"/>
              <a:gd name="connsiteY26" fmla="*/ 1069402 h 1467388"/>
              <a:gd name="connsiteX27" fmla="*/ 591457 w 727004"/>
              <a:gd name="connsiteY27" fmla="*/ 1115897 h 1467388"/>
              <a:gd name="connsiteX28" fmla="*/ 567123 w 727004"/>
              <a:gd name="connsiteY28" fmla="*/ 1192159 h 1467388"/>
              <a:gd name="connsiteX29" fmla="*/ 556522 w 727004"/>
              <a:gd name="connsiteY29" fmla="*/ 1265714 h 1467388"/>
              <a:gd name="connsiteX30" fmla="*/ 535858 w 727004"/>
              <a:gd name="connsiteY30" fmla="*/ 1296710 h 1467388"/>
              <a:gd name="connsiteX31" fmla="*/ 525526 w 727004"/>
              <a:gd name="connsiteY31" fmla="*/ 1312209 h 1467388"/>
              <a:gd name="connsiteX32" fmla="*/ 510027 w 727004"/>
              <a:gd name="connsiteY32" fmla="*/ 1363870 h 1467388"/>
              <a:gd name="connsiteX33" fmla="*/ 504861 w 727004"/>
              <a:gd name="connsiteY33" fmla="*/ 1379368 h 1467388"/>
              <a:gd name="connsiteX34" fmla="*/ 494529 w 727004"/>
              <a:gd name="connsiteY34" fmla="*/ 1394866 h 1467388"/>
              <a:gd name="connsiteX35" fmla="*/ 484197 w 727004"/>
              <a:gd name="connsiteY35" fmla="*/ 1420697 h 1467388"/>
              <a:gd name="connsiteX36" fmla="*/ 468698 w 727004"/>
              <a:gd name="connsiteY36" fmla="*/ 1436195 h 1467388"/>
              <a:gd name="connsiteX37" fmla="*/ 458366 w 727004"/>
              <a:gd name="connsiteY37" fmla="*/ 1451693 h 1467388"/>
              <a:gd name="connsiteX38" fmla="*/ 277553 w 727004"/>
              <a:gd name="connsiteY38" fmla="*/ 1462026 h 1467388"/>
              <a:gd name="connsiteX39" fmla="*/ 65743 w 727004"/>
              <a:gd name="connsiteY39" fmla="*/ 1467192 h 1467388"/>
              <a:gd name="connsiteX40" fmla="*/ 41296 w 727004"/>
              <a:gd name="connsiteY40" fmla="*/ 1455496 h 1467388"/>
              <a:gd name="connsiteX41" fmla="*/ 2655 w 727004"/>
              <a:gd name="connsiteY41" fmla="*/ 1398400 h 1467388"/>
              <a:gd name="connsiteX42" fmla="*/ 505 w 727004"/>
              <a:gd name="connsiteY42" fmla="*/ 1261738 h 1467388"/>
              <a:gd name="connsiteX43" fmla="*/ 26315 w 727004"/>
              <a:gd name="connsiteY43" fmla="*/ 1188222 h 1467388"/>
              <a:gd name="connsiteX44" fmla="*/ 55410 w 727004"/>
              <a:gd name="connsiteY44" fmla="*/ 1084900 h 1467388"/>
              <a:gd name="connsiteX45" fmla="*/ 60576 w 727004"/>
              <a:gd name="connsiteY45" fmla="*/ 1059070 h 1467388"/>
              <a:gd name="connsiteX46" fmla="*/ 70909 w 727004"/>
              <a:gd name="connsiteY46" fmla="*/ 1028073 h 1467388"/>
              <a:gd name="connsiteX47" fmla="*/ 76075 w 727004"/>
              <a:gd name="connsiteY47" fmla="*/ 929917 h 1467388"/>
              <a:gd name="connsiteX48" fmla="*/ 86407 w 727004"/>
              <a:gd name="connsiteY48" fmla="*/ 914419 h 1467388"/>
              <a:gd name="connsiteX49" fmla="*/ 96739 w 727004"/>
              <a:gd name="connsiteY49" fmla="*/ 893754 h 1467388"/>
              <a:gd name="connsiteX50" fmla="*/ 117404 w 727004"/>
              <a:gd name="connsiteY50" fmla="*/ 867924 h 1467388"/>
              <a:gd name="connsiteX51" fmla="*/ 117404 w 727004"/>
              <a:gd name="connsiteY51" fmla="*/ 800765 h 1467388"/>
              <a:gd name="connsiteX52" fmla="*/ 127736 w 727004"/>
              <a:gd name="connsiteY52" fmla="*/ 692276 h 1467388"/>
              <a:gd name="connsiteX53" fmla="*/ 138068 w 727004"/>
              <a:gd name="connsiteY53" fmla="*/ 661280 h 1467388"/>
              <a:gd name="connsiteX54" fmla="*/ 148400 w 727004"/>
              <a:gd name="connsiteY54" fmla="*/ 645782 h 1467388"/>
              <a:gd name="connsiteX55" fmla="*/ 153566 w 727004"/>
              <a:gd name="connsiteY55" fmla="*/ 630283 h 1467388"/>
              <a:gd name="connsiteX56" fmla="*/ 163898 w 727004"/>
              <a:gd name="connsiteY56" fmla="*/ 568290 h 1467388"/>
              <a:gd name="connsiteX57" fmla="*/ 169065 w 727004"/>
              <a:gd name="connsiteY57" fmla="*/ 526961 h 1467388"/>
              <a:gd name="connsiteX58" fmla="*/ 205227 w 727004"/>
              <a:gd name="connsiteY58" fmla="*/ 304819 h 1467388"/>
              <a:gd name="connsiteX59" fmla="*/ 210393 w 727004"/>
              <a:gd name="connsiteY59" fmla="*/ 284154 h 1467388"/>
              <a:gd name="connsiteX60" fmla="*/ 220726 w 727004"/>
              <a:gd name="connsiteY60" fmla="*/ 273822 h 1467388"/>
              <a:gd name="connsiteX61" fmla="*/ 231058 w 727004"/>
              <a:gd name="connsiteY61" fmla="*/ 258324 h 1467388"/>
              <a:gd name="connsiteX62" fmla="*/ 241390 w 727004"/>
              <a:gd name="connsiteY62" fmla="*/ 222161 h 1467388"/>
              <a:gd name="connsiteX63" fmla="*/ 251722 w 727004"/>
              <a:gd name="connsiteY63" fmla="*/ 191165 h 1467388"/>
              <a:gd name="connsiteX64" fmla="*/ 256888 w 727004"/>
              <a:gd name="connsiteY64" fmla="*/ 175666 h 1467388"/>
              <a:gd name="connsiteX65" fmla="*/ 282719 w 727004"/>
              <a:gd name="connsiteY65" fmla="*/ 134337 h 1467388"/>
              <a:gd name="connsiteX66" fmla="*/ 318882 w 727004"/>
              <a:gd name="connsiteY66" fmla="*/ 93009 h 1467388"/>
              <a:gd name="connsiteX67" fmla="*/ 365376 w 727004"/>
              <a:gd name="connsiteY67" fmla="*/ 56846 h 1467388"/>
              <a:gd name="connsiteX68" fmla="*/ 391207 w 727004"/>
              <a:gd name="connsiteY68" fmla="*/ 36182 h 1467388"/>
              <a:gd name="connsiteX0" fmla="*/ 391207 w 727004"/>
              <a:gd name="connsiteY0" fmla="*/ 18880 h 1450086"/>
              <a:gd name="connsiteX1" fmla="*/ 514190 w 727004"/>
              <a:gd name="connsiteY1" fmla="*/ 51 h 1450086"/>
              <a:gd name="connsiteX2" fmla="*/ 587519 w 727004"/>
              <a:gd name="connsiteY2" fmla="*/ 24046 h 1450086"/>
              <a:gd name="connsiteX3" fmla="*/ 603017 w 727004"/>
              <a:gd name="connsiteY3" fmla="*/ 39544 h 1450086"/>
              <a:gd name="connsiteX4" fmla="*/ 613349 w 727004"/>
              <a:gd name="connsiteY4" fmla="*/ 70541 h 1450086"/>
              <a:gd name="connsiteX5" fmla="*/ 618515 w 727004"/>
              <a:gd name="connsiteY5" fmla="*/ 86039 h 1450086"/>
              <a:gd name="connsiteX6" fmla="*/ 623682 w 727004"/>
              <a:gd name="connsiteY6" fmla="*/ 132534 h 1450086"/>
              <a:gd name="connsiteX7" fmla="*/ 628848 w 727004"/>
              <a:gd name="connsiteY7" fmla="*/ 168696 h 1450086"/>
              <a:gd name="connsiteX8" fmla="*/ 634014 w 727004"/>
              <a:gd name="connsiteY8" fmla="*/ 241022 h 1450086"/>
              <a:gd name="connsiteX9" fmla="*/ 639180 w 727004"/>
              <a:gd name="connsiteY9" fmla="*/ 261686 h 1450086"/>
              <a:gd name="connsiteX10" fmla="*/ 644346 w 727004"/>
              <a:gd name="connsiteY10" fmla="*/ 297849 h 1450086"/>
              <a:gd name="connsiteX11" fmla="*/ 654678 w 727004"/>
              <a:gd name="connsiteY11" fmla="*/ 328846 h 1450086"/>
              <a:gd name="connsiteX12" fmla="*/ 665010 w 727004"/>
              <a:gd name="connsiteY12" fmla="*/ 375341 h 1450086"/>
              <a:gd name="connsiteX13" fmla="*/ 636184 w 727004"/>
              <a:gd name="connsiteY13" fmla="*/ 408103 h 1450086"/>
              <a:gd name="connsiteX14" fmla="*/ 619168 w 727004"/>
              <a:gd name="connsiteY14" fmla="*/ 428615 h 1450086"/>
              <a:gd name="connsiteX15" fmla="*/ 627753 w 727004"/>
              <a:gd name="connsiteY15" fmla="*/ 490090 h 1450086"/>
              <a:gd name="connsiteX16" fmla="*/ 632784 w 727004"/>
              <a:gd name="connsiteY16" fmla="*/ 569751 h 1450086"/>
              <a:gd name="connsiteX17" fmla="*/ 690841 w 727004"/>
              <a:gd name="connsiteY17" fmla="*/ 690473 h 1450086"/>
              <a:gd name="connsiteX18" fmla="*/ 706339 w 727004"/>
              <a:gd name="connsiteY18" fmla="*/ 726635 h 1450086"/>
              <a:gd name="connsiteX19" fmla="*/ 711505 w 727004"/>
              <a:gd name="connsiteY19" fmla="*/ 742134 h 1450086"/>
              <a:gd name="connsiteX20" fmla="*/ 721837 w 727004"/>
              <a:gd name="connsiteY20" fmla="*/ 767964 h 1450086"/>
              <a:gd name="connsiteX21" fmla="*/ 727004 w 727004"/>
              <a:gd name="connsiteY21" fmla="*/ 788629 h 1450086"/>
              <a:gd name="connsiteX22" fmla="*/ 721837 w 727004"/>
              <a:gd name="connsiteY22" fmla="*/ 819625 h 1450086"/>
              <a:gd name="connsiteX23" fmla="*/ 703074 w 727004"/>
              <a:gd name="connsiteY23" fmla="*/ 848721 h 1450086"/>
              <a:gd name="connsiteX24" fmla="*/ 701173 w 727004"/>
              <a:gd name="connsiteY24" fmla="*/ 959110 h 1450086"/>
              <a:gd name="connsiteX25" fmla="*/ 675343 w 727004"/>
              <a:gd name="connsiteY25" fmla="*/ 1010771 h 1450086"/>
              <a:gd name="connsiteX26" fmla="*/ 629116 w 727004"/>
              <a:gd name="connsiteY26" fmla="*/ 1052100 h 1450086"/>
              <a:gd name="connsiteX27" fmla="*/ 591457 w 727004"/>
              <a:gd name="connsiteY27" fmla="*/ 1098595 h 1450086"/>
              <a:gd name="connsiteX28" fmla="*/ 567123 w 727004"/>
              <a:gd name="connsiteY28" fmla="*/ 1174857 h 1450086"/>
              <a:gd name="connsiteX29" fmla="*/ 556522 w 727004"/>
              <a:gd name="connsiteY29" fmla="*/ 1248412 h 1450086"/>
              <a:gd name="connsiteX30" fmla="*/ 535858 w 727004"/>
              <a:gd name="connsiteY30" fmla="*/ 1279408 h 1450086"/>
              <a:gd name="connsiteX31" fmla="*/ 525526 w 727004"/>
              <a:gd name="connsiteY31" fmla="*/ 1294907 h 1450086"/>
              <a:gd name="connsiteX32" fmla="*/ 510027 w 727004"/>
              <a:gd name="connsiteY32" fmla="*/ 1346568 h 1450086"/>
              <a:gd name="connsiteX33" fmla="*/ 504861 w 727004"/>
              <a:gd name="connsiteY33" fmla="*/ 1362066 h 1450086"/>
              <a:gd name="connsiteX34" fmla="*/ 494529 w 727004"/>
              <a:gd name="connsiteY34" fmla="*/ 1377564 h 1450086"/>
              <a:gd name="connsiteX35" fmla="*/ 484197 w 727004"/>
              <a:gd name="connsiteY35" fmla="*/ 1403395 h 1450086"/>
              <a:gd name="connsiteX36" fmla="*/ 468698 w 727004"/>
              <a:gd name="connsiteY36" fmla="*/ 1418893 h 1450086"/>
              <a:gd name="connsiteX37" fmla="*/ 458366 w 727004"/>
              <a:gd name="connsiteY37" fmla="*/ 1434391 h 1450086"/>
              <a:gd name="connsiteX38" fmla="*/ 277553 w 727004"/>
              <a:gd name="connsiteY38" fmla="*/ 1444724 h 1450086"/>
              <a:gd name="connsiteX39" fmla="*/ 65743 w 727004"/>
              <a:gd name="connsiteY39" fmla="*/ 1449890 h 1450086"/>
              <a:gd name="connsiteX40" fmla="*/ 41296 w 727004"/>
              <a:gd name="connsiteY40" fmla="*/ 1438194 h 1450086"/>
              <a:gd name="connsiteX41" fmla="*/ 2655 w 727004"/>
              <a:gd name="connsiteY41" fmla="*/ 1381098 h 1450086"/>
              <a:gd name="connsiteX42" fmla="*/ 505 w 727004"/>
              <a:gd name="connsiteY42" fmla="*/ 1244436 h 1450086"/>
              <a:gd name="connsiteX43" fmla="*/ 26315 w 727004"/>
              <a:gd name="connsiteY43" fmla="*/ 1170920 h 1450086"/>
              <a:gd name="connsiteX44" fmla="*/ 55410 w 727004"/>
              <a:gd name="connsiteY44" fmla="*/ 1067598 h 1450086"/>
              <a:gd name="connsiteX45" fmla="*/ 60576 w 727004"/>
              <a:gd name="connsiteY45" fmla="*/ 1041768 h 1450086"/>
              <a:gd name="connsiteX46" fmla="*/ 70909 w 727004"/>
              <a:gd name="connsiteY46" fmla="*/ 1010771 h 1450086"/>
              <a:gd name="connsiteX47" fmla="*/ 76075 w 727004"/>
              <a:gd name="connsiteY47" fmla="*/ 912615 h 1450086"/>
              <a:gd name="connsiteX48" fmla="*/ 86407 w 727004"/>
              <a:gd name="connsiteY48" fmla="*/ 897117 h 1450086"/>
              <a:gd name="connsiteX49" fmla="*/ 96739 w 727004"/>
              <a:gd name="connsiteY49" fmla="*/ 876452 h 1450086"/>
              <a:gd name="connsiteX50" fmla="*/ 117404 w 727004"/>
              <a:gd name="connsiteY50" fmla="*/ 850622 h 1450086"/>
              <a:gd name="connsiteX51" fmla="*/ 117404 w 727004"/>
              <a:gd name="connsiteY51" fmla="*/ 783463 h 1450086"/>
              <a:gd name="connsiteX52" fmla="*/ 127736 w 727004"/>
              <a:gd name="connsiteY52" fmla="*/ 674974 h 1450086"/>
              <a:gd name="connsiteX53" fmla="*/ 138068 w 727004"/>
              <a:gd name="connsiteY53" fmla="*/ 643978 h 1450086"/>
              <a:gd name="connsiteX54" fmla="*/ 148400 w 727004"/>
              <a:gd name="connsiteY54" fmla="*/ 628480 h 1450086"/>
              <a:gd name="connsiteX55" fmla="*/ 153566 w 727004"/>
              <a:gd name="connsiteY55" fmla="*/ 612981 h 1450086"/>
              <a:gd name="connsiteX56" fmla="*/ 163898 w 727004"/>
              <a:gd name="connsiteY56" fmla="*/ 550988 h 1450086"/>
              <a:gd name="connsiteX57" fmla="*/ 169065 w 727004"/>
              <a:gd name="connsiteY57" fmla="*/ 509659 h 1450086"/>
              <a:gd name="connsiteX58" fmla="*/ 205227 w 727004"/>
              <a:gd name="connsiteY58" fmla="*/ 287517 h 1450086"/>
              <a:gd name="connsiteX59" fmla="*/ 210393 w 727004"/>
              <a:gd name="connsiteY59" fmla="*/ 266852 h 1450086"/>
              <a:gd name="connsiteX60" fmla="*/ 220726 w 727004"/>
              <a:gd name="connsiteY60" fmla="*/ 256520 h 1450086"/>
              <a:gd name="connsiteX61" fmla="*/ 231058 w 727004"/>
              <a:gd name="connsiteY61" fmla="*/ 241022 h 1450086"/>
              <a:gd name="connsiteX62" fmla="*/ 241390 w 727004"/>
              <a:gd name="connsiteY62" fmla="*/ 204859 h 1450086"/>
              <a:gd name="connsiteX63" fmla="*/ 251722 w 727004"/>
              <a:gd name="connsiteY63" fmla="*/ 173863 h 1450086"/>
              <a:gd name="connsiteX64" fmla="*/ 256888 w 727004"/>
              <a:gd name="connsiteY64" fmla="*/ 158364 h 1450086"/>
              <a:gd name="connsiteX65" fmla="*/ 282719 w 727004"/>
              <a:gd name="connsiteY65" fmla="*/ 117035 h 1450086"/>
              <a:gd name="connsiteX66" fmla="*/ 318882 w 727004"/>
              <a:gd name="connsiteY66" fmla="*/ 75707 h 1450086"/>
              <a:gd name="connsiteX67" fmla="*/ 365376 w 727004"/>
              <a:gd name="connsiteY67" fmla="*/ 39544 h 1450086"/>
              <a:gd name="connsiteX68" fmla="*/ 391207 w 727004"/>
              <a:gd name="connsiteY68" fmla="*/ 18880 h 1450086"/>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65376 w 727004"/>
              <a:gd name="connsiteY67" fmla="*/ 40765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18882 w 727004"/>
              <a:gd name="connsiteY66" fmla="*/ 7692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282719 w 727004"/>
              <a:gd name="connsiteY65" fmla="*/ 118256 h 1451307"/>
              <a:gd name="connsiteX66" fmla="*/ 305881 w 727004"/>
              <a:gd name="connsiteY66" fmla="*/ 219938 h 1451307"/>
              <a:gd name="connsiteX67" fmla="*/ 348041 w 727004"/>
              <a:gd name="connsiteY67" fmla="*/ 127438 h 1451307"/>
              <a:gd name="connsiteX68" fmla="*/ 408541 w 727004"/>
              <a:gd name="connsiteY6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256888 w 727004"/>
              <a:gd name="connsiteY64" fmla="*/ 159585 h 1451307"/>
              <a:gd name="connsiteX65" fmla="*/ 305881 w 727004"/>
              <a:gd name="connsiteY65" fmla="*/ 219938 h 1451307"/>
              <a:gd name="connsiteX66" fmla="*/ 348041 w 727004"/>
              <a:gd name="connsiteY66" fmla="*/ 127438 h 1451307"/>
              <a:gd name="connsiteX67" fmla="*/ 408541 w 727004"/>
              <a:gd name="connsiteY6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251722 w 727004"/>
              <a:gd name="connsiteY63" fmla="*/ 175084 h 1451307"/>
              <a:gd name="connsiteX64" fmla="*/ 305881 w 727004"/>
              <a:gd name="connsiteY64" fmla="*/ 219938 h 1451307"/>
              <a:gd name="connsiteX65" fmla="*/ 348041 w 727004"/>
              <a:gd name="connsiteY65" fmla="*/ 127438 h 1451307"/>
              <a:gd name="connsiteX66" fmla="*/ 408541 w 727004"/>
              <a:gd name="connsiteY6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241390 w 727004"/>
              <a:gd name="connsiteY62" fmla="*/ 206080 h 1451307"/>
              <a:gd name="connsiteX63" fmla="*/ 305881 w 727004"/>
              <a:gd name="connsiteY63" fmla="*/ 219938 h 1451307"/>
              <a:gd name="connsiteX64" fmla="*/ 348041 w 727004"/>
              <a:gd name="connsiteY64" fmla="*/ 127438 h 1451307"/>
              <a:gd name="connsiteX65" fmla="*/ 408541 w 727004"/>
              <a:gd name="connsiteY6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231058 w 727004"/>
              <a:gd name="connsiteY61" fmla="*/ 242243 h 1451307"/>
              <a:gd name="connsiteX62" fmla="*/ 305881 w 727004"/>
              <a:gd name="connsiteY62" fmla="*/ 219938 h 1451307"/>
              <a:gd name="connsiteX63" fmla="*/ 348041 w 727004"/>
              <a:gd name="connsiteY63" fmla="*/ 127438 h 1451307"/>
              <a:gd name="connsiteX64" fmla="*/ 408541 w 727004"/>
              <a:gd name="connsiteY6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220726 w 727004"/>
              <a:gd name="connsiteY60" fmla="*/ 257741 h 1451307"/>
              <a:gd name="connsiteX61" fmla="*/ 305881 w 727004"/>
              <a:gd name="connsiteY61" fmla="*/ 219938 h 1451307"/>
              <a:gd name="connsiteX62" fmla="*/ 348041 w 727004"/>
              <a:gd name="connsiteY62" fmla="*/ 127438 h 1451307"/>
              <a:gd name="connsiteX63" fmla="*/ 408541 w 727004"/>
              <a:gd name="connsiteY63"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210393 w 727004"/>
              <a:gd name="connsiteY59" fmla="*/ 268073 h 1451307"/>
              <a:gd name="connsiteX60" fmla="*/ 305881 w 727004"/>
              <a:gd name="connsiteY60" fmla="*/ 219938 h 1451307"/>
              <a:gd name="connsiteX61" fmla="*/ 348041 w 727004"/>
              <a:gd name="connsiteY61" fmla="*/ 127438 h 1451307"/>
              <a:gd name="connsiteX62" fmla="*/ 408541 w 727004"/>
              <a:gd name="connsiteY62"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205227 w 727004"/>
              <a:gd name="connsiteY58" fmla="*/ 288738 h 1451307"/>
              <a:gd name="connsiteX59" fmla="*/ 305881 w 727004"/>
              <a:gd name="connsiteY59" fmla="*/ 219938 h 1451307"/>
              <a:gd name="connsiteX60" fmla="*/ 348041 w 727004"/>
              <a:gd name="connsiteY60" fmla="*/ 127438 h 1451307"/>
              <a:gd name="connsiteX61" fmla="*/ 408541 w 727004"/>
              <a:gd name="connsiteY61"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169065 w 727004"/>
              <a:gd name="connsiteY57" fmla="*/ 510880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163898 w 727004"/>
              <a:gd name="connsiteY56" fmla="*/ 552209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153566 w 727004"/>
              <a:gd name="connsiteY55" fmla="*/ 614202 h 1451307"/>
              <a:gd name="connsiteX56" fmla="*/ 207234 w 727004"/>
              <a:gd name="connsiteY56" fmla="*/ 595546 h 1451307"/>
              <a:gd name="connsiteX57" fmla="*/ 255738 w 727004"/>
              <a:gd name="connsiteY57" fmla="*/ 454542 h 1451307"/>
              <a:gd name="connsiteX58" fmla="*/ 305881 w 727004"/>
              <a:gd name="connsiteY58" fmla="*/ 219938 h 1451307"/>
              <a:gd name="connsiteX59" fmla="*/ 348041 w 727004"/>
              <a:gd name="connsiteY59" fmla="*/ 127438 h 1451307"/>
              <a:gd name="connsiteX60" fmla="*/ 408541 w 727004"/>
              <a:gd name="connsiteY60"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148400 w 727004"/>
              <a:gd name="connsiteY54" fmla="*/ 629701 h 1451307"/>
              <a:gd name="connsiteX55" fmla="*/ 207234 w 727004"/>
              <a:gd name="connsiteY55" fmla="*/ 595546 h 1451307"/>
              <a:gd name="connsiteX56" fmla="*/ 255738 w 727004"/>
              <a:gd name="connsiteY56" fmla="*/ 454542 h 1451307"/>
              <a:gd name="connsiteX57" fmla="*/ 305881 w 727004"/>
              <a:gd name="connsiteY57" fmla="*/ 219938 h 1451307"/>
              <a:gd name="connsiteX58" fmla="*/ 348041 w 727004"/>
              <a:gd name="connsiteY58" fmla="*/ 127438 h 1451307"/>
              <a:gd name="connsiteX59" fmla="*/ 408541 w 727004"/>
              <a:gd name="connsiteY59"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38068 w 727004"/>
              <a:gd name="connsiteY53" fmla="*/ 645199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27736 w 727004"/>
              <a:gd name="connsiteY52" fmla="*/ 676195 h 1451307"/>
              <a:gd name="connsiteX53" fmla="*/ 168404 w 727004"/>
              <a:gd name="connsiteY53" fmla="*/ 701536 h 1451307"/>
              <a:gd name="connsiteX54" fmla="*/ 207234 w 727004"/>
              <a:gd name="connsiteY54" fmla="*/ 595546 h 1451307"/>
              <a:gd name="connsiteX55" fmla="*/ 255738 w 727004"/>
              <a:gd name="connsiteY55" fmla="*/ 454542 h 1451307"/>
              <a:gd name="connsiteX56" fmla="*/ 305881 w 727004"/>
              <a:gd name="connsiteY56" fmla="*/ 219938 h 1451307"/>
              <a:gd name="connsiteX57" fmla="*/ 348041 w 727004"/>
              <a:gd name="connsiteY57" fmla="*/ 127438 h 1451307"/>
              <a:gd name="connsiteX58" fmla="*/ 408541 w 727004"/>
              <a:gd name="connsiteY58"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96739 w 727004"/>
              <a:gd name="connsiteY49" fmla="*/ 877673 h 1451307"/>
              <a:gd name="connsiteX50" fmla="*/ 117404 w 727004"/>
              <a:gd name="connsiteY50" fmla="*/ 851843 h 1451307"/>
              <a:gd name="connsiteX51" fmla="*/ 117404 w 727004"/>
              <a:gd name="connsiteY51" fmla="*/ 784684 h 1451307"/>
              <a:gd name="connsiteX52" fmla="*/ 168404 w 727004"/>
              <a:gd name="connsiteY52" fmla="*/ 701536 h 1451307"/>
              <a:gd name="connsiteX53" fmla="*/ 207234 w 727004"/>
              <a:gd name="connsiteY53" fmla="*/ 595546 h 1451307"/>
              <a:gd name="connsiteX54" fmla="*/ 255738 w 727004"/>
              <a:gd name="connsiteY54" fmla="*/ 454542 h 1451307"/>
              <a:gd name="connsiteX55" fmla="*/ 305881 w 727004"/>
              <a:gd name="connsiteY55" fmla="*/ 219938 h 1451307"/>
              <a:gd name="connsiteX56" fmla="*/ 348041 w 727004"/>
              <a:gd name="connsiteY56" fmla="*/ 127438 h 1451307"/>
              <a:gd name="connsiteX57" fmla="*/ 408541 w 727004"/>
              <a:gd name="connsiteY57"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76075 w 727004"/>
              <a:gd name="connsiteY47" fmla="*/ 913836 h 1451307"/>
              <a:gd name="connsiteX48" fmla="*/ 86407 w 727004"/>
              <a:gd name="connsiteY48" fmla="*/ 898338 h 1451307"/>
              <a:gd name="connsiteX49" fmla="*/ 117404 w 727004"/>
              <a:gd name="connsiteY49" fmla="*/ 851843 h 1451307"/>
              <a:gd name="connsiteX50" fmla="*/ 117404 w 727004"/>
              <a:gd name="connsiteY50" fmla="*/ 784684 h 1451307"/>
              <a:gd name="connsiteX51" fmla="*/ 168404 w 727004"/>
              <a:gd name="connsiteY51" fmla="*/ 701536 h 1451307"/>
              <a:gd name="connsiteX52" fmla="*/ 207234 w 727004"/>
              <a:gd name="connsiteY52" fmla="*/ 595546 h 1451307"/>
              <a:gd name="connsiteX53" fmla="*/ 255738 w 727004"/>
              <a:gd name="connsiteY53" fmla="*/ 454542 h 1451307"/>
              <a:gd name="connsiteX54" fmla="*/ 305881 w 727004"/>
              <a:gd name="connsiteY54" fmla="*/ 219938 h 1451307"/>
              <a:gd name="connsiteX55" fmla="*/ 348041 w 727004"/>
              <a:gd name="connsiteY55" fmla="*/ 127438 h 1451307"/>
              <a:gd name="connsiteX56" fmla="*/ 408541 w 727004"/>
              <a:gd name="connsiteY56"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86407 w 727004"/>
              <a:gd name="connsiteY47" fmla="*/ 898338 h 1451307"/>
              <a:gd name="connsiteX48" fmla="*/ 117404 w 727004"/>
              <a:gd name="connsiteY48" fmla="*/ 851843 h 1451307"/>
              <a:gd name="connsiteX49" fmla="*/ 117404 w 727004"/>
              <a:gd name="connsiteY49" fmla="*/ 784684 h 1451307"/>
              <a:gd name="connsiteX50" fmla="*/ 168404 w 727004"/>
              <a:gd name="connsiteY50" fmla="*/ 701536 h 1451307"/>
              <a:gd name="connsiteX51" fmla="*/ 207234 w 727004"/>
              <a:gd name="connsiteY51" fmla="*/ 595546 h 1451307"/>
              <a:gd name="connsiteX52" fmla="*/ 255738 w 727004"/>
              <a:gd name="connsiteY52" fmla="*/ 454542 h 1451307"/>
              <a:gd name="connsiteX53" fmla="*/ 305881 w 727004"/>
              <a:gd name="connsiteY53" fmla="*/ 219938 h 1451307"/>
              <a:gd name="connsiteX54" fmla="*/ 348041 w 727004"/>
              <a:gd name="connsiteY54" fmla="*/ 127438 h 1451307"/>
              <a:gd name="connsiteX55" fmla="*/ 408541 w 727004"/>
              <a:gd name="connsiteY55"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70909 w 727004"/>
              <a:gd name="connsiteY46" fmla="*/ 1011992 h 1451307"/>
              <a:gd name="connsiteX47" fmla="*/ 117404 w 727004"/>
              <a:gd name="connsiteY47" fmla="*/ 851843 h 1451307"/>
              <a:gd name="connsiteX48" fmla="*/ 117404 w 727004"/>
              <a:gd name="connsiteY48" fmla="*/ 784684 h 1451307"/>
              <a:gd name="connsiteX49" fmla="*/ 168404 w 727004"/>
              <a:gd name="connsiteY49" fmla="*/ 701536 h 1451307"/>
              <a:gd name="connsiteX50" fmla="*/ 207234 w 727004"/>
              <a:gd name="connsiteY50" fmla="*/ 595546 h 1451307"/>
              <a:gd name="connsiteX51" fmla="*/ 255738 w 727004"/>
              <a:gd name="connsiteY51" fmla="*/ 454542 h 1451307"/>
              <a:gd name="connsiteX52" fmla="*/ 305881 w 727004"/>
              <a:gd name="connsiteY52" fmla="*/ 219938 h 1451307"/>
              <a:gd name="connsiteX53" fmla="*/ 348041 w 727004"/>
              <a:gd name="connsiteY53" fmla="*/ 127438 h 1451307"/>
              <a:gd name="connsiteX54" fmla="*/ 408541 w 727004"/>
              <a:gd name="connsiteY54" fmla="*/ 67771 h 1451307"/>
              <a:gd name="connsiteX0" fmla="*/ 408541 w 727004"/>
              <a:gd name="connsiteY0" fmla="*/ 67771 h 1451307"/>
              <a:gd name="connsiteX1" fmla="*/ 514190 w 727004"/>
              <a:gd name="connsiteY1" fmla="*/ 1272 h 1451307"/>
              <a:gd name="connsiteX2" fmla="*/ 587519 w 727004"/>
              <a:gd name="connsiteY2" fmla="*/ 25267 h 1451307"/>
              <a:gd name="connsiteX3" fmla="*/ 603017 w 727004"/>
              <a:gd name="connsiteY3" fmla="*/ 40765 h 1451307"/>
              <a:gd name="connsiteX4" fmla="*/ 613349 w 727004"/>
              <a:gd name="connsiteY4" fmla="*/ 71762 h 1451307"/>
              <a:gd name="connsiteX5" fmla="*/ 618515 w 727004"/>
              <a:gd name="connsiteY5" fmla="*/ 87260 h 1451307"/>
              <a:gd name="connsiteX6" fmla="*/ 623682 w 727004"/>
              <a:gd name="connsiteY6" fmla="*/ 133755 h 1451307"/>
              <a:gd name="connsiteX7" fmla="*/ 628848 w 727004"/>
              <a:gd name="connsiteY7" fmla="*/ 169917 h 1451307"/>
              <a:gd name="connsiteX8" fmla="*/ 634014 w 727004"/>
              <a:gd name="connsiteY8" fmla="*/ 242243 h 1451307"/>
              <a:gd name="connsiteX9" fmla="*/ 639180 w 727004"/>
              <a:gd name="connsiteY9" fmla="*/ 262907 h 1451307"/>
              <a:gd name="connsiteX10" fmla="*/ 644346 w 727004"/>
              <a:gd name="connsiteY10" fmla="*/ 299070 h 1451307"/>
              <a:gd name="connsiteX11" fmla="*/ 654678 w 727004"/>
              <a:gd name="connsiteY11" fmla="*/ 330067 h 1451307"/>
              <a:gd name="connsiteX12" fmla="*/ 665010 w 727004"/>
              <a:gd name="connsiteY12" fmla="*/ 376562 h 1451307"/>
              <a:gd name="connsiteX13" fmla="*/ 636184 w 727004"/>
              <a:gd name="connsiteY13" fmla="*/ 409324 h 1451307"/>
              <a:gd name="connsiteX14" fmla="*/ 619168 w 727004"/>
              <a:gd name="connsiteY14" fmla="*/ 429836 h 1451307"/>
              <a:gd name="connsiteX15" fmla="*/ 627753 w 727004"/>
              <a:gd name="connsiteY15" fmla="*/ 491311 h 1451307"/>
              <a:gd name="connsiteX16" fmla="*/ 632784 w 727004"/>
              <a:gd name="connsiteY16" fmla="*/ 570972 h 1451307"/>
              <a:gd name="connsiteX17" fmla="*/ 690841 w 727004"/>
              <a:gd name="connsiteY17" fmla="*/ 691694 h 1451307"/>
              <a:gd name="connsiteX18" fmla="*/ 706339 w 727004"/>
              <a:gd name="connsiteY18" fmla="*/ 727856 h 1451307"/>
              <a:gd name="connsiteX19" fmla="*/ 711505 w 727004"/>
              <a:gd name="connsiteY19" fmla="*/ 743355 h 1451307"/>
              <a:gd name="connsiteX20" fmla="*/ 721837 w 727004"/>
              <a:gd name="connsiteY20" fmla="*/ 769185 h 1451307"/>
              <a:gd name="connsiteX21" fmla="*/ 727004 w 727004"/>
              <a:gd name="connsiteY21" fmla="*/ 789850 h 1451307"/>
              <a:gd name="connsiteX22" fmla="*/ 721837 w 727004"/>
              <a:gd name="connsiteY22" fmla="*/ 820846 h 1451307"/>
              <a:gd name="connsiteX23" fmla="*/ 703074 w 727004"/>
              <a:gd name="connsiteY23" fmla="*/ 849942 h 1451307"/>
              <a:gd name="connsiteX24" fmla="*/ 701173 w 727004"/>
              <a:gd name="connsiteY24" fmla="*/ 960331 h 1451307"/>
              <a:gd name="connsiteX25" fmla="*/ 675343 w 727004"/>
              <a:gd name="connsiteY25" fmla="*/ 1011992 h 1451307"/>
              <a:gd name="connsiteX26" fmla="*/ 629116 w 727004"/>
              <a:gd name="connsiteY26" fmla="*/ 1053321 h 1451307"/>
              <a:gd name="connsiteX27" fmla="*/ 591457 w 727004"/>
              <a:gd name="connsiteY27" fmla="*/ 1099816 h 1451307"/>
              <a:gd name="connsiteX28" fmla="*/ 567123 w 727004"/>
              <a:gd name="connsiteY28" fmla="*/ 1176078 h 1451307"/>
              <a:gd name="connsiteX29" fmla="*/ 556522 w 727004"/>
              <a:gd name="connsiteY29" fmla="*/ 1249633 h 1451307"/>
              <a:gd name="connsiteX30" fmla="*/ 535858 w 727004"/>
              <a:gd name="connsiteY30" fmla="*/ 1280629 h 1451307"/>
              <a:gd name="connsiteX31" fmla="*/ 525526 w 727004"/>
              <a:gd name="connsiteY31" fmla="*/ 1296128 h 1451307"/>
              <a:gd name="connsiteX32" fmla="*/ 510027 w 727004"/>
              <a:gd name="connsiteY32" fmla="*/ 1347789 h 1451307"/>
              <a:gd name="connsiteX33" fmla="*/ 504861 w 727004"/>
              <a:gd name="connsiteY33" fmla="*/ 1363287 h 1451307"/>
              <a:gd name="connsiteX34" fmla="*/ 494529 w 727004"/>
              <a:gd name="connsiteY34" fmla="*/ 1378785 h 1451307"/>
              <a:gd name="connsiteX35" fmla="*/ 484197 w 727004"/>
              <a:gd name="connsiteY35" fmla="*/ 1404616 h 1451307"/>
              <a:gd name="connsiteX36" fmla="*/ 468698 w 727004"/>
              <a:gd name="connsiteY36" fmla="*/ 1420114 h 1451307"/>
              <a:gd name="connsiteX37" fmla="*/ 458366 w 727004"/>
              <a:gd name="connsiteY37" fmla="*/ 1435612 h 1451307"/>
              <a:gd name="connsiteX38" fmla="*/ 277553 w 727004"/>
              <a:gd name="connsiteY38" fmla="*/ 1445945 h 1451307"/>
              <a:gd name="connsiteX39" fmla="*/ 65743 w 727004"/>
              <a:gd name="connsiteY39" fmla="*/ 1451111 h 1451307"/>
              <a:gd name="connsiteX40" fmla="*/ 41296 w 727004"/>
              <a:gd name="connsiteY40" fmla="*/ 1439415 h 1451307"/>
              <a:gd name="connsiteX41" fmla="*/ 2655 w 727004"/>
              <a:gd name="connsiteY41" fmla="*/ 1382319 h 1451307"/>
              <a:gd name="connsiteX42" fmla="*/ 505 w 727004"/>
              <a:gd name="connsiteY42" fmla="*/ 1245657 h 1451307"/>
              <a:gd name="connsiteX43" fmla="*/ 26315 w 727004"/>
              <a:gd name="connsiteY43" fmla="*/ 1172141 h 1451307"/>
              <a:gd name="connsiteX44" fmla="*/ 55410 w 727004"/>
              <a:gd name="connsiteY44" fmla="*/ 1068819 h 1451307"/>
              <a:gd name="connsiteX45" fmla="*/ 60576 w 727004"/>
              <a:gd name="connsiteY45" fmla="*/ 1042989 h 1451307"/>
              <a:gd name="connsiteX46" fmla="*/ 117404 w 727004"/>
              <a:gd name="connsiteY46" fmla="*/ 851843 h 1451307"/>
              <a:gd name="connsiteX47" fmla="*/ 117404 w 727004"/>
              <a:gd name="connsiteY47" fmla="*/ 784684 h 1451307"/>
              <a:gd name="connsiteX48" fmla="*/ 168404 w 727004"/>
              <a:gd name="connsiteY48" fmla="*/ 701536 h 1451307"/>
              <a:gd name="connsiteX49" fmla="*/ 207234 w 727004"/>
              <a:gd name="connsiteY49" fmla="*/ 595546 h 1451307"/>
              <a:gd name="connsiteX50" fmla="*/ 255738 w 727004"/>
              <a:gd name="connsiteY50" fmla="*/ 454542 h 1451307"/>
              <a:gd name="connsiteX51" fmla="*/ 305881 w 727004"/>
              <a:gd name="connsiteY51" fmla="*/ 219938 h 1451307"/>
              <a:gd name="connsiteX52" fmla="*/ 348041 w 727004"/>
              <a:gd name="connsiteY52" fmla="*/ 127438 h 1451307"/>
              <a:gd name="connsiteX53" fmla="*/ 408541 w 727004"/>
              <a:gd name="connsiteY53" fmla="*/ 67771 h 1451307"/>
              <a:gd name="connsiteX0" fmla="*/ 406130 w 724593"/>
              <a:gd name="connsiteY0" fmla="*/ 67771 h 1451307"/>
              <a:gd name="connsiteX1" fmla="*/ 511779 w 724593"/>
              <a:gd name="connsiteY1" fmla="*/ 1272 h 1451307"/>
              <a:gd name="connsiteX2" fmla="*/ 585108 w 724593"/>
              <a:gd name="connsiteY2" fmla="*/ 25267 h 1451307"/>
              <a:gd name="connsiteX3" fmla="*/ 600606 w 724593"/>
              <a:gd name="connsiteY3" fmla="*/ 40765 h 1451307"/>
              <a:gd name="connsiteX4" fmla="*/ 610938 w 724593"/>
              <a:gd name="connsiteY4" fmla="*/ 71762 h 1451307"/>
              <a:gd name="connsiteX5" fmla="*/ 616104 w 724593"/>
              <a:gd name="connsiteY5" fmla="*/ 87260 h 1451307"/>
              <a:gd name="connsiteX6" fmla="*/ 621271 w 724593"/>
              <a:gd name="connsiteY6" fmla="*/ 133755 h 1451307"/>
              <a:gd name="connsiteX7" fmla="*/ 626437 w 724593"/>
              <a:gd name="connsiteY7" fmla="*/ 169917 h 1451307"/>
              <a:gd name="connsiteX8" fmla="*/ 631603 w 724593"/>
              <a:gd name="connsiteY8" fmla="*/ 242243 h 1451307"/>
              <a:gd name="connsiteX9" fmla="*/ 636769 w 724593"/>
              <a:gd name="connsiteY9" fmla="*/ 262907 h 1451307"/>
              <a:gd name="connsiteX10" fmla="*/ 641935 w 724593"/>
              <a:gd name="connsiteY10" fmla="*/ 299070 h 1451307"/>
              <a:gd name="connsiteX11" fmla="*/ 652267 w 724593"/>
              <a:gd name="connsiteY11" fmla="*/ 330067 h 1451307"/>
              <a:gd name="connsiteX12" fmla="*/ 662599 w 724593"/>
              <a:gd name="connsiteY12" fmla="*/ 376562 h 1451307"/>
              <a:gd name="connsiteX13" fmla="*/ 633773 w 724593"/>
              <a:gd name="connsiteY13" fmla="*/ 409324 h 1451307"/>
              <a:gd name="connsiteX14" fmla="*/ 616757 w 724593"/>
              <a:gd name="connsiteY14" fmla="*/ 429836 h 1451307"/>
              <a:gd name="connsiteX15" fmla="*/ 625342 w 724593"/>
              <a:gd name="connsiteY15" fmla="*/ 491311 h 1451307"/>
              <a:gd name="connsiteX16" fmla="*/ 630373 w 724593"/>
              <a:gd name="connsiteY16" fmla="*/ 570972 h 1451307"/>
              <a:gd name="connsiteX17" fmla="*/ 688430 w 724593"/>
              <a:gd name="connsiteY17" fmla="*/ 691694 h 1451307"/>
              <a:gd name="connsiteX18" fmla="*/ 703928 w 724593"/>
              <a:gd name="connsiteY18" fmla="*/ 727856 h 1451307"/>
              <a:gd name="connsiteX19" fmla="*/ 709094 w 724593"/>
              <a:gd name="connsiteY19" fmla="*/ 743355 h 1451307"/>
              <a:gd name="connsiteX20" fmla="*/ 719426 w 724593"/>
              <a:gd name="connsiteY20" fmla="*/ 769185 h 1451307"/>
              <a:gd name="connsiteX21" fmla="*/ 724593 w 724593"/>
              <a:gd name="connsiteY21" fmla="*/ 789850 h 1451307"/>
              <a:gd name="connsiteX22" fmla="*/ 719426 w 724593"/>
              <a:gd name="connsiteY22" fmla="*/ 820846 h 1451307"/>
              <a:gd name="connsiteX23" fmla="*/ 700663 w 724593"/>
              <a:gd name="connsiteY23" fmla="*/ 849942 h 1451307"/>
              <a:gd name="connsiteX24" fmla="*/ 698762 w 724593"/>
              <a:gd name="connsiteY24" fmla="*/ 960331 h 1451307"/>
              <a:gd name="connsiteX25" fmla="*/ 672932 w 724593"/>
              <a:gd name="connsiteY25" fmla="*/ 1011992 h 1451307"/>
              <a:gd name="connsiteX26" fmla="*/ 626705 w 724593"/>
              <a:gd name="connsiteY26" fmla="*/ 1053321 h 1451307"/>
              <a:gd name="connsiteX27" fmla="*/ 589046 w 724593"/>
              <a:gd name="connsiteY27" fmla="*/ 1099816 h 1451307"/>
              <a:gd name="connsiteX28" fmla="*/ 564712 w 724593"/>
              <a:gd name="connsiteY28" fmla="*/ 1176078 h 1451307"/>
              <a:gd name="connsiteX29" fmla="*/ 554111 w 724593"/>
              <a:gd name="connsiteY29" fmla="*/ 1249633 h 1451307"/>
              <a:gd name="connsiteX30" fmla="*/ 533447 w 724593"/>
              <a:gd name="connsiteY30" fmla="*/ 1280629 h 1451307"/>
              <a:gd name="connsiteX31" fmla="*/ 523115 w 724593"/>
              <a:gd name="connsiteY31" fmla="*/ 1296128 h 1451307"/>
              <a:gd name="connsiteX32" fmla="*/ 507616 w 724593"/>
              <a:gd name="connsiteY32" fmla="*/ 1347789 h 1451307"/>
              <a:gd name="connsiteX33" fmla="*/ 502450 w 724593"/>
              <a:gd name="connsiteY33" fmla="*/ 1363287 h 1451307"/>
              <a:gd name="connsiteX34" fmla="*/ 492118 w 724593"/>
              <a:gd name="connsiteY34" fmla="*/ 1378785 h 1451307"/>
              <a:gd name="connsiteX35" fmla="*/ 481786 w 724593"/>
              <a:gd name="connsiteY35" fmla="*/ 1404616 h 1451307"/>
              <a:gd name="connsiteX36" fmla="*/ 466287 w 724593"/>
              <a:gd name="connsiteY36" fmla="*/ 1420114 h 1451307"/>
              <a:gd name="connsiteX37" fmla="*/ 455955 w 724593"/>
              <a:gd name="connsiteY37" fmla="*/ 1435612 h 1451307"/>
              <a:gd name="connsiteX38" fmla="*/ 275142 w 724593"/>
              <a:gd name="connsiteY38" fmla="*/ 1445945 h 1451307"/>
              <a:gd name="connsiteX39" fmla="*/ 63332 w 724593"/>
              <a:gd name="connsiteY39" fmla="*/ 1451111 h 1451307"/>
              <a:gd name="connsiteX40" fmla="*/ 38885 w 724593"/>
              <a:gd name="connsiteY40" fmla="*/ 1439415 h 1451307"/>
              <a:gd name="connsiteX41" fmla="*/ 244 w 724593"/>
              <a:gd name="connsiteY41" fmla="*/ 1382319 h 1451307"/>
              <a:gd name="connsiteX42" fmla="*/ 23904 w 724593"/>
              <a:gd name="connsiteY42" fmla="*/ 1172141 h 1451307"/>
              <a:gd name="connsiteX43" fmla="*/ 52999 w 724593"/>
              <a:gd name="connsiteY43" fmla="*/ 1068819 h 1451307"/>
              <a:gd name="connsiteX44" fmla="*/ 58165 w 724593"/>
              <a:gd name="connsiteY44" fmla="*/ 1042989 h 1451307"/>
              <a:gd name="connsiteX45" fmla="*/ 114993 w 724593"/>
              <a:gd name="connsiteY45" fmla="*/ 851843 h 1451307"/>
              <a:gd name="connsiteX46" fmla="*/ 114993 w 724593"/>
              <a:gd name="connsiteY46" fmla="*/ 784684 h 1451307"/>
              <a:gd name="connsiteX47" fmla="*/ 165993 w 724593"/>
              <a:gd name="connsiteY47" fmla="*/ 701536 h 1451307"/>
              <a:gd name="connsiteX48" fmla="*/ 204823 w 724593"/>
              <a:gd name="connsiteY48" fmla="*/ 595546 h 1451307"/>
              <a:gd name="connsiteX49" fmla="*/ 253327 w 724593"/>
              <a:gd name="connsiteY49" fmla="*/ 454542 h 1451307"/>
              <a:gd name="connsiteX50" fmla="*/ 303470 w 724593"/>
              <a:gd name="connsiteY50" fmla="*/ 219938 h 1451307"/>
              <a:gd name="connsiteX51" fmla="*/ 345630 w 724593"/>
              <a:gd name="connsiteY51" fmla="*/ 127438 h 1451307"/>
              <a:gd name="connsiteX52" fmla="*/ 406130 w 724593"/>
              <a:gd name="connsiteY52" fmla="*/ 67771 h 1451307"/>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34592 w 701020"/>
              <a:gd name="connsiteY43" fmla="*/ 1042989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2557 w 701020"/>
              <a:gd name="connsiteY0" fmla="*/ 67771 h 1463306"/>
              <a:gd name="connsiteX1" fmla="*/ 488206 w 701020"/>
              <a:gd name="connsiteY1" fmla="*/ 1272 h 1463306"/>
              <a:gd name="connsiteX2" fmla="*/ 561535 w 701020"/>
              <a:gd name="connsiteY2" fmla="*/ 25267 h 1463306"/>
              <a:gd name="connsiteX3" fmla="*/ 577033 w 701020"/>
              <a:gd name="connsiteY3" fmla="*/ 40765 h 1463306"/>
              <a:gd name="connsiteX4" fmla="*/ 587365 w 701020"/>
              <a:gd name="connsiteY4" fmla="*/ 71762 h 1463306"/>
              <a:gd name="connsiteX5" fmla="*/ 592531 w 701020"/>
              <a:gd name="connsiteY5" fmla="*/ 87260 h 1463306"/>
              <a:gd name="connsiteX6" fmla="*/ 597698 w 701020"/>
              <a:gd name="connsiteY6" fmla="*/ 133755 h 1463306"/>
              <a:gd name="connsiteX7" fmla="*/ 602864 w 701020"/>
              <a:gd name="connsiteY7" fmla="*/ 169917 h 1463306"/>
              <a:gd name="connsiteX8" fmla="*/ 608030 w 701020"/>
              <a:gd name="connsiteY8" fmla="*/ 242243 h 1463306"/>
              <a:gd name="connsiteX9" fmla="*/ 613196 w 701020"/>
              <a:gd name="connsiteY9" fmla="*/ 262907 h 1463306"/>
              <a:gd name="connsiteX10" fmla="*/ 618362 w 701020"/>
              <a:gd name="connsiteY10" fmla="*/ 299070 h 1463306"/>
              <a:gd name="connsiteX11" fmla="*/ 628694 w 701020"/>
              <a:gd name="connsiteY11" fmla="*/ 330067 h 1463306"/>
              <a:gd name="connsiteX12" fmla="*/ 639026 w 701020"/>
              <a:gd name="connsiteY12" fmla="*/ 376562 h 1463306"/>
              <a:gd name="connsiteX13" fmla="*/ 610200 w 701020"/>
              <a:gd name="connsiteY13" fmla="*/ 409324 h 1463306"/>
              <a:gd name="connsiteX14" fmla="*/ 593184 w 701020"/>
              <a:gd name="connsiteY14" fmla="*/ 429836 h 1463306"/>
              <a:gd name="connsiteX15" fmla="*/ 601769 w 701020"/>
              <a:gd name="connsiteY15" fmla="*/ 491311 h 1463306"/>
              <a:gd name="connsiteX16" fmla="*/ 606800 w 701020"/>
              <a:gd name="connsiteY16" fmla="*/ 570972 h 1463306"/>
              <a:gd name="connsiteX17" fmla="*/ 664857 w 701020"/>
              <a:gd name="connsiteY17" fmla="*/ 691694 h 1463306"/>
              <a:gd name="connsiteX18" fmla="*/ 680355 w 701020"/>
              <a:gd name="connsiteY18" fmla="*/ 727856 h 1463306"/>
              <a:gd name="connsiteX19" fmla="*/ 685521 w 701020"/>
              <a:gd name="connsiteY19" fmla="*/ 743355 h 1463306"/>
              <a:gd name="connsiteX20" fmla="*/ 695853 w 701020"/>
              <a:gd name="connsiteY20" fmla="*/ 769185 h 1463306"/>
              <a:gd name="connsiteX21" fmla="*/ 701020 w 701020"/>
              <a:gd name="connsiteY21" fmla="*/ 789850 h 1463306"/>
              <a:gd name="connsiteX22" fmla="*/ 695853 w 701020"/>
              <a:gd name="connsiteY22" fmla="*/ 820846 h 1463306"/>
              <a:gd name="connsiteX23" fmla="*/ 677090 w 701020"/>
              <a:gd name="connsiteY23" fmla="*/ 849942 h 1463306"/>
              <a:gd name="connsiteX24" fmla="*/ 675189 w 701020"/>
              <a:gd name="connsiteY24" fmla="*/ 960331 h 1463306"/>
              <a:gd name="connsiteX25" fmla="*/ 649359 w 701020"/>
              <a:gd name="connsiteY25" fmla="*/ 1011992 h 1463306"/>
              <a:gd name="connsiteX26" fmla="*/ 603132 w 701020"/>
              <a:gd name="connsiteY26" fmla="*/ 1053321 h 1463306"/>
              <a:gd name="connsiteX27" fmla="*/ 565473 w 701020"/>
              <a:gd name="connsiteY27" fmla="*/ 1099816 h 1463306"/>
              <a:gd name="connsiteX28" fmla="*/ 541139 w 701020"/>
              <a:gd name="connsiteY28" fmla="*/ 1176078 h 1463306"/>
              <a:gd name="connsiteX29" fmla="*/ 530538 w 701020"/>
              <a:gd name="connsiteY29" fmla="*/ 1249633 h 1463306"/>
              <a:gd name="connsiteX30" fmla="*/ 509874 w 701020"/>
              <a:gd name="connsiteY30" fmla="*/ 1280629 h 1463306"/>
              <a:gd name="connsiteX31" fmla="*/ 499542 w 701020"/>
              <a:gd name="connsiteY31" fmla="*/ 1296128 h 1463306"/>
              <a:gd name="connsiteX32" fmla="*/ 484043 w 701020"/>
              <a:gd name="connsiteY32" fmla="*/ 1347789 h 1463306"/>
              <a:gd name="connsiteX33" fmla="*/ 478877 w 701020"/>
              <a:gd name="connsiteY33" fmla="*/ 1363287 h 1463306"/>
              <a:gd name="connsiteX34" fmla="*/ 468545 w 701020"/>
              <a:gd name="connsiteY34" fmla="*/ 1378785 h 1463306"/>
              <a:gd name="connsiteX35" fmla="*/ 458213 w 701020"/>
              <a:gd name="connsiteY35" fmla="*/ 1404616 h 1463306"/>
              <a:gd name="connsiteX36" fmla="*/ 442714 w 701020"/>
              <a:gd name="connsiteY36" fmla="*/ 1420114 h 1463306"/>
              <a:gd name="connsiteX37" fmla="*/ 432382 w 701020"/>
              <a:gd name="connsiteY37" fmla="*/ 1435612 h 1463306"/>
              <a:gd name="connsiteX38" fmla="*/ 251569 w 701020"/>
              <a:gd name="connsiteY38" fmla="*/ 1445945 h 1463306"/>
              <a:gd name="connsiteX39" fmla="*/ 39759 w 701020"/>
              <a:gd name="connsiteY39" fmla="*/ 1451111 h 1463306"/>
              <a:gd name="connsiteX40" fmla="*/ 15312 w 701020"/>
              <a:gd name="connsiteY40" fmla="*/ 1439415 h 1463306"/>
              <a:gd name="connsiteX41" fmla="*/ 331 w 701020"/>
              <a:gd name="connsiteY41" fmla="*/ 1172141 h 1463306"/>
              <a:gd name="connsiteX42" fmla="*/ 29426 w 701020"/>
              <a:gd name="connsiteY42" fmla="*/ 1068819 h 1463306"/>
              <a:gd name="connsiteX43" fmla="*/ 43260 w 701020"/>
              <a:gd name="connsiteY43" fmla="*/ 977985 h 1463306"/>
              <a:gd name="connsiteX44" fmla="*/ 91420 w 701020"/>
              <a:gd name="connsiteY44" fmla="*/ 851843 h 1463306"/>
              <a:gd name="connsiteX45" fmla="*/ 91420 w 701020"/>
              <a:gd name="connsiteY45" fmla="*/ 784684 h 1463306"/>
              <a:gd name="connsiteX46" fmla="*/ 142420 w 701020"/>
              <a:gd name="connsiteY46" fmla="*/ 701536 h 1463306"/>
              <a:gd name="connsiteX47" fmla="*/ 181250 w 701020"/>
              <a:gd name="connsiteY47" fmla="*/ 595546 h 1463306"/>
              <a:gd name="connsiteX48" fmla="*/ 229754 w 701020"/>
              <a:gd name="connsiteY48" fmla="*/ 454542 h 1463306"/>
              <a:gd name="connsiteX49" fmla="*/ 279897 w 701020"/>
              <a:gd name="connsiteY49" fmla="*/ 219938 h 1463306"/>
              <a:gd name="connsiteX50" fmla="*/ 322057 w 701020"/>
              <a:gd name="connsiteY50" fmla="*/ 127438 h 1463306"/>
              <a:gd name="connsiteX51" fmla="*/ 382557 w 701020"/>
              <a:gd name="connsiteY51" fmla="*/ 67771 h 1463306"/>
              <a:gd name="connsiteX0" fmla="*/ 383208 w 701671"/>
              <a:gd name="connsiteY0" fmla="*/ 67771 h 1463306"/>
              <a:gd name="connsiteX1" fmla="*/ 488857 w 701671"/>
              <a:gd name="connsiteY1" fmla="*/ 1272 h 1463306"/>
              <a:gd name="connsiteX2" fmla="*/ 562186 w 701671"/>
              <a:gd name="connsiteY2" fmla="*/ 25267 h 1463306"/>
              <a:gd name="connsiteX3" fmla="*/ 577684 w 701671"/>
              <a:gd name="connsiteY3" fmla="*/ 40765 h 1463306"/>
              <a:gd name="connsiteX4" fmla="*/ 588016 w 701671"/>
              <a:gd name="connsiteY4" fmla="*/ 71762 h 1463306"/>
              <a:gd name="connsiteX5" fmla="*/ 593182 w 701671"/>
              <a:gd name="connsiteY5" fmla="*/ 87260 h 1463306"/>
              <a:gd name="connsiteX6" fmla="*/ 598349 w 701671"/>
              <a:gd name="connsiteY6" fmla="*/ 133755 h 1463306"/>
              <a:gd name="connsiteX7" fmla="*/ 603515 w 701671"/>
              <a:gd name="connsiteY7" fmla="*/ 169917 h 1463306"/>
              <a:gd name="connsiteX8" fmla="*/ 608681 w 701671"/>
              <a:gd name="connsiteY8" fmla="*/ 242243 h 1463306"/>
              <a:gd name="connsiteX9" fmla="*/ 613847 w 701671"/>
              <a:gd name="connsiteY9" fmla="*/ 262907 h 1463306"/>
              <a:gd name="connsiteX10" fmla="*/ 619013 w 701671"/>
              <a:gd name="connsiteY10" fmla="*/ 299070 h 1463306"/>
              <a:gd name="connsiteX11" fmla="*/ 629345 w 701671"/>
              <a:gd name="connsiteY11" fmla="*/ 330067 h 1463306"/>
              <a:gd name="connsiteX12" fmla="*/ 639677 w 701671"/>
              <a:gd name="connsiteY12" fmla="*/ 376562 h 1463306"/>
              <a:gd name="connsiteX13" fmla="*/ 610851 w 701671"/>
              <a:gd name="connsiteY13" fmla="*/ 409324 h 1463306"/>
              <a:gd name="connsiteX14" fmla="*/ 593835 w 701671"/>
              <a:gd name="connsiteY14" fmla="*/ 429836 h 1463306"/>
              <a:gd name="connsiteX15" fmla="*/ 602420 w 701671"/>
              <a:gd name="connsiteY15" fmla="*/ 491311 h 1463306"/>
              <a:gd name="connsiteX16" fmla="*/ 607451 w 701671"/>
              <a:gd name="connsiteY16" fmla="*/ 570972 h 1463306"/>
              <a:gd name="connsiteX17" fmla="*/ 665508 w 701671"/>
              <a:gd name="connsiteY17" fmla="*/ 691694 h 1463306"/>
              <a:gd name="connsiteX18" fmla="*/ 681006 w 701671"/>
              <a:gd name="connsiteY18" fmla="*/ 727856 h 1463306"/>
              <a:gd name="connsiteX19" fmla="*/ 686172 w 701671"/>
              <a:gd name="connsiteY19" fmla="*/ 743355 h 1463306"/>
              <a:gd name="connsiteX20" fmla="*/ 696504 w 701671"/>
              <a:gd name="connsiteY20" fmla="*/ 769185 h 1463306"/>
              <a:gd name="connsiteX21" fmla="*/ 701671 w 701671"/>
              <a:gd name="connsiteY21" fmla="*/ 789850 h 1463306"/>
              <a:gd name="connsiteX22" fmla="*/ 696504 w 701671"/>
              <a:gd name="connsiteY22" fmla="*/ 820846 h 1463306"/>
              <a:gd name="connsiteX23" fmla="*/ 677741 w 701671"/>
              <a:gd name="connsiteY23" fmla="*/ 849942 h 1463306"/>
              <a:gd name="connsiteX24" fmla="*/ 675840 w 701671"/>
              <a:gd name="connsiteY24" fmla="*/ 960331 h 1463306"/>
              <a:gd name="connsiteX25" fmla="*/ 650010 w 701671"/>
              <a:gd name="connsiteY25" fmla="*/ 1011992 h 1463306"/>
              <a:gd name="connsiteX26" fmla="*/ 603783 w 701671"/>
              <a:gd name="connsiteY26" fmla="*/ 1053321 h 1463306"/>
              <a:gd name="connsiteX27" fmla="*/ 566124 w 701671"/>
              <a:gd name="connsiteY27" fmla="*/ 1099816 h 1463306"/>
              <a:gd name="connsiteX28" fmla="*/ 541790 w 701671"/>
              <a:gd name="connsiteY28" fmla="*/ 1176078 h 1463306"/>
              <a:gd name="connsiteX29" fmla="*/ 531189 w 701671"/>
              <a:gd name="connsiteY29" fmla="*/ 1249633 h 1463306"/>
              <a:gd name="connsiteX30" fmla="*/ 510525 w 701671"/>
              <a:gd name="connsiteY30" fmla="*/ 1280629 h 1463306"/>
              <a:gd name="connsiteX31" fmla="*/ 500193 w 701671"/>
              <a:gd name="connsiteY31" fmla="*/ 1296128 h 1463306"/>
              <a:gd name="connsiteX32" fmla="*/ 484694 w 701671"/>
              <a:gd name="connsiteY32" fmla="*/ 1347789 h 1463306"/>
              <a:gd name="connsiteX33" fmla="*/ 479528 w 701671"/>
              <a:gd name="connsiteY33" fmla="*/ 1363287 h 1463306"/>
              <a:gd name="connsiteX34" fmla="*/ 469196 w 701671"/>
              <a:gd name="connsiteY34" fmla="*/ 1378785 h 1463306"/>
              <a:gd name="connsiteX35" fmla="*/ 458864 w 701671"/>
              <a:gd name="connsiteY35" fmla="*/ 1404616 h 1463306"/>
              <a:gd name="connsiteX36" fmla="*/ 443365 w 701671"/>
              <a:gd name="connsiteY36" fmla="*/ 1420114 h 1463306"/>
              <a:gd name="connsiteX37" fmla="*/ 433033 w 701671"/>
              <a:gd name="connsiteY37" fmla="*/ 1435612 h 1463306"/>
              <a:gd name="connsiteX38" fmla="*/ 252220 w 701671"/>
              <a:gd name="connsiteY38" fmla="*/ 1445945 h 1463306"/>
              <a:gd name="connsiteX39" fmla="*/ 40410 w 701671"/>
              <a:gd name="connsiteY39" fmla="*/ 1451111 h 1463306"/>
              <a:gd name="connsiteX40" fmla="*/ 15963 w 701671"/>
              <a:gd name="connsiteY40" fmla="*/ 1439415 h 1463306"/>
              <a:gd name="connsiteX41" fmla="*/ 982 w 701671"/>
              <a:gd name="connsiteY41" fmla="*/ 1172141 h 1463306"/>
              <a:gd name="connsiteX42" fmla="*/ 43911 w 701671"/>
              <a:gd name="connsiteY42" fmla="*/ 977985 h 1463306"/>
              <a:gd name="connsiteX43" fmla="*/ 92071 w 701671"/>
              <a:gd name="connsiteY43" fmla="*/ 851843 h 1463306"/>
              <a:gd name="connsiteX44" fmla="*/ 92071 w 701671"/>
              <a:gd name="connsiteY44" fmla="*/ 784684 h 1463306"/>
              <a:gd name="connsiteX45" fmla="*/ 143071 w 701671"/>
              <a:gd name="connsiteY45" fmla="*/ 701536 h 1463306"/>
              <a:gd name="connsiteX46" fmla="*/ 181901 w 701671"/>
              <a:gd name="connsiteY46" fmla="*/ 595546 h 1463306"/>
              <a:gd name="connsiteX47" fmla="*/ 230405 w 701671"/>
              <a:gd name="connsiteY47" fmla="*/ 454542 h 1463306"/>
              <a:gd name="connsiteX48" fmla="*/ 280548 w 701671"/>
              <a:gd name="connsiteY48" fmla="*/ 219938 h 1463306"/>
              <a:gd name="connsiteX49" fmla="*/ 322708 w 701671"/>
              <a:gd name="connsiteY49" fmla="*/ 127438 h 1463306"/>
              <a:gd name="connsiteX50" fmla="*/ 383208 w 701671"/>
              <a:gd name="connsiteY50" fmla="*/ 67771 h 1463306"/>
              <a:gd name="connsiteX0" fmla="*/ 367819 w 686282"/>
              <a:gd name="connsiteY0" fmla="*/ 67771 h 1463306"/>
              <a:gd name="connsiteX1" fmla="*/ 473468 w 686282"/>
              <a:gd name="connsiteY1" fmla="*/ 1272 h 1463306"/>
              <a:gd name="connsiteX2" fmla="*/ 546797 w 686282"/>
              <a:gd name="connsiteY2" fmla="*/ 25267 h 1463306"/>
              <a:gd name="connsiteX3" fmla="*/ 562295 w 686282"/>
              <a:gd name="connsiteY3" fmla="*/ 40765 h 1463306"/>
              <a:gd name="connsiteX4" fmla="*/ 572627 w 686282"/>
              <a:gd name="connsiteY4" fmla="*/ 71762 h 1463306"/>
              <a:gd name="connsiteX5" fmla="*/ 577793 w 686282"/>
              <a:gd name="connsiteY5" fmla="*/ 87260 h 1463306"/>
              <a:gd name="connsiteX6" fmla="*/ 582960 w 686282"/>
              <a:gd name="connsiteY6" fmla="*/ 133755 h 1463306"/>
              <a:gd name="connsiteX7" fmla="*/ 588126 w 686282"/>
              <a:gd name="connsiteY7" fmla="*/ 169917 h 1463306"/>
              <a:gd name="connsiteX8" fmla="*/ 593292 w 686282"/>
              <a:gd name="connsiteY8" fmla="*/ 242243 h 1463306"/>
              <a:gd name="connsiteX9" fmla="*/ 598458 w 686282"/>
              <a:gd name="connsiteY9" fmla="*/ 262907 h 1463306"/>
              <a:gd name="connsiteX10" fmla="*/ 603624 w 686282"/>
              <a:gd name="connsiteY10" fmla="*/ 299070 h 1463306"/>
              <a:gd name="connsiteX11" fmla="*/ 613956 w 686282"/>
              <a:gd name="connsiteY11" fmla="*/ 330067 h 1463306"/>
              <a:gd name="connsiteX12" fmla="*/ 624288 w 686282"/>
              <a:gd name="connsiteY12" fmla="*/ 376562 h 1463306"/>
              <a:gd name="connsiteX13" fmla="*/ 595462 w 686282"/>
              <a:gd name="connsiteY13" fmla="*/ 409324 h 1463306"/>
              <a:gd name="connsiteX14" fmla="*/ 578446 w 686282"/>
              <a:gd name="connsiteY14" fmla="*/ 429836 h 1463306"/>
              <a:gd name="connsiteX15" fmla="*/ 587031 w 686282"/>
              <a:gd name="connsiteY15" fmla="*/ 491311 h 1463306"/>
              <a:gd name="connsiteX16" fmla="*/ 592062 w 686282"/>
              <a:gd name="connsiteY16" fmla="*/ 570972 h 1463306"/>
              <a:gd name="connsiteX17" fmla="*/ 650119 w 686282"/>
              <a:gd name="connsiteY17" fmla="*/ 691694 h 1463306"/>
              <a:gd name="connsiteX18" fmla="*/ 665617 w 686282"/>
              <a:gd name="connsiteY18" fmla="*/ 727856 h 1463306"/>
              <a:gd name="connsiteX19" fmla="*/ 670783 w 686282"/>
              <a:gd name="connsiteY19" fmla="*/ 743355 h 1463306"/>
              <a:gd name="connsiteX20" fmla="*/ 681115 w 686282"/>
              <a:gd name="connsiteY20" fmla="*/ 769185 h 1463306"/>
              <a:gd name="connsiteX21" fmla="*/ 686282 w 686282"/>
              <a:gd name="connsiteY21" fmla="*/ 789850 h 1463306"/>
              <a:gd name="connsiteX22" fmla="*/ 681115 w 686282"/>
              <a:gd name="connsiteY22" fmla="*/ 820846 h 1463306"/>
              <a:gd name="connsiteX23" fmla="*/ 662352 w 686282"/>
              <a:gd name="connsiteY23" fmla="*/ 849942 h 1463306"/>
              <a:gd name="connsiteX24" fmla="*/ 660451 w 686282"/>
              <a:gd name="connsiteY24" fmla="*/ 960331 h 1463306"/>
              <a:gd name="connsiteX25" fmla="*/ 634621 w 686282"/>
              <a:gd name="connsiteY25" fmla="*/ 1011992 h 1463306"/>
              <a:gd name="connsiteX26" fmla="*/ 588394 w 686282"/>
              <a:gd name="connsiteY26" fmla="*/ 1053321 h 1463306"/>
              <a:gd name="connsiteX27" fmla="*/ 550735 w 686282"/>
              <a:gd name="connsiteY27" fmla="*/ 1099816 h 1463306"/>
              <a:gd name="connsiteX28" fmla="*/ 526401 w 686282"/>
              <a:gd name="connsiteY28" fmla="*/ 1176078 h 1463306"/>
              <a:gd name="connsiteX29" fmla="*/ 515800 w 686282"/>
              <a:gd name="connsiteY29" fmla="*/ 1249633 h 1463306"/>
              <a:gd name="connsiteX30" fmla="*/ 495136 w 686282"/>
              <a:gd name="connsiteY30" fmla="*/ 1280629 h 1463306"/>
              <a:gd name="connsiteX31" fmla="*/ 484804 w 686282"/>
              <a:gd name="connsiteY31" fmla="*/ 1296128 h 1463306"/>
              <a:gd name="connsiteX32" fmla="*/ 469305 w 686282"/>
              <a:gd name="connsiteY32" fmla="*/ 1347789 h 1463306"/>
              <a:gd name="connsiteX33" fmla="*/ 464139 w 686282"/>
              <a:gd name="connsiteY33" fmla="*/ 1363287 h 1463306"/>
              <a:gd name="connsiteX34" fmla="*/ 453807 w 686282"/>
              <a:gd name="connsiteY34" fmla="*/ 1378785 h 1463306"/>
              <a:gd name="connsiteX35" fmla="*/ 443475 w 686282"/>
              <a:gd name="connsiteY35" fmla="*/ 1404616 h 1463306"/>
              <a:gd name="connsiteX36" fmla="*/ 427976 w 686282"/>
              <a:gd name="connsiteY36" fmla="*/ 1420114 h 1463306"/>
              <a:gd name="connsiteX37" fmla="*/ 417644 w 686282"/>
              <a:gd name="connsiteY37" fmla="*/ 1435612 h 1463306"/>
              <a:gd name="connsiteX38" fmla="*/ 236831 w 686282"/>
              <a:gd name="connsiteY38" fmla="*/ 1445945 h 1463306"/>
              <a:gd name="connsiteX39" fmla="*/ 25021 w 686282"/>
              <a:gd name="connsiteY39" fmla="*/ 1451111 h 1463306"/>
              <a:gd name="connsiteX40" fmla="*/ 574 w 686282"/>
              <a:gd name="connsiteY40" fmla="*/ 1439415 h 1463306"/>
              <a:gd name="connsiteX41" fmla="*/ 50598 w 686282"/>
              <a:gd name="connsiteY41" fmla="*/ 1176475 h 1463306"/>
              <a:gd name="connsiteX42" fmla="*/ 28522 w 686282"/>
              <a:gd name="connsiteY42" fmla="*/ 977985 h 1463306"/>
              <a:gd name="connsiteX43" fmla="*/ 76682 w 686282"/>
              <a:gd name="connsiteY43" fmla="*/ 851843 h 1463306"/>
              <a:gd name="connsiteX44" fmla="*/ 76682 w 686282"/>
              <a:gd name="connsiteY44" fmla="*/ 784684 h 1463306"/>
              <a:gd name="connsiteX45" fmla="*/ 127682 w 686282"/>
              <a:gd name="connsiteY45" fmla="*/ 701536 h 1463306"/>
              <a:gd name="connsiteX46" fmla="*/ 166512 w 686282"/>
              <a:gd name="connsiteY46" fmla="*/ 595546 h 1463306"/>
              <a:gd name="connsiteX47" fmla="*/ 215016 w 686282"/>
              <a:gd name="connsiteY47" fmla="*/ 454542 h 1463306"/>
              <a:gd name="connsiteX48" fmla="*/ 265159 w 686282"/>
              <a:gd name="connsiteY48" fmla="*/ 219938 h 1463306"/>
              <a:gd name="connsiteX49" fmla="*/ 307319 w 686282"/>
              <a:gd name="connsiteY49" fmla="*/ 127438 h 1463306"/>
              <a:gd name="connsiteX50" fmla="*/ 367819 w 686282"/>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851843 h 1463306"/>
              <a:gd name="connsiteX44" fmla="*/ 76720 w 686320"/>
              <a:gd name="connsiteY44" fmla="*/ 784684 h 1463306"/>
              <a:gd name="connsiteX45" fmla="*/ 127720 w 686320"/>
              <a:gd name="connsiteY45" fmla="*/ 701536 h 1463306"/>
              <a:gd name="connsiteX46" fmla="*/ 166550 w 686320"/>
              <a:gd name="connsiteY46" fmla="*/ 595546 h 1463306"/>
              <a:gd name="connsiteX47" fmla="*/ 215054 w 686320"/>
              <a:gd name="connsiteY47" fmla="*/ 454542 h 1463306"/>
              <a:gd name="connsiteX48" fmla="*/ 265197 w 686320"/>
              <a:gd name="connsiteY48" fmla="*/ 219938 h 1463306"/>
              <a:gd name="connsiteX49" fmla="*/ 307357 w 686320"/>
              <a:gd name="connsiteY49" fmla="*/ 127438 h 1463306"/>
              <a:gd name="connsiteX50" fmla="*/ 367857 w 686320"/>
              <a:gd name="connsiteY50" fmla="*/ 67771 h 1463306"/>
              <a:gd name="connsiteX0" fmla="*/ 367857 w 686320"/>
              <a:gd name="connsiteY0" fmla="*/ 67771 h 1463306"/>
              <a:gd name="connsiteX1" fmla="*/ 473506 w 686320"/>
              <a:gd name="connsiteY1" fmla="*/ 1272 h 1463306"/>
              <a:gd name="connsiteX2" fmla="*/ 546835 w 686320"/>
              <a:gd name="connsiteY2" fmla="*/ 25267 h 1463306"/>
              <a:gd name="connsiteX3" fmla="*/ 562333 w 686320"/>
              <a:gd name="connsiteY3" fmla="*/ 40765 h 1463306"/>
              <a:gd name="connsiteX4" fmla="*/ 572665 w 686320"/>
              <a:gd name="connsiteY4" fmla="*/ 71762 h 1463306"/>
              <a:gd name="connsiteX5" fmla="*/ 577831 w 686320"/>
              <a:gd name="connsiteY5" fmla="*/ 87260 h 1463306"/>
              <a:gd name="connsiteX6" fmla="*/ 582998 w 686320"/>
              <a:gd name="connsiteY6" fmla="*/ 133755 h 1463306"/>
              <a:gd name="connsiteX7" fmla="*/ 588164 w 686320"/>
              <a:gd name="connsiteY7" fmla="*/ 169917 h 1463306"/>
              <a:gd name="connsiteX8" fmla="*/ 593330 w 686320"/>
              <a:gd name="connsiteY8" fmla="*/ 242243 h 1463306"/>
              <a:gd name="connsiteX9" fmla="*/ 598496 w 686320"/>
              <a:gd name="connsiteY9" fmla="*/ 262907 h 1463306"/>
              <a:gd name="connsiteX10" fmla="*/ 603662 w 686320"/>
              <a:gd name="connsiteY10" fmla="*/ 299070 h 1463306"/>
              <a:gd name="connsiteX11" fmla="*/ 613994 w 686320"/>
              <a:gd name="connsiteY11" fmla="*/ 330067 h 1463306"/>
              <a:gd name="connsiteX12" fmla="*/ 624326 w 686320"/>
              <a:gd name="connsiteY12" fmla="*/ 376562 h 1463306"/>
              <a:gd name="connsiteX13" fmla="*/ 595500 w 686320"/>
              <a:gd name="connsiteY13" fmla="*/ 409324 h 1463306"/>
              <a:gd name="connsiteX14" fmla="*/ 578484 w 686320"/>
              <a:gd name="connsiteY14" fmla="*/ 429836 h 1463306"/>
              <a:gd name="connsiteX15" fmla="*/ 587069 w 686320"/>
              <a:gd name="connsiteY15" fmla="*/ 491311 h 1463306"/>
              <a:gd name="connsiteX16" fmla="*/ 592100 w 686320"/>
              <a:gd name="connsiteY16" fmla="*/ 570972 h 1463306"/>
              <a:gd name="connsiteX17" fmla="*/ 650157 w 686320"/>
              <a:gd name="connsiteY17" fmla="*/ 691694 h 1463306"/>
              <a:gd name="connsiteX18" fmla="*/ 665655 w 686320"/>
              <a:gd name="connsiteY18" fmla="*/ 727856 h 1463306"/>
              <a:gd name="connsiteX19" fmla="*/ 670821 w 686320"/>
              <a:gd name="connsiteY19" fmla="*/ 743355 h 1463306"/>
              <a:gd name="connsiteX20" fmla="*/ 681153 w 686320"/>
              <a:gd name="connsiteY20" fmla="*/ 769185 h 1463306"/>
              <a:gd name="connsiteX21" fmla="*/ 686320 w 686320"/>
              <a:gd name="connsiteY21" fmla="*/ 789850 h 1463306"/>
              <a:gd name="connsiteX22" fmla="*/ 681153 w 686320"/>
              <a:gd name="connsiteY22" fmla="*/ 820846 h 1463306"/>
              <a:gd name="connsiteX23" fmla="*/ 662390 w 686320"/>
              <a:gd name="connsiteY23" fmla="*/ 849942 h 1463306"/>
              <a:gd name="connsiteX24" fmla="*/ 660489 w 686320"/>
              <a:gd name="connsiteY24" fmla="*/ 960331 h 1463306"/>
              <a:gd name="connsiteX25" fmla="*/ 634659 w 686320"/>
              <a:gd name="connsiteY25" fmla="*/ 1011992 h 1463306"/>
              <a:gd name="connsiteX26" fmla="*/ 588432 w 686320"/>
              <a:gd name="connsiteY26" fmla="*/ 1053321 h 1463306"/>
              <a:gd name="connsiteX27" fmla="*/ 550773 w 686320"/>
              <a:gd name="connsiteY27" fmla="*/ 1099816 h 1463306"/>
              <a:gd name="connsiteX28" fmla="*/ 526439 w 686320"/>
              <a:gd name="connsiteY28" fmla="*/ 1176078 h 1463306"/>
              <a:gd name="connsiteX29" fmla="*/ 515838 w 686320"/>
              <a:gd name="connsiteY29" fmla="*/ 1249633 h 1463306"/>
              <a:gd name="connsiteX30" fmla="*/ 495174 w 686320"/>
              <a:gd name="connsiteY30" fmla="*/ 1280629 h 1463306"/>
              <a:gd name="connsiteX31" fmla="*/ 484842 w 686320"/>
              <a:gd name="connsiteY31" fmla="*/ 1296128 h 1463306"/>
              <a:gd name="connsiteX32" fmla="*/ 469343 w 686320"/>
              <a:gd name="connsiteY32" fmla="*/ 1347789 h 1463306"/>
              <a:gd name="connsiteX33" fmla="*/ 464177 w 686320"/>
              <a:gd name="connsiteY33" fmla="*/ 1363287 h 1463306"/>
              <a:gd name="connsiteX34" fmla="*/ 453845 w 686320"/>
              <a:gd name="connsiteY34" fmla="*/ 1378785 h 1463306"/>
              <a:gd name="connsiteX35" fmla="*/ 443513 w 686320"/>
              <a:gd name="connsiteY35" fmla="*/ 1404616 h 1463306"/>
              <a:gd name="connsiteX36" fmla="*/ 428014 w 686320"/>
              <a:gd name="connsiteY36" fmla="*/ 1420114 h 1463306"/>
              <a:gd name="connsiteX37" fmla="*/ 417682 w 686320"/>
              <a:gd name="connsiteY37" fmla="*/ 1435612 h 1463306"/>
              <a:gd name="connsiteX38" fmla="*/ 236869 w 686320"/>
              <a:gd name="connsiteY38" fmla="*/ 1445945 h 1463306"/>
              <a:gd name="connsiteX39" fmla="*/ 25059 w 686320"/>
              <a:gd name="connsiteY39" fmla="*/ 1451111 h 1463306"/>
              <a:gd name="connsiteX40" fmla="*/ 612 w 686320"/>
              <a:gd name="connsiteY40" fmla="*/ 1439415 h 1463306"/>
              <a:gd name="connsiteX41" fmla="*/ 50636 w 686320"/>
              <a:gd name="connsiteY41" fmla="*/ 1176475 h 1463306"/>
              <a:gd name="connsiteX42" fmla="*/ 50229 w 686320"/>
              <a:gd name="connsiteY42" fmla="*/ 977985 h 1463306"/>
              <a:gd name="connsiteX43" fmla="*/ 76720 w 686320"/>
              <a:gd name="connsiteY43" fmla="*/ 784684 h 1463306"/>
              <a:gd name="connsiteX44" fmla="*/ 127720 w 686320"/>
              <a:gd name="connsiteY44" fmla="*/ 701536 h 1463306"/>
              <a:gd name="connsiteX45" fmla="*/ 166550 w 686320"/>
              <a:gd name="connsiteY45" fmla="*/ 595546 h 1463306"/>
              <a:gd name="connsiteX46" fmla="*/ 215054 w 686320"/>
              <a:gd name="connsiteY46" fmla="*/ 454542 h 1463306"/>
              <a:gd name="connsiteX47" fmla="*/ 265197 w 686320"/>
              <a:gd name="connsiteY47" fmla="*/ 219938 h 1463306"/>
              <a:gd name="connsiteX48" fmla="*/ 307357 w 686320"/>
              <a:gd name="connsiteY48" fmla="*/ 127438 h 1463306"/>
              <a:gd name="connsiteX49" fmla="*/ 367857 w 686320"/>
              <a:gd name="connsiteY49" fmla="*/ 67771 h 1463306"/>
              <a:gd name="connsiteX0" fmla="*/ 352575 w 671038"/>
              <a:gd name="connsiteY0" fmla="*/ 67771 h 1470339"/>
              <a:gd name="connsiteX1" fmla="*/ 458224 w 671038"/>
              <a:gd name="connsiteY1" fmla="*/ 1272 h 1470339"/>
              <a:gd name="connsiteX2" fmla="*/ 531553 w 671038"/>
              <a:gd name="connsiteY2" fmla="*/ 25267 h 1470339"/>
              <a:gd name="connsiteX3" fmla="*/ 547051 w 671038"/>
              <a:gd name="connsiteY3" fmla="*/ 40765 h 1470339"/>
              <a:gd name="connsiteX4" fmla="*/ 557383 w 671038"/>
              <a:gd name="connsiteY4" fmla="*/ 71762 h 1470339"/>
              <a:gd name="connsiteX5" fmla="*/ 562549 w 671038"/>
              <a:gd name="connsiteY5" fmla="*/ 87260 h 1470339"/>
              <a:gd name="connsiteX6" fmla="*/ 567716 w 671038"/>
              <a:gd name="connsiteY6" fmla="*/ 133755 h 1470339"/>
              <a:gd name="connsiteX7" fmla="*/ 572882 w 671038"/>
              <a:gd name="connsiteY7" fmla="*/ 169917 h 1470339"/>
              <a:gd name="connsiteX8" fmla="*/ 578048 w 671038"/>
              <a:gd name="connsiteY8" fmla="*/ 242243 h 1470339"/>
              <a:gd name="connsiteX9" fmla="*/ 583214 w 671038"/>
              <a:gd name="connsiteY9" fmla="*/ 262907 h 1470339"/>
              <a:gd name="connsiteX10" fmla="*/ 588380 w 671038"/>
              <a:gd name="connsiteY10" fmla="*/ 299070 h 1470339"/>
              <a:gd name="connsiteX11" fmla="*/ 598712 w 671038"/>
              <a:gd name="connsiteY11" fmla="*/ 330067 h 1470339"/>
              <a:gd name="connsiteX12" fmla="*/ 609044 w 671038"/>
              <a:gd name="connsiteY12" fmla="*/ 376562 h 1470339"/>
              <a:gd name="connsiteX13" fmla="*/ 580218 w 671038"/>
              <a:gd name="connsiteY13" fmla="*/ 409324 h 1470339"/>
              <a:gd name="connsiteX14" fmla="*/ 563202 w 671038"/>
              <a:gd name="connsiteY14" fmla="*/ 429836 h 1470339"/>
              <a:gd name="connsiteX15" fmla="*/ 571787 w 671038"/>
              <a:gd name="connsiteY15" fmla="*/ 491311 h 1470339"/>
              <a:gd name="connsiteX16" fmla="*/ 576818 w 671038"/>
              <a:gd name="connsiteY16" fmla="*/ 570972 h 1470339"/>
              <a:gd name="connsiteX17" fmla="*/ 634875 w 671038"/>
              <a:gd name="connsiteY17" fmla="*/ 691694 h 1470339"/>
              <a:gd name="connsiteX18" fmla="*/ 650373 w 671038"/>
              <a:gd name="connsiteY18" fmla="*/ 727856 h 1470339"/>
              <a:gd name="connsiteX19" fmla="*/ 655539 w 671038"/>
              <a:gd name="connsiteY19" fmla="*/ 743355 h 1470339"/>
              <a:gd name="connsiteX20" fmla="*/ 665871 w 671038"/>
              <a:gd name="connsiteY20" fmla="*/ 769185 h 1470339"/>
              <a:gd name="connsiteX21" fmla="*/ 671038 w 671038"/>
              <a:gd name="connsiteY21" fmla="*/ 789850 h 1470339"/>
              <a:gd name="connsiteX22" fmla="*/ 665871 w 671038"/>
              <a:gd name="connsiteY22" fmla="*/ 820846 h 1470339"/>
              <a:gd name="connsiteX23" fmla="*/ 647108 w 671038"/>
              <a:gd name="connsiteY23" fmla="*/ 849942 h 1470339"/>
              <a:gd name="connsiteX24" fmla="*/ 645207 w 671038"/>
              <a:gd name="connsiteY24" fmla="*/ 960331 h 1470339"/>
              <a:gd name="connsiteX25" fmla="*/ 619377 w 671038"/>
              <a:gd name="connsiteY25" fmla="*/ 1011992 h 1470339"/>
              <a:gd name="connsiteX26" fmla="*/ 573150 w 671038"/>
              <a:gd name="connsiteY26" fmla="*/ 1053321 h 1470339"/>
              <a:gd name="connsiteX27" fmla="*/ 535491 w 671038"/>
              <a:gd name="connsiteY27" fmla="*/ 1099816 h 1470339"/>
              <a:gd name="connsiteX28" fmla="*/ 511157 w 671038"/>
              <a:gd name="connsiteY28" fmla="*/ 1176078 h 1470339"/>
              <a:gd name="connsiteX29" fmla="*/ 500556 w 671038"/>
              <a:gd name="connsiteY29" fmla="*/ 1249633 h 1470339"/>
              <a:gd name="connsiteX30" fmla="*/ 479892 w 671038"/>
              <a:gd name="connsiteY30" fmla="*/ 1280629 h 1470339"/>
              <a:gd name="connsiteX31" fmla="*/ 469560 w 671038"/>
              <a:gd name="connsiteY31" fmla="*/ 1296128 h 1470339"/>
              <a:gd name="connsiteX32" fmla="*/ 454061 w 671038"/>
              <a:gd name="connsiteY32" fmla="*/ 1347789 h 1470339"/>
              <a:gd name="connsiteX33" fmla="*/ 448895 w 671038"/>
              <a:gd name="connsiteY33" fmla="*/ 1363287 h 1470339"/>
              <a:gd name="connsiteX34" fmla="*/ 438563 w 671038"/>
              <a:gd name="connsiteY34" fmla="*/ 1378785 h 1470339"/>
              <a:gd name="connsiteX35" fmla="*/ 428231 w 671038"/>
              <a:gd name="connsiteY35" fmla="*/ 1404616 h 1470339"/>
              <a:gd name="connsiteX36" fmla="*/ 412732 w 671038"/>
              <a:gd name="connsiteY36" fmla="*/ 1420114 h 1470339"/>
              <a:gd name="connsiteX37" fmla="*/ 402400 w 671038"/>
              <a:gd name="connsiteY37" fmla="*/ 1435612 h 1470339"/>
              <a:gd name="connsiteX38" fmla="*/ 221587 w 671038"/>
              <a:gd name="connsiteY38" fmla="*/ 1445945 h 1470339"/>
              <a:gd name="connsiteX39" fmla="*/ 9777 w 671038"/>
              <a:gd name="connsiteY39" fmla="*/ 1451111 h 1470339"/>
              <a:gd name="connsiteX40" fmla="*/ 35354 w 671038"/>
              <a:gd name="connsiteY40" fmla="*/ 1176475 h 1470339"/>
              <a:gd name="connsiteX41" fmla="*/ 34947 w 671038"/>
              <a:gd name="connsiteY41" fmla="*/ 977985 h 1470339"/>
              <a:gd name="connsiteX42" fmla="*/ 61438 w 671038"/>
              <a:gd name="connsiteY42" fmla="*/ 784684 h 1470339"/>
              <a:gd name="connsiteX43" fmla="*/ 112438 w 671038"/>
              <a:gd name="connsiteY43" fmla="*/ 701536 h 1470339"/>
              <a:gd name="connsiteX44" fmla="*/ 151268 w 671038"/>
              <a:gd name="connsiteY44" fmla="*/ 595546 h 1470339"/>
              <a:gd name="connsiteX45" fmla="*/ 199772 w 671038"/>
              <a:gd name="connsiteY45" fmla="*/ 454542 h 1470339"/>
              <a:gd name="connsiteX46" fmla="*/ 249915 w 671038"/>
              <a:gd name="connsiteY46" fmla="*/ 219938 h 1470339"/>
              <a:gd name="connsiteX47" fmla="*/ 292075 w 671038"/>
              <a:gd name="connsiteY47" fmla="*/ 127438 h 1470339"/>
              <a:gd name="connsiteX48" fmla="*/ 352575 w 671038"/>
              <a:gd name="connsiteY48" fmla="*/ 67771 h 14703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671038" h="1470339">
                <a:moveTo>
                  <a:pt x="352575" y="67771"/>
                </a:moveTo>
                <a:cubicBezTo>
                  <a:pt x="380988" y="58300"/>
                  <a:pt x="428395" y="8356"/>
                  <a:pt x="458224" y="1272"/>
                </a:cubicBezTo>
                <a:cubicBezTo>
                  <a:pt x="488053" y="-5812"/>
                  <a:pt x="516749" y="18685"/>
                  <a:pt x="531553" y="25267"/>
                </a:cubicBezTo>
                <a:cubicBezTo>
                  <a:pt x="546358" y="31849"/>
                  <a:pt x="541885" y="35599"/>
                  <a:pt x="547051" y="40765"/>
                </a:cubicBezTo>
                <a:lnTo>
                  <a:pt x="557383" y="71762"/>
                </a:lnTo>
                <a:lnTo>
                  <a:pt x="562549" y="87260"/>
                </a:lnTo>
                <a:cubicBezTo>
                  <a:pt x="564271" y="102758"/>
                  <a:pt x="565782" y="118282"/>
                  <a:pt x="567716" y="133755"/>
                </a:cubicBezTo>
                <a:cubicBezTo>
                  <a:pt x="569226" y="145837"/>
                  <a:pt x="571728" y="157795"/>
                  <a:pt x="572882" y="169917"/>
                </a:cubicBezTo>
                <a:cubicBezTo>
                  <a:pt x="575174" y="193978"/>
                  <a:pt x="575379" y="218221"/>
                  <a:pt x="578048" y="242243"/>
                </a:cubicBezTo>
                <a:cubicBezTo>
                  <a:pt x="578832" y="249300"/>
                  <a:pt x="581944" y="255922"/>
                  <a:pt x="583214" y="262907"/>
                </a:cubicBezTo>
                <a:cubicBezTo>
                  <a:pt x="585392" y="274887"/>
                  <a:pt x="585642" y="287205"/>
                  <a:pt x="588380" y="299070"/>
                </a:cubicBezTo>
                <a:cubicBezTo>
                  <a:pt x="590829" y="309682"/>
                  <a:pt x="596921" y="319324"/>
                  <a:pt x="598712" y="330067"/>
                </a:cubicBezTo>
                <a:cubicBezTo>
                  <a:pt x="604773" y="366435"/>
                  <a:pt x="600566" y="351126"/>
                  <a:pt x="609044" y="376562"/>
                </a:cubicBezTo>
                <a:cubicBezTo>
                  <a:pt x="610766" y="388616"/>
                  <a:pt x="587858" y="400445"/>
                  <a:pt x="580218" y="409324"/>
                </a:cubicBezTo>
                <a:cubicBezTo>
                  <a:pt x="572578" y="418203"/>
                  <a:pt x="562908" y="420704"/>
                  <a:pt x="563202" y="429836"/>
                </a:cubicBezTo>
                <a:cubicBezTo>
                  <a:pt x="563496" y="438968"/>
                  <a:pt x="569518" y="467788"/>
                  <a:pt x="571787" y="491311"/>
                </a:cubicBezTo>
                <a:cubicBezTo>
                  <a:pt x="574056" y="514834"/>
                  <a:pt x="578540" y="533087"/>
                  <a:pt x="576818" y="570972"/>
                </a:cubicBezTo>
                <a:cubicBezTo>
                  <a:pt x="587333" y="604369"/>
                  <a:pt x="622616" y="665547"/>
                  <a:pt x="634875" y="691694"/>
                </a:cubicBezTo>
                <a:cubicBezTo>
                  <a:pt x="647134" y="717841"/>
                  <a:pt x="634644" y="704263"/>
                  <a:pt x="650373" y="727856"/>
                </a:cubicBezTo>
                <a:cubicBezTo>
                  <a:pt x="652095" y="733022"/>
                  <a:pt x="653627" y="738256"/>
                  <a:pt x="655539" y="743355"/>
                </a:cubicBezTo>
                <a:cubicBezTo>
                  <a:pt x="658795" y="752038"/>
                  <a:pt x="662938" y="760388"/>
                  <a:pt x="665871" y="769185"/>
                </a:cubicBezTo>
                <a:cubicBezTo>
                  <a:pt x="668116" y="775921"/>
                  <a:pt x="669316" y="782962"/>
                  <a:pt x="671038" y="789850"/>
                </a:cubicBezTo>
                <a:cubicBezTo>
                  <a:pt x="669316" y="800182"/>
                  <a:pt x="669859" y="810831"/>
                  <a:pt x="665871" y="820846"/>
                </a:cubicBezTo>
                <a:cubicBezTo>
                  <a:pt x="661883" y="830861"/>
                  <a:pt x="650552" y="826695"/>
                  <a:pt x="647108" y="849942"/>
                </a:cubicBezTo>
                <a:cubicBezTo>
                  <a:pt x="643664" y="873190"/>
                  <a:pt x="649829" y="933323"/>
                  <a:pt x="645207" y="960331"/>
                </a:cubicBezTo>
                <a:cubicBezTo>
                  <a:pt x="640585" y="987339"/>
                  <a:pt x="631386" y="996494"/>
                  <a:pt x="619377" y="1011992"/>
                </a:cubicBezTo>
                <a:cubicBezTo>
                  <a:pt x="607368" y="1027490"/>
                  <a:pt x="587131" y="1038684"/>
                  <a:pt x="573150" y="1053321"/>
                </a:cubicBezTo>
                <a:cubicBezTo>
                  <a:pt x="559169" y="1067958"/>
                  <a:pt x="545823" y="1079357"/>
                  <a:pt x="535491" y="1099816"/>
                </a:cubicBezTo>
                <a:cubicBezTo>
                  <a:pt x="525159" y="1120275"/>
                  <a:pt x="516979" y="1151109"/>
                  <a:pt x="511157" y="1176078"/>
                </a:cubicBezTo>
                <a:cubicBezTo>
                  <a:pt x="505335" y="1201047"/>
                  <a:pt x="505767" y="1232208"/>
                  <a:pt x="500556" y="1249633"/>
                </a:cubicBezTo>
                <a:lnTo>
                  <a:pt x="479892" y="1280629"/>
                </a:lnTo>
                <a:lnTo>
                  <a:pt x="469560" y="1296128"/>
                </a:lnTo>
                <a:cubicBezTo>
                  <a:pt x="461752" y="1327360"/>
                  <a:pt x="466640" y="1310053"/>
                  <a:pt x="454061" y="1347789"/>
                </a:cubicBezTo>
                <a:cubicBezTo>
                  <a:pt x="452339" y="1352955"/>
                  <a:pt x="451916" y="1358756"/>
                  <a:pt x="448895" y="1363287"/>
                </a:cubicBezTo>
                <a:cubicBezTo>
                  <a:pt x="445451" y="1368453"/>
                  <a:pt x="441340" y="1373232"/>
                  <a:pt x="438563" y="1378785"/>
                </a:cubicBezTo>
                <a:cubicBezTo>
                  <a:pt x="434416" y="1387080"/>
                  <a:pt x="433146" y="1396752"/>
                  <a:pt x="428231" y="1404616"/>
                </a:cubicBezTo>
                <a:cubicBezTo>
                  <a:pt x="424359" y="1410812"/>
                  <a:pt x="417409" y="1414501"/>
                  <a:pt x="412732" y="1420114"/>
                </a:cubicBezTo>
                <a:cubicBezTo>
                  <a:pt x="408757" y="1424884"/>
                  <a:pt x="434257" y="1431307"/>
                  <a:pt x="402400" y="1435612"/>
                </a:cubicBezTo>
                <a:cubicBezTo>
                  <a:pt x="370543" y="1439917"/>
                  <a:pt x="287024" y="1443362"/>
                  <a:pt x="221587" y="1445945"/>
                </a:cubicBezTo>
                <a:cubicBezTo>
                  <a:pt x="156150" y="1448528"/>
                  <a:pt x="40816" y="1496023"/>
                  <a:pt x="9777" y="1451111"/>
                </a:cubicBezTo>
                <a:cubicBezTo>
                  <a:pt x="-21262" y="1406199"/>
                  <a:pt x="31159" y="1255329"/>
                  <a:pt x="35354" y="1176475"/>
                </a:cubicBezTo>
                <a:cubicBezTo>
                  <a:pt x="39549" y="1097621"/>
                  <a:pt x="30600" y="1043284"/>
                  <a:pt x="34947" y="977985"/>
                </a:cubicBezTo>
                <a:cubicBezTo>
                  <a:pt x="39294" y="912687"/>
                  <a:pt x="48523" y="830759"/>
                  <a:pt x="61438" y="784684"/>
                </a:cubicBezTo>
                <a:cubicBezTo>
                  <a:pt x="74353" y="738609"/>
                  <a:pt x="97466" y="733059"/>
                  <a:pt x="112438" y="701536"/>
                </a:cubicBezTo>
                <a:cubicBezTo>
                  <a:pt x="127410" y="670013"/>
                  <a:pt x="138325" y="630876"/>
                  <a:pt x="151268" y="595546"/>
                </a:cubicBezTo>
                <a:cubicBezTo>
                  <a:pt x="169158" y="566353"/>
                  <a:pt x="183331" y="517143"/>
                  <a:pt x="199772" y="454542"/>
                </a:cubicBezTo>
                <a:cubicBezTo>
                  <a:pt x="216213" y="391941"/>
                  <a:pt x="234531" y="274455"/>
                  <a:pt x="249915" y="219938"/>
                </a:cubicBezTo>
                <a:cubicBezTo>
                  <a:pt x="265299" y="165421"/>
                  <a:pt x="274965" y="152799"/>
                  <a:pt x="292075" y="127438"/>
                </a:cubicBezTo>
                <a:cubicBezTo>
                  <a:pt x="309185" y="102077"/>
                  <a:pt x="324162" y="77242"/>
                  <a:pt x="352575" y="67771"/>
                </a:cubicBezTo>
                <a:close/>
              </a:path>
            </a:pathLst>
          </a:custGeom>
          <a:solidFill>
            <a:srgbClr val="000000">
              <a:alpha val="30196"/>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 name="Oval 7"/>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9" name="Oval 8"/>
          <p:cNvSpPr/>
          <p:nvPr/>
        </p:nvSpPr>
        <p:spPr bwMode="auto">
          <a:xfrm>
            <a:off x="4904302" y="2951377"/>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1" name="Oval 10"/>
          <p:cNvSpPr/>
          <p:nvPr/>
        </p:nvSpPr>
        <p:spPr bwMode="auto">
          <a:xfrm>
            <a:off x="7068238" y="38455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 name="Oval 9"/>
          <p:cNvSpPr/>
          <p:nvPr/>
        </p:nvSpPr>
        <p:spPr bwMode="auto">
          <a:xfrm>
            <a:off x="5024922" y="2395948"/>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31" name="Oval 30"/>
          <p:cNvSpPr/>
          <p:nvPr/>
        </p:nvSpPr>
        <p:spPr bwMode="auto">
          <a:xfrm>
            <a:off x="4904302" y="2950825"/>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3" name="SWP Eastside"/>
          <p:cNvGrpSpPr/>
          <p:nvPr/>
        </p:nvGrpSpPr>
        <p:grpSpPr>
          <a:xfrm>
            <a:off x="4627917" y="1378177"/>
            <a:ext cx="2608342" cy="2174169"/>
            <a:chOff x="4627917" y="1378177"/>
            <a:chExt cx="2608342" cy="2174169"/>
          </a:xfrm>
          <a:effectLst>
            <a:outerShdw dist="38100" dir="8100000" algn="tr" rotWithShape="0">
              <a:schemeClr val="tx1"/>
            </a:outerShdw>
          </a:effectLst>
        </p:grpSpPr>
        <p:sp>
          <p:nvSpPr>
            <p:cNvPr id="26" name="Freeform 25"/>
            <p:cNvSpPr/>
            <p:nvPr/>
          </p:nvSpPr>
          <p:spPr bwMode="auto">
            <a:xfrm>
              <a:off x="5829585" y="2196639"/>
              <a:ext cx="526274" cy="236823"/>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45968 w 1045968"/>
                <a:gd name="connsiteY0" fmla="*/ 0 h 207220"/>
                <a:gd name="connsiteX1" fmla="*/ 1032811 w 1045968"/>
                <a:gd name="connsiteY1" fmla="*/ 23025 h 207220"/>
                <a:gd name="connsiteX2" fmla="*/ 1006498 w 1045968"/>
                <a:gd name="connsiteY2" fmla="*/ 55917 h 207220"/>
                <a:gd name="connsiteX3" fmla="*/ 996630 w 1045968"/>
                <a:gd name="connsiteY3" fmla="*/ 59206 h 207220"/>
                <a:gd name="connsiteX4" fmla="*/ 973606 w 1045968"/>
                <a:gd name="connsiteY4" fmla="*/ 69074 h 207220"/>
                <a:gd name="connsiteX5" fmla="*/ 927557 w 1045968"/>
                <a:gd name="connsiteY5" fmla="*/ 78941 h 207220"/>
                <a:gd name="connsiteX6" fmla="*/ 920978 w 1045968"/>
                <a:gd name="connsiteY6" fmla="*/ 85520 h 207220"/>
                <a:gd name="connsiteX7" fmla="*/ 911111 w 1045968"/>
                <a:gd name="connsiteY7" fmla="*/ 92098 h 207220"/>
                <a:gd name="connsiteX8" fmla="*/ 907822 w 1045968"/>
                <a:gd name="connsiteY8" fmla="*/ 101966 h 207220"/>
                <a:gd name="connsiteX9" fmla="*/ 891375 w 1045968"/>
                <a:gd name="connsiteY9" fmla="*/ 115122 h 207220"/>
                <a:gd name="connsiteX10" fmla="*/ 874929 w 1045968"/>
                <a:gd name="connsiteY10" fmla="*/ 118412 h 207220"/>
                <a:gd name="connsiteX11" fmla="*/ 842037 w 1045968"/>
                <a:gd name="connsiteY11" fmla="*/ 124990 h 207220"/>
                <a:gd name="connsiteX12" fmla="*/ 779542 w 1045968"/>
                <a:gd name="connsiteY12" fmla="*/ 128279 h 207220"/>
                <a:gd name="connsiteX13" fmla="*/ 717047 w 1045968"/>
                <a:gd name="connsiteY13" fmla="*/ 131569 h 207220"/>
                <a:gd name="connsiteX14" fmla="*/ 697312 w 1045968"/>
                <a:gd name="connsiteY14" fmla="*/ 138147 h 207220"/>
                <a:gd name="connsiteX15" fmla="*/ 654552 w 1045968"/>
                <a:gd name="connsiteY15" fmla="*/ 131569 h 207220"/>
                <a:gd name="connsiteX16" fmla="*/ 598636 w 1045968"/>
                <a:gd name="connsiteY16" fmla="*/ 141436 h 207220"/>
                <a:gd name="connsiteX17" fmla="*/ 552587 w 1045968"/>
                <a:gd name="connsiteY17" fmla="*/ 148015 h 207220"/>
                <a:gd name="connsiteX18" fmla="*/ 529563 w 1045968"/>
                <a:gd name="connsiteY18" fmla="*/ 157882 h 207220"/>
                <a:gd name="connsiteX19" fmla="*/ 467068 w 1045968"/>
                <a:gd name="connsiteY19" fmla="*/ 167750 h 207220"/>
                <a:gd name="connsiteX20" fmla="*/ 404573 w 1045968"/>
                <a:gd name="connsiteY20" fmla="*/ 174328 h 207220"/>
                <a:gd name="connsiteX21" fmla="*/ 384837 w 1045968"/>
                <a:gd name="connsiteY21" fmla="*/ 177617 h 207220"/>
                <a:gd name="connsiteX22" fmla="*/ 371681 w 1045968"/>
                <a:gd name="connsiteY22" fmla="*/ 180907 h 207220"/>
                <a:gd name="connsiteX23" fmla="*/ 289451 w 1045968"/>
                <a:gd name="connsiteY23" fmla="*/ 180907 h 207220"/>
                <a:gd name="connsiteX24" fmla="*/ 131568 w 1045968"/>
                <a:gd name="connsiteY24" fmla="*/ 194063 h 207220"/>
                <a:gd name="connsiteX25" fmla="*/ 92098 w 1045968"/>
                <a:gd name="connsiteY25" fmla="*/ 197353 h 207220"/>
                <a:gd name="connsiteX26" fmla="*/ 65784 w 1045968"/>
                <a:gd name="connsiteY26" fmla="*/ 200642 h 207220"/>
                <a:gd name="connsiteX27" fmla="*/ 42760 w 1045968"/>
                <a:gd name="connsiteY27" fmla="*/ 203931 h 207220"/>
                <a:gd name="connsiteX28" fmla="*/ 0 w 1045968"/>
                <a:gd name="connsiteY28" fmla="*/ 207220 h 207220"/>
                <a:gd name="connsiteX0" fmla="*/ 1003208 w 1003208"/>
                <a:gd name="connsiteY0" fmla="*/ 0 h 203931"/>
                <a:gd name="connsiteX1" fmla="*/ 990051 w 1003208"/>
                <a:gd name="connsiteY1" fmla="*/ 23025 h 203931"/>
                <a:gd name="connsiteX2" fmla="*/ 963738 w 1003208"/>
                <a:gd name="connsiteY2" fmla="*/ 55917 h 203931"/>
                <a:gd name="connsiteX3" fmla="*/ 953870 w 1003208"/>
                <a:gd name="connsiteY3" fmla="*/ 59206 h 203931"/>
                <a:gd name="connsiteX4" fmla="*/ 930846 w 1003208"/>
                <a:gd name="connsiteY4" fmla="*/ 69074 h 203931"/>
                <a:gd name="connsiteX5" fmla="*/ 884797 w 1003208"/>
                <a:gd name="connsiteY5" fmla="*/ 78941 h 203931"/>
                <a:gd name="connsiteX6" fmla="*/ 878218 w 1003208"/>
                <a:gd name="connsiteY6" fmla="*/ 85520 h 203931"/>
                <a:gd name="connsiteX7" fmla="*/ 868351 w 1003208"/>
                <a:gd name="connsiteY7" fmla="*/ 92098 h 203931"/>
                <a:gd name="connsiteX8" fmla="*/ 865062 w 1003208"/>
                <a:gd name="connsiteY8" fmla="*/ 101966 h 203931"/>
                <a:gd name="connsiteX9" fmla="*/ 848615 w 1003208"/>
                <a:gd name="connsiteY9" fmla="*/ 115122 h 203931"/>
                <a:gd name="connsiteX10" fmla="*/ 832169 w 1003208"/>
                <a:gd name="connsiteY10" fmla="*/ 118412 h 203931"/>
                <a:gd name="connsiteX11" fmla="*/ 799277 w 1003208"/>
                <a:gd name="connsiteY11" fmla="*/ 124990 h 203931"/>
                <a:gd name="connsiteX12" fmla="*/ 736782 w 1003208"/>
                <a:gd name="connsiteY12" fmla="*/ 128279 h 203931"/>
                <a:gd name="connsiteX13" fmla="*/ 674287 w 1003208"/>
                <a:gd name="connsiteY13" fmla="*/ 131569 h 203931"/>
                <a:gd name="connsiteX14" fmla="*/ 654552 w 1003208"/>
                <a:gd name="connsiteY14" fmla="*/ 138147 h 203931"/>
                <a:gd name="connsiteX15" fmla="*/ 611792 w 1003208"/>
                <a:gd name="connsiteY15" fmla="*/ 131569 h 203931"/>
                <a:gd name="connsiteX16" fmla="*/ 555876 w 1003208"/>
                <a:gd name="connsiteY16" fmla="*/ 141436 h 203931"/>
                <a:gd name="connsiteX17" fmla="*/ 509827 w 1003208"/>
                <a:gd name="connsiteY17" fmla="*/ 148015 h 203931"/>
                <a:gd name="connsiteX18" fmla="*/ 486803 w 1003208"/>
                <a:gd name="connsiteY18" fmla="*/ 157882 h 203931"/>
                <a:gd name="connsiteX19" fmla="*/ 424308 w 1003208"/>
                <a:gd name="connsiteY19" fmla="*/ 167750 h 203931"/>
                <a:gd name="connsiteX20" fmla="*/ 361813 w 1003208"/>
                <a:gd name="connsiteY20" fmla="*/ 174328 h 203931"/>
                <a:gd name="connsiteX21" fmla="*/ 342077 w 1003208"/>
                <a:gd name="connsiteY21" fmla="*/ 177617 h 203931"/>
                <a:gd name="connsiteX22" fmla="*/ 328921 w 1003208"/>
                <a:gd name="connsiteY22" fmla="*/ 180907 h 203931"/>
                <a:gd name="connsiteX23" fmla="*/ 246691 w 1003208"/>
                <a:gd name="connsiteY23" fmla="*/ 180907 h 203931"/>
                <a:gd name="connsiteX24" fmla="*/ 88808 w 1003208"/>
                <a:gd name="connsiteY24" fmla="*/ 194063 h 203931"/>
                <a:gd name="connsiteX25" fmla="*/ 49338 w 1003208"/>
                <a:gd name="connsiteY25" fmla="*/ 197353 h 203931"/>
                <a:gd name="connsiteX26" fmla="*/ 23024 w 1003208"/>
                <a:gd name="connsiteY26" fmla="*/ 200642 h 203931"/>
                <a:gd name="connsiteX27" fmla="*/ 0 w 1003208"/>
                <a:gd name="connsiteY27" fmla="*/ 203931 h 203931"/>
                <a:gd name="connsiteX0" fmla="*/ 980184 w 980184"/>
                <a:gd name="connsiteY0" fmla="*/ 0 h 200642"/>
                <a:gd name="connsiteX1" fmla="*/ 967027 w 980184"/>
                <a:gd name="connsiteY1" fmla="*/ 23025 h 200642"/>
                <a:gd name="connsiteX2" fmla="*/ 940714 w 980184"/>
                <a:gd name="connsiteY2" fmla="*/ 55917 h 200642"/>
                <a:gd name="connsiteX3" fmla="*/ 930846 w 980184"/>
                <a:gd name="connsiteY3" fmla="*/ 59206 h 200642"/>
                <a:gd name="connsiteX4" fmla="*/ 907822 w 980184"/>
                <a:gd name="connsiteY4" fmla="*/ 69074 h 200642"/>
                <a:gd name="connsiteX5" fmla="*/ 861773 w 980184"/>
                <a:gd name="connsiteY5" fmla="*/ 78941 h 200642"/>
                <a:gd name="connsiteX6" fmla="*/ 855194 w 980184"/>
                <a:gd name="connsiteY6" fmla="*/ 85520 h 200642"/>
                <a:gd name="connsiteX7" fmla="*/ 845327 w 980184"/>
                <a:gd name="connsiteY7" fmla="*/ 92098 h 200642"/>
                <a:gd name="connsiteX8" fmla="*/ 842038 w 980184"/>
                <a:gd name="connsiteY8" fmla="*/ 101966 h 200642"/>
                <a:gd name="connsiteX9" fmla="*/ 825591 w 980184"/>
                <a:gd name="connsiteY9" fmla="*/ 115122 h 200642"/>
                <a:gd name="connsiteX10" fmla="*/ 809145 w 980184"/>
                <a:gd name="connsiteY10" fmla="*/ 118412 h 200642"/>
                <a:gd name="connsiteX11" fmla="*/ 776253 w 980184"/>
                <a:gd name="connsiteY11" fmla="*/ 124990 h 200642"/>
                <a:gd name="connsiteX12" fmla="*/ 713758 w 980184"/>
                <a:gd name="connsiteY12" fmla="*/ 128279 h 200642"/>
                <a:gd name="connsiteX13" fmla="*/ 651263 w 980184"/>
                <a:gd name="connsiteY13" fmla="*/ 131569 h 200642"/>
                <a:gd name="connsiteX14" fmla="*/ 631528 w 980184"/>
                <a:gd name="connsiteY14" fmla="*/ 138147 h 200642"/>
                <a:gd name="connsiteX15" fmla="*/ 588768 w 980184"/>
                <a:gd name="connsiteY15" fmla="*/ 131569 h 200642"/>
                <a:gd name="connsiteX16" fmla="*/ 532852 w 980184"/>
                <a:gd name="connsiteY16" fmla="*/ 141436 h 200642"/>
                <a:gd name="connsiteX17" fmla="*/ 486803 w 980184"/>
                <a:gd name="connsiteY17" fmla="*/ 148015 h 200642"/>
                <a:gd name="connsiteX18" fmla="*/ 463779 w 980184"/>
                <a:gd name="connsiteY18" fmla="*/ 157882 h 200642"/>
                <a:gd name="connsiteX19" fmla="*/ 401284 w 980184"/>
                <a:gd name="connsiteY19" fmla="*/ 167750 h 200642"/>
                <a:gd name="connsiteX20" fmla="*/ 338789 w 980184"/>
                <a:gd name="connsiteY20" fmla="*/ 174328 h 200642"/>
                <a:gd name="connsiteX21" fmla="*/ 319053 w 980184"/>
                <a:gd name="connsiteY21" fmla="*/ 177617 h 200642"/>
                <a:gd name="connsiteX22" fmla="*/ 305897 w 980184"/>
                <a:gd name="connsiteY22" fmla="*/ 180907 h 200642"/>
                <a:gd name="connsiteX23" fmla="*/ 223667 w 980184"/>
                <a:gd name="connsiteY23" fmla="*/ 180907 h 200642"/>
                <a:gd name="connsiteX24" fmla="*/ 65784 w 980184"/>
                <a:gd name="connsiteY24" fmla="*/ 194063 h 200642"/>
                <a:gd name="connsiteX25" fmla="*/ 26314 w 980184"/>
                <a:gd name="connsiteY25" fmla="*/ 197353 h 200642"/>
                <a:gd name="connsiteX26" fmla="*/ 0 w 980184"/>
                <a:gd name="connsiteY26" fmla="*/ 200642 h 200642"/>
                <a:gd name="connsiteX0" fmla="*/ 953870 w 953870"/>
                <a:gd name="connsiteY0" fmla="*/ 0 h 197353"/>
                <a:gd name="connsiteX1" fmla="*/ 940713 w 953870"/>
                <a:gd name="connsiteY1" fmla="*/ 23025 h 197353"/>
                <a:gd name="connsiteX2" fmla="*/ 914400 w 953870"/>
                <a:gd name="connsiteY2" fmla="*/ 55917 h 197353"/>
                <a:gd name="connsiteX3" fmla="*/ 904532 w 953870"/>
                <a:gd name="connsiteY3" fmla="*/ 59206 h 197353"/>
                <a:gd name="connsiteX4" fmla="*/ 881508 w 953870"/>
                <a:gd name="connsiteY4" fmla="*/ 69074 h 197353"/>
                <a:gd name="connsiteX5" fmla="*/ 835459 w 953870"/>
                <a:gd name="connsiteY5" fmla="*/ 78941 h 197353"/>
                <a:gd name="connsiteX6" fmla="*/ 828880 w 953870"/>
                <a:gd name="connsiteY6" fmla="*/ 85520 h 197353"/>
                <a:gd name="connsiteX7" fmla="*/ 819013 w 953870"/>
                <a:gd name="connsiteY7" fmla="*/ 92098 h 197353"/>
                <a:gd name="connsiteX8" fmla="*/ 815724 w 953870"/>
                <a:gd name="connsiteY8" fmla="*/ 101966 h 197353"/>
                <a:gd name="connsiteX9" fmla="*/ 799277 w 953870"/>
                <a:gd name="connsiteY9" fmla="*/ 115122 h 197353"/>
                <a:gd name="connsiteX10" fmla="*/ 782831 w 953870"/>
                <a:gd name="connsiteY10" fmla="*/ 118412 h 197353"/>
                <a:gd name="connsiteX11" fmla="*/ 749939 w 953870"/>
                <a:gd name="connsiteY11" fmla="*/ 124990 h 197353"/>
                <a:gd name="connsiteX12" fmla="*/ 687444 w 953870"/>
                <a:gd name="connsiteY12" fmla="*/ 128279 h 197353"/>
                <a:gd name="connsiteX13" fmla="*/ 624949 w 953870"/>
                <a:gd name="connsiteY13" fmla="*/ 131569 h 197353"/>
                <a:gd name="connsiteX14" fmla="*/ 605214 w 953870"/>
                <a:gd name="connsiteY14" fmla="*/ 138147 h 197353"/>
                <a:gd name="connsiteX15" fmla="*/ 562454 w 953870"/>
                <a:gd name="connsiteY15" fmla="*/ 131569 h 197353"/>
                <a:gd name="connsiteX16" fmla="*/ 506538 w 953870"/>
                <a:gd name="connsiteY16" fmla="*/ 141436 h 197353"/>
                <a:gd name="connsiteX17" fmla="*/ 460489 w 953870"/>
                <a:gd name="connsiteY17" fmla="*/ 148015 h 197353"/>
                <a:gd name="connsiteX18" fmla="*/ 437465 w 953870"/>
                <a:gd name="connsiteY18" fmla="*/ 157882 h 197353"/>
                <a:gd name="connsiteX19" fmla="*/ 374970 w 953870"/>
                <a:gd name="connsiteY19" fmla="*/ 167750 h 197353"/>
                <a:gd name="connsiteX20" fmla="*/ 312475 w 953870"/>
                <a:gd name="connsiteY20" fmla="*/ 174328 h 197353"/>
                <a:gd name="connsiteX21" fmla="*/ 292739 w 953870"/>
                <a:gd name="connsiteY21" fmla="*/ 177617 h 197353"/>
                <a:gd name="connsiteX22" fmla="*/ 279583 w 953870"/>
                <a:gd name="connsiteY22" fmla="*/ 180907 h 197353"/>
                <a:gd name="connsiteX23" fmla="*/ 197353 w 953870"/>
                <a:gd name="connsiteY23" fmla="*/ 180907 h 197353"/>
                <a:gd name="connsiteX24" fmla="*/ 39470 w 953870"/>
                <a:gd name="connsiteY24" fmla="*/ 194063 h 197353"/>
                <a:gd name="connsiteX25" fmla="*/ 0 w 953870"/>
                <a:gd name="connsiteY25" fmla="*/ 197353 h 197353"/>
                <a:gd name="connsiteX0" fmla="*/ 914400 w 914400"/>
                <a:gd name="connsiteY0" fmla="*/ 0 h 194063"/>
                <a:gd name="connsiteX1" fmla="*/ 901243 w 914400"/>
                <a:gd name="connsiteY1" fmla="*/ 23025 h 194063"/>
                <a:gd name="connsiteX2" fmla="*/ 874930 w 914400"/>
                <a:gd name="connsiteY2" fmla="*/ 55917 h 194063"/>
                <a:gd name="connsiteX3" fmla="*/ 865062 w 914400"/>
                <a:gd name="connsiteY3" fmla="*/ 59206 h 194063"/>
                <a:gd name="connsiteX4" fmla="*/ 842038 w 914400"/>
                <a:gd name="connsiteY4" fmla="*/ 69074 h 194063"/>
                <a:gd name="connsiteX5" fmla="*/ 795989 w 914400"/>
                <a:gd name="connsiteY5" fmla="*/ 78941 h 194063"/>
                <a:gd name="connsiteX6" fmla="*/ 789410 w 914400"/>
                <a:gd name="connsiteY6" fmla="*/ 85520 h 194063"/>
                <a:gd name="connsiteX7" fmla="*/ 779543 w 914400"/>
                <a:gd name="connsiteY7" fmla="*/ 92098 h 194063"/>
                <a:gd name="connsiteX8" fmla="*/ 776254 w 914400"/>
                <a:gd name="connsiteY8" fmla="*/ 101966 h 194063"/>
                <a:gd name="connsiteX9" fmla="*/ 759807 w 914400"/>
                <a:gd name="connsiteY9" fmla="*/ 115122 h 194063"/>
                <a:gd name="connsiteX10" fmla="*/ 743361 w 914400"/>
                <a:gd name="connsiteY10" fmla="*/ 118412 h 194063"/>
                <a:gd name="connsiteX11" fmla="*/ 710469 w 914400"/>
                <a:gd name="connsiteY11" fmla="*/ 124990 h 194063"/>
                <a:gd name="connsiteX12" fmla="*/ 647974 w 914400"/>
                <a:gd name="connsiteY12" fmla="*/ 128279 h 194063"/>
                <a:gd name="connsiteX13" fmla="*/ 585479 w 914400"/>
                <a:gd name="connsiteY13" fmla="*/ 131569 h 194063"/>
                <a:gd name="connsiteX14" fmla="*/ 565744 w 914400"/>
                <a:gd name="connsiteY14" fmla="*/ 138147 h 194063"/>
                <a:gd name="connsiteX15" fmla="*/ 522984 w 914400"/>
                <a:gd name="connsiteY15" fmla="*/ 131569 h 194063"/>
                <a:gd name="connsiteX16" fmla="*/ 467068 w 914400"/>
                <a:gd name="connsiteY16" fmla="*/ 141436 h 194063"/>
                <a:gd name="connsiteX17" fmla="*/ 421019 w 914400"/>
                <a:gd name="connsiteY17" fmla="*/ 148015 h 194063"/>
                <a:gd name="connsiteX18" fmla="*/ 397995 w 914400"/>
                <a:gd name="connsiteY18" fmla="*/ 157882 h 194063"/>
                <a:gd name="connsiteX19" fmla="*/ 335500 w 914400"/>
                <a:gd name="connsiteY19" fmla="*/ 167750 h 194063"/>
                <a:gd name="connsiteX20" fmla="*/ 273005 w 914400"/>
                <a:gd name="connsiteY20" fmla="*/ 174328 h 194063"/>
                <a:gd name="connsiteX21" fmla="*/ 253269 w 914400"/>
                <a:gd name="connsiteY21" fmla="*/ 177617 h 194063"/>
                <a:gd name="connsiteX22" fmla="*/ 240113 w 914400"/>
                <a:gd name="connsiteY22" fmla="*/ 180907 h 194063"/>
                <a:gd name="connsiteX23" fmla="*/ 157883 w 914400"/>
                <a:gd name="connsiteY23" fmla="*/ 180907 h 194063"/>
                <a:gd name="connsiteX24" fmla="*/ 0 w 914400"/>
                <a:gd name="connsiteY24" fmla="*/ 194063 h 194063"/>
                <a:gd name="connsiteX0" fmla="*/ 756517 w 756517"/>
                <a:gd name="connsiteY0" fmla="*/ 0 h 181022"/>
                <a:gd name="connsiteX1" fmla="*/ 743360 w 756517"/>
                <a:gd name="connsiteY1" fmla="*/ 23025 h 181022"/>
                <a:gd name="connsiteX2" fmla="*/ 717047 w 756517"/>
                <a:gd name="connsiteY2" fmla="*/ 55917 h 181022"/>
                <a:gd name="connsiteX3" fmla="*/ 707179 w 756517"/>
                <a:gd name="connsiteY3" fmla="*/ 59206 h 181022"/>
                <a:gd name="connsiteX4" fmla="*/ 684155 w 756517"/>
                <a:gd name="connsiteY4" fmla="*/ 69074 h 181022"/>
                <a:gd name="connsiteX5" fmla="*/ 638106 w 756517"/>
                <a:gd name="connsiteY5" fmla="*/ 78941 h 181022"/>
                <a:gd name="connsiteX6" fmla="*/ 631527 w 756517"/>
                <a:gd name="connsiteY6" fmla="*/ 85520 h 181022"/>
                <a:gd name="connsiteX7" fmla="*/ 621660 w 756517"/>
                <a:gd name="connsiteY7" fmla="*/ 92098 h 181022"/>
                <a:gd name="connsiteX8" fmla="*/ 618371 w 756517"/>
                <a:gd name="connsiteY8" fmla="*/ 101966 h 181022"/>
                <a:gd name="connsiteX9" fmla="*/ 601924 w 756517"/>
                <a:gd name="connsiteY9" fmla="*/ 115122 h 181022"/>
                <a:gd name="connsiteX10" fmla="*/ 585478 w 756517"/>
                <a:gd name="connsiteY10" fmla="*/ 118412 h 181022"/>
                <a:gd name="connsiteX11" fmla="*/ 552586 w 756517"/>
                <a:gd name="connsiteY11" fmla="*/ 124990 h 181022"/>
                <a:gd name="connsiteX12" fmla="*/ 490091 w 756517"/>
                <a:gd name="connsiteY12" fmla="*/ 128279 h 181022"/>
                <a:gd name="connsiteX13" fmla="*/ 427596 w 756517"/>
                <a:gd name="connsiteY13" fmla="*/ 131569 h 181022"/>
                <a:gd name="connsiteX14" fmla="*/ 407861 w 756517"/>
                <a:gd name="connsiteY14" fmla="*/ 138147 h 181022"/>
                <a:gd name="connsiteX15" fmla="*/ 365101 w 756517"/>
                <a:gd name="connsiteY15" fmla="*/ 131569 h 181022"/>
                <a:gd name="connsiteX16" fmla="*/ 309185 w 756517"/>
                <a:gd name="connsiteY16" fmla="*/ 141436 h 181022"/>
                <a:gd name="connsiteX17" fmla="*/ 263136 w 756517"/>
                <a:gd name="connsiteY17" fmla="*/ 148015 h 181022"/>
                <a:gd name="connsiteX18" fmla="*/ 240112 w 756517"/>
                <a:gd name="connsiteY18" fmla="*/ 157882 h 181022"/>
                <a:gd name="connsiteX19" fmla="*/ 177617 w 756517"/>
                <a:gd name="connsiteY19" fmla="*/ 167750 h 181022"/>
                <a:gd name="connsiteX20" fmla="*/ 115122 w 756517"/>
                <a:gd name="connsiteY20" fmla="*/ 174328 h 181022"/>
                <a:gd name="connsiteX21" fmla="*/ 95386 w 756517"/>
                <a:gd name="connsiteY21" fmla="*/ 177617 h 181022"/>
                <a:gd name="connsiteX22" fmla="*/ 82230 w 756517"/>
                <a:gd name="connsiteY22" fmla="*/ 180907 h 181022"/>
                <a:gd name="connsiteX23" fmla="*/ 0 w 756517"/>
                <a:gd name="connsiteY23" fmla="*/ 180907 h 181022"/>
                <a:gd name="connsiteX0" fmla="*/ 674287 w 674287"/>
                <a:gd name="connsiteY0" fmla="*/ 0 h 180907"/>
                <a:gd name="connsiteX1" fmla="*/ 661130 w 674287"/>
                <a:gd name="connsiteY1" fmla="*/ 23025 h 180907"/>
                <a:gd name="connsiteX2" fmla="*/ 634817 w 674287"/>
                <a:gd name="connsiteY2" fmla="*/ 55917 h 180907"/>
                <a:gd name="connsiteX3" fmla="*/ 624949 w 674287"/>
                <a:gd name="connsiteY3" fmla="*/ 59206 h 180907"/>
                <a:gd name="connsiteX4" fmla="*/ 601925 w 674287"/>
                <a:gd name="connsiteY4" fmla="*/ 69074 h 180907"/>
                <a:gd name="connsiteX5" fmla="*/ 555876 w 674287"/>
                <a:gd name="connsiteY5" fmla="*/ 78941 h 180907"/>
                <a:gd name="connsiteX6" fmla="*/ 549297 w 674287"/>
                <a:gd name="connsiteY6" fmla="*/ 85520 h 180907"/>
                <a:gd name="connsiteX7" fmla="*/ 539430 w 674287"/>
                <a:gd name="connsiteY7" fmla="*/ 92098 h 180907"/>
                <a:gd name="connsiteX8" fmla="*/ 536141 w 674287"/>
                <a:gd name="connsiteY8" fmla="*/ 101966 h 180907"/>
                <a:gd name="connsiteX9" fmla="*/ 519694 w 674287"/>
                <a:gd name="connsiteY9" fmla="*/ 115122 h 180907"/>
                <a:gd name="connsiteX10" fmla="*/ 503248 w 674287"/>
                <a:gd name="connsiteY10" fmla="*/ 118412 h 180907"/>
                <a:gd name="connsiteX11" fmla="*/ 470356 w 674287"/>
                <a:gd name="connsiteY11" fmla="*/ 124990 h 180907"/>
                <a:gd name="connsiteX12" fmla="*/ 407861 w 674287"/>
                <a:gd name="connsiteY12" fmla="*/ 128279 h 180907"/>
                <a:gd name="connsiteX13" fmla="*/ 345366 w 674287"/>
                <a:gd name="connsiteY13" fmla="*/ 131569 h 180907"/>
                <a:gd name="connsiteX14" fmla="*/ 325631 w 674287"/>
                <a:gd name="connsiteY14" fmla="*/ 138147 h 180907"/>
                <a:gd name="connsiteX15" fmla="*/ 282871 w 674287"/>
                <a:gd name="connsiteY15" fmla="*/ 131569 h 180907"/>
                <a:gd name="connsiteX16" fmla="*/ 226955 w 674287"/>
                <a:gd name="connsiteY16" fmla="*/ 141436 h 180907"/>
                <a:gd name="connsiteX17" fmla="*/ 180906 w 674287"/>
                <a:gd name="connsiteY17" fmla="*/ 148015 h 180907"/>
                <a:gd name="connsiteX18" fmla="*/ 157882 w 674287"/>
                <a:gd name="connsiteY18" fmla="*/ 157882 h 180907"/>
                <a:gd name="connsiteX19" fmla="*/ 95387 w 674287"/>
                <a:gd name="connsiteY19" fmla="*/ 167750 h 180907"/>
                <a:gd name="connsiteX20" fmla="*/ 32892 w 674287"/>
                <a:gd name="connsiteY20" fmla="*/ 174328 h 180907"/>
                <a:gd name="connsiteX21" fmla="*/ 13156 w 674287"/>
                <a:gd name="connsiteY21" fmla="*/ 177617 h 180907"/>
                <a:gd name="connsiteX22" fmla="*/ 0 w 674287"/>
                <a:gd name="connsiteY22" fmla="*/ 180907 h 180907"/>
                <a:gd name="connsiteX0" fmla="*/ 661131 w 661131"/>
                <a:gd name="connsiteY0" fmla="*/ 0 h 177617"/>
                <a:gd name="connsiteX1" fmla="*/ 647974 w 661131"/>
                <a:gd name="connsiteY1" fmla="*/ 23025 h 177617"/>
                <a:gd name="connsiteX2" fmla="*/ 621661 w 661131"/>
                <a:gd name="connsiteY2" fmla="*/ 55917 h 177617"/>
                <a:gd name="connsiteX3" fmla="*/ 611793 w 661131"/>
                <a:gd name="connsiteY3" fmla="*/ 59206 h 177617"/>
                <a:gd name="connsiteX4" fmla="*/ 588769 w 661131"/>
                <a:gd name="connsiteY4" fmla="*/ 69074 h 177617"/>
                <a:gd name="connsiteX5" fmla="*/ 542720 w 661131"/>
                <a:gd name="connsiteY5" fmla="*/ 78941 h 177617"/>
                <a:gd name="connsiteX6" fmla="*/ 536141 w 661131"/>
                <a:gd name="connsiteY6" fmla="*/ 85520 h 177617"/>
                <a:gd name="connsiteX7" fmla="*/ 526274 w 661131"/>
                <a:gd name="connsiteY7" fmla="*/ 92098 h 177617"/>
                <a:gd name="connsiteX8" fmla="*/ 522985 w 661131"/>
                <a:gd name="connsiteY8" fmla="*/ 101966 h 177617"/>
                <a:gd name="connsiteX9" fmla="*/ 506538 w 661131"/>
                <a:gd name="connsiteY9" fmla="*/ 115122 h 177617"/>
                <a:gd name="connsiteX10" fmla="*/ 490092 w 661131"/>
                <a:gd name="connsiteY10" fmla="*/ 118412 h 177617"/>
                <a:gd name="connsiteX11" fmla="*/ 457200 w 661131"/>
                <a:gd name="connsiteY11" fmla="*/ 124990 h 177617"/>
                <a:gd name="connsiteX12" fmla="*/ 394705 w 661131"/>
                <a:gd name="connsiteY12" fmla="*/ 128279 h 177617"/>
                <a:gd name="connsiteX13" fmla="*/ 332210 w 661131"/>
                <a:gd name="connsiteY13" fmla="*/ 131569 h 177617"/>
                <a:gd name="connsiteX14" fmla="*/ 312475 w 661131"/>
                <a:gd name="connsiteY14" fmla="*/ 138147 h 177617"/>
                <a:gd name="connsiteX15" fmla="*/ 269715 w 661131"/>
                <a:gd name="connsiteY15" fmla="*/ 131569 h 177617"/>
                <a:gd name="connsiteX16" fmla="*/ 213799 w 661131"/>
                <a:gd name="connsiteY16" fmla="*/ 141436 h 177617"/>
                <a:gd name="connsiteX17" fmla="*/ 167750 w 661131"/>
                <a:gd name="connsiteY17" fmla="*/ 148015 h 177617"/>
                <a:gd name="connsiteX18" fmla="*/ 144726 w 661131"/>
                <a:gd name="connsiteY18" fmla="*/ 157882 h 177617"/>
                <a:gd name="connsiteX19" fmla="*/ 82231 w 661131"/>
                <a:gd name="connsiteY19" fmla="*/ 167750 h 177617"/>
                <a:gd name="connsiteX20" fmla="*/ 19736 w 661131"/>
                <a:gd name="connsiteY20" fmla="*/ 174328 h 177617"/>
                <a:gd name="connsiteX21" fmla="*/ 0 w 661131"/>
                <a:gd name="connsiteY21" fmla="*/ 177617 h 177617"/>
                <a:gd name="connsiteX0" fmla="*/ 641395 w 641395"/>
                <a:gd name="connsiteY0" fmla="*/ 0 h 174328"/>
                <a:gd name="connsiteX1" fmla="*/ 628238 w 641395"/>
                <a:gd name="connsiteY1" fmla="*/ 23025 h 174328"/>
                <a:gd name="connsiteX2" fmla="*/ 601925 w 641395"/>
                <a:gd name="connsiteY2" fmla="*/ 55917 h 174328"/>
                <a:gd name="connsiteX3" fmla="*/ 592057 w 641395"/>
                <a:gd name="connsiteY3" fmla="*/ 59206 h 174328"/>
                <a:gd name="connsiteX4" fmla="*/ 569033 w 641395"/>
                <a:gd name="connsiteY4" fmla="*/ 69074 h 174328"/>
                <a:gd name="connsiteX5" fmla="*/ 522984 w 641395"/>
                <a:gd name="connsiteY5" fmla="*/ 78941 h 174328"/>
                <a:gd name="connsiteX6" fmla="*/ 516405 w 641395"/>
                <a:gd name="connsiteY6" fmla="*/ 85520 h 174328"/>
                <a:gd name="connsiteX7" fmla="*/ 506538 w 641395"/>
                <a:gd name="connsiteY7" fmla="*/ 92098 h 174328"/>
                <a:gd name="connsiteX8" fmla="*/ 503249 w 641395"/>
                <a:gd name="connsiteY8" fmla="*/ 101966 h 174328"/>
                <a:gd name="connsiteX9" fmla="*/ 486802 w 641395"/>
                <a:gd name="connsiteY9" fmla="*/ 115122 h 174328"/>
                <a:gd name="connsiteX10" fmla="*/ 470356 w 641395"/>
                <a:gd name="connsiteY10" fmla="*/ 118412 h 174328"/>
                <a:gd name="connsiteX11" fmla="*/ 437464 w 641395"/>
                <a:gd name="connsiteY11" fmla="*/ 124990 h 174328"/>
                <a:gd name="connsiteX12" fmla="*/ 374969 w 641395"/>
                <a:gd name="connsiteY12" fmla="*/ 128279 h 174328"/>
                <a:gd name="connsiteX13" fmla="*/ 312474 w 641395"/>
                <a:gd name="connsiteY13" fmla="*/ 131569 h 174328"/>
                <a:gd name="connsiteX14" fmla="*/ 292739 w 641395"/>
                <a:gd name="connsiteY14" fmla="*/ 138147 h 174328"/>
                <a:gd name="connsiteX15" fmla="*/ 249979 w 641395"/>
                <a:gd name="connsiteY15" fmla="*/ 131569 h 174328"/>
                <a:gd name="connsiteX16" fmla="*/ 194063 w 641395"/>
                <a:gd name="connsiteY16" fmla="*/ 141436 h 174328"/>
                <a:gd name="connsiteX17" fmla="*/ 148014 w 641395"/>
                <a:gd name="connsiteY17" fmla="*/ 148015 h 174328"/>
                <a:gd name="connsiteX18" fmla="*/ 124990 w 641395"/>
                <a:gd name="connsiteY18" fmla="*/ 157882 h 174328"/>
                <a:gd name="connsiteX19" fmla="*/ 62495 w 641395"/>
                <a:gd name="connsiteY19" fmla="*/ 167750 h 174328"/>
                <a:gd name="connsiteX20" fmla="*/ 0 w 641395"/>
                <a:gd name="connsiteY20" fmla="*/ 174328 h 174328"/>
                <a:gd name="connsiteX0" fmla="*/ 578900 w 578900"/>
                <a:gd name="connsiteY0" fmla="*/ 0 h 167750"/>
                <a:gd name="connsiteX1" fmla="*/ 565743 w 578900"/>
                <a:gd name="connsiteY1" fmla="*/ 23025 h 167750"/>
                <a:gd name="connsiteX2" fmla="*/ 539430 w 578900"/>
                <a:gd name="connsiteY2" fmla="*/ 55917 h 167750"/>
                <a:gd name="connsiteX3" fmla="*/ 529562 w 578900"/>
                <a:gd name="connsiteY3" fmla="*/ 59206 h 167750"/>
                <a:gd name="connsiteX4" fmla="*/ 506538 w 578900"/>
                <a:gd name="connsiteY4" fmla="*/ 69074 h 167750"/>
                <a:gd name="connsiteX5" fmla="*/ 460489 w 578900"/>
                <a:gd name="connsiteY5" fmla="*/ 78941 h 167750"/>
                <a:gd name="connsiteX6" fmla="*/ 453910 w 578900"/>
                <a:gd name="connsiteY6" fmla="*/ 85520 h 167750"/>
                <a:gd name="connsiteX7" fmla="*/ 444043 w 578900"/>
                <a:gd name="connsiteY7" fmla="*/ 92098 h 167750"/>
                <a:gd name="connsiteX8" fmla="*/ 440754 w 578900"/>
                <a:gd name="connsiteY8" fmla="*/ 101966 h 167750"/>
                <a:gd name="connsiteX9" fmla="*/ 424307 w 578900"/>
                <a:gd name="connsiteY9" fmla="*/ 115122 h 167750"/>
                <a:gd name="connsiteX10" fmla="*/ 407861 w 578900"/>
                <a:gd name="connsiteY10" fmla="*/ 118412 h 167750"/>
                <a:gd name="connsiteX11" fmla="*/ 374969 w 578900"/>
                <a:gd name="connsiteY11" fmla="*/ 124990 h 167750"/>
                <a:gd name="connsiteX12" fmla="*/ 312474 w 578900"/>
                <a:gd name="connsiteY12" fmla="*/ 128279 h 167750"/>
                <a:gd name="connsiteX13" fmla="*/ 249979 w 578900"/>
                <a:gd name="connsiteY13" fmla="*/ 131569 h 167750"/>
                <a:gd name="connsiteX14" fmla="*/ 230244 w 578900"/>
                <a:gd name="connsiteY14" fmla="*/ 138147 h 167750"/>
                <a:gd name="connsiteX15" fmla="*/ 187484 w 578900"/>
                <a:gd name="connsiteY15" fmla="*/ 131569 h 167750"/>
                <a:gd name="connsiteX16" fmla="*/ 131568 w 578900"/>
                <a:gd name="connsiteY16" fmla="*/ 141436 h 167750"/>
                <a:gd name="connsiteX17" fmla="*/ 85519 w 578900"/>
                <a:gd name="connsiteY17" fmla="*/ 148015 h 167750"/>
                <a:gd name="connsiteX18" fmla="*/ 62495 w 578900"/>
                <a:gd name="connsiteY18" fmla="*/ 157882 h 167750"/>
                <a:gd name="connsiteX19" fmla="*/ 0 w 578900"/>
                <a:gd name="connsiteY19" fmla="*/ 167750 h 167750"/>
                <a:gd name="connsiteX0" fmla="*/ 516405 w 516405"/>
                <a:gd name="connsiteY0" fmla="*/ 0 h 157882"/>
                <a:gd name="connsiteX1" fmla="*/ 503248 w 516405"/>
                <a:gd name="connsiteY1" fmla="*/ 23025 h 157882"/>
                <a:gd name="connsiteX2" fmla="*/ 476935 w 516405"/>
                <a:gd name="connsiteY2" fmla="*/ 55917 h 157882"/>
                <a:gd name="connsiteX3" fmla="*/ 467067 w 516405"/>
                <a:gd name="connsiteY3" fmla="*/ 59206 h 157882"/>
                <a:gd name="connsiteX4" fmla="*/ 444043 w 516405"/>
                <a:gd name="connsiteY4" fmla="*/ 69074 h 157882"/>
                <a:gd name="connsiteX5" fmla="*/ 397994 w 516405"/>
                <a:gd name="connsiteY5" fmla="*/ 78941 h 157882"/>
                <a:gd name="connsiteX6" fmla="*/ 391415 w 516405"/>
                <a:gd name="connsiteY6" fmla="*/ 85520 h 157882"/>
                <a:gd name="connsiteX7" fmla="*/ 381548 w 516405"/>
                <a:gd name="connsiteY7" fmla="*/ 92098 h 157882"/>
                <a:gd name="connsiteX8" fmla="*/ 378259 w 516405"/>
                <a:gd name="connsiteY8" fmla="*/ 101966 h 157882"/>
                <a:gd name="connsiteX9" fmla="*/ 361812 w 516405"/>
                <a:gd name="connsiteY9" fmla="*/ 115122 h 157882"/>
                <a:gd name="connsiteX10" fmla="*/ 345366 w 516405"/>
                <a:gd name="connsiteY10" fmla="*/ 118412 h 157882"/>
                <a:gd name="connsiteX11" fmla="*/ 312474 w 516405"/>
                <a:gd name="connsiteY11" fmla="*/ 124990 h 157882"/>
                <a:gd name="connsiteX12" fmla="*/ 249979 w 516405"/>
                <a:gd name="connsiteY12" fmla="*/ 128279 h 157882"/>
                <a:gd name="connsiteX13" fmla="*/ 187484 w 516405"/>
                <a:gd name="connsiteY13" fmla="*/ 131569 h 157882"/>
                <a:gd name="connsiteX14" fmla="*/ 167749 w 516405"/>
                <a:gd name="connsiteY14" fmla="*/ 138147 h 157882"/>
                <a:gd name="connsiteX15" fmla="*/ 124989 w 516405"/>
                <a:gd name="connsiteY15" fmla="*/ 131569 h 157882"/>
                <a:gd name="connsiteX16" fmla="*/ 69073 w 516405"/>
                <a:gd name="connsiteY16" fmla="*/ 141436 h 157882"/>
                <a:gd name="connsiteX17" fmla="*/ 23024 w 516405"/>
                <a:gd name="connsiteY17" fmla="*/ 148015 h 157882"/>
                <a:gd name="connsiteX18" fmla="*/ 0 w 516405"/>
                <a:gd name="connsiteY18" fmla="*/ 157882 h 157882"/>
                <a:gd name="connsiteX0" fmla="*/ 493381 w 493381"/>
                <a:gd name="connsiteY0" fmla="*/ 0 h 148015"/>
                <a:gd name="connsiteX1" fmla="*/ 480224 w 493381"/>
                <a:gd name="connsiteY1" fmla="*/ 23025 h 148015"/>
                <a:gd name="connsiteX2" fmla="*/ 453911 w 493381"/>
                <a:gd name="connsiteY2" fmla="*/ 55917 h 148015"/>
                <a:gd name="connsiteX3" fmla="*/ 444043 w 493381"/>
                <a:gd name="connsiteY3" fmla="*/ 59206 h 148015"/>
                <a:gd name="connsiteX4" fmla="*/ 421019 w 493381"/>
                <a:gd name="connsiteY4" fmla="*/ 69074 h 148015"/>
                <a:gd name="connsiteX5" fmla="*/ 374970 w 493381"/>
                <a:gd name="connsiteY5" fmla="*/ 78941 h 148015"/>
                <a:gd name="connsiteX6" fmla="*/ 368391 w 493381"/>
                <a:gd name="connsiteY6" fmla="*/ 85520 h 148015"/>
                <a:gd name="connsiteX7" fmla="*/ 358524 w 493381"/>
                <a:gd name="connsiteY7" fmla="*/ 92098 h 148015"/>
                <a:gd name="connsiteX8" fmla="*/ 355235 w 493381"/>
                <a:gd name="connsiteY8" fmla="*/ 101966 h 148015"/>
                <a:gd name="connsiteX9" fmla="*/ 338788 w 493381"/>
                <a:gd name="connsiteY9" fmla="*/ 115122 h 148015"/>
                <a:gd name="connsiteX10" fmla="*/ 322342 w 493381"/>
                <a:gd name="connsiteY10" fmla="*/ 118412 h 148015"/>
                <a:gd name="connsiteX11" fmla="*/ 289450 w 493381"/>
                <a:gd name="connsiteY11" fmla="*/ 124990 h 148015"/>
                <a:gd name="connsiteX12" fmla="*/ 226955 w 493381"/>
                <a:gd name="connsiteY12" fmla="*/ 128279 h 148015"/>
                <a:gd name="connsiteX13" fmla="*/ 164460 w 493381"/>
                <a:gd name="connsiteY13" fmla="*/ 131569 h 148015"/>
                <a:gd name="connsiteX14" fmla="*/ 144725 w 493381"/>
                <a:gd name="connsiteY14" fmla="*/ 138147 h 148015"/>
                <a:gd name="connsiteX15" fmla="*/ 101965 w 493381"/>
                <a:gd name="connsiteY15" fmla="*/ 131569 h 148015"/>
                <a:gd name="connsiteX16" fmla="*/ 46049 w 493381"/>
                <a:gd name="connsiteY16" fmla="*/ 141436 h 148015"/>
                <a:gd name="connsiteX17" fmla="*/ 0 w 493381"/>
                <a:gd name="connsiteY17" fmla="*/ 148015 h 148015"/>
                <a:gd name="connsiteX0" fmla="*/ 447332 w 447332"/>
                <a:gd name="connsiteY0" fmla="*/ 0 h 141436"/>
                <a:gd name="connsiteX1" fmla="*/ 434175 w 447332"/>
                <a:gd name="connsiteY1" fmla="*/ 23025 h 141436"/>
                <a:gd name="connsiteX2" fmla="*/ 407862 w 447332"/>
                <a:gd name="connsiteY2" fmla="*/ 55917 h 141436"/>
                <a:gd name="connsiteX3" fmla="*/ 397994 w 447332"/>
                <a:gd name="connsiteY3" fmla="*/ 59206 h 141436"/>
                <a:gd name="connsiteX4" fmla="*/ 374970 w 447332"/>
                <a:gd name="connsiteY4" fmla="*/ 69074 h 141436"/>
                <a:gd name="connsiteX5" fmla="*/ 328921 w 447332"/>
                <a:gd name="connsiteY5" fmla="*/ 78941 h 141436"/>
                <a:gd name="connsiteX6" fmla="*/ 322342 w 447332"/>
                <a:gd name="connsiteY6" fmla="*/ 85520 h 141436"/>
                <a:gd name="connsiteX7" fmla="*/ 312475 w 447332"/>
                <a:gd name="connsiteY7" fmla="*/ 92098 h 141436"/>
                <a:gd name="connsiteX8" fmla="*/ 309186 w 447332"/>
                <a:gd name="connsiteY8" fmla="*/ 101966 h 141436"/>
                <a:gd name="connsiteX9" fmla="*/ 292739 w 447332"/>
                <a:gd name="connsiteY9" fmla="*/ 115122 h 141436"/>
                <a:gd name="connsiteX10" fmla="*/ 276293 w 447332"/>
                <a:gd name="connsiteY10" fmla="*/ 118412 h 141436"/>
                <a:gd name="connsiteX11" fmla="*/ 243401 w 447332"/>
                <a:gd name="connsiteY11" fmla="*/ 124990 h 141436"/>
                <a:gd name="connsiteX12" fmla="*/ 180906 w 447332"/>
                <a:gd name="connsiteY12" fmla="*/ 128279 h 141436"/>
                <a:gd name="connsiteX13" fmla="*/ 118411 w 447332"/>
                <a:gd name="connsiteY13" fmla="*/ 131569 h 141436"/>
                <a:gd name="connsiteX14" fmla="*/ 98676 w 447332"/>
                <a:gd name="connsiteY14" fmla="*/ 138147 h 141436"/>
                <a:gd name="connsiteX15" fmla="*/ 55916 w 447332"/>
                <a:gd name="connsiteY15" fmla="*/ 131569 h 141436"/>
                <a:gd name="connsiteX16" fmla="*/ 0 w 447332"/>
                <a:gd name="connsiteY16" fmla="*/ 141436 h 141436"/>
                <a:gd name="connsiteX0" fmla="*/ 391416 w 391416"/>
                <a:gd name="connsiteY0" fmla="*/ 0 h 138147"/>
                <a:gd name="connsiteX1" fmla="*/ 378259 w 391416"/>
                <a:gd name="connsiteY1" fmla="*/ 23025 h 138147"/>
                <a:gd name="connsiteX2" fmla="*/ 351946 w 391416"/>
                <a:gd name="connsiteY2" fmla="*/ 55917 h 138147"/>
                <a:gd name="connsiteX3" fmla="*/ 342078 w 391416"/>
                <a:gd name="connsiteY3" fmla="*/ 59206 h 138147"/>
                <a:gd name="connsiteX4" fmla="*/ 319054 w 391416"/>
                <a:gd name="connsiteY4" fmla="*/ 69074 h 138147"/>
                <a:gd name="connsiteX5" fmla="*/ 273005 w 391416"/>
                <a:gd name="connsiteY5" fmla="*/ 78941 h 138147"/>
                <a:gd name="connsiteX6" fmla="*/ 266426 w 391416"/>
                <a:gd name="connsiteY6" fmla="*/ 85520 h 138147"/>
                <a:gd name="connsiteX7" fmla="*/ 256559 w 391416"/>
                <a:gd name="connsiteY7" fmla="*/ 92098 h 138147"/>
                <a:gd name="connsiteX8" fmla="*/ 253270 w 391416"/>
                <a:gd name="connsiteY8" fmla="*/ 101966 h 138147"/>
                <a:gd name="connsiteX9" fmla="*/ 236823 w 391416"/>
                <a:gd name="connsiteY9" fmla="*/ 115122 h 138147"/>
                <a:gd name="connsiteX10" fmla="*/ 220377 w 391416"/>
                <a:gd name="connsiteY10" fmla="*/ 118412 h 138147"/>
                <a:gd name="connsiteX11" fmla="*/ 187485 w 391416"/>
                <a:gd name="connsiteY11" fmla="*/ 124990 h 138147"/>
                <a:gd name="connsiteX12" fmla="*/ 124990 w 391416"/>
                <a:gd name="connsiteY12" fmla="*/ 128279 h 138147"/>
                <a:gd name="connsiteX13" fmla="*/ 62495 w 391416"/>
                <a:gd name="connsiteY13" fmla="*/ 131569 h 138147"/>
                <a:gd name="connsiteX14" fmla="*/ 42760 w 391416"/>
                <a:gd name="connsiteY14" fmla="*/ 138147 h 138147"/>
                <a:gd name="connsiteX15" fmla="*/ 0 w 391416"/>
                <a:gd name="connsiteY15" fmla="*/ 131569 h 138147"/>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77618 w 526274"/>
                <a:gd name="connsiteY14" fmla="*/ 138147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197353 w 526274"/>
                <a:gd name="connsiteY13" fmla="*/ 131569 h 236823"/>
                <a:gd name="connsiteX14" fmla="*/ 141437 w 526274"/>
                <a:gd name="connsiteY14" fmla="*/ 144725 h 236823"/>
                <a:gd name="connsiteX15" fmla="*/ 0 w 526274"/>
                <a:gd name="connsiteY15" fmla="*/ 236823 h 236823"/>
                <a:gd name="connsiteX0" fmla="*/ 526274 w 526274"/>
                <a:gd name="connsiteY0" fmla="*/ 0 h 236823"/>
                <a:gd name="connsiteX1" fmla="*/ 513117 w 526274"/>
                <a:gd name="connsiteY1" fmla="*/ 23025 h 236823"/>
                <a:gd name="connsiteX2" fmla="*/ 486804 w 526274"/>
                <a:gd name="connsiteY2" fmla="*/ 55917 h 236823"/>
                <a:gd name="connsiteX3" fmla="*/ 476936 w 526274"/>
                <a:gd name="connsiteY3" fmla="*/ 59206 h 236823"/>
                <a:gd name="connsiteX4" fmla="*/ 453912 w 526274"/>
                <a:gd name="connsiteY4" fmla="*/ 69074 h 236823"/>
                <a:gd name="connsiteX5" fmla="*/ 407863 w 526274"/>
                <a:gd name="connsiteY5" fmla="*/ 78941 h 236823"/>
                <a:gd name="connsiteX6" fmla="*/ 401284 w 526274"/>
                <a:gd name="connsiteY6" fmla="*/ 85520 h 236823"/>
                <a:gd name="connsiteX7" fmla="*/ 391417 w 526274"/>
                <a:gd name="connsiteY7" fmla="*/ 92098 h 236823"/>
                <a:gd name="connsiteX8" fmla="*/ 388128 w 526274"/>
                <a:gd name="connsiteY8" fmla="*/ 101966 h 236823"/>
                <a:gd name="connsiteX9" fmla="*/ 371681 w 526274"/>
                <a:gd name="connsiteY9" fmla="*/ 115122 h 236823"/>
                <a:gd name="connsiteX10" fmla="*/ 355235 w 526274"/>
                <a:gd name="connsiteY10" fmla="*/ 118412 h 236823"/>
                <a:gd name="connsiteX11" fmla="*/ 322343 w 526274"/>
                <a:gd name="connsiteY11" fmla="*/ 124990 h 236823"/>
                <a:gd name="connsiteX12" fmla="*/ 259848 w 526274"/>
                <a:gd name="connsiteY12" fmla="*/ 128279 h 236823"/>
                <a:gd name="connsiteX13" fmla="*/ 207221 w 526274"/>
                <a:gd name="connsiteY13" fmla="*/ 131569 h 236823"/>
                <a:gd name="connsiteX14" fmla="*/ 141437 w 526274"/>
                <a:gd name="connsiteY14" fmla="*/ 144725 h 236823"/>
                <a:gd name="connsiteX15" fmla="*/ 0 w 526274"/>
                <a:gd name="connsiteY15" fmla="*/ 236823 h 2368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26274" h="236823">
                  <a:moveTo>
                    <a:pt x="526274" y="0"/>
                  </a:moveTo>
                  <a:cubicBezTo>
                    <a:pt x="512695" y="33950"/>
                    <a:pt x="526943" y="4589"/>
                    <a:pt x="513117" y="23025"/>
                  </a:cubicBezTo>
                  <a:cubicBezTo>
                    <a:pt x="509685" y="27600"/>
                    <a:pt x="495224" y="53111"/>
                    <a:pt x="486804" y="55917"/>
                  </a:cubicBezTo>
                  <a:lnTo>
                    <a:pt x="476936" y="59206"/>
                  </a:lnTo>
                  <a:cubicBezTo>
                    <a:pt x="461284" y="69641"/>
                    <a:pt x="473218" y="63282"/>
                    <a:pt x="453912" y="69074"/>
                  </a:cubicBezTo>
                  <a:cubicBezTo>
                    <a:pt x="420440" y="79116"/>
                    <a:pt x="447877" y="73939"/>
                    <a:pt x="407863" y="78941"/>
                  </a:cubicBezTo>
                  <a:cubicBezTo>
                    <a:pt x="405670" y="81134"/>
                    <a:pt x="403706" y="83583"/>
                    <a:pt x="401284" y="85520"/>
                  </a:cubicBezTo>
                  <a:cubicBezTo>
                    <a:pt x="398197" y="87989"/>
                    <a:pt x="393886" y="89011"/>
                    <a:pt x="391417" y="92098"/>
                  </a:cubicBezTo>
                  <a:cubicBezTo>
                    <a:pt x="389251" y="94806"/>
                    <a:pt x="389912" y="98993"/>
                    <a:pt x="388128" y="101966"/>
                  </a:cubicBezTo>
                  <a:cubicBezTo>
                    <a:pt x="385797" y="105850"/>
                    <a:pt x="375150" y="113821"/>
                    <a:pt x="371681" y="115122"/>
                  </a:cubicBezTo>
                  <a:cubicBezTo>
                    <a:pt x="366446" y="117085"/>
                    <a:pt x="360692" y="117199"/>
                    <a:pt x="355235" y="118412"/>
                  </a:cubicBezTo>
                  <a:cubicBezTo>
                    <a:pt x="325813" y="124951"/>
                    <a:pt x="360991" y="118549"/>
                    <a:pt x="322343" y="124990"/>
                  </a:cubicBezTo>
                  <a:cubicBezTo>
                    <a:pt x="289046" y="136090"/>
                    <a:pt x="309522" y="132101"/>
                    <a:pt x="259848" y="128279"/>
                  </a:cubicBezTo>
                  <a:cubicBezTo>
                    <a:pt x="239016" y="129376"/>
                    <a:pt x="226956" y="128828"/>
                    <a:pt x="207221" y="131569"/>
                  </a:cubicBezTo>
                  <a:cubicBezTo>
                    <a:pt x="187486" y="134310"/>
                    <a:pt x="175974" y="127183"/>
                    <a:pt x="141437" y="144725"/>
                  </a:cubicBezTo>
                  <a:cubicBezTo>
                    <a:pt x="106900" y="162267"/>
                    <a:pt x="16446" y="236275"/>
                    <a:pt x="0" y="23682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2" name="Freeform 21"/>
            <p:cNvSpPr/>
            <p:nvPr/>
          </p:nvSpPr>
          <p:spPr bwMode="auto">
            <a:xfrm>
              <a:off x="6358041" y="1930764"/>
              <a:ext cx="26314" cy="266427"/>
            </a:xfrm>
            <a:custGeom>
              <a:avLst/>
              <a:gdLst>
                <a:gd name="connsiteX0" fmla="*/ 39471 w 39471"/>
                <a:gd name="connsiteY0" fmla="*/ 0 h 279583"/>
                <a:gd name="connsiteX1" fmla="*/ 36182 w 39471"/>
                <a:gd name="connsiteY1" fmla="*/ 29603 h 279583"/>
                <a:gd name="connsiteX2" fmla="*/ 23025 w 39471"/>
                <a:gd name="connsiteY2" fmla="*/ 75652 h 279583"/>
                <a:gd name="connsiteX3" fmla="*/ 16446 w 39471"/>
                <a:gd name="connsiteY3" fmla="*/ 95388 h 279583"/>
                <a:gd name="connsiteX4" fmla="*/ 13157 w 39471"/>
                <a:gd name="connsiteY4" fmla="*/ 105255 h 279583"/>
                <a:gd name="connsiteX5" fmla="*/ 13157 w 39471"/>
                <a:gd name="connsiteY5" fmla="*/ 236823 h 279583"/>
                <a:gd name="connsiteX6" fmla="*/ 6579 w 39471"/>
                <a:gd name="connsiteY6" fmla="*/ 256559 h 279583"/>
                <a:gd name="connsiteX7" fmla="*/ 3290 w 39471"/>
                <a:gd name="connsiteY7" fmla="*/ 269716 h 279583"/>
                <a:gd name="connsiteX8" fmla="*/ 0 w 39471"/>
                <a:gd name="connsiteY8" fmla="*/ 279583 h 279583"/>
                <a:gd name="connsiteX0" fmla="*/ 36181 w 36181"/>
                <a:gd name="connsiteY0" fmla="*/ 0 h 269716"/>
                <a:gd name="connsiteX1" fmla="*/ 32892 w 36181"/>
                <a:gd name="connsiteY1" fmla="*/ 29603 h 269716"/>
                <a:gd name="connsiteX2" fmla="*/ 19735 w 36181"/>
                <a:gd name="connsiteY2" fmla="*/ 75652 h 269716"/>
                <a:gd name="connsiteX3" fmla="*/ 13156 w 36181"/>
                <a:gd name="connsiteY3" fmla="*/ 95388 h 269716"/>
                <a:gd name="connsiteX4" fmla="*/ 9867 w 36181"/>
                <a:gd name="connsiteY4" fmla="*/ 105255 h 269716"/>
                <a:gd name="connsiteX5" fmla="*/ 9867 w 36181"/>
                <a:gd name="connsiteY5" fmla="*/ 236823 h 269716"/>
                <a:gd name="connsiteX6" fmla="*/ 3289 w 36181"/>
                <a:gd name="connsiteY6" fmla="*/ 256559 h 269716"/>
                <a:gd name="connsiteX7" fmla="*/ 0 w 36181"/>
                <a:gd name="connsiteY7" fmla="*/ 269716 h 269716"/>
                <a:gd name="connsiteX0" fmla="*/ 32892 w 32892"/>
                <a:gd name="connsiteY0" fmla="*/ 0 h 256559"/>
                <a:gd name="connsiteX1" fmla="*/ 29603 w 32892"/>
                <a:gd name="connsiteY1" fmla="*/ 29603 h 256559"/>
                <a:gd name="connsiteX2" fmla="*/ 16446 w 32892"/>
                <a:gd name="connsiteY2" fmla="*/ 75652 h 256559"/>
                <a:gd name="connsiteX3" fmla="*/ 9867 w 32892"/>
                <a:gd name="connsiteY3" fmla="*/ 95388 h 256559"/>
                <a:gd name="connsiteX4" fmla="*/ 6578 w 32892"/>
                <a:gd name="connsiteY4" fmla="*/ 105255 h 256559"/>
                <a:gd name="connsiteX5" fmla="*/ 6578 w 32892"/>
                <a:gd name="connsiteY5" fmla="*/ 236823 h 256559"/>
                <a:gd name="connsiteX6" fmla="*/ 0 w 32892"/>
                <a:gd name="connsiteY6" fmla="*/ 256559 h 256559"/>
                <a:gd name="connsiteX0" fmla="*/ 26314 w 26314"/>
                <a:gd name="connsiteY0" fmla="*/ 0 h 266427"/>
                <a:gd name="connsiteX1" fmla="*/ 23025 w 26314"/>
                <a:gd name="connsiteY1" fmla="*/ 29603 h 266427"/>
                <a:gd name="connsiteX2" fmla="*/ 9868 w 26314"/>
                <a:gd name="connsiteY2" fmla="*/ 75652 h 266427"/>
                <a:gd name="connsiteX3" fmla="*/ 3289 w 26314"/>
                <a:gd name="connsiteY3" fmla="*/ 95388 h 266427"/>
                <a:gd name="connsiteX4" fmla="*/ 0 w 26314"/>
                <a:gd name="connsiteY4" fmla="*/ 105255 h 266427"/>
                <a:gd name="connsiteX5" fmla="*/ 0 w 26314"/>
                <a:gd name="connsiteY5" fmla="*/ 236823 h 266427"/>
                <a:gd name="connsiteX6" fmla="*/ 0 w 26314"/>
                <a:gd name="connsiteY6" fmla="*/ 266427 h 2664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314" h="266427">
                  <a:moveTo>
                    <a:pt x="26314" y="0"/>
                  </a:moveTo>
                  <a:cubicBezTo>
                    <a:pt x="25218" y="9868"/>
                    <a:pt x="24750" y="19826"/>
                    <a:pt x="23025" y="29603"/>
                  </a:cubicBezTo>
                  <a:cubicBezTo>
                    <a:pt x="19928" y="47152"/>
                    <a:pt x="15345" y="59221"/>
                    <a:pt x="9868" y="75652"/>
                  </a:cubicBezTo>
                  <a:lnTo>
                    <a:pt x="3289" y="95388"/>
                  </a:lnTo>
                  <a:lnTo>
                    <a:pt x="0" y="105255"/>
                  </a:lnTo>
                  <a:cubicBezTo>
                    <a:pt x="1513" y="146120"/>
                    <a:pt x="0" y="209961"/>
                    <a:pt x="0" y="236823"/>
                  </a:cubicBezTo>
                  <a:cubicBezTo>
                    <a:pt x="0" y="263685"/>
                    <a:pt x="1682" y="259700"/>
                    <a:pt x="0" y="266427"/>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3" name="Freeform 22"/>
            <p:cNvSpPr/>
            <p:nvPr/>
          </p:nvSpPr>
          <p:spPr bwMode="auto">
            <a:xfrm>
              <a:off x="5246285" y="2328764"/>
              <a:ext cx="743360" cy="72657"/>
            </a:xfrm>
            <a:custGeom>
              <a:avLst/>
              <a:gdLst>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368391 w 1111752"/>
                <a:gd name="connsiteY25" fmla="*/ 190774 h 207515"/>
                <a:gd name="connsiteX26" fmla="*/ 197352 w 1111752"/>
                <a:gd name="connsiteY26" fmla="*/ 194063 h 207515"/>
                <a:gd name="connsiteX27" fmla="*/ 157882 w 1111752"/>
                <a:gd name="connsiteY27" fmla="*/ 197353 h 207515"/>
                <a:gd name="connsiteX28" fmla="*/ 131568 w 1111752"/>
                <a:gd name="connsiteY28" fmla="*/ 200642 h 207515"/>
                <a:gd name="connsiteX29" fmla="*/ 108544 w 1111752"/>
                <a:gd name="connsiteY29" fmla="*/ 203931 h 207515"/>
                <a:gd name="connsiteX30" fmla="*/ 65784 w 1111752"/>
                <a:gd name="connsiteY30" fmla="*/ 207220 h 207515"/>
                <a:gd name="connsiteX31" fmla="*/ 0 w 1111752"/>
                <a:gd name="connsiteY31"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378259 w 1111752"/>
                <a:gd name="connsiteY24" fmla="*/ 187485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91416 w 1111752"/>
                <a:gd name="connsiteY23" fmla="*/ 184196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31528 w 1111752"/>
                <a:gd name="connsiteY16" fmla="*/ 144725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36783 w 1111752"/>
                <a:gd name="connsiteY15" fmla="*/ 144725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57882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31568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6916 w 1111752"/>
                <a:gd name="connsiteY15" fmla="*/ 134858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726916 w 1111752"/>
                <a:gd name="connsiteY16" fmla="*/ 134858 h 207515"/>
                <a:gd name="connsiteX17" fmla="*/ 664420 w 1111752"/>
                <a:gd name="connsiteY17" fmla="*/ 141436 h 207515"/>
                <a:gd name="connsiteX18" fmla="*/ 618371 w 1111752"/>
                <a:gd name="connsiteY18" fmla="*/ 148015 h 207515"/>
                <a:gd name="connsiteX19" fmla="*/ 595347 w 1111752"/>
                <a:gd name="connsiteY19" fmla="*/ 157882 h 207515"/>
                <a:gd name="connsiteX20" fmla="*/ 532852 w 1111752"/>
                <a:gd name="connsiteY20" fmla="*/ 167750 h 207515"/>
                <a:gd name="connsiteX21" fmla="*/ 470357 w 1111752"/>
                <a:gd name="connsiteY21" fmla="*/ 174328 h 207515"/>
                <a:gd name="connsiteX22" fmla="*/ 450621 w 1111752"/>
                <a:gd name="connsiteY22" fmla="*/ 177617 h 207515"/>
                <a:gd name="connsiteX23" fmla="*/ 437465 w 1111752"/>
                <a:gd name="connsiteY23" fmla="*/ 180907 h 207515"/>
                <a:gd name="connsiteX24" fmla="*/ 355235 w 1111752"/>
                <a:gd name="connsiteY24" fmla="*/ 180907 h 207515"/>
                <a:gd name="connsiteX25" fmla="*/ 197352 w 1111752"/>
                <a:gd name="connsiteY25" fmla="*/ 194063 h 207515"/>
                <a:gd name="connsiteX26" fmla="*/ 157882 w 1111752"/>
                <a:gd name="connsiteY26" fmla="*/ 197353 h 207515"/>
                <a:gd name="connsiteX27" fmla="*/ 131568 w 1111752"/>
                <a:gd name="connsiteY27" fmla="*/ 200642 h 207515"/>
                <a:gd name="connsiteX28" fmla="*/ 108544 w 1111752"/>
                <a:gd name="connsiteY28" fmla="*/ 203931 h 207515"/>
                <a:gd name="connsiteX29" fmla="*/ 65784 w 1111752"/>
                <a:gd name="connsiteY29" fmla="*/ 207220 h 207515"/>
                <a:gd name="connsiteX30" fmla="*/ 0 w 1111752"/>
                <a:gd name="connsiteY30" fmla="*/ 207220 h 207515"/>
                <a:gd name="connsiteX0" fmla="*/ 1111752 w 1111752"/>
                <a:gd name="connsiteY0" fmla="*/ 0 h 207515"/>
                <a:gd name="connsiteX1" fmla="*/ 1098595 w 1111752"/>
                <a:gd name="connsiteY1" fmla="*/ 23025 h 207515"/>
                <a:gd name="connsiteX2" fmla="*/ 1072282 w 1111752"/>
                <a:gd name="connsiteY2" fmla="*/ 55917 h 207515"/>
                <a:gd name="connsiteX3" fmla="*/ 1062414 w 1111752"/>
                <a:gd name="connsiteY3" fmla="*/ 59206 h 207515"/>
                <a:gd name="connsiteX4" fmla="*/ 1039390 w 1111752"/>
                <a:gd name="connsiteY4" fmla="*/ 69074 h 207515"/>
                <a:gd name="connsiteX5" fmla="*/ 993341 w 1111752"/>
                <a:gd name="connsiteY5" fmla="*/ 78941 h 207515"/>
                <a:gd name="connsiteX6" fmla="*/ 986762 w 1111752"/>
                <a:gd name="connsiteY6" fmla="*/ 85520 h 207515"/>
                <a:gd name="connsiteX7" fmla="*/ 976895 w 1111752"/>
                <a:gd name="connsiteY7" fmla="*/ 92098 h 207515"/>
                <a:gd name="connsiteX8" fmla="*/ 973606 w 1111752"/>
                <a:gd name="connsiteY8" fmla="*/ 101966 h 207515"/>
                <a:gd name="connsiteX9" fmla="*/ 957159 w 1111752"/>
                <a:gd name="connsiteY9" fmla="*/ 115122 h 207515"/>
                <a:gd name="connsiteX10" fmla="*/ 940713 w 1111752"/>
                <a:gd name="connsiteY10" fmla="*/ 118412 h 207515"/>
                <a:gd name="connsiteX11" fmla="*/ 907821 w 1111752"/>
                <a:gd name="connsiteY11" fmla="*/ 124990 h 207515"/>
                <a:gd name="connsiteX12" fmla="*/ 845326 w 1111752"/>
                <a:gd name="connsiteY12" fmla="*/ 128279 h 207515"/>
                <a:gd name="connsiteX13" fmla="*/ 782831 w 1111752"/>
                <a:gd name="connsiteY13" fmla="*/ 131569 h 207515"/>
                <a:gd name="connsiteX14" fmla="*/ 763096 w 1111752"/>
                <a:gd name="connsiteY14" fmla="*/ 138147 h 207515"/>
                <a:gd name="connsiteX15" fmla="*/ 720336 w 1111752"/>
                <a:gd name="connsiteY15" fmla="*/ 131569 h 207515"/>
                <a:gd name="connsiteX16" fmla="*/ 664420 w 1111752"/>
                <a:gd name="connsiteY16" fmla="*/ 141436 h 207515"/>
                <a:gd name="connsiteX17" fmla="*/ 618371 w 1111752"/>
                <a:gd name="connsiteY17" fmla="*/ 148015 h 207515"/>
                <a:gd name="connsiteX18" fmla="*/ 595347 w 1111752"/>
                <a:gd name="connsiteY18" fmla="*/ 157882 h 207515"/>
                <a:gd name="connsiteX19" fmla="*/ 532852 w 1111752"/>
                <a:gd name="connsiteY19" fmla="*/ 167750 h 207515"/>
                <a:gd name="connsiteX20" fmla="*/ 470357 w 1111752"/>
                <a:gd name="connsiteY20" fmla="*/ 174328 h 207515"/>
                <a:gd name="connsiteX21" fmla="*/ 450621 w 1111752"/>
                <a:gd name="connsiteY21" fmla="*/ 177617 h 207515"/>
                <a:gd name="connsiteX22" fmla="*/ 437465 w 1111752"/>
                <a:gd name="connsiteY22" fmla="*/ 180907 h 207515"/>
                <a:gd name="connsiteX23" fmla="*/ 355235 w 1111752"/>
                <a:gd name="connsiteY23" fmla="*/ 180907 h 207515"/>
                <a:gd name="connsiteX24" fmla="*/ 197352 w 1111752"/>
                <a:gd name="connsiteY24" fmla="*/ 194063 h 207515"/>
                <a:gd name="connsiteX25" fmla="*/ 157882 w 1111752"/>
                <a:gd name="connsiteY25" fmla="*/ 197353 h 207515"/>
                <a:gd name="connsiteX26" fmla="*/ 131568 w 1111752"/>
                <a:gd name="connsiteY26" fmla="*/ 200642 h 207515"/>
                <a:gd name="connsiteX27" fmla="*/ 108544 w 1111752"/>
                <a:gd name="connsiteY27" fmla="*/ 203931 h 207515"/>
                <a:gd name="connsiteX28" fmla="*/ 65784 w 1111752"/>
                <a:gd name="connsiteY28" fmla="*/ 207220 h 207515"/>
                <a:gd name="connsiteX29" fmla="*/ 0 w 1111752"/>
                <a:gd name="connsiteY29" fmla="*/ 207220 h 207515"/>
                <a:gd name="connsiteX0" fmla="*/ 1098595 w 1098595"/>
                <a:gd name="connsiteY0" fmla="*/ 0 h 184490"/>
                <a:gd name="connsiteX1" fmla="*/ 1072282 w 1098595"/>
                <a:gd name="connsiteY1" fmla="*/ 32892 h 184490"/>
                <a:gd name="connsiteX2" fmla="*/ 1062414 w 1098595"/>
                <a:gd name="connsiteY2" fmla="*/ 36181 h 184490"/>
                <a:gd name="connsiteX3" fmla="*/ 1039390 w 1098595"/>
                <a:gd name="connsiteY3" fmla="*/ 46049 h 184490"/>
                <a:gd name="connsiteX4" fmla="*/ 993341 w 1098595"/>
                <a:gd name="connsiteY4" fmla="*/ 55916 h 184490"/>
                <a:gd name="connsiteX5" fmla="*/ 986762 w 1098595"/>
                <a:gd name="connsiteY5" fmla="*/ 62495 h 184490"/>
                <a:gd name="connsiteX6" fmla="*/ 976895 w 1098595"/>
                <a:gd name="connsiteY6" fmla="*/ 69073 h 184490"/>
                <a:gd name="connsiteX7" fmla="*/ 973606 w 1098595"/>
                <a:gd name="connsiteY7" fmla="*/ 78941 h 184490"/>
                <a:gd name="connsiteX8" fmla="*/ 957159 w 1098595"/>
                <a:gd name="connsiteY8" fmla="*/ 92097 h 184490"/>
                <a:gd name="connsiteX9" fmla="*/ 940713 w 1098595"/>
                <a:gd name="connsiteY9" fmla="*/ 95387 h 184490"/>
                <a:gd name="connsiteX10" fmla="*/ 907821 w 1098595"/>
                <a:gd name="connsiteY10" fmla="*/ 101965 h 184490"/>
                <a:gd name="connsiteX11" fmla="*/ 845326 w 1098595"/>
                <a:gd name="connsiteY11" fmla="*/ 105254 h 184490"/>
                <a:gd name="connsiteX12" fmla="*/ 782831 w 1098595"/>
                <a:gd name="connsiteY12" fmla="*/ 108544 h 184490"/>
                <a:gd name="connsiteX13" fmla="*/ 763096 w 1098595"/>
                <a:gd name="connsiteY13" fmla="*/ 115122 h 184490"/>
                <a:gd name="connsiteX14" fmla="*/ 720336 w 1098595"/>
                <a:gd name="connsiteY14" fmla="*/ 108544 h 184490"/>
                <a:gd name="connsiteX15" fmla="*/ 664420 w 1098595"/>
                <a:gd name="connsiteY15" fmla="*/ 118411 h 184490"/>
                <a:gd name="connsiteX16" fmla="*/ 618371 w 1098595"/>
                <a:gd name="connsiteY16" fmla="*/ 124990 h 184490"/>
                <a:gd name="connsiteX17" fmla="*/ 595347 w 1098595"/>
                <a:gd name="connsiteY17" fmla="*/ 134857 h 184490"/>
                <a:gd name="connsiteX18" fmla="*/ 532852 w 1098595"/>
                <a:gd name="connsiteY18" fmla="*/ 144725 h 184490"/>
                <a:gd name="connsiteX19" fmla="*/ 470357 w 1098595"/>
                <a:gd name="connsiteY19" fmla="*/ 151303 h 184490"/>
                <a:gd name="connsiteX20" fmla="*/ 450621 w 1098595"/>
                <a:gd name="connsiteY20" fmla="*/ 154592 h 184490"/>
                <a:gd name="connsiteX21" fmla="*/ 437465 w 1098595"/>
                <a:gd name="connsiteY21" fmla="*/ 157882 h 184490"/>
                <a:gd name="connsiteX22" fmla="*/ 355235 w 1098595"/>
                <a:gd name="connsiteY22" fmla="*/ 157882 h 184490"/>
                <a:gd name="connsiteX23" fmla="*/ 197352 w 1098595"/>
                <a:gd name="connsiteY23" fmla="*/ 171038 h 184490"/>
                <a:gd name="connsiteX24" fmla="*/ 157882 w 1098595"/>
                <a:gd name="connsiteY24" fmla="*/ 174328 h 184490"/>
                <a:gd name="connsiteX25" fmla="*/ 131568 w 1098595"/>
                <a:gd name="connsiteY25" fmla="*/ 177617 h 184490"/>
                <a:gd name="connsiteX26" fmla="*/ 108544 w 1098595"/>
                <a:gd name="connsiteY26" fmla="*/ 180906 h 184490"/>
                <a:gd name="connsiteX27" fmla="*/ 65784 w 1098595"/>
                <a:gd name="connsiteY27" fmla="*/ 184195 h 184490"/>
                <a:gd name="connsiteX28" fmla="*/ 0 w 1098595"/>
                <a:gd name="connsiteY28" fmla="*/ 184195 h 184490"/>
                <a:gd name="connsiteX0" fmla="*/ 1072282 w 1072282"/>
                <a:gd name="connsiteY0" fmla="*/ 0 h 151598"/>
                <a:gd name="connsiteX1" fmla="*/ 1062414 w 1072282"/>
                <a:gd name="connsiteY1" fmla="*/ 3289 h 151598"/>
                <a:gd name="connsiteX2" fmla="*/ 1039390 w 1072282"/>
                <a:gd name="connsiteY2" fmla="*/ 13157 h 151598"/>
                <a:gd name="connsiteX3" fmla="*/ 993341 w 1072282"/>
                <a:gd name="connsiteY3" fmla="*/ 23024 h 151598"/>
                <a:gd name="connsiteX4" fmla="*/ 986762 w 1072282"/>
                <a:gd name="connsiteY4" fmla="*/ 29603 h 151598"/>
                <a:gd name="connsiteX5" fmla="*/ 976895 w 1072282"/>
                <a:gd name="connsiteY5" fmla="*/ 36181 h 151598"/>
                <a:gd name="connsiteX6" fmla="*/ 973606 w 1072282"/>
                <a:gd name="connsiteY6" fmla="*/ 46049 h 151598"/>
                <a:gd name="connsiteX7" fmla="*/ 957159 w 1072282"/>
                <a:gd name="connsiteY7" fmla="*/ 59205 h 151598"/>
                <a:gd name="connsiteX8" fmla="*/ 940713 w 1072282"/>
                <a:gd name="connsiteY8" fmla="*/ 62495 h 151598"/>
                <a:gd name="connsiteX9" fmla="*/ 907821 w 1072282"/>
                <a:gd name="connsiteY9" fmla="*/ 69073 h 151598"/>
                <a:gd name="connsiteX10" fmla="*/ 845326 w 1072282"/>
                <a:gd name="connsiteY10" fmla="*/ 72362 h 151598"/>
                <a:gd name="connsiteX11" fmla="*/ 782831 w 1072282"/>
                <a:gd name="connsiteY11" fmla="*/ 75652 h 151598"/>
                <a:gd name="connsiteX12" fmla="*/ 763096 w 1072282"/>
                <a:gd name="connsiteY12" fmla="*/ 82230 h 151598"/>
                <a:gd name="connsiteX13" fmla="*/ 720336 w 1072282"/>
                <a:gd name="connsiteY13" fmla="*/ 75652 h 151598"/>
                <a:gd name="connsiteX14" fmla="*/ 664420 w 1072282"/>
                <a:gd name="connsiteY14" fmla="*/ 85519 h 151598"/>
                <a:gd name="connsiteX15" fmla="*/ 618371 w 1072282"/>
                <a:gd name="connsiteY15" fmla="*/ 92098 h 151598"/>
                <a:gd name="connsiteX16" fmla="*/ 595347 w 1072282"/>
                <a:gd name="connsiteY16" fmla="*/ 101965 h 151598"/>
                <a:gd name="connsiteX17" fmla="*/ 532852 w 1072282"/>
                <a:gd name="connsiteY17" fmla="*/ 111833 h 151598"/>
                <a:gd name="connsiteX18" fmla="*/ 470357 w 1072282"/>
                <a:gd name="connsiteY18" fmla="*/ 118411 h 151598"/>
                <a:gd name="connsiteX19" fmla="*/ 450621 w 1072282"/>
                <a:gd name="connsiteY19" fmla="*/ 121700 h 151598"/>
                <a:gd name="connsiteX20" fmla="*/ 437465 w 1072282"/>
                <a:gd name="connsiteY20" fmla="*/ 124990 h 151598"/>
                <a:gd name="connsiteX21" fmla="*/ 355235 w 1072282"/>
                <a:gd name="connsiteY21" fmla="*/ 124990 h 151598"/>
                <a:gd name="connsiteX22" fmla="*/ 197352 w 1072282"/>
                <a:gd name="connsiteY22" fmla="*/ 138146 h 151598"/>
                <a:gd name="connsiteX23" fmla="*/ 157882 w 1072282"/>
                <a:gd name="connsiteY23" fmla="*/ 141436 h 151598"/>
                <a:gd name="connsiteX24" fmla="*/ 131568 w 1072282"/>
                <a:gd name="connsiteY24" fmla="*/ 144725 h 151598"/>
                <a:gd name="connsiteX25" fmla="*/ 108544 w 1072282"/>
                <a:gd name="connsiteY25" fmla="*/ 148014 h 151598"/>
                <a:gd name="connsiteX26" fmla="*/ 65784 w 1072282"/>
                <a:gd name="connsiteY26" fmla="*/ 151303 h 151598"/>
                <a:gd name="connsiteX27" fmla="*/ 0 w 1072282"/>
                <a:gd name="connsiteY27" fmla="*/ 151303 h 151598"/>
                <a:gd name="connsiteX0" fmla="*/ 1062414 w 1062414"/>
                <a:gd name="connsiteY0" fmla="*/ 0 h 148309"/>
                <a:gd name="connsiteX1" fmla="*/ 1039390 w 1062414"/>
                <a:gd name="connsiteY1" fmla="*/ 9868 h 148309"/>
                <a:gd name="connsiteX2" fmla="*/ 993341 w 1062414"/>
                <a:gd name="connsiteY2" fmla="*/ 19735 h 148309"/>
                <a:gd name="connsiteX3" fmla="*/ 986762 w 1062414"/>
                <a:gd name="connsiteY3" fmla="*/ 26314 h 148309"/>
                <a:gd name="connsiteX4" fmla="*/ 976895 w 1062414"/>
                <a:gd name="connsiteY4" fmla="*/ 32892 h 148309"/>
                <a:gd name="connsiteX5" fmla="*/ 973606 w 1062414"/>
                <a:gd name="connsiteY5" fmla="*/ 42760 h 148309"/>
                <a:gd name="connsiteX6" fmla="*/ 957159 w 1062414"/>
                <a:gd name="connsiteY6" fmla="*/ 55916 h 148309"/>
                <a:gd name="connsiteX7" fmla="*/ 940713 w 1062414"/>
                <a:gd name="connsiteY7" fmla="*/ 59206 h 148309"/>
                <a:gd name="connsiteX8" fmla="*/ 907821 w 1062414"/>
                <a:gd name="connsiteY8" fmla="*/ 65784 h 148309"/>
                <a:gd name="connsiteX9" fmla="*/ 845326 w 1062414"/>
                <a:gd name="connsiteY9" fmla="*/ 69073 h 148309"/>
                <a:gd name="connsiteX10" fmla="*/ 782831 w 1062414"/>
                <a:gd name="connsiteY10" fmla="*/ 72363 h 148309"/>
                <a:gd name="connsiteX11" fmla="*/ 763096 w 1062414"/>
                <a:gd name="connsiteY11" fmla="*/ 78941 h 148309"/>
                <a:gd name="connsiteX12" fmla="*/ 720336 w 1062414"/>
                <a:gd name="connsiteY12" fmla="*/ 72363 h 148309"/>
                <a:gd name="connsiteX13" fmla="*/ 664420 w 1062414"/>
                <a:gd name="connsiteY13" fmla="*/ 82230 h 148309"/>
                <a:gd name="connsiteX14" fmla="*/ 618371 w 1062414"/>
                <a:gd name="connsiteY14" fmla="*/ 88809 h 148309"/>
                <a:gd name="connsiteX15" fmla="*/ 595347 w 1062414"/>
                <a:gd name="connsiteY15" fmla="*/ 98676 h 148309"/>
                <a:gd name="connsiteX16" fmla="*/ 532852 w 1062414"/>
                <a:gd name="connsiteY16" fmla="*/ 108544 h 148309"/>
                <a:gd name="connsiteX17" fmla="*/ 470357 w 1062414"/>
                <a:gd name="connsiteY17" fmla="*/ 115122 h 148309"/>
                <a:gd name="connsiteX18" fmla="*/ 450621 w 1062414"/>
                <a:gd name="connsiteY18" fmla="*/ 118411 h 148309"/>
                <a:gd name="connsiteX19" fmla="*/ 437465 w 1062414"/>
                <a:gd name="connsiteY19" fmla="*/ 121701 h 148309"/>
                <a:gd name="connsiteX20" fmla="*/ 355235 w 1062414"/>
                <a:gd name="connsiteY20" fmla="*/ 121701 h 148309"/>
                <a:gd name="connsiteX21" fmla="*/ 197352 w 1062414"/>
                <a:gd name="connsiteY21" fmla="*/ 134857 h 148309"/>
                <a:gd name="connsiteX22" fmla="*/ 157882 w 1062414"/>
                <a:gd name="connsiteY22" fmla="*/ 138147 h 148309"/>
                <a:gd name="connsiteX23" fmla="*/ 131568 w 1062414"/>
                <a:gd name="connsiteY23" fmla="*/ 141436 h 148309"/>
                <a:gd name="connsiteX24" fmla="*/ 108544 w 1062414"/>
                <a:gd name="connsiteY24" fmla="*/ 144725 h 148309"/>
                <a:gd name="connsiteX25" fmla="*/ 65784 w 1062414"/>
                <a:gd name="connsiteY25" fmla="*/ 148014 h 148309"/>
                <a:gd name="connsiteX26" fmla="*/ 0 w 1062414"/>
                <a:gd name="connsiteY26" fmla="*/ 148014 h 148309"/>
                <a:gd name="connsiteX0" fmla="*/ 1039390 w 1039390"/>
                <a:gd name="connsiteY0" fmla="*/ 0 h 138441"/>
                <a:gd name="connsiteX1" fmla="*/ 993341 w 1039390"/>
                <a:gd name="connsiteY1" fmla="*/ 9867 h 138441"/>
                <a:gd name="connsiteX2" fmla="*/ 986762 w 1039390"/>
                <a:gd name="connsiteY2" fmla="*/ 16446 h 138441"/>
                <a:gd name="connsiteX3" fmla="*/ 976895 w 1039390"/>
                <a:gd name="connsiteY3" fmla="*/ 23024 h 138441"/>
                <a:gd name="connsiteX4" fmla="*/ 973606 w 1039390"/>
                <a:gd name="connsiteY4" fmla="*/ 32892 h 138441"/>
                <a:gd name="connsiteX5" fmla="*/ 957159 w 1039390"/>
                <a:gd name="connsiteY5" fmla="*/ 46048 h 138441"/>
                <a:gd name="connsiteX6" fmla="*/ 940713 w 1039390"/>
                <a:gd name="connsiteY6" fmla="*/ 49338 h 138441"/>
                <a:gd name="connsiteX7" fmla="*/ 907821 w 1039390"/>
                <a:gd name="connsiteY7" fmla="*/ 55916 h 138441"/>
                <a:gd name="connsiteX8" fmla="*/ 845326 w 1039390"/>
                <a:gd name="connsiteY8" fmla="*/ 59205 h 138441"/>
                <a:gd name="connsiteX9" fmla="*/ 782831 w 1039390"/>
                <a:gd name="connsiteY9" fmla="*/ 62495 h 138441"/>
                <a:gd name="connsiteX10" fmla="*/ 763096 w 1039390"/>
                <a:gd name="connsiteY10" fmla="*/ 69073 h 138441"/>
                <a:gd name="connsiteX11" fmla="*/ 720336 w 1039390"/>
                <a:gd name="connsiteY11" fmla="*/ 62495 h 138441"/>
                <a:gd name="connsiteX12" fmla="*/ 664420 w 1039390"/>
                <a:gd name="connsiteY12" fmla="*/ 72362 h 138441"/>
                <a:gd name="connsiteX13" fmla="*/ 618371 w 1039390"/>
                <a:gd name="connsiteY13" fmla="*/ 78941 h 138441"/>
                <a:gd name="connsiteX14" fmla="*/ 595347 w 1039390"/>
                <a:gd name="connsiteY14" fmla="*/ 88808 h 138441"/>
                <a:gd name="connsiteX15" fmla="*/ 532852 w 1039390"/>
                <a:gd name="connsiteY15" fmla="*/ 98676 h 138441"/>
                <a:gd name="connsiteX16" fmla="*/ 470357 w 1039390"/>
                <a:gd name="connsiteY16" fmla="*/ 105254 h 138441"/>
                <a:gd name="connsiteX17" fmla="*/ 450621 w 1039390"/>
                <a:gd name="connsiteY17" fmla="*/ 108543 h 138441"/>
                <a:gd name="connsiteX18" fmla="*/ 437465 w 1039390"/>
                <a:gd name="connsiteY18" fmla="*/ 111833 h 138441"/>
                <a:gd name="connsiteX19" fmla="*/ 355235 w 1039390"/>
                <a:gd name="connsiteY19" fmla="*/ 111833 h 138441"/>
                <a:gd name="connsiteX20" fmla="*/ 197352 w 1039390"/>
                <a:gd name="connsiteY20" fmla="*/ 124989 h 138441"/>
                <a:gd name="connsiteX21" fmla="*/ 157882 w 1039390"/>
                <a:gd name="connsiteY21" fmla="*/ 128279 h 138441"/>
                <a:gd name="connsiteX22" fmla="*/ 131568 w 1039390"/>
                <a:gd name="connsiteY22" fmla="*/ 131568 h 138441"/>
                <a:gd name="connsiteX23" fmla="*/ 108544 w 1039390"/>
                <a:gd name="connsiteY23" fmla="*/ 134857 h 138441"/>
                <a:gd name="connsiteX24" fmla="*/ 65784 w 1039390"/>
                <a:gd name="connsiteY24" fmla="*/ 138146 h 138441"/>
                <a:gd name="connsiteX25" fmla="*/ 0 w 1039390"/>
                <a:gd name="connsiteY25" fmla="*/ 138146 h 138441"/>
                <a:gd name="connsiteX0" fmla="*/ 993341 w 993341"/>
                <a:gd name="connsiteY0" fmla="*/ 0 h 128574"/>
                <a:gd name="connsiteX1" fmla="*/ 986762 w 993341"/>
                <a:gd name="connsiteY1" fmla="*/ 6579 h 128574"/>
                <a:gd name="connsiteX2" fmla="*/ 976895 w 993341"/>
                <a:gd name="connsiteY2" fmla="*/ 13157 h 128574"/>
                <a:gd name="connsiteX3" fmla="*/ 973606 w 993341"/>
                <a:gd name="connsiteY3" fmla="*/ 23025 h 128574"/>
                <a:gd name="connsiteX4" fmla="*/ 957159 w 993341"/>
                <a:gd name="connsiteY4" fmla="*/ 36181 h 128574"/>
                <a:gd name="connsiteX5" fmla="*/ 940713 w 993341"/>
                <a:gd name="connsiteY5" fmla="*/ 39471 h 128574"/>
                <a:gd name="connsiteX6" fmla="*/ 907821 w 993341"/>
                <a:gd name="connsiteY6" fmla="*/ 46049 h 128574"/>
                <a:gd name="connsiteX7" fmla="*/ 845326 w 993341"/>
                <a:gd name="connsiteY7" fmla="*/ 49338 h 128574"/>
                <a:gd name="connsiteX8" fmla="*/ 782831 w 993341"/>
                <a:gd name="connsiteY8" fmla="*/ 52628 h 128574"/>
                <a:gd name="connsiteX9" fmla="*/ 763096 w 993341"/>
                <a:gd name="connsiteY9" fmla="*/ 59206 h 128574"/>
                <a:gd name="connsiteX10" fmla="*/ 720336 w 993341"/>
                <a:gd name="connsiteY10" fmla="*/ 52628 h 128574"/>
                <a:gd name="connsiteX11" fmla="*/ 664420 w 993341"/>
                <a:gd name="connsiteY11" fmla="*/ 62495 h 128574"/>
                <a:gd name="connsiteX12" fmla="*/ 618371 w 993341"/>
                <a:gd name="connsiteY12" fmla="*/ 69074 h 128574"/>
                <a:gd name="connsiteX13" fmla="*/ 595347 w 993341"/>
                <a:gd name="connsiteY13" fmla="*/ 78941 h 128574"/>
                <a:gd name="connsiteX14" fmla="*/ 532852 w 993341"/>
                <a:gd name="connsiteY14" fmla="*/ 88809 h 128574"/>
                <a:gd name="connsiteX15" fmla="*/ 470357 w 993341"/>
                <a:gd name="connsiteY15" fmla="*/ 95387 h 128574"/>
                <a:gd name="connsiteX16" fmla="*/ 450621 w 993341"/>
                <a:gd name="connsiteY16" fmla="*/ 98676 h 128574"/>
                <a:gd name="connsiteX17" fmla="*/ 437465 w 993341"/>
                <a:gd name="connsiteY17" fmla="*/ 101966 h 128574"/>
                <a:gd name="connsiteX18" fmla="*/ 355235 w 993341"/>
                <a:gd name="connsiteY18" fmla="*/ 101966 h 128574"/>
                <a:gd name="connsiteX19" fmla="*/ 197352 w 993341"/>
                <a:gd name="connsiteY19" fmla="*/ 115122 h 128574"/>
                <a:gd name="connsiteX20" fmla="*/ 157882 w 993341"/>
                <a:gd name="connsiteY20" fmla="*/ 118412 h 128574"/>
                <a:gd name="connsiteX21" fmla="*/ 131568 w 993341"/>
                <a:gd name="connsiteY21" fmla="*/ 121701 h 128574"/>
                <a:gd name="connsiteX22" fmla="*/ 108544 w 993341"/>
                <a:gd name="connsiteY22" fmla="*/ 124990 h 128574"/>
                <a:gd name="connsiteX23" fmla="*/ 65784 w 993341"/>
                <a:gd name="connsiteY23" fmla="*/ 128279 h 128574"/>
                <a:gd name="connsiteX24" fmla="*/ 0 w 993341"/>
                <a:gd name="connsiteY24" fmla="*/ 128279 h 128574"/>
                <a:gd name="connsiteX0" fmla="*/ 993341 w 993341"/>
                <a:gd name="connsiteY0" fmla="*/ 0 h 128574"/>
                <a:gd name="connsiteX1" fmla="*/ 986762 w 993341"/>
                <a:gd name="connsiteY1" fmla="*/ 6579 h 128574"/>
                <a:gd name="connsiteX2" fmla="*/ 973606 w 993341"/>
                <a:gd name="connsiteY2" fmla="*/ 23025 h 128574"/>
                <a:gd name="connsiteX3" fmla="*/ 957159 w 993341"/>
                <a:gd name="connsiteY3" fmla="*/ 36181 h 128574"/>
                <a:gd name="connsiteX4" fmla="*/ 940713 w 993341"/>
                <a:gd name="connsiteY4" fmla="*/ 39471 h 128574"/>
                <a:gd name="connsiteX5" fmla="*/ 907821 w 993341"/>
                <a:gd name="connsiteY5" fmla="*/ 46049 h 128574"/>
                <a:gd name="connsiteX6" fmla="*/ 845326 w 993341"/>
                <a:gd name="connsiteY6" fmla="*/ 49338 h 128574"/>
                <a:gd name="connsiteX7" fmla="*/ 782831 w 993341"/>
                <a:gd name="connsiteY7" fmla="*/ 52628 h 128574"/>
                <a:gd name="connsiteX8" fmla="*/ 763096 w 993341"/>
                <a:gd name="connsiteY8" fmla="*/ 59206 h 128574"/>
                <a:gd name="connsiteX9" fmla="*/ 720336 w 993341"/>
                <a:gd name="connsiteY9" fmla="*/ 52628 h 128574"/>
                <a:gd name="connsiteX10" fmla="*/ 664420 w 993341"/>
                <a:gd name="connsiteY10" fmla="*/ 62495 h 128574"/>
                <a:gd name="connsiteX11" fmla="*/ 618371 w 993341"/>
                <a:gd name="connsiteY11" fmla="*/ 69074 h 128574"/>
                <a:gd name="connsiteX12" fmla="*/ 595347 w 993341"/>
                <a:gd name="connsiteY12" fmla="*/ 78941 h 128574"/>
                <a:gd name="connsiteX13" fmla="*/ 532852 w 993341"/>
                <a:gd name="connsiteY13" fmla="*/ 88809 h 128574"/>
                <a:gd name="connsiteX14" fmla="*/ 470357 w 993341"/>
                <a:gd name="connsiteY14" fmla="*/ 95387 h 128574"/>
                <a:gd name="connsiteX15" fmla="*/ 450621 w 993341"/>
                <a:gd name="connsiteY15" fmla="*/ 98676 h 128574"/>
                <a:gd name="connsiteX16" fmla="*/ 437465 w 993341"/>
                <a:gd name="connsiteY16" fmla="*/ 101966 h 128574"/>
                <a:gd name="connsiteX17" fmla="*/ 355235 w 993341"/>
                <a:gd name="connsiteY17" fmla="*/ 101966 h 128574"/>
                <a:gd name="connsiteX18" fmla="*/ 197352 w 993341"/>
                <a:gd name="connsiteY18" fmla="*/ 115122 h 128574"/>
                <a:gd name="connsiteX19" fmla="*/ 157882 w 993341"/>
                <a:gd name="connsiteY19" fmla="*/ 118412 h 128574"/>
                <a:gd name="connsiteX20" fmla="*/ 131568 w 993341"/>
                <a:gd name="connsiteY20" fmla="*/ 121701 h 128574"/>
                <a:gd name="connsiteX21" fmla="*/ 108544 w 993341"/>
                <a:gd name="connsiteY21" fmla="*/ 124990 h 128574"/>
                <a:gd name="connsiteX22" fmla="*/ 65784 w 993341"/>
                <a:gd name="connsiteY22" fmla="*/ 128279 h 128574"/>
                <a:gd name="connsiteX23" fmla="*/ 0 w 993341"/>
                <a:gd name="connsiteY23" fmla="*/ 128279 h 128574"/>
                <a:gd name="connsiteX0" fmla="*/ 993341 w 993341"/>
                <a:gd name="connsiteY0" fmla="*/ 0 h 128574"/>
                <a:gd name="connsiteX1" fmla="*/ 986762 w 993341"/>
                <a:gd name="connsiteY1" fmla="*/ 6579 h 128574"/>
                <a:gd name="connsiteX2" fmla="*/ 957159 w 993341"/>
                <a:gd name="connsiteY2" fmla="*/ 36181 h 128574"/>
                <a:gd name="connsiteX3" fmla="*/ 940713 w 993341"/>
                <a:gd name="connsiteY3" fmla="*/ 39471 h 128574"/>
                <a:gd name="connsiteX4" fmla="*/ 907821 w 993341"/>
                <a:gd name="connsiteY4" fmla="*/ 46049 h 128574"/>
                <a:gd name="connsiteX5" fmla="*/ 845326 w 993341"/>
                <a:gd name="connsiteY5" fmla="*/ 49338 h 128574"/>
                <a:gd name="connsiteX6" fmla="*/ 782831 w 993341"/>
                <a:gd name="connsiteY6" fmla="*/ 52628 h 128574"/>
                <a:gd name="connsiteX7" fmla="*/ 763096 w 993341"/>
                <a:gd name="connsiteY7" fmla="*/ 59206 h 128574"/>
                <a:gd name="connsiteX8" fmla="*/ 720336 w 993341"/>
                <a:gd name="connsiteY8" fmla="*/ 52628 h 128574"/>
                <a:gd name="connsiteX9" fmla="*/ 664420 w 993341"/>
                <a:gd name="connsiteY9" fmla="*/ 62495 h 128574"/>
                <a:gd name="connsiteX10" fmla="*/ 618371 w 993341"/>
                <a:gd name="connsiteY10" fmla="*/ 69074 h 128574"/>
                <a:gd name="connsiteX11" fmla="*/ 595347 w 993341"/>
                <a:gd name="connsiteY11" fmla="*/ 78941 h 128574"/>
                <a:gd name="connsiteX12" fmla="*/ 532852 w 993341"/>
                <a:gd name="connsiteY12" fmla="*/ 88809 h 128574"/>
                <a:gd name="connsiteX13" fmla="*/ 470357 w 993341"/>
                <a:gd name="connsiteY13" fmla="*/ 95387 h 128574"/>
                <a:gd name="connsiteX14" fmla="*/ 450621 w 993341"/>
                <a:gd name="connsiteY14" fmla="*/ 98676 h 128574"/>
                <a:gd name="connsiteX15" fmla="*/ 437465 w 993341"/>
                <a:gd name="connsiteY15" fmla="*/ 101966 h 128574"/>
                <a:gd name="connsiteX16" fmla="*/ 355235 w 993341"/>
                <a:gd name="connsiteY16" fmla="*/ 101966 h 128574"/>
                <a:gd name="connsiteX17" fmla="*/ 197352 w 993341"/>
                <a:gd name="connsiteY17" fmla="*/ 115122 h 128574"/>
                <a:gd name="connsiteX18" fmla="*/ 157882 w 993341"/>
                <a:gd name="connsiteY18" fmla="*/ 118412 h 128574"/>
                <a:gd name="connsiteX19" fmla="*/ 131568 w 993341"/>
                <a:gd name="connsiteY19" fmla="*/ 121701 h 128574"/>
                <a:gd name="connsiteX20" fmla="*/ 108544 w 993341"/>
                <a:gd name="connsiteY20" fmla="*/ 124990 h 128574"/>
                <a:gd name="connsiteX21" fmla="*/ 65784 w 993341"/>
                <a:gd name="connsiteY21" fmla="*/ 128279 h 128574"/>
                <a:gd name="connsiteX22" fmla="*/ 0 w 993341"/>
                <a:gd name="connsiteY22" fmla="*/ 128279 h 128574"/>
                <a:gd name="connsiteX0" fmla="*/ 993341 w 993341"/>
                <a:gd name="connsiteY0" fmla="*/ 0 h 128574"/>
                <a:gd name="connsiteX1" fmla="*/ 957159 w 993341"/>
                <a:gd name="connsiteY1" fmla="*/ 36181 h 128574"/>
                <a:gd name="connsiteX2" fmla="*/ 940713 w 993341"/>
                <a:gd name="connsiteY2" fmla="*/ 39471 h 128574"/>
                <a:gd name="connsiteX3" fmla="*/ 907821 w 993341"/>
                <a:gd name="connsiteY3" fmla="*/ 46049 h 128574"/>
                <a:gd name="connsiteX4" fmla="*/ 845326 w 993341"/>
                <a:gd name="connsiteY4" fmla="*/ 49338 h 128574"/>
                <a:gd name="connsiteX5" fmla="*/ 782831 w 993341"/>
                <a:gd name="connsiteY5" fmla="*/ 52628 h 128574"/>
                <a:gd name="connsiteX6" fmla="*/ 763096 w 993341"/>
                <a:gd name="connsiteY6" fmla="*/ 59206 h 128574"/>
                <a:gd name="connsiteX7" fmla="*/ 720336 w 993341"/>
                <a:gd name="connsiteY7" fmla="*/ 52628 h 128574"/>
                <a:gd name="connsiteX8" fmla="*/ 664420 w 993341"/>
                <a:gd name="connsiteY8" fmla="*/ 62495 h 128574"/>
                <a:gd name="connsiteX9" fmla="*/ 618371 w 993341"/>
                <a:gd name="connsiteY9" fmla="*/ 69074 h 128574"/>
                <a:gd name="connsiteX10" fmla="*/ 595347 w 993341"/>
                <a:gd name="connsiteY10" fmla="*/ 78941 h 128574"/>
                <a:gd name="connsiteX11" fmla="*/ 532852 w 993341"/>
                <a:gd name="connsiteY11" fmla="*/ 88809 h 128574"/>
                <a:gd name="connsiteX12" fmla="*/ 470357 w 993341"/>
                <a:gd name="connsiteY12" fmla="*/ 95387 h 128574"/>
                <a:gd name="connsiteX13" fmla="*/ 450621 w 993341"/>
                <a:gd name="connsiteY13" fmla="*/ 98676 h 128574"/>
                <a:gd name="connsiteX14" fmla="*/ 437465 w 993341"/>
                <a:gd name="connsiteY14" fmla="*/ 101966 h 128574"/>
                <a:gd name="connsiteX15" fmla="*/ 355235 w 993341"/>
                <a:gd name="connsiteY15" fmla="*/ 101966 h 128574"/>
                <a:gd name="connsiteX16" fmla="*/ 197352 w 993341"/>
                <a:gd name="connsiteY16" fmla="*/ 115122 h 128574"/>
                <a:gd name="connsiteX17" fmla="*/ 157882 w 993341"/>
                <a:gd name="connsiteY17" fmla="*/ 118412 h 128574"/>
                <a:gd name="connsiteX18" fmla="*/ 131568 w 993341"/>
                <a:gd name="connsiteY18" fmla="*/ 121701 h 128574"/>
                <a:gd name="connsiteX19" fmla="*/ 108544 w 993341"/>
                <a:gd name="connsiteY19" fmla="*/ 124990 h 128574"/>
                <a:gd name="connsiteX20" fmla="*/ 65784 w 993341"/>
                <a:gd name="connsiteY20" fmla="*/ 128279 h 128574"/>
                <a:gd name="connsiteX21" fmla="*/ 0 w 993341"/>
                <a:gd name="connsiteY21" fmla="*/ 128279 h 128574"/>
                <a:gd name="connsiteX0" fmla="*/ 957159 w 957159"/>
                <a:gd name="connsiteY0" fmla="*/ 0 h 92393"/>
                <a:gd name="connsiteX1" fmla="*/ 940713 w 957159"/>
                <a:gd name="connsiteY1" fmla="*/ 3290 h 92393"/>
                <a:gd name="connsiteX2" fmla="*/ 907821 w 957159"/>
                <a:gd name="connsiteY2" fmla="*/ 9868 h 92393"/>
                <a:gd name="connsiteX3" fmla="*/ 845326 w 957159"/>
                <a:gd name="connsiteY3" fmla="*/ 13157 h 92393"/>
                <a:gd name="connsiteX4" fmla="*/ 782831 w 957159"/>
                <a:gd name="connsiteY4" fmla="*/ 16447 h 92393"/>
                <a:gd name="connsiteX5" fmla="*/ 763096 w 957159"/>
                <a:gd name="connsiteY5" fmla="*/ 23025 h 92393"/>
                <a:gd name="connsiteX6" fmla="*/ 720336 w 957159"/>
                <a:gd name="connsiteY6" fmla="*/ 16447 h 92393"/>
                <a:gd name="connsiteX7" fmla="*/ 664420 w 957159"/>
                <a:gd name="connsiteY7" fmla="*/ 26314 h 92393"/>
                <a:gd name="connsiteX8" fmla="*/ 618371 w 957159"/>
                <a:gd name="connsiteY8" fmla="*/ 32893 h 92393"/>
                <a:gd name="connsiteX9" fmla="*/ 595347 w 957159"/>
                <a:gd name="connsiteY9" fmla="*/ 42760 h 92393"/>
                <a:gd name="connsiteX10" fmla="*/ 532852 w 957159"/>
                <a:gd name="connsiteY10" fmla="*/ 52628 h 92393"/>
                <a:gd name="connsiteX11" fmla="*/ 470357 w 957159"/>
                <a:gd name="connsiteY11" fmla="*/ 59206 h 92393"/>
                <a:gd name="connsiteX12" fmla="*/ 450621 w 957159"/>
                <a:gd name="connsiteY12" fmla="*/ 62495 h 92393"/>
                <a:gd name="connsiteX13" fmla="*/ 437465 w 957159"/>
                <a:gd name="connsiteY13" fmla="*/ 65785 h 92393"/>
                <a:gd name="connsiteX14" fmla="*/ 355235 w 957159"/>
                <a:gd name="connsiteY14" fmla="*/ 65785 h 92393"/>
                <a:gd name="connsiteX15" fmla="*/ 197352 w 957159"/>
                <a:gd name="connsiteY15" fmla="*/ 78941 h 92393"/>
                <a:gd name="connsiteX16" fmla="*/ 157882 w 957159"/>
                <a:gd name="connsiteY16" fmla="*/ 82231 h 92393"/>
                <a:gd name="connsiteX17" fmla="*/ 131568 w 957159"/>
                <a:gd name="connsiteY17" fmla="*/ 85520 h 92393"/>
                <a:gd name="connsiteX18" fmla="*/ 108544 w 957159"/>
                <a:gd name="connsiteY18" fmla="*/ 88809 h 92393"/>
                <a:gd name="connsiteX19" fmla="*/ 65784 w 957159"/>
                <a:gd name="connsiteY19" fmla="*/ 92098 h 92393"/>
                <a:gd name="connsiteX20" fmla="*/ 0 w 957159"/>
                <a:gd name="connsiteY20" fmla="*/ 92098 h 92393"/>
                <a:gd name="connsiteX0" fmla="*/ 940713 w 940713"/>
                <a:gd name="connsiteY0" fmla="*/ 0 h 89103"/>
                <a:gd name="connsiteX1" fmla="*/ 907821 w 940713"/>
                <a:gd name="connsiteY1" fmla="*/ 6578 h 89103"/>
                <a:gd name="connsiteX2" fmla="*/ 845326 w 940713"/>
                <a:gd name="connsiteY2" fmla="*/ 9867 h 89103"/>
                <a:gd name="connsiteX3" fmla="*/ 782831 w 940713"/>
                <a:gd name="connsiteY3" fmla="*/ 13157 h 89103"/>
                <a:gd name="connsiteX4" fmla="*/ 763096 w 940713"/>
                <a:gd name="connsiteY4" fmla="*/ 19735 h 89103"/>
                <a:gd name="connsiteX5" fmla="*/ 720336 w 940713"/>
                <a:gd name="connsiteY5" fmla="*/ 13157 h 89103"/>
                <a:gd name="connsiteX6" fmla="*/ 664420 w 940713"/>
                <a:gd name="connsiteY6" fmla="*/ 23024 h 89103"/>
                <a:gd name="connsiteX7" fmla="*/ 618371 w 940713"/>
                <a:gd name="connsiteY7" fmla="*/ 29603 h 89103"/>
                <a:gd name="connsiteX8" fmla="*/ 595347 w 940713"/>
                <a:gd name="connsiteY8" fmla="*/ 39470 h 89103"/>
                <a:gd name="connsiteX9" fmla="*/ 532852 w 940713"/>
                <a:gd name="connsiteY9" fmla="*/ 49338 h 89103"/>
                <a:gd name="connsiteX10" fmla="*/ 470357 w 940713"/>
                <a:gd name="connsiteY10" fmla="*/ 55916 h 89103"/>
                <a:gd name="connsiteX11" fmla="*/ 450621 w 940713"/>
                <a:gd name="connsiteY11" fmla="*/ 59205 h 89103"/>
                <a:gd name="connsiteX12" fmla="*/ 437465 w 940713"/>
                <a:gd name="connsiteY12" fmla="*/ 62495 h 89103"/>
                <a:gd name="connsiteX13" fmla="*/ 355235 w 940713"/>
                <a:gd name="connsiteY13" fmla="*/ 62495 h 89103"/>
                <a:gd name="connsiteX14" fmla="*/ 197352 w 940713"/>
                <a:gd name="connsiteY14" fmla="*/ 75651 h 89103"/>
                <a:gd name="connsiteX15" fmla="*/ 157882 w 940713"/>
                <a:gd name="connsiteY15" fmla="*/ 78941 h 89103"/>
                <a:gd name="connsiteX16" fmla="*/ 131568 w 940713"/>
                <a:gd name="connsiteY16" fmla="*/ 82230 h 89103"/>
                <a:gd name="connsiteX17" fmla="*/ 108544 w 940713"/>
                <a:gd name="connsiteY17" fmla="*/ 85519 h 89103"/>
                <a:gd name="connsiteX18" fmla="*/ 65784 w 940713"/>
                <a:gd name="connsiteY18" fmla="*/ 88808 h 89103"/>
                <a:gd name="connsiteX19" fmla="*/ 0 w 940713"/>
                <a:gd name="connsiteY19" fmla="*/ 88808 h 89103"/>
                <a:gd name="connsiteX0" fmla="*/ 907821 w 907821"/>
                <a:gd name="connsiteY0" fmla="*/ 0 h 82525"/>
                <a:gd name="connsiteX1" fmla="*/ 845326 w 907821"/>
                <a:gd name="connsiteY1" fmla="*/ 3289 h 82525"/>
                <a:gd name="connsiteX2" fmla="*/ 782831 w 907821"/>
                <a:gd name="connsiteY2" fmla="*/ 6579 h 82525"/>
                <a:gd name="connsiteX3" fmla="*/ 763096 w 907821"/>
                <a:gd name="connsiteY3" fmla="*/ 13157 h 82525"/>
                <a:gd name="connsiteX4" fmla="*/ 720336 w 907821"/>
                <a:gd name="connsiteY4" fmla="*/ 6579 h 82525"/>
                <a:gd name="connsiteX5" fmla="*/ 664420 w 907821"/>
                <a:gd name="connsiteY5" fmla="*/ 16446 h 82525"/>
                <a:gd name="connsiteX6" fmla="*/ 618371 w 907821"/>
                <a:gd name="connsiteY6" fmla="*/ 23025 h 82525"/>
                <a:gd name="connsiteX7" fmla="*/ 595347 w 907821"/>
                <a:gd name="connsiteY7" fmla="*/ 32892 h 82525"/>
                <a:gd name="connsiteX8" fmla="*/ 532852 w 907821"/>
                <a:gd name="connsiteY8" fmla="*/ 42760 h 82525"/>
                <a:gd name="connsiteX9" fmla="*/ 470357 w 907821"/>
                <a:gd name="connsiteY9" fmla="*/ 49338 h 82525"/>
                <a:gd name="connsiteX10" fmla="*/ 450621 w 907821"/>
                <a:gd name="connsiteY10" fmla="*/ 52627 h 82525"/>
                <a:gd name="connsiteX11" fmla="*/ 437465 w 907821"/>
                <a:gd name="connsiteY11" fmla="*/ 55917 h 82525"/>
                <a:gd name="connsiteX12" fmla="*/ 355235 w 907821"/>
                <a:gd name="connsiteY12" fmla="*/ 55917 h 82525"/>
                <a:gd name="connsiteX13" fmla="*/ 197352 w 907821"/>
                <a:gd name="connsiteY13" fmla="*/ 69073 h 82525"/>
                <a:gd name="connsiteX14" fmla="*/ 157882 w 907821"/>
                <a:gd name="connsiteY14" fmla="*/ 72363 h 82525"/>
                <a:gd name="connsiteX15" fmla="*/ 131568 w 907821"/>
                <a:gd name="connsiteY15" fmla="*/ 75652 h 82525"/>
                <a:gd name="connsiteX16" fmla="*/ 108544 w 907821"/>
                <a:gd name="connsiteY16" fmla="*/ 78941 h 82525"/>
                <a:gd name="connsiteX17" fmla="*/ 65784 w 907821"/>
                <a:gd name="connsiteY17" fmla="*/ 82230 h 82525"/>
                <a:gd name="connsiteX18" fmla="*/ 0 w 907821"/>
                <a:gd name="connsiteY18" fmla="*/ 82230 h 82525"/>
                <a:gd name="connsiteX0" fmla="*/ 845326 w 845326"/>
                <a:gd name="connsiteY0" fmla="*/ 0 h 79236"/>
                <a:gd name="connsiteX1" fmla="*/ 782831 w 845326"/>
                <a:gd name="connsiteY1" fmla="*/ 3290 h 79236"/>
                <a:gd name="connsiteX2" fmla="*/ 763096 w 845326"/>
                <a:gd name="connsiteY2" fmla="*/ 9868 h 79236"/>
                <a:gd name="connsiteX3" fmla="*/ 720336 w 845326"/>
                <a:gd name="connsiteY3" fmla="*/ 3290 h 79236"/>
                <a:gd name="connsiteX4" fmla="*/ 664420 w 845326"/>
                <a:gd name="connsiteY4" fmla="*/ 13157 h 79236"/>
                <a:gd name="connsiteX5" fmla="*/ 618371 w 845326"/>
                <a:gd name="connsiteY5" fmla="*/ 19736 h 79236"/>
                <a:gd name="connsiteX6" fmla="*/ 595347 w 845326"/>
                <a:gd name="connsiteY6" fmla="*/ 29603 h 79236"/>
                <a:gd name="connsiteX7" fmla="*/ 532852 w 845326"/>
                <a:gd name="connsiteY7" fmla="*/ 39471 h 79236"/>
                <a:gd name="connsiteX8" fmla="*/ 470357 w 845326"/>
                <a:gd name="connsiteY8" fmla="*/ 46049 h 79236"/>
                <a:gd name="connsiteX9" fmla="*/ 450621 w 845326"/>
                <a:gd name="connsiteY9" fmla="*/ 49338 h 79236"/>
                <a:gd name="connsiteX10" fmla="*/ 437465 w 845326"/>
                <a:gd name="connsiteY10" fmla="*/ 52628 h 79236"/>
                <a:gd name="connsiteX11" fmla="*/ 355235 w 845326"/>
                <a:gd name="connsiteY11" fmla="*/ 52628 h 79236"/>
                <a:gd name="connsiteX12" fmla="*/ 197352 w 845326"/>
                <a:gd name="connsiteY12" fmla="*/ 65784 h 79236"/>
                <a:gd name="connsiteX13" fmla="*/ 157882 w 845326"/>
                <a:gd name="connsiteY13" fmla="*/ 69074 h 79236"/>
                <a:gd name="connsiteX14" fmla="*/ 131568 w 845326"/>
                <a:gd name="connsiteY14" fmla="*/ 72363 h 79236"/>
                <a:gd name="connsiteX15" fmla="*/ 108544 w 845326"/>
                <a:gd name="connsiteY15" fmla="*/ 75652 h 79236"/>
                <a:gd name="connsiteX16" fmla="*/ 65784 w 845326"/>
                <a:gd name="connsiteY16" fmla="*/ 78941 h 79236"/>
                <a:gd name="connsiteX17" fmla="*/ 0 w 845326"/>
                <a:gd name="connsiteY17" fmla="*/ 78941 h 79236"/>
                <a:gd name="connsiteX0" fmla="*/ 782831 w 782831"/>
                <a:gd name="connsiteY0" fmla="*/ 31 h 75977"/>
                <a:gd name="connsiteX1" fmla="*/ 763096 w 782831"/>
                <a:gd name="connsiteY1" fmla="*/ 6609 h 75977"/>
                <a:gd name="connsiteX2" fmla="*/ 720336 w 782831"/>
                <a:gd name="connsiteY2" fmla="*/ 31 h 75977"/>
                <a:gd name="connsiteX3" fmla="*/ 664420 w 782831"/>
                <a:gd name="connsiteY3" fmla="*/ 9898 h 75977"/>
                <a:gd name="connsiteX4" fmla="*/ 618371 w 782831"/>
                <a:gd name="connsiteY4" fmla="*/ 16477 h 75977"/>
                <a:gd name="connsiteX5" fmla="*/ 595347 w 782831"/>
                <a:gd name="connsiteY5" fmla="*/ 26344 h 75977"/>
                <a:gd name="connsiteX6" fmla="*/ 532852 w 782831"/>
                <a:gd name="connsiteY6" fmla="*/ 36212 h 75977"/>
                <a:gd name="connsiteX7" fmla="*/ 470357 w 782831"/>
                <a:gd name="connsiteY7" fmla="*/ 42790 h 75977"/>
                <a:gd name="connsiteX8" fmla="*/ 450621 w 782831"/>
                <a:gd name="connsiteY8" fmla="*/ 46079 h 75977"/>
                <a:gd name="connsiteX9" fmla="*/ 437465 w 782831"/>
                <a:gd name="connsiteY9" fmla="*/ 49369 h 75977"/>
                <a:gd name="connsiteX10" fmla="*/ 355235 w 782831"/>
                <a:gd name="connsiteY10" fmla="*/ 49369 h 75977"/>
                <a:gd name="connsiteX11" fmla="*/ 197352 w 782831"/>
                <a:gd name="connsiteY11" fmla="*/ 62525 h 75977"/>
                <a:gd name="connsiteX12" fmla="*/ 157882 w 782831"/>
                <a:gd name="connsiteY12" fmla="*/ 65815 h 75977"/>
                <a:gd name="connsiteX13" fmla="*/ 131568 w 782831"/>
                <a:gd name="connsiteY13" fmla="*/ 69104 h 75977"/>
                <a:gd name="connsiteX14" fmla="*/ 108544 w 782831"/>
                <a:gd name="connsiteY14" fmla="*/ 72393 h 75977"/>
                <a:gd name="connsiteX15" fmla="*/ 65784 w 782831"/>
                <a:gd name="connsiteY15" fmla="*/ 75682 h 75977"/>
                <a:gd name="connsiteX16" fmla="*/ 0 w 782831"/>
                <a:gd name="connsiteY16" fmla="*/ 75682 h 75977"/>
                <a:gd name="connsiteX0" fmla="*/ 763096 w 763096"/>
                <a:gd name="connsiteY0" fmla="*/ 6609 h 75977"/>
                <a:gd name="connsiteX1" fmla="*/ 720336 w 763096"/>
                <a:gd name="connsiteY1" fmla="*/ 31 h 75977"/>
                <a:gd name="connsiteX2" fmla="*/ 664420 w 763096"/>
                <a:gd name="connsiteY2" fmla="*/ 9898 h 75977"/>
                <a:gd name="connsiteX3" fmla="*/ 618371 w 763096"/>
                <a:gd name="connsiteY3" fmla="*/ 16477 h 75977"/>
                <a:gd name="connsiteX4" fmla="*/ 595347 w 763096"/>
                <a:gd name="connsiteY4" fmla="*/ 26344 h 75977"/>
                <a:gd name="connsiteX5" fmla="*/ 532852 w 763096"/>
                <a:gd name="connsiteY5" fmla="*/ 36212 h 75977"/>
                <a:gd name="connsiteX6" fmla="*/ 470357 w 763096"/>
                <a:gd name="connsiteY6" fmla="*/ 42790 h 75977"/>
                <a:gd name="connsiteX7" fmla="*/ 450621 w 763096"/>
                <a:gd name="connsiteY7" fmla="*/ 46079 h 75977"/>
                <a:gd name="connsiteX8" fmla="*/ 437465 w 763096"/>
                <a:gd name="connsiteY8" fmla="*/ 49369 h 75977"/>
                <a:gd name="connsiteX9" fmla="*/ 355235 w 763096"/>
                <a:gd name="connsiteY9" fmla="*/ 49369 h 75977"/>
                <a:gd name="connsiteX10" fmla="*/ 197352 w 763096"/>
                <a:gd name="connsiteY10" fmla="*/ 62525 h 75977"/>
                <a:gd name="connsiteX11" fmla="*/ 157882 w 763096"/>
                <a:gd name="connsiteY11" fmla="*/ 65815 h 75977"/>
                <a:gd name="connsiteX12" fmla="*/ 131568 w 763096"/>
                <a:gd name="connsiteY12" fmla="*/ 69104 h 75977"/>
                <a:gd name="connsiteX13" fmla="*/ 108544 w 763096"/>
                <a:gd name="connsiteY13" fmla="*/ 72393 h 75977"/>
                <a:gd name="connsiteX14" fmla="*/ 65784 w 763096"/>
                <a:gd name="connsiteY14" fmla="*/ 75682 h 75977"/>
                <a:gd name="connsiteX15" fmla="*/ 0 w 763096"/>
                <a:gd name="connsiteY15" fmla="*/ 75682 h 75977"/>
                <a:gd name="connsiteX0" fmla="*/ 720336 w 720336"/>
                <a:gd name="connsiteY0" fmla="*/ 0 h 75946"/>
                <a:gd name="connsiteX1" fmla="*/ 664420 w 720336"/>
                <a:gd name="connsiteY1" fmla="*/ 9867 h 75946"/>
                <a:gd name="connsiteX2" fmla="*/ 618371 w 720336"/>
                <a:gd name="connsiteY2" fmla="*/ 16446 h 75946"/>
                <a:gd name="connsiteX3" fmla="*/ 595347 w 720336"/>
                <a:gd name="connsiteY3" fmla="*/ 26313 h 75946"/>
                <a:gd name="connsiteX4" fmla="*/ 532852 w 720336"/>
                <a:gd name="connsiteY4" fmla="*/ 36181 h 75946"/>
                <a:gd name="connsiteX5" fmla="*/ 470357 w 720336"/>
                <a:gd name="connsiteY5" fmla="*/ 42759 h 75946"/>
                <a:gd name="connsiteX6" fmla="*/ 450621 w 720336"/>
                <a:gd name="connsiteY6" fmla="*/ 46048 h 75946"/>
                <a:gd name="connsiteX7" fmla="*/ 437465 w 720336"/>
                <a:gd name="connsiteY7" fmla="*/ 49338 h 75946"/>
                <a:gd name="connsiteX8" fmla="*/ 355235 w 720336"/>
                <a:gd name="connsiteY8" fmla="*/ 49338 h 75946"/>
                <a:gd name="connsiteX9" fmla="*/ 197352 w 720336"/>
                <a:gd name="connsiteY9" fmla="*/ 62494 h 75946"/>
                <a:gd name="connsiteX10" fmla="*/ 157882 w 720336"/>
                <a:gd name="connsiteY10" fmla="*/ 65784 h 75946"/>
                <a:gd name="connsiteX11" fmla="*/ 131568 w 720336"/>
                <a:gd name="connsiteY11" fmla="*/ 69073 h 75946"/>
                <a:gd name="connsiteX12" fmla="*/ 108544 w 720336"/>
                <a:gd name="connsiteY12" fmla="*/ 72362 h 75946"/>
                <a:gd name="connsiteX13" fmla="*/ 65784 w 720336"/>
                <a:gd name="connsiteY13" fmla="*/ 75651 h 75946"/>
                <a:gd name="connsiteX14" fmla="*/ 0 w 720336"/>
                <a:gd name="connsiteY14" fmla="*/ 75651 h 75946"/>
                <a:gd name="connsiteX0" fmla="*/ 743360 w 743360"/>
                <a:gd name="connsiteY0" fmla="*/ 0 h 72657"/>
                <a:gd name="connsiteX1" fmla="*/ 664420 w 743360"/>
                <a:gd name="connsiteY1" fmla="*/ 6578 h 72657"/>
                <a:gd name="connsiteX2" fmla="*/ 618371 w 743360"/>
                <a:gd name="connsiteY2" fmla="*/ 13157 h 72657"/>
                <a:gd name="connsiteX3" fmla="*/ 595347 w 743360"/>
                <a:gd name="connsiteY3" fmla="*/ 23024 h 72657"/>
                <a:gd name="connsiteX4" fmla="*/ 532852 w 743360"/>
                <a:gd name="connsiteY4" fmla="*/ 32892 h 72657"/>
                <a:gd name="connsiteX5" fmla="*/ 470357 w 743360"/>
                <a:gd name="connsiteY5" fmla="*/ 39470 h 72657"/>
                <a:gd name="connsiteX6" fmla="*/ 450621 w 743360"/>
                <a:gd name="connsiteY6" fmla="*/ 42759 h 72657"/>
                <a:gd name="connsiteX7" fmla="*/ 437465 w 743360"/>
                <a:gd name="connsiteY7" fmla="*/ 46049 h 72657"/>
                <a:gd name="connsiteX8" fmla="*/ 355235 w 743360"/>
                <a:gd name="connsiteY8" fmla="*/ 46049 h 72657"/>
                <a:gd name="connsiteX9" fmla="*/ 197352 w 743360"/>
                <a:gd name="connsiteY9" fmla="*/ 59205 h 72657"/>
                <a:gd name="connsiteX10" fmla="*/ 157882 w 743360"/>
                <a:gd name="connsiteY10" fmla="*/ 62495 h 72657"/>
                <a:gd name="connsiteX11" fmla="*/ 131568 w 743360"/>
                <a:gd name="connsiteY11" fmla="*/ 65784 h 72657"/>
                <a:gd name="connsiteX12" fmla="*/ 108544 w 743360"/>
                <a:gd name="connsiteY12" fmla="*/ 69073 h 72657"/>
                <a:gd name="connsiteX13" fmla="*/ 65784 w 743360"/>
                <a:gd name="connsiteY13" fmla="*/ 72362 h 72657"/>
                <a:gd name="connsiteX14" fmla="*/ 0 w 743360"/>
                <a:gd name="connsiteY14" fmla="*/ 72362 h 72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43360" h="72657">
                  <a:moveTo>
                    <a:pt x="743360" y="0"/>
                  </a:moveTo>
                  <a:cubicBezTo>
                    <a:pt x="726914" y="548"/>
                    <a:pt x="685252" y="4385"/>
                    <a:pt x="664420" y="6578"/>
                  </a:cubicBezTo>
                  <a:cubicBezTo>
                    <a:pt x="643589" y="8771"/>
                    <a:pt x="622757" y="12060"/>
                    <a:pt x="618371" y="13157"/>
                  </a:cubicBezTo>
                  <a:cubicBezTo>
                    <a:pt x="602715" y="23594"/>
                    <a:pt x="614656" y="17231"/>
                    <a:pt x="595347" y="23024"/>
                  </a:cubicBezTo>
                  <a:cubicBezTo>
                    <a:pt x="554702" y="35218"/>
                    <a:pt x="597671" y="26816"/>
                    <a:pt x="532852" y="32892"/>
                  </a:cubicBezTo>
                  <a:cubicBezTo>
                    <a:pt x="511997" y="34847"/>
                    <a:pt x="491019" y="36027"/>
                    <a:pt x="470357" y="39470"/>
                  </a:cubicBezTo>
                  <a:cubicBezTo>
                    <a:pt x="463778" y="40566"/>
                    <a:pt x="457161" y="41451"/>
                    <a:pt x="450621" y="42759"/>
                  </a:cubicBezTo>
                  <a:cubicBezTo>
                    <a:pt x="446188" y="43646"/>
                    <a:pt x="453363" y="45501"/>
                    <a:pt x="437465" y="46049"/>
                  </a:cubicBezTo>
                  <a:cubicBezTo>
                    <a:pt x="421567" y="46597"/>
                    <a:pt x="370585" y="44953"/>
                    <a:pt x="355235" y="46049"/>
                  </a:cubicBezTo>
                  <a:lnTo>
                    <a:pt x="197352" y="59205"/>
                  </a:lnTo>
                  <a:lnTo>
                    <a:pt x="157882" y="62495"/>
                  </a:lnTo>
                  <a:cubicBezTo>
                    <a:pt x="149086" y="63375"/>
                    <a:pt x="140330" y="64616"/>
                    <a:pt x="131568" y="65784"/>
                  </a:cubicBezTo>
                  <a:cubicBezTo>
                    <a:pt x="123883" y="66809"/>
                    <a:pt x="116258" y="68302"/>
                    <a:pt x="108544" y="69073"/>
                  </a:cubicBezTo>
                  <a:cubicBezTo>
                    <a:pt x="94320" y="70495"/>
                    <a:pt x="80073" y="71929"/>
                    <a:pt x="65784" y="72362"/>
                  </a:cubicBezTo>
                  <a:cubicBezTo>
                    <a:pt x="43866" y="73026"/>
                    <a:pt x="21928" y="72362"/>
                    <a:pt x="0" y="7236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4" name="Freeform 1023"/>
            <p:cNvSpPr/>
            <p:nvPr/>
          </p:nvSpPr>
          <p:spPr bwMode="auto">
            <a:xfrm>
              <a:off x="6344379" y="2230082"/>
              <a:ext cx="414944" cy="904533"/>
            </a:xfrm>
            <a:custGeom>
              <a:avLst/>
              <a:gdLst>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72517 w 434330"/>
                <a:gd name="connsiteY18" fmla="*/ 608504 h 940714"/>
                <a:gd name="connsiteX19" fmla="*/ 95542 w 434330"/>
                <a:gd name="connsiteY19" fmla="*/ 621661 h 940714"/>
                <a:gd name="connsiteX20" fmla="*/ 131723 w 434330"/>
                <a:gd name="connsiteY20" fmla="*/ 651264 h 940714"/>
                <a:gd name="connsiteX21" fmla="*/ 141590 w 434330"/>
                <a:gd name="connsiteY21" fmla="*/ 654553 h 940714"/>
                <a:gd name="connsiteX22" fmla="*/ 161326 w 434330"/>
                <a:gd name="connsiteY22" fmla="*/ 670999 h 940714"/>
                <a:gd name="connsiteX23" fmla="*/ 167904 w 434330"/>
                <a:gd name="connsiteY23" fmla="*/ 680867 h 940714"/>
                <a:gd name="connsiteX24" fmla="*/ 174483 w 434330"/>
                <a:gd name="connsiteY24" fmla="*/ 687445 h 940714"/>
                <a:gd name="connsiteX25" fmla="*/ 184350 w 434330"/>
                <a:gd name="connsiteY25" fmla="*/ 694023 h 940714"/>
                <a:gd name="connsiteX26" fmla="*/ 190929 w 434330"/>
                <a:gd name="connsiteY26" fmla="*/ 700602 h 940714"/>
                <a:gd name="connsiteX27" fmla="*/ 200796 w 434330"/>
                <a:gd name="connsiteY27" fmla="*/ 707180 h 940714"/>
                <a:gd name="connsiteX28" fmla="*/ 207375 w 434330"/>
                <a:gd name="connsiteY28" fmla="*/ 713759 h 940714"/>
                <a:gd name="connsiteX29" fmla="*/ 217242 w 434330"/>
                <a:gd name="connsiteY29" fmla="*/ 720337 h 940714"/>
                <a:gd name="connsiteX30" fmla="*/ 236977 w 434330"/>
                <a:gd name="connsiteY30" fmla="*/ 736783 h 940714"/>
                <a:gd name="connsiteX31" fmla="*/ 246845 w 434330"/>
                <a:gd name="connsiteY31" fmla="*/ 740072 h 940714"/>
                <a:gd name="connsiteX32" fmla="*/ 276448 w 434330"/>
                <a:gd name="connsiteY32" fmla="*/ 759808 h 940714"/>
                <a:gd name="connsiteX33" fmla="*/ 286316 w 434330"/>
                <a:gd name="connsiteY33" fmla="*/ 763097 h 940714"/>
                <a:gd name="connsiteX34" fmla="*/ 302762 w 434330"/>
                <a:gd name="connsiteY34" fmla="*/ 776254 h 940714"/>
                <a:gd name="connsiteX35" fmla="*/ 312629 w 434330"/>
                <a:gd name="connsiteY35" fmla="*/ 782832 h 940714"/>
                <a:gd name="connsiteX36" fmla="*/ 319208 w 434330"/>
                <a:gd name="connsiteY36" fmla="*/ 789411 h 940714"/>
                <a:gd name="connsiteX37" fmla="*/ 332365 w 434330"/>
                <a:gd name="connsiteY37" fmla="*/ 799278 h 940714"/>
                <a:gd name="connsiteX38" fmla="*/ 338943 w 434330"/>
                <a:gd name="connsiteY38" fmla="*/ 805857 h 940714"/>
                <a:gd name="connsiteX39" fmla="*/ 365257 w 434330"/>
                <a:gd name="connsiteY39" fmla="*/ 825592 h 940714"/>
                <a:gd name="connsiteX40" fmla="*/ 375124 w 434330"/>
                <a:gd name="connsiteY40" fmla="*/ 845327 h 940714"/>
                <a:gd name="connsiteX41" fmla="*/ 394859 w 434330"/>
                <a:gd name="connsiteY41" fmla="*/ 878219 h 940714"/>
                <a:gd name="connsiteX42" fmla="*/ 401438 w 434330"/>
                <a:gd name="connsiteY42" fmla="*/ 884798 h 940714"/>
                <a:gd name="connsiteX43" fmla="*/ 414595 w 434330"/>
                <a:gd name="connsiteY43" fmla="*/ 904533 h 940714"/>
                <a:gd name="connsiteX44" fmla="*/ 421173 w 434330"/>
                <a:gd name="connsiteY44" fmla="*/ 914400 h 940714"/>
                <a:gd name="connsiteX45" fmla="*/ 431041 w 434330"/>
                <a:gd name="connsiteY45" fmla="*/ 930846 h 940714"/>
                <a:gd name="connsiteX46" fmla="*/ 434330 w 434330"/>
                <a:gd name="connsiteY46"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1326 w 434330"/>
                <a:gd name="connsiteY21" fmla="*/ 670999 h 940714"/>
                <a:gd name="connsiteX22" fmla="*/ 167904 w 434330"/>
                <a:gd name="connsiteY22" fmla="*/ 680867 h 940714"/>
                <a:gd name="connsiteX23" fmla="*/ 174483 w 434330"/>
                <a:gd name="connsiteY23" fmla="*/ 687445 h 940714"/>
                <a:gd name="connsiteX24" fmla="*/ 184350 w 434330"/>
                <a:gd name="connsiteY24" fmla="*/ 694023 h 940714"/>
                <a:gd name="connsiteX25" fmla="*/ 190929 w 434330"/>
                <a:gd name="connsiteY25" fmla="*/ 700602 h 940714"/>
                <a:gd name="connsiteX26" fmla="*/ 200796 w 434330"/>
                <a:gd name="connsiteY26" fmla="*/ 707180 h 940714"/>
                <a:gd name="connsiteX27" fmla="*/ 207375 w 434330"/>
                <a:gd name="connsiteY27" fmla="*/ 713759 h 940714"/>
                <a:gd name="connsiteX28" fmla="*/ 217242 w 434330"/>
                <a:gd name="connsiteY28" fmla="*/ 720337 h 940714"/>
                <a:gd name="connsiteX29" fmla="*/ 236977 w 434330"/>
                <a:gd name="connsiteY29" fmla="*/ 736783 h 940714"/>
                <a:gd name="connsiteX30" fmla="*/ 246845 w 434330"/>
                <a:gd name="connsiteY30" fmla="*/ 740072 h 940714"/>
                <a:gd name="connsiteX31" fmla="*/ 276448 w 434330"/>
                <a:gd name="connsiteY31" fmla="*/ 759808 h 940714"/>
                <a:gd name="connsiteX32" fmla="*/ 286316 w 434330"/>
                <a:gd name="connsiteY32" fmla="*/ 763097 h 940714"/>
                <a:gd name="connsiteX33" fmla="*/ 302762 w 434330"/>
                <a:gd name="connsiteY33" fmla="*/ 776254 h 940714"/>
                <a:gd name="connsiteX34" fmla="*/ 312629 w 434330"/>
                <a:gd name="connsiteY34" fmla="*/ 782832 h 940714"/>
                <a:gd name="connsiteX35" fmla="*/ 319208 w 434330"/>
                <a:gd name="connsiteY35" fmla="*/ 789411 h 940714"/>
                <a:gd name="connsiteX36" fmla="*/ 332365 w 434330"/>
                <a:gd name="connsiteY36" fmla="*/ 799278 h 940714"/>
                <a:gd name="connsiteX37" fmla="*/ 338943 w 434330"/>
                <a:gd name="connsiteY37" fmla="*/ 805857 h 940714"/>
                <a:gd name="connsiteX38" fmla="*/ 365257 w 434330"/>
                <a:gd name="connsiteY38" fmla="*/ 825592 h 940714"/>
                <a:gd name="connsiteX39" fmla="*/ 375124 w 434330"/>
                <a:gd name="connsiteY39" fmla="*/ 845327 h 940714"/>
                <a:gd name="connsiteX40" fmla="*/ 394859 w 434330"/>
                <a:gd name="connsiteY40" fmla="*/ 878219 h 940714"/>
                <a:gd name="connsiteX41" fmla="*/ 401438 w 434330"/>
                <a:gd name="connsiteY41" fmla="*/ 884798 h 940714"/>
                <a:gd name="connsiteX42" fmla="*/ 414595 w 434330"/>
                <a:gd name="connsiteY42" fmla="*/ 904533 h 940714"/>
                <a:gd name="connsiteX43" fmla="*/ 421173 w 434330"/>
                <a:gd name="connsiteY43" fmla="*/ 914400 h 940714"/>
                <a:gd name="connsiteX44" fmla="*/ 431041 w 434330"/>
                <a:gd name="connsiteY44" fmla="*/ 930846 h 940714"/>
                <a:gd name="connsiteX45" fmla="*/ 434330 w 434330"/>
                <a:gd name="connsiteY45"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84350 w 434330"/>
                <a:gd name="connsiteY23" fmla="*/ 694023 h 940714"/>
                <a:gd name="connsiteX24" fmla="*/ 190929 w 434330"/>
                <a:gd name="connsiteY24" fmla="*/ 700602 h 940714"/>
                <a:gd name="connsiteX25" fmla="*/ 200796 w 434330"/>
                <a:gd name="connsiteY25" fmla="*/ 707180 h 940714"/>
                <a:gd name="connsiteX26" fmla="*/ 207375 w 434330"/>
                <a:gd name="connsiteY26" fmla="*/ 713759 h 940714"/>
                <a:gd name="connsiteX27" fmla="*/ 217242 w 434330"/>
                <a:gd name="connsiteY27" fmla="*/ 720337 h 940714"/>
                <a:gd name="connsiteX28" fmla="*/ 236977 w 434330"/>
                <a:gd name="connsiteY28" fmla="*/ 736783 h 940714"/>
                <a:gd name="connsiteX29" fmla="*/ 246845 w 434330"/>
                <a:gd name="connsiteY29" fmla="*/ 740072 h 940714"/>
                <a:gd name="connsiteX30" fmla="*/ 276448 w 434330"/>
                <a:gd name="connsiteY30" fmla="*/ 759808 h 940714"/>
                <a:gd name="connsiteX31" fmla="*/ 286316 w 434330"/>
                <a:gd name="connsiteY31" fmla="*/ 763097 h 940714"/>
                <a:gd name="connsiteX32" fmla="*/ 302762 w 434330"/>
                <a:gd name="connsiteY32" fmla="*/ 776254 h 940714"/>
                <a:gd name="connsiteX33" fmla="*/ 312629 w 434330"/>
                <a:gd name="connsiteY33" fmla="*/ 782832 h 940714"/>
                <a:gd name="connsiteX34" fmla="*/ 319208 w 434330"/>
                <a:gd name="connsiteY34" fmla="*/ 789411 h 940714"/>
                <a:gd name="connsiteX35" fmla="*/ 332365 w 434330"/>
                <a:gd name="connsiteY35" fmla="*/ 799278 h 940714"/>
                <a:gd name="connsiteX36" fmla="*/ 338943 w 434330"/>
                <a:gd name="connsiteY36" fmla="*/ 805857 h 940714"/>
                <a:gd name="connsiteX37" fmla="*/ 365257 w 434330"/>
                <a:gd name="connsiteY37" fmla="*/ 825592 h 940714"/>
                <a:gd name="connsiteX38" fmla="*/ 375124 w 434330"/>
                <a:gd name="connsiteY38" fmla="*/ 845327 h 940714"/>
                <a:gd name="connsiteX39" fmla="*/ 394859 w 434330"/>
                <a:gd name="connsiteY39" fmla="*/ 878219 h 940714"/>
                <a:gd name="connsiteX40" fmla="*/ 401438 w 434330"/>
                <a:gd name="connsiteY40" fmla="*/ 884798 h 940714"/>
                <a:gd name="connsiteX41" fmla="*/ 414595 w 434330"/>
                <a:gd name="connsiteY41" fmla="*/ 904533 h 940714"/>
                <a:gd name="connsiteX42" fmla="*/ 421173 w 434330"/>
                <a:gd name="connsiteY42" fmla="*/ 914400 h 940714"/>
                <a:gd name="connsiteX43" fmla="*/ 431041 w 434330"/>
                <a:gd name="connsiteY43" fmla="*/ 930846 h 940714"/>
                <a:gd name="connsiteX44" fmla="*/ 434330 w 434330"/>
                <a:gd name="connsiteY44"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07375 w 434330"/>
                <a:gd name="connsiteY25" fmla="*/ 713759 h 940714"/>
                <a:gd name="connsiteX26" fmla="*/ 217242 w 434330"/>
                <a:gd name="connsiteY26" fmla="*/ 720337 h 940714"/>
                <a:gd name="connsiteX27" fmla="*/ 236977 w 434330"/>
                <a:gd name="connsiteY27" fmla="*/ 736783 h 940714"/>
                <a:gd name="connsiteX28" fmla="*/ 246845 w 434330"/>
                <a:gd name="connsiteY28" fmla="*/ 740072 h 940714"/>
                <a:gd name="connsiteX29" fmla="*/ 276448 w 434330"/>
                <a:gd name="connsiteY29" fmla="*/ 759808 h 940714"/>
                <a:gd name="connsiteX30" fmla="*/ 286316 w 434330"/>
                <a:gd name="connsiteY30" fmla="*/ 763097 h 940714"/>
                <a:gd name="connsiteX31" fmla="*/ 302762 w 434330"/>
                <a:gd name="connsiteY31" fmla="*/ 776254 h 940714"/>
                <a:gd name="connsiteX32" fmla="*/ 312629 w 434330"/>
                <a:gd name="connsiteY32" fmla="*/ 782832 h 940714"/>
                <a:gd name="connsiteX33" fmla="*/ 319208 w 434330"/>
                <a:gd name="connsiteY33" fmla="*/ 789411 h 940714"/>
                <a:gd name="connsiteX34" fmla="*/ 332365 w 434330"/>
                <a:gd name="connsiteY34" fmla="*/ 799278 h 940714"/>
                <a:gd name="connsiteX35" fmla="*/ 338943 w 434330"/>
                <a:gd name="connsiteY35" fmla="*/ 805857 h 940714"/>
                <a:gd name="connsiteX36" fmla="*/ 365257 w 434330"/>
                <a:gd name="connsiteY36" fmla="*/ 825592 h 940714"/>
                <a:gd name="connsiteX37" fmla="*/ 375124 w 434330"/>
                <a:gd name="connsiteY37" fmla="*/ 845327 h 940714"/>
                <a:gd name="connsiteX38" fmla="*/ 394859 w 434330"/>
                <a:gd name="connsiteY38" fmla="*/ 878219 h 940714"/>
                <a:gd name="connsiteX39" fmla="*/ 401438 w 434330"/>
                <a:gd name="connsiteY39" fmla="*/ 884798 h 940714"/>
                <a:gd name="connsiteX40" fmla="*/ 414595 w 434330"/>
                <a:gd name="connsiteY40" fmla="*/ 904533 h 940714"/>
                <a:gd name="connsiteX41" fmla="*/ 421173 w 434330"/>
                <a:gd name="connsiteY41" fmla="*/ 914400 h 940714"/>
                <a:gd name="connsiteX42" fmla="*/ 431041 w 434330"/>
                <a:gd name="connsiteY42" fmla="*/ 930846 h 940714"/>
                <a:gd name="connsiteX43" fmla="*/ 434330 w 434330"/>
                <a:gd name="connsiteY43"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00796 w 434330"/>
                <a:gd name="connsiteY24" fmla="*/ 707180 h 940714"/>
                <a:gd name="connsiteX25" fmla="*/ 217242 w 434330"/>
                <a:gd name="connsiteY25" fmla="*/ 720337 h 940714"/>
                <a:gd name="connsiteX26" fmla="*/ 236977 w 434330"/>
                <a:gd name="connsiteY26" fmla="*/ 736783 h 940714"/>
                <a:gd name="connsiteX27" fmla="*/ 246845 w 434330"/>
                <a:gd name="connsiteY27" fmla="*/ 740072 h 940714"/>
                <a:gd name="connsiteX28" fmla="*/ 276448 w 434330"/>
                <a:gd name="connsiteY28" fmla="*/ 759808 h 940714"/>
                <a:gd name="connsiteX29" fmla="*/ 286316 w 434330"/>
                <a:gd name="connsiteY29" fmla="*/ 763097 h 940714"/>
                <a:gd name="connsiteX30" fmla="*/ 302762 w 434330"/>
                <a:gd name="connsiteY30" fmla="*/ 776254 h 940714"/>
                <a:gd name="connsiteX31" fmla="*/ 312629 w 434330"/>
                <a:gd name="connsiteY31" fmla="*/ 782832 h 940714"/>
                <a:gd name="connsiteX32" fmla="*/ 319208 w 434330"/>
                <a:gd name="connsiteY32" fmla="*/ 789411 h 940714"/>
                <a:gd name="connsiteX33" fmla="*/ 332365 w 434330"/>
                <a:gd name="connsiteY33" fmla="*/ 799278 h 940714"/>
                <a:gd name="connsiteX34" fmla="*/ 338943 w 434330"/>
                <a:gd name="connsiteY34" fmla="*/ 805857 h 940714"/>
                <a:gd name="connsiteX35" fmla="*/ 365257 w 434330"/>
                <a:gd name="connsiteY35" fmla="*/ 825592 h 940714"/>
                <a:gd name="connsiteX36" fmla="*/ 375124 w 434330"/>
                <a:gd name="connsiteY36" fmla="*/ 845327 h 940714"/>
                <a:gd name="connsiteX37" fmla="*/ 394859 w 434330"/>
                <a:gd name="connsiteY37" fmla="*/ 878219 h 940714"/>
                <a:gd name="connsiteX38" fmla="*/ 401438 w 434330"/>
                <a:gd name="connsiteY38" fmla="*/ 884798 h 940714"/>
                <a:gd name="connsiteX39" fmla="*/ 414595 w 434330"/>
                <a:gd name="connsiteY39" fmla="*/ 904533 h 940714"/>
                <a:gd name="connsiteX40" fmla="*/ 421173 w 434330"/>
                <a:gd name="connsiteY40" fmla="*/ 914400 h 940714"/>
                <a:gd name="connsiteX41" fmla="*/ 431041 w 434330"/>
                <a:gd name="connsiteY41" fmla="*/ 930846 h 940714"/>
                <a:gd name="connsiteX42" fmla="*/ 434330 w 434330"/>
                <a:gd name="connsiteY42"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41590 w 434330"/>
                <a:gd name="connsiteY20" fmla="*/ 654553 h 940714"/>
                <a:gd name="connsiteX21" fmla="*/ 167904 w 434330"/>
                <a:gd name="connsiteY21" fmla="*/ 680867 h 940714"/>
                <a:gd name="connsiteX22" fmla="*/ 174483 w 434330"/>
                <a:gd name="connsiteY22" fmla="*/ 687445 h 940714"/>
                <a:gd name="connsiteX23" fmla="*/ 190929 w 434330"/>
                <a:gd name="connsiteY23" fmla="*/ 700602 h 940714"/>
                <a:gd name="connsiteX24" fmla="*/ 217242 w 434330"/>
                <a:gd name="connsiteY24" fmla="*/ 720337 h 940714"/>
                <a:gd name="connsiteX25" fmla="*/ 236977 w 434330"/>
                <a:gd name="connsiteY25" fmla="*/ 736783 h 940714"/>
                <a:gd name="connsiteX26" fmla="*/ 246845 w 434330"/>
                <a:gd name="connsiteY26" fmla="*/ 740072 h 940714"/>
                <a:gd name="connsiteX27" fmla="*/ 276448 w 434330"/>
                <a:gd name="connsiteY27" fmla="*/ 759808 h 940714"/>
                <a:gd name="connsiteX28" fmla="*/ 286316 w 434330"/>
                <a:gd name="connsiteY28" fmla="*/ 763097 h 940714"/>
                <a:gd name="connsiteX29" fmla="*/ 302762 w 434330"/>
                <a:gd name="connsiteY29" fmla="*/ 776254 h 940714"/>
                <a:gd name="connsiteX30" fmla="*/ 312629 w 434330"/>
                <a:gd name="connsiteY30" fmla="*/ 782832 h 940714"/>
                <a:gd name="connsiteX31" fmla="*/ 319208 w 434330"/>
                <a:gd name="connsiteY31" fmla="*/ 789411 h 940714"/>
                <a:gd name="connsiteX32" fmla="*/ 332365 w 434330"/>
                <a:gd name="connsiteY32" fmla="*/ 799278 h 940714"/>
                <a:gd name="connsiteX33" fmla="*/ 338943 w 434330"/>
                <a:gd name="connsiteY33" fmla="*/ 805857 h 940714"/>
                <a:gd name="connsiteX34" fmla="*/ 365257 w 434330"/>
                <a:gd name="connsiteY34" fmla="*/ 825592 h 940714"/>
                <a:gd name="connsiteX35" fmla="*/ 375124 w 434330"/>
                <a:gd name="connsiteY35" fmla="*/ 845327 h 940714"/>
                <a:gd name="connsiteX36" fmla="*/ 394859 w 434330"/>
                <a:gd name="connsiteY36" fmla="*/ 878219 h 940714"/>
                <a:gd name="connsiteX37" fmla="*/ 401438 w 434330"/>
                <a:gd name="connsiteY37" fmla="*/ 884798 h 940714"/>
                <a:gd name="connsiteX38" fmla="*/ 414595 w 434330"/>
                <a:gd name="connsiteY38" fmla="*/ 904533 h 940714"/>
                <a:gd name="connsiteX39" fmla="*/ 421173 w 434330"/>
                <a:gd name="connsiteY39" fmla="*/ 914400 h 940714"/>
                <a:gd name="connsiteX40" fmla="*/ 431041 w 434330"/>
                <a:gd name="connsiteY40" fmla="*/ 930846 h 940714"/>
                <a:gd name="connsiteX41" fmla="*/ 434330 w 434330"/>
                <a:gd name="connsiteY41"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02762 w 434330"/>
                <a:gd name="connsiteY28" fmla="*/ 776254 h 940714"/>
                <a:gd name="connsiteX29" fmla="*/ 312629 w 434330"/>
                <a:gd name="connsiteY29" fmla="*/ 782832 h 940714"/>
                <a:gd name="connsiteX30" fmla="*/ 319208 w 434330"/>
                <a:gd name="connsiteY30" fmla="*/ 789411 h 940714"/>
                <a:gd name="connsiteX31" fmla="*/ 332365 w 434330"/>
                <a:gd name="connsiteY31" fmla="*/ 799278 h 940714"/>
                <a:gd name="connsiteX32" fmla="*/ 338943 w 434330"/>
                <a:gd name="connsiteY32" fmla="*/ 805857 h 940714"/>
                <a:gd name="connsiteX33" fmla="*/ 365257 w 434330"/>
                <a:gd name="connsiteY33" fmla="*/ 825592 h 940714"/>
                <a:gd name="connsiteX34" fmla="*/ 375124 w 434330"/>
                <a:gd name="connsiteY34" fmla="*/ 845327 h 940714"/>
                <a:gd name="connsiteX35" fmla="*/ 394859 w 434330"/>
                <a:gd name="connsiteY35" fmla="*/ 878219 h 940714"/>
                <a:gd name="connsiteX36" fmla="*/ 401438 w 434330"/>
                <a:gd name="connsiteY36" fmla="*/ 884798 h 940714"/>
                <a:gd name="connsiteX37" fmla="*/ 414595 w 434330"/>
                <a:gd name="connsiteY37" fmla="*/ 904533 h 940714"/>
                <a:gd name="connsiteX38" fmla="*/ 421173 w 434330"/>
                <a:gd name="connsiteY38" fmla="*/ 914400 h 940714"/>
                <a:gd name="connsiteX39" fmla="*/ 431041 w 434330"/>
                <a:gd name="connsiteY39" fmla="*/ 930846 h 940714"/>
                <a:gd name="connsiteX40" fmla="*/ 434330 w 434330"/>
                <a:gd name="connsiteY40"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2365 w 434330"/>
                <a:gd name="connsiteY30" fmla="*/ 799278 h 940714"/>
                <a:gd name="connsiteX31" fmla="*/ 338943 w 434330"/>
                <a:gd name="connsiteY31" fmla="*/ 805857 h 940714"/>
                <a:gd name="connsiteX32" fmla="*/ 365257 w 434330"/>
                <a:gd name="connsiteY32" fmla="*/ 825592 h 940714"/>
                <a:gd name="connsiteX33" fmla="*/ 375124 w 434330"/>
                <a:gd name="connsiteY33" fmla="*/ 845327 h 940714"/>
                <a:gd name="connsiteX34" fmla="*/ 394859 w 434330"/>
                <a:gd name="connsiteY34" fmla="*/ 878219 h 940714"/>
                <a:gd name="connsiteX35" fmla="*/ 401438 w 434330"/>
                <a:gd name="connsiteY35" fmla="*/ 884798 h 940714"/>
                <a:gd name="connsiteX36" fmla="*/ 414595 w 434330"/>
                <a:gd name="connsiteY36" fmla="*/ 904533 h 940714"/>
                <a:gd name="connsiteX37" fmla="*/ 421173 w 434330"/>
                <a:gd name="connsiteY37" fmla="*/ 914400 h 940714"/>
                <a:gd name="connsiteX38" fmla="*/ 431041 w 434330"/>
                <a:gd name="connsiteY38" fmla="*/ 930846 h 940714"/>
                <a:gd name="connsiteX39" fmla="*/ 434330 w 434330"/>
                <a:gd name="connsiteY39"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19208 w 434330"/>
                <a:gd name="connsiteY29" fmla="*/ 789411 h 940714"/>
                <a:gd name="connsiteX30" fmla="*/ 338943 w 434330"/>
                <a:gd name="connsiteY30" fmla="*/ 805857 h 940714"/>
                <a:gd name="connsiteX31" fmla="*/ 365257 w 434330"/>
                <a:gd name="connsiteY31" fmla="*/ 825592 h 940714"/>
                <a:gd name="connsiteX32" fmla="*/ 375124 w 434330"/>
                <a:gd name="connsiteY32" fmla="*/ 845327 h 940714"/>
                <a:gd name="connsiteX33" fmla="*/ 394859 w 434330"/>
                <a:gd name="connsiteY33" fmla="*/ 878219 h 940714"/>
                <a:gd name="connsiteX34" fmla="*/ 401438 w 434330"/>
                <a:gd name="connsiteY34" fmla="*/ 884798 h 940714"/>
                <a:gd name="connsiteX35" fmla="*/ 414595 w 434330"/>
                <a:gd name="connsiteY35" fmla="*/ 904533 h 940714"/>
                <a:gd name="connsiteX36" fmla="*/ 421173 w 434330"/>
                <a:gd name="connsiteY36" fmla="*/ 914400 h 940714"/>
                <a:gd name="connsiteX37" fmla="*/ 431041 w 434330"/>
                <a:gd name="connsiteY37" fmla="*/ 930846 h 940714"/>
                <a:gd name="connsiteX38" fmla="*/ 434330 w 434330"/>
                <a:gd name="connsiteY38" fmla="*/ 940714 h 940714"/>
                <a:gd name="connsiteX0" fmla="*/ 6733 w 434330"/>
                <a:gd name="connsiteY0" fmla="*/ 0 h 940714"/>
                <a:gd name="connsiteX1" fmla="*/ 154 w 434330"/>
                <a:gd name="connsiteY1" fmla="*/ 85520 h 940714"/>
                <a:gd name="connsiteX2" fmla="*/ 3444 w 434330"/>
                <a:gd name="connsiteY2" fmla="*/ 184196 h 940714"/>
                <a:gd name="connsiteX3" fmla="*/ 16600 w 434330"/>
                <a:gd name="connsiteY3" fmla="*/ 203931 h 940714"/>
                <a:gd name="connsiteX4" fmla="*/ 23179 w 434330"/>
                <a:gd name="connsiteY4" fmla="*/ 213799 h 940714"/>
                <a:gd name="connsiteX5" fmla="*/ 33047 w 434330"/>
                <a:gd name="connsiteY5" fmla="*/ 246691 h 940714"/>
                <a:gd name="connsiteX6" fmla="*/ 36336 w 434330"/>
                <a:gd name="connsiteY6" fmla="*/ 256559 h 940714"/>
                <a:gd name="connsiteX7" fmla="*/ 46203 w 434330"/>
                <a:gd name="connsiteY7" fmla="*/ 279583 h 940714"/>
                <a:gd name="connsiteX8" fmla="*/ 72517 w 434330"/>
                <a:gd name="connsiteY8" fmla="*/ 299318 h 940714"/>
                <a:gd name="connsiteX9" fmla="*/ 82385 w 434330"/>
                <a:gd name="connsiteY9" fmla="*/ 302608 h 940714"/>
                <a:gd name="connsiteX10" fmla="*/ 92252 w 434330"/>
                <a:gd name="connsiteY10" fmla="*/ 309186 h 940714"/>
                <a:gd name="connsiteX11" fmla="*/ 92252 w 434330"/>
                <a:gd name="connsiteY11" fmla="*/ 480225 h 940714"/>
                <a:gd name="connsiteX12" fmla="*/ 85674 w 434330"/>
                <a:gd name="connsiteY12" fmla="*/ 499960 h 940714"/>
                <a:gd name="connsiteX13" fmla="*/ 82385 w 434330"/>
                <a:gd name="connsiteY13" fmla="*/ 513117 h 940714"/>
                <a:gd name="connsiteX14" fmla="*/ 72517 w 434330"/>
                <a:gd name="connsiteY14" fmla="*/ 542720 h 940714"/>
                <a:gd name="connsiteX15" fmla="*/ 65939 w 434330"/>
                <a:gd name="connsiteY15" fmla="*/ 562455 h 940714"/>
                <a:gd name="connsiteX16" fmla="*/ 62649 w 434330"/>
                <a:gd name="connsiteY16" fmla="*/ 572323 h 940714"/>
                <a:gd name="connsiteX17" fmla="*/ 65939 w 434330"/>
                <a:gd name="connsiteY17" fmla="*/ 598636 h 940714"/>
                <a:gd name="connsiteX18" fmla="*/ 95542 w 434330"/>
                <a:gd name="connsiteY18" fmla="*/ 621661 h 940714"/>
                <a:gd name="connsiteX19" fmla="*/ 131723 w 434330"/>
                <a:gd name="connsiteY19" fmla="*/ 651264 h 940714"/>
                <a:gd name="connsiteX20" fmla="*/ 167904 w 434330"/>
                <a:gd name="connsiteY20" fmla="*/ 680867 h 940714"/>
                <a:gd name="connsiteX21" fmla="*/ 174483 w 434330"/>
                <a:gd name="connsiteY21" fmla="*/ 687445 h 940714"/>
                <a:gd name="connsiteX22" fmla="*/ 190929 w 434330"/>
                <a:gd name="connsiteY22" fmla="*/ 700602 h 940714"/>
                <a:gd name="connsiteX23" fmla="*/ 217242 w 434330"/>
                <a:gd name="connsiteY23" fmla="*/ 720337 h 940714"/>
                <a:gd name="connsiteX24" fmla="*/ 236977 w 434330"/>
                <a:gd name="connsiteY24" fmla="*/ 736783 h 940714"/>
                <a:gd name="connsiteX25" fmla="*/ 246845 w 434330"/>
                <a:gd name="connsiteY25" fmla="*/ 740072 h 940714"/>
                <a:gd name="connsiteX26" fmla="*/ 276448 w 434330"/>
                <a:gd name="connsiteY26" fmla="*/ 759808 h 940714"/>
                <a:gd name="connsiteX27" fmla="*/ 286316 w 434330"/>
                <a:gd name="connsiteY27" fmla="*/ 763097 h 940714"/>
                <a:gd name="connsiteX28" fmla="*/ 312629 w 434330"/>
                <a:gd name="connsiteY28" fmla="*/ 782832 h 940714"/>
                <a:gd name="connsiteX29" fmla="*/ 338943 w 434330"/>
                <a:gd name="connsiteY29" fmla="*/ 805857 h 940714"/>
                <a:gd name="connsiteX30" fmla="*/ 365257 w 434330"/>
                <a:gd name="connsiteY30" fmla="*/ 825592 h 940714"/>
                <a:gd name="connsiteX31" fmla="*/ 375124 w 434330"/>
                <a:gd name="connsiteY31" fmla="*/ 845327 h 940714"/>
                <a:gd name="connsiteX32" fmla="*/ 394859 w 434330"/>
                <a:gd name="connsiteY32" fmla="*/ 878219 h 940714"/>
                <a:gd name="connsiteX33" fmla="*/ 401438 w 434330"/>
                <a:gd name="connsiteY33" fmla="*/ 884798 h 940714"/>
                <a:gd name="connsiteX34" fmla="*/ 414595 w 434330"/>
                <a:gd name="connsiteY34" fmla="*/ 904533 h 940714"/>
                <a:gd name="connsiteX35" fmla="*/ 421173 w 434330"/>
                <a:gd name="connsiteY35" fmla="*/ 914400 h 940714"/>
                <a:gd name="connsiteX36" fmla="*/ 431041 w 434330"/>
                <a:gd name="connsiteY36" fmla="*/ 930846 h 940714"/>
                <a:gd name="connsiteX37" fmla="*/ 434330 w 434330"/>
                <a:gd name="connsiteY37" fmla="*/ 940714 h 940714"/>
                <a:gd name="connsiteX0" fmla="*/ 6733 w 431041"/>
                <a:gd name="connsiteY0" fmla="*/ 0 h 930846"/>
                <a:gd name="connsiteX1" fmla="*/ 154 w 431041"/>
                <a:gd name="connsiteY1" fmla="*/ 85520 h 930846"/>
                <a:gd name="connsiteX2" fmla="*/ 3444 w 431041"/>
                <a:gd name="connsiteY2" fmla="*/ 184196 h 930846"/>
                <a:gd name="connsiteX3" fmla="*/ 16600 w 431041"/>
                <a:gd name="connsiteY3" fmla="*/ 203931 h 930846"/>
                <a:gd name="connsiteX4" fmla="*/ 23179 w 431041"/>
                <a:gd name="connsiteY4" fmla="*/ 213799 h 930846"/>
                <a:gd name="connsiteX5" fmla="*/ 33047 w 431041"/>
                <a:gd name="connsiteY5" fmla="*/ 246691 h 930846"/>
                <a:gd name="connsiteX6" fmla="*/ 36336 w 431041"/>
                <a:gd name="connsiteY6" fmla="*/ 256559 h 930846"/>
                <a:gd name="connsiteX7" fmla="*/ 46203 w 431041"/>
                <a:gd name="connsiteY7" fmla="*/ 279583 h 930846"/>
                <a:gd name="connsiteX8" fmla="*/ 72517 w 431041"/>
                <a:gd name="connsiteY8" fmla="*/ 299318 h 930846"/>
                <a:gd name="connsiteX9" fmla="*/ 82385 w 431041"/>
                <a:gd name="connsiteY9" fmla="*/ 302608 h 930846"/>
                <a:gd name="connsiteX10" fmla="*/ 92252 w 431041"/>
                <a:gd name="connsiteY10" fmla="*/ 309186 h 930846"/>
                <a:gd name="connsiteX11" fmla="*/ 92252 w 431041"/>
                <a:gd name="connsiteY11" fmla="*/ 480225 h 930846"/>
                <a:gd name="connsiteX12" fmla="*/ 85674 w 431041"/>
                <a:gd name="connsiteY12" fmla="*/ 499960 h 930846"/>
                <a:gd name="connsiteX13" fmla="*/ 82385 w 431041"/>
                <a:gd name="connsiteY13" fmla="*/ 513117 h 930846"/>
                <a:gd name="connsiteX14" fmla="*/ 72517 w 431041"/>
                <a:gd name="connsiteY14" fmla="*/ 542720 h 930846"/>
                <a:gd name="connsiteX15" fmla="*/ 65939 w 431041"/>
                <a:gd name="connsiteY15" fmla="*/ 562455 h 930846"/>
                <a:gd name="connsiteX16" fmla="*/ 62649 w 431041"/>
                <a:gd name="connsiteY16" fmla="*/ 572323 h 930846"/>
                <a:gd name="connsiteX17" fmla="*/ 65939 w 431041"/>
                <a:gd name="connsiteY17" fmla="*/ 598636 h 930846"/>
                <a:gd name="connsiteX18" fmla="*/ 95542 w 431041"/>
                <a:gd name="connsiteY18" fmla="*/ 621661 h 930846"/>
                <a:gd name="connsiteX19" fmla="*/ 131723 w 431041"/>
                <a:gd name="connsiteY19" fmla="*/ 651264 h 930846"/>
                <a:gd name="connsiteX20" fmla="*/ 167904 w 431041"/>
                <a:gd name="connsiteY20" fmla="*/ 680867 h 930846"/>
                <a:gd name="connsiteX21" fmla="*/ 174483 w 431041"/>
                <a:gd name="connsiteY21" fmla="*/ 687445 h 930846"/>
                <a:gd name="connsiteX22" fmla="*/ 190929 w 431041"/>
                <a:gd name="connsiteY22" fmla="*/ 700602 h 930846"/>
                <a:gd name="connsiteX23" fmla="*/ 217242 w 431041"/>
                <a:gd name="connsiteY23" fmla="*/ 720337 h 930846"/>
                <a:gd name="connsiteX24" fmla="*/ 236977 w 431041"/>
                <a:gd name="connsiteY24" fmla="*/ 736783 h 930846"/>
                <a:gd name="connsiteX25" fmla="*/ 246845 w 431041"/>
                <a:gd name="connsiteY25" fmla="*/ 740072 h 930846"/>
                <a:gd name="connsiteX26" fmla="*/ 276448 w 431041"/>
                <a:gd name="connsiteY26" fmla="*/ 759808 h 930846"/>
                <a:gd name="connsiteX27" fmla="*/ 286316 w 431041"/>
                <a:gd name="connsiteY27" fmla="*/ 763097 h 930846"/>
                <a:gd name="connsiteX28" fmla="*/ 312629 w 431041"/>
                <a:gd name="connsiteY28" fmla="*/ 782832 h 930846"/>
                <a:gd name="connsiteX29" fmla="*/ 338943 w 431041"/>
                <a:gd name="connsiteY29" fmla="*/ 805857 h 930846"/>
                <a:gd name="connsiteX30" fmla="*/ 365257 w 431041"/>
                <a:gd name="connsiteY30" fmla="*/ 825592 h 930846"/>
                <a:gd name="connsiteX31" fmla="*/ 375124 w 431041"/>
                <a:gd name="connsiteY31" fmla="*/ 845327 h 930846"/>
                <a:gd name="connsiteX32" fmla="*/ 394859 w 431041"/>
                <a:gd name="connsiteY32" fmla="*/ 878219 h 930846"/>
                <a:gd name="connsiteX33" fmla="*/ 401438 w 431041"/>
                <a:gd name="connsiteY33" fmla="*/ 884798 h 930846"/>
                <a:gd name="connsiteX34" fmla="*/ 414595 w 431041"/>
                <a:gd name="connsiteY34" fmla="*/ 904533 h 930846"/>
                <a:gd name="connsiteX35" fmla="*/ 421173 w 431041"/>
                <a:gd name="connsiteY35" fmla="*/ 914400 h 930846"/>
                <a:gd name="connsiteX36" fmla="*/ 431041 w 431041"/>
                <a:gd name="connsiteY36" fmla="*/ 930846 h 930846"/>
                <a:gd name="connsiteX0" fmla="*/ 6733 w 421173"/>
                <a:gd name="connsiteY0" fmla="*/ 0 h 914400"/>
                <a:gd name="connsiteX1" fmla="*/ 154 w 421173"/>
                <a:gd name="connsiteY1" fmla="*/ 85520 h 914400"/>
                <a:gd name="connsiteX2" fmla="*/ 3444 w 421173"/>
                <a:gd name="connsiteY2" fmla="*/ 184196 h 914400"/>
                <a:gd name="connsiteX3" fmla="*/ 16600 w 421173"/>
                <a:gd name="connsiteY3" fmla="*/ 203931 h 914400"/>
                <a:gd name="connsiteX4" fmla="*/ 23179 w 421173"/>
                <a:gd name="connsiteY4" fmla="*/ 213799 h 914400"/>
                <a:gd name="connsiteX5" fmla="*/ 33047 w 421173"/>
                <a:gd name="connsiteY5" fmla="*/ 246691 h 914400"/>
                <a:gd name="connsiteX6" fmla="*/ 36336 w 421173"/>
                <a:gd name="connsiteY6" fmla="*/ 256559 h 914400"/>
                <a:gd name="connsiteX7" fmla="*/ 46203 w 421173"/>
                <a:gd name="connsiteY7" fmla="*/ 279583 h 914400"/>
                <a:gd name="connsiteX8" fmla="*/ 72517 w 421173"/>
                <a:gd name="connsiteY8" fmla="*/ 299318 h 914400"/>
                <a:gd name="connsiteX9" fmla="*/ 82385 w 421173"/>
                <a:gd name="connsiteY9" fmla="*/ 302608 h 914400"/>
                <a:gd name="connsiteX10" fmla="*/ 92252 w 421173"/>
                <a:gd name="connsiteY10" fmla="*/ 309186 h 914400"/>
                <a:gd name="connsiteX11" fmla="*/ 92252 w 421173"/>
                <a:gd name="connsiteY11" fmla="*/ 480225 h 914400"/>
                <a:gd name="connsiteX12" fmla="*/ 85674 w 421173"/>
                <a:gd name="connsiteY12" fmla="*/ 499960 h 914400"/>
                <a:gd name="connsiteX13" fmla="*/ 82385 w 421173"/>
                <a:gd name="connsiteY13" fmla="*/ 513117 h 914400"/>
                <a:gd name="connsiteX14" fmla="*/ 72517 w 421173"/>
                <a:gd name="connsiteY14" fmla="*/ 542720 h 914400"/>
                <a:gd name="connsiteX15" fmla="*/ 65939 w 421173"/>
                <a:gd name="connsiteY15" fmla="*/ 562455 h 914400"/>
                <a:gd name="connsiteX16" fmla="*/ 62649 w 421173"/>
                <a:gd name="connsiteY16" fmla="*/ 572323 h 914400"/>
                <a:gd name="connsiteX17" fmla="*/ 65939 w 421173"/>
                <a:gd name="connsiteY17" fmla="*/ 598636 h 914400"/>
                <a:gd name="connsiteX18" fmla="*/ 95542 w 421173"/>
                <a:gd name="connsiteY18" fmla="*/ 621661 h 914400"/>
                <a:gd name="connsiteX19" fmla="*/ 131723 w 421173"/>
                <a:gd name="connsiteY19" fmla="*/ 651264 h 914400"/>
                <a:gd name="connsiteX20" fmla="*/ 167904 w 421173"/>
                <a:gd name="connsiteY20" fmla="*/ 680867 h 914400"/>
                <a:gd name="connsiteX21" fmla="*/ 174483 w 421173"/>
                <a:gd name="connsiteY21" fmla="*/ 687445 h 914400"/>
                <a:gd name="connsiteX22" fmla="*/ 190929 w 421173"/>
                <a:gd name="connsiteY22" fmla="*/ 700602 h 914400"/>
                <a:gd name="connsiteX23" fmla="*/ 217242 w 421173"/>
                <a:gd name="connsiteY23" fmla="*/ 720337 h 914400"/>
                <a:gd name="connsiteX24" fmla="*/ 236977 w 421173"/>
                <a:gd name="connsiteY24" fmla="*/ 736783 h 914400"/>
                <a:gd name="connsiteX25" fmla="*/ 246845 w 421173"/>
                <a:gd name="connsiteY25" fmla="*/ 740072 h 914400"/>
                <a:gd name="connsiteX26" fmla="*/ 276448 w 421173"/>
                <a:gd name="connsiteY26" fmla="*/ 759808 h 914400"/>
                <a:gd name="connsiteX27" fmla="*/ 286316 w 421173"/>
                <a:gd name="connsiteY27" fmla="*/ 763097 h 914400"/>
                <a:gd name="connsiteX28" fmla="*/ 312629 w 421173"/>
                <a:gd name="connsiteY28" fmla="*/ 782832 h 914400"/>
                <a:gd name="connsiteX29" fmla="*/ 338943 w 421173"/>
                <a:gd name="connsiteY29" fmla="*/ 805857 h 914400"/>
                <a:gd name="connsiteX30" fmla="*/ 365257 w 421173"/>
                <a:gd name="connsiteY30" fmla="*/ 825592 h 914400"/>
                <a:gd name="connsiteX31" fmla="*/ 375124 w 421173"/>
                <a:gd name="connsiteY31" fmla="*/ 845327 h 914400"/>
                <a:gd name="connsiteX32" fmla="*/ 394859 w 421173"/>
                <a:gd name="connsiteY32" fmla="*/ 878219 h 914400"/>
                <a:gd name="connsiteX33" fmla="*/ 401438 w 421173"/>
                <a:gd name="connsiteY33" fmla="*/ 884798 h 914400"/>
                <a:gd name="connsiteX34" fmla="*/ 414595 w 421173"/>
                <a:gd name="connsiteY34" fmla="*/ 904533 h 914400"/>
                <a:gd name="connsiteX35" fmla="*/ 421173 w 421173"/>
                <a:gd name="connsiteY35" fmla="*/ 914400 h 914400"/>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2649 w 414595"/>
                <a:gd name="connsiteY16" fmla="*/ 572323 h 904533"/>
                <a:gd name="connsiteX17" fmla="*/ 65939 w 414595"/>
                <a:gd name="connsiteY17" fmla="*/ 598636 h 904533"/>
                <a:gd name="connsiteX18" fmla="*/ 95542 w 414595"/>
                <a:gd name="connsiteY18" fmla="*/ 621661 h 904533"/>
                <a:gd name="connsiteX19" fmla="*/ 131723 w 414595"/>
                <a:gd name="connsiteY19" fmla="*/ 651264 h 904533"/>
                <a:gd name="connsiteX20" fmla="*/ 167904 w 414595"/>
                <a:gd name="connsiteY20" fmla="*/ 680867 h 904533"/>
                <a:gd name="connsiteX21" fmla="*/ 174483 w 414595"/>
                <a:gd name="connsiteY21" fmla="*/ 687445 h 904533"/>
                <a:gd name="connsiteX22" fmla="*/ 190929 w 414595"/>
                <a:gd name="connsiteY22" fmla="*/ 700602 h 904533"/>
                <a:gd name="connsiteX23" fmla="*/ 217242 w 414595"/>
                <a:gd name="connsiteY23" fmla="*/ 720337 h 904533"/>
                <a:gd name="connsiteX24" fmla="*/ 236977 w 414595"/>
                <a:gd name="connsiteY24" fmla="*/ 736783 h 904533"/>
                <a:gd name="connsiteX25" fmla="*/ 246845 w 414595"/>
                <a:gd name="connsiteY25" fmla="*/ 740072 h 904533"/>
                <a:gd name="connsiteX26" fmla="*/ 276448 w 414595"/>
                <a:gd name="connsiteY26" fmla="*/ 759808 h 904533"/>
                <a:gd name="connsiteX27" fmla="*/ 286316 w 414595"/>
                <a:gd name="connsiteY27" fmla="*/ 763097 h 904533"/>
                <a:gd name="connsiteX28" fmla="*/ 312629 w 414595"/>
                <a:gd name="connsiteY28" fmla="*/ 782832 h 904533"/>
                <a:gd name="connsiteX29" fmla="*/ 338943 w 414595"/>
                <a:gd name="connsiteY29" fmla="*/ 805857 h 904533"/>
                <a:gd name="connsiteX30" fmla="*/ 365257 w 414595"/>
                <a:gd name="connsiteY30" fmla="*/ 825592 h 904533"/>
                <a:gd name="connsiteX31" fmla="*/ 375124 w 414595"/>
                <a:gd name="connsiteY31" fmla="*/ 845327 h 904533"/>
                <a:gd name="connsiteX32" fmla="*/ 394859 w 414595"/>
                <a:gd name="connsiteY32" fmla="*/ 878219 h 904533"/>
                <a:gd name="connsiteX33" fmla="*/ 401438 w 414595"/>
                <a:gd name="connsiteY33" fmla="*/ 884798 h 904533"/>
                <a:gd name="connsiteX34" fmla="*/ 414595 w 414595"/>
                <a:gd name="connsiteY34"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65939 w 414595"/>
                <a:gd name="connsiteY16" fmla="*/ 598636 h 904533"/>
                <a:gd name="connsiteX17" fmla="*/ 95542 w 414595"/>
                <a:gd name="connsiteY17" fmla="*/ 621661 h 904533"/>
                <a:gd name="connsiteX18" fmla="*/ 131723 w 414595"/>
                <a:gd name="connsiteY18" fmla="*/ 651264 h 904533"/>
                <a:gd name="connsiteX19" fmla="*/ 167904 w 414595"/>
                <a:gd name="connsiteY19" fmla="*/ 680867 h 904533"/>
                <a:gd name="connsiteX20" fmla="*/ 174483 w 414595"/>
                <a:gd name="connsiteY20" fmla="*/ 687445 h 904533"/>
                <a:gd name="connsiteX21" fmla="*/ 190929 w 414595"/>
                <a:gd name="connsiteY21" fmla="*/ 700602 h 904533"/>
                <a:gd name="connsiteX22" fmla="*/ 217242 w 414595"/>
                <a:gd name="connsiteY22" fmla="*/ 720337 h 904533"/>
                <a:gd name="connsiteX23" fmla="*/ 236977 w 414595"/>
                <a:gd name="connsiteY23" fmla="*/ 736783 h 904533"/>
                <a:gd name="connsiteX24" fmla="*/ 246845 w 414595"/>
                <a:gd name="connsiteY24" fmla="*/ 740072 h 904533"/>
                <a:gd name="connsiteX25" fmla="*/ 276448 w 414595"/>
                <a:gd name="connsiteY25" fmla="*/ 759808 h 904533"/>
                <a:gd name="connsiteX26" fmla="*/ 286316 w 414595"/>
                <a:gd name="connsiteY26" fmla="*/ 763097 h 904533"/>
                <a:gd name="connsiteX27" fmla="*/ 312629 w 414595"/>
                <a:gd name="connsiteY27" fmla="*/ 782832 h 904533"/>
                <a:gd name="connsiteX28" fmla="*/ 338943 w 414595"/>
                <a:gd name="connsiteY28" fmla="*/ 805857 h 904533"/>
                <a:gd name="connsiteX29" fmla="*/ 365257 w 414595"/>
                <a:gd name="connsiteY29" fmla="*/ 825592 h 904533"/>
                <a:gd name="connsiteX30" fmla="*/ 375124 w 414595"/>
                <a:gd name="connsiteY30" fmla="*/ 845327 h 904533"/>
                <a:gd name="connsiteX31" fmla="*/ 394859 w 414595"/>
                <a:gd name="connsiteY31" fmla="*/ 878219 h 904533"/>
                <a:gd name="connsiteX32" fmla="*/ 401438 w 414595"/>
                <a:gd name="connsiteY32" fmla="*/ 884798 h 904533"/>
                <a:gd name="connsiteX33" fmla="*/ 414595 w 414595"/>
                <a:gd name="connsiteY33" fmla="*/ 904533 h 904533"/>
                <a:gd name="connsiteX0" fmla="*/ 6733 w 414595"/>
                <a:gd name="connsiteY0" fmla="*/ 0 h 904533"/>
                <a:gd name="connsiteX1" fmla="*/ 154 w 414595"/>
                <a:gd name="connsiteY1" fmla="*/ 85520 h 904533"/>
                <a:gd name="connsiteX2" fmla="*/ 3444 w 414595"/>
                <a:gd name="connsiteY2" fmla="*/ 184196 h 904533"/>
                <a:gd name="connsiteX3" fmla="*/ 16600 w 414595"/>
                <a:gd name="connsiteY3" fmla="*/ 203931 h 904533"/>
                <a:gd name="connsiteX4" fmla="*/ 23179 w 414595"/>
                <a:gd name="connsiteY4" fmla="*/ 213799 h 904533"/>
                <a:gd name="connsiteX5" fmla="*/ 33047 w 414595"/>
                <a:gd name="connsiteY5" fmla="*/ 246691 h 904533"/>
                <a:gd name="connsiteX6" fmla="*/ 36336 w 414595"/>
                <a:gd name="connsiteY6" fmla="*/ 256559 h 904533"/>
                <a:gd name="connsiteX7" fmla="*/ 46203 w 414595"/>
                <a:gd name="connsiteY7" fmla="*/ 279583 h 904533"/>
                <a:gd name="connsiteX8" fmla="*/ 72517 w 414595"/>
                <a:gd name="connsiteY8" fmla="*/ 299318 h 904533"/>
                <a:gd name="connsiteX9" fmla="*/ 82385 w 414595"/>
                <a:gd name="connsiteY9" fmla="*/ 302608 h 904533"/>
                <a:gd name="connsiteX10" fmla="*/ 92252 w 414595"/>
                <a:gd name="connsiteY10" fmla="*/ 309186 h 904533"/>
                <a:gd name="connsiteX11" fmla="*/ 92252 w 414595"/>
                <a:gd name="connsiteY11" fmla="*/ 480225 h 904533"/>
                <a:gd name="connsiteX12" fmla="*/ 85674 w 414595"/>
                <a:gd name="connsiteY12" fmla="*/ 499960 h 904533"/>
                <a:gd name="connsiteX13" fmla="*/ 82385 w 414595"/>
                <a:gd name="connsiteY13" fmla="*/ 513117 h 904533"/>
                <a:gd name="connsiteX14" fmla="*/ 72517 w 414595"/>
                <a:gd name="connsiteY14" fmla="*/ 542720 h 904533"/>
                <a:gd name="connsiteX15" fmla="*/ 65939 w 414595"/>
                <a:gd name="connsiteY15" fmla="*/ 562455 h 904533"/>
                <a:gd name="connsiteX16" fmla="*/ 95542 w 414595"/>
                <a:gd name="connsiteY16" fmla="*/ 621661 h 904533"/>
                <a:gd name="connsiteX17" fmla="*/ 131723 w 414595"/>
                <a:gd name="connsiteY17" fmla="*/ 651264 h 904533"/>
                <a:gd name="connsiteX18" fmla="*/ 167904 w 414595"/>
                <a:gd name="connsiteY18" fmla="*/ 680867 h 904533"/>
                <a:gd name="connsiteX19" fmla="*/ 174483 w 414595"/>
                <a:gd name="connsiteY19" fmla="*/ 687445 h 904533"/>
                <a:gd name="connsiteX20" fmla="*/ 190929 w 414595"/>
                <a:gd name="connsiteY20" fmla="*/ 700602 h 904533"/>
                <a:gd name="connsiteX21" fmla="*/ 217242 w 414595"/>
                <a:gd name="connsiteY21" fmla="*/ 720337 h 904533"/>
                <a:gd name="connsiteX22" fmla="*/ 236977 w 414595"/>
                <a:gd name="connsiteY22" fmla="*/ 736783 h 904533"/>
                <a:gd name="connsiteX23" fmla="*/ 246845 w 414595"/>
                <a:gd name="connsiteY23" fmla="*/ 740072 h 904533"/>
                <a:gd name="connsiteX24" fmla="*/ 276448 w 414595"/>
                <a:gd name="connsiteY24" fmla="*/ 759808 h 904533"/>
                <a:gd name="connsiteX25" fmla="*/ 286316 w 414595"/>
                <a:gd name="connsiteY25" fmla="*/ 763097 h 904533"/>
                <a:gd name="connsiteX26" fmla="*/ 312629 w 414595"/>
                <a:gd name="connsiteY26" fmla="*/ 782832 h 904533"/>
                <a:gd name="connsiteX27" fmla="*/ 338943 w 414595"/>
                <a:gd name="connsiteY27" fmla="*/ 805857 h 904533"/>
                <a:gd name="connsiteX28" fmla="*/ 365257 w 414595"/>
                <a:gd name="connsiteY28" fmla="*/ 825592 h 904533"/>
                <a:gd name="connsiteX29" fmla="*/ 375124 w 414595"/>
                <a:gd name="connsiteY29" fmla="*/ 845327 h 904533"/>
                <a:gd name="connsiteX30" fmla="*/ 394859 w 414595"/>
                <a:gd name="connsiteY30" fmla="*/ 878219 h 904533"/>
                <a:gd name="connsiteX31" fmla="*/ 401438 w 414595"/>
                <a:gd name="connsiteY31" fmla="*/ 884798 h 904533"/>
                <a:gd name="connsiteX32" fmla="*/ 414595 w 414595"/>
                <a:gd name="connsiteY32"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46552 w 414944"/>
                <a:gd name="connsiteY6" fmla="*/ 279583 h 904533"/>
                <a:gd name="connsiteX7" fmla="*/ 72866 w 414944"/>
                <a:gd name="connsiteY7" fmla="*/ 299318 h 904533"/>
                <a:gd name="connsiteX8" fmla="*/ 82734 w 414944"/>
                <a:gd name="connsiteY8" fmla="*/ 302608 h 904533"/>
                <a:gd name="connsiteX9" fmla="*/ 92601 w 414944"/>
                <a:gd name="connsiteY9" fmla="*/ 309186 h 904533"/>
                <a:gd name="connsiteX10" fmla="*/ 92601 w 414944"/>
                <a:gd name="connsiteY10" fmla="*/ 480225 h 904533"/>
                <a:gd name="connsiteX11" fmla="*/ 86023 w 414944"/>
                <a:gd name="connsiteY11" fmla="*/ 499960 h 904533"/>
                <a:gd name="connsiteX12" fmla="*/ 82734 w 414944"/>
                <a:gd name="connsiteY12" fmla="*/ 513117 h 904533"/>
                <a:gd name="connsiteX13" fmla="*/ 72866 w 414944"/>
                <a:gd name="connsiteY13" fmla="*/ 542720 h 904533"/>
                <a:gd name="connsiteX14" fmla="*/ 66288 w 414944"/>
                <a:gd name="connsiteY14" fmla="*/ 562455 h 904533"/>
                <a:gd name="connsiteX15" fmla="*/ 95891 w 414944"/>
                <a:gd name="connsiteY15" fmla="*/ 621661 h 904533"/>
                <a:gd name="connsiteX16" fmla="*/ 132072 w 414944"/>
                <a:gd name="connsiteY16" fmla="*/ 651264 h 904533"/>
                <a:gd name="connsiteX17" fmla="*/ 168253 w 414944"/>
                <a:gd name="connsiteY17" fmla="*/ 680867 h 904533"/>
                <a:gd name="connsiteX18" fmla="*/ 174832 w 414944"/>
                <a:gd name="connsiteY18" fmla="*/ 687445 h 904533"/>
                <a:gd name="connsiteX19" fmla="*/ 191278 w 414944"/>
                <a:gd name="connsiteY19" fmla="*/ 700602 h 904533"/>
                <a:gd name="connsiteX20" fmla="*/ 217591 w 414944"/>
                <a:gd name="connsiteY20" fmla="*/ 720337 h 904533"/>
                <a:gd name="connsiteX21" fmla="*/ 237326 w 414944"/>
                <a:gd name="connsiteY21" fmla="*/ 736783 h 904533"/>
                <a:gd name="connsiteX22" fmla="*/ 247194 w 414944"/>
                <a:gd name="connsiteY22" fmla="*/ 740072 h 904533"/>
                <a:gd name="connsiteX23" fmla="*/ 276797 w 414944"/>
                <a:gd name="connsiteY23" fmla="*/ 759808 h 904533"/>
                <a:gd name="connsiteX24" fmla="*/ 286665 w 414944"/>
                <a:gd name="connsiteY24" fmla="*/ 763097 h 904533"/>
                <a:gd name="connsiteX25" fmla="*/ 312978 w 414944"/>
                <a:gd name="connsiteY25" fmla="*/ 782832 h 904533"/>
                <a:gd name="connsiteX26" fmla="*/ 339292 w 414944"/>
                <a:gd name="connsiteY26" fmla="*/ 805857 h 904533"/>
                <a:gd name="connsiteX27" fmla="*/ 365606 w 414944"/>
                <a:gd name="connsiteY27" fmla="*/ 825592 h 904533"/>
                <a:gd name="connsiteX28" fmla="*/ 375473 w 414944"/>
                <a:gd name="connsiteY28" fmla="*/ 845327 h 904533"/>
                <a:gd name="connsiteX29" fmla="*/ 395208 w 414944"/>
                <a:gd name="connsiteY29" fmla="*/ 878219 h 904533"/>
                <a:gd name="connsiteX30" fmla="*/ 401787 w 414944"/>
                <a:gd name="connsiteY30" fmla="*/ 884798 h 904533"/>
                <a:gd name="connsiteX31" fmla="*/ 414944 w 414944"/>
                <a:gd name="connsiteY31"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82734 w 414944"/>
                <a:gd name="connsiteY7" fmla="*/ 302608 h 904533"/>
                <a:gd name="connsiteX8" fmla="*/ 92601 w 414944"/>
                <a:gd name="connsiteY8" fmla="*/ 309186 h 904533"/>
                <a:gd name="connsiteX9" fmla="*/ 92601 w 414944"/>
                <a:gd name="connsiteY9" fmla="*/ 480225 h 904533"/>
                <a:gd name="connsiteX10" fmla="*/ 86023 w 414944"/>
                <a:gd name="connsiteY10" fmla="*/ 499960 h 904533"/>
                <a:gd name="connsiteX11" fmla="*/ 82734 w 414944"/>
                <a:gd name="connsiteY11" fmla="*/ 513117 h 904533"/>
                <a:gd name="connsiteX12" fmla="*/ 72866 w 414944"/>
                <a:gd name="connsiteY12" fmla="*/ 542720 h 904533"/>
                <a:gd name="connsiteX13" fmla="*/ 66288 w 414944"/>
                <a:gd name="connsiteY13" fmla="*/ 562455 h 904533"/>
                <a:gd name="connsiteX14" fmla="*/ 95891 w 414944"/>
                <a:gd name="connsiteY14" fmla="*/ 621661 h 904533"/>
                <a:gd name="connsiteX15" fmla="*/ 132072 w 414944"/>
                <a:gd name="connsiteY15" fmla="*/ 651264 h 904533"/>
                <a:gd name="connsiteX16" fmla="*/ 168253 w 414944"/>
                <a:gd name="connsiteY16" fmla="*/ 680867 h 904533"/>
                <a:gd name="connsiteX17" fmla="*/ 174832 w 414944"/>
                <a:gd name="connsiteY17" fmla="*/ 687445 h 904533"/>
                <a:gd name="connsiteX18" fmla="*/ 191278 w 414944"/>
                <a:gd name="connsiteY18" fmla="*/ 700602 h 904533"/>
                <a:gd name="connsiteX19" fmla="*/ 217591 w 414944"/>
                <a:gd name="connsiteY19" fmla="*/ 720337 h 904533"/>
                <a:gd name="connsiteX20" fmla="*/ 237326 w 414944"/>
                <a:gd name="connsiteY20" fmla="*/ 736783 h 904533"/>
                <a:gd name="connsiteX21" fmla="*/ 247194 w 414944"/>
                <a:gd name="connsiteY21" fmla="*/ 740072 h 904533"/>
                <a:gd name="connsiteX22" fmla="*/ 276797 w 414944"/>
                <a:gd name="connsiteY22" fmla="*/ 759808 h 904533"/>
                <a:gd name="connsiteX23" fmla="*/ 286665 w 414944"/>
                <a:gd name="connsiteY23" fmla="*/ 763097 h 904533"/>
                <a:gd name="connsiteX24" fmla="*/ 312978 w 414944"/>
                <a:gd name="connsiteY24" fmla="*/ 782832 h 904533"/>
                <a:gd name="connsiteX25" fmla="*/ 339292 w 414944"/>
                <a:gd name="connsiteY25" fmla="*/ 805857 h 904533"/>
                <a:gd name="connsiteX26" fmla="*/ 365606 w 414944"/>
                <a:gd name="connsiteY26" fmla="*/ 825592 h 904533"/>
                <a:gd name="connsiteX27" fmla="*/ 375473 w 414944"/>
                <a:gd name="connsiteY27" fmla="*/ 845327 h 904533"/>
                <a:gd name="connsiteX28" fmla="*/ 395208 w 414944"/>
                <a:gd name="connsiteY28" fmla="*/ 878219 h 904533"/>
                <a:gd name="connsiteX29" fmla="*/ 401787 w 414944"/>
                <a:gd name="connsiteY29" fmla="*/ 884798 h 904533"/>
                <a:gd name="connsiteX30" fmla="*/ 414944 w 414944"/>
                <a:gd name="connsiteY30" fmla="*/ 904533 h 904533"/>
                <a:gd name="connsiteX0" fmla="*/ 7082 w 414944"/>
                <a:gd name="connsiteY0" fmla="*/ 0 h 904533"/>
                <a:gd name="connsiteX1" fmla="*/ 503 w 414944"/>
                <a:gd name="connsiteY1" fmla="*/ 85520 h 904533"/>
                <a:gd name="connsiteX2" fmla="*/ 16949 w 414944"/>
                <a:gd name="connsiteY2" fmla="*/ 203931 h 904533"/>
                <a:gd name="connsiteX3" fmla="*/ 23528 w 414944"/>
                <a:gd name="connsiteY3" fmla="*/ 213799 h 904533"/>
                <a:gd name="connsiteX4" fmla="*/ 33396 w 414944"/>
                <a:gd name="connsiteY4" fmla="*/ 246691 h 904533"/>
                <a:gd name="connsiteX5" fmla="*/ 36685 w 414944"/>
                <a:gd name="connsiteY5" fmla="*/ 256559 h 904533"/>
                <a:gd name="connsiteX6" fmla="*/ 72866 w 414944"/>
                <a:gd name="connsiteY6" fmla="*/ 299318 h 904533"/>
                <a:gd name="connsiteX7" fmla="*/ 92601 w 414944"/>
                <a:gd name="connsiteY7" fmla="*/ 309186 h 904533"/>
                <a:gd name="connsiteX8" fmla="*/ 92601 w 414944"/>
                <a:gd name="connsiteY8" fmla="*/ 480225 h 904533"/>
                <a:gd name="connsiteX9" fmla="*/ 86023 w 414944"/>
                <a:gd name="connsiteY9" fmla="*/ 499960 h 904533"/>
                <a:gd name="connsiteX10" fmla="*/ 82734 w 414944"/>
                <a:gd name="connsiteY10" fmla="*/ 513117 h 904533"/>
                <a:gd name="connsiteX11" fmla="*/ 72866 w 414944"/>
                <a:gd name="connsiteY11" fmla="*/ 542720 h 904533"/>
                <a:gd name="connsiteX12" fmla="*/ 66288 w 414944"/>
                <a:gd name="connsiteY12" fmla="*/ 562455 h 904533"/>
                <a:gd name="connsiteX13" fmla="*/ 95891 w 414944"/>
                <a:gd name="connsiteY13" fmla="*/ 621661 h 904533"/>
                <a:gd name="connsiteX14" fmla="*/ 132072 w 414944"/>
                <a:gd name="connsiteY14" fmla="*/ 651264 h 904533"/>
                <a:gd name="connsiteX15" fmla="*/ 168253 w 414944"/>
                <a:gd name="connsiteY15" fmla="*/ 680867 h 904533"/>
                <a:gd name="connsiteX16" fmla="*/ 174832 w 414944"/>
                <a:gd name="connsiteY16" fmla="*/ 687445 h 904533"/>
                <a:gd name="connsiteX17" fmla="*/ 191278 w 414944"/>
                <a:gd name="connsiteY17" fmla="*/ 700602 h 904533"/>
                <a:gd name="connsiteX18" fmla="*/ 217591 w 414944"/>
                <a:gd name="connsiteY18" fmla="*/ 720337 h 904533"/>
                <a:gd name="connsiteX19" fmla="*/ 237326 w 414944"/>
                <a:gd name="connsiteY19" fmla="*/ 736783 h 904533"/>
                <a:gd name="connsiteX20" fmla="*/ 247194 w 414944"/>
                <a:gd name="connsiteY20" fmla="*/ 740072 h 904533"/>
                <a:gd name="connsiteX21" fmla="*/ 276797 w 414944"/>
                <a:gd name="connsiteY21" fmla="*/ 759808 h 904533"/>
                <a:gd name="connsiteX22" fmla="*/ 286665 w 414944"/>
                <a:gd name="connsiteY22" fmla="*/ 763097 h 904533"/>
                <a:gd name="connsiteX23" fmla="*/ 312978 w 414944"/>
                <a:gd name="connsiteY23" fmla="*/ 782832 h 904533"/>
                <a:gd name="connsiteX24" fmla="*/ 339292 w 414944"/>
                <a:gd name="connsiteY24" fmla="*/ 805857 h 904533"/>
                <a:gd name="connsiteX25" fmla="*/ 365606 w 414944"/>
                <a:gd name="connsiteY25" fmla="*/ 825592 h 904533"/>
                <a:gd name="connsiteX26" fmla="*/ 375473 w 414944"/>
                <a:gd name="connsiteY26" fmla="*/ 845327 h 904533"/>
                <a:gd name="connsiteX27" fmla="*/ 395208 w 414944"/>
                <a:gd name="connsiteY27" fmla="*/ 878219 h 904533"/>
                <a:gd name="connsiteX28" fmla="*/ 401787 w 414944"/>
                <a:gd name="connsiteY28" fmla="*/ 884798 h 904533"/>
                <a:gd name="connsiteX29" fmla="*/ 414944 w 414944"/>
                <a:gd name="connsiteY29" fmla="*/ 904533 h 904533"/>
                <a:gd name="connsiteX0" fmla="*/ 7082 w 414944"/>
                <a:gd name="connsiteY0" fmla="*/ 0 h 904533"/>
                <a:gd name="connsiteX1" fmla="*/ 503 w 414944"/>
                <a:gd name="connsiteY1" fmla="*/ 85520 h 904533"/>
                <a:gd name="connsiteX2" fmla="*/ 16949 w 414944"/>
                <a:gd name="connsiteY2" fmla="*/ 203931 h 904533"/>
                <a:gd name="connsiteX3" fmla="*/ 33396 w 414944"/>
                <a:gd name="connsiteY3" fmla="*/ 246691 h 904533"/>
                <a:gd name="connsiteX4" fmla="*/ 36685 w 414944"/>
                <a:gd name="connsiteY4" fmla="*/ 256559 h 904533"/>
                <a:gd name="connsiteX5" fmla="*/ 72866 w 414944"/>
                <a:gd name="connsiteY5" fmla="*/ 299318 h 904533"/>
                <a:gd name="connsiteX6" fmla="*/ 92601 w 414944"/>
                <a:gd name="connsiteY6" fmla="*/ 309186 h 904533"/>
                <a:gd name="connsiteX7" fmla="*/ 92601 w 414944"/>
                <a:gd name="connsiteY7" fmla="*/ 480225 h 904533"/>
                <a:gd name="connsiteX8" fmla="*/ 86023 w 414944"/>
                <a:gd name="connsiteY8" fmla="*/ 499960 h 904533"/>
                <a:gd name="connsiteX9" fmla="*/ 82734 w 414944"/>
                <a:gd name="connsiteY9" fmla="*/ 513117 h 904533"/>
                <a:gd name="connsiteX10" fmla="*/ 72866 w 414944"/>
                <a:gd name="connsiteY10" fmla="*/ 542720 h 904533"/>
                <a:gd name="connsiteX11" fmla="*/ 66288 w 414944"/>
                <a:gd name="connsiteY11" fmla="*/ 562455 h 904533"/>
                <a:gd name="connsiteX12" fmla="*/ 95891 w 414944"/>
                <a:gd name="connsiteY12" fmla="*/ 621661 h 904533"/>
                <a:gd name="connsiteX13" fmla="*/ 132072 w 414944"/>
                <a:gd name="connsiteY13" fmla="*/ 651264 h 904533"/>
                <a:gd name="connsiteX14" fmla="*/ 168253 w 414944"/>
                <a:gd name="connsiteY14" fmla="*/ 680867 h 904533"/>
                <a:gd name="connsiteX15" fmla="*/ 174832 w 414944"/>
                <a:gd name="connsiteY15" fmla="*/ 687445 h 904533"/>
                <a:gd name="connsiteX16" fmla="*/ 191278 w 414944"/>
                <a:gd name="connsiteY16" fmla="*/ 700602 h 904533"/>
                <a:gd name="connsiteX17" fmla="*/ 217591 w 414944"/>
                <a:gd name="connsiteY17" fmla="*/ 720337 h 904533"/>
                <a:gd name="connsiteX18" fmla="*/ 237326 w 414944"/>
                <a:gd name="connsiteY18" fmla="*/ 736783 h 904533"/>
                <a:gd name="connsiteX19" fmla="*/ 247194 w 414944"/>
                <a:gd name="connsiteY19" fmla="*/ 740072 h 904533"/>
                <a:gd name="connsiteX20" fmla="*/ 276797 w 414944"/>
                <a:gd name="connsiteY20" fmla="*/ 759808 h 904533"/>
                <a:gd name="connsiteX21" fmla="*/ 286665 w 414944"/>
                <a:gd name="connsiteY21" fmla="*/ 763097 h 904533"/>
                <a:gd name="connsiteX22" fmla="*/ 312978 w 414944"/>
                <a:gd name="connsiteY22" fmla="*/ 782832 h 904533"/>
                <a:gd name="connsiteX23" fmla="*/ 339292 w 414944"/>
                <a:gd name="connsiteY23" fmla="*/ 805857 h 904533"/>
                <a:gd name="connsiteX24" fmla="*/ 365606 w 414944"/>
                <a:gd name="connsiteY24" fmla="*/ 825592 h 904533"/>
                <a:gd name="connsiteX25" fmla="*/ 375473 w 414944"/>
                <a:gd name="connsiteY25" fmla="*/ 845327 h 904533"/>
                <a:gd name="connsiteX26" fmla="*/ 395208 w 414944"/>
                <a:gd name="connsiteY26" fmla="*/ 878219 h 904533"/>
                <a:gd name="connsiteX27" fmla="*/ 401787 w 414944"/>
                <a:gd name="connsiteY27" fmla="*/ 884798 h 904533"/>
                <a:gd name="connsiteX28" fmla="*/ 414944 w 414944"/>
                <a:gd name="connsiteY28" fmla="*/ 904533 h 9045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14944" h="904533">
                  <a:moveTo>
                    <a:pt x="7082" y="0"/>
                  </a:moveTo>
                  <a:cubicBezTo>
                    <a:pt x="1285" y="34788"/>
                    <a:pt x="-1141" y="51532"/>
                    <a:pt x="503" y="85520"/>
                  </a:cubicBezTo>
                  <a:cubicBezTo>
                    <a:pt x="2147" y="119508"/>
                    <a:pt x="11467" y="177069"/>
                    <a:pt x="16949" y="203931"/>
                  </a:cubicBezTo>
                  <a:cubicBezTo>
                    <a:pt x="22431" y="230793"/>
                    <a:pt x="30107" y="237920"/>
                    <a:pt x="33396" y="246691"/>
                  </a:cubicBezTo>
                  <a:cubicBezTo>
                    <a:pt x="36685" y="255462"/>
                    <a:pt x="30107" y="247788"/>
                    <a:pt x="36685" y="256559"/>
                  </a:cubicBezTo>
                  <a:cubicBezTo>
                    <a:pt x="43263" y="265330"/>
                    <a:pt x="63547" y="290547"/>
                    <a:pt x="72866" y="299318"/>
                  </a:cubicBezTo>
                  <a:cubicBezTo>
                    <a:pt x="82185" y="308089"/>
                    <a:pt x="89312" y="279035"/>
                    <a:pt x="92601" y="309186"/>
                  </a:cubicBezTo>
                  <a:cubicBezTo>
                    <a:pt x="112575" y="369096"/>
                    <a:pt x="100791" y="330073"/>
                    <a:pt x="92601" y="480225"/>
                  </a:cubicBezTo>
                  <a:cubicBezTo>
                    <a:pt x="92223" y="487149"/>
                    <a:pt x="87705" y="493233"/>
                    <a:pt x="86023" y="499960"/>
                  </a:cubicBezTo>
                  <a:cubicBezTo>
                    <a:pt x="84927" y="504346"/>
                    <a:pt x="84033" y="508787"/>
                    <a:pt x="82734" y="513117"/>
                  </a:cubicBezTo>
                  <a:cubicBezTo>
                    <a:pt x="79745" y="523080"/>
                    <a:pt x="76155" y="532852"/>
                    <a:pt x="72866" y="542720"/>
                  </a:cubicBezTo>
                  <a:lnTo>
                    <a:pt x="66288" y="562455"/>
                  </a:lnTo>
                  <a:lnTo>
                    <a:pt x="95891" y="621661"/>
                  </a:lnTo>
                  <a:cubicBezTo>
                    <a:pt x="117928" y="643698"/>
                    <a:pt x="120012" y="641396"/>
                    <a:pt x="132072" y="651264"/>
                  </a:cubicBezTo>
                  <a:lnTo>
                    <a:pt x="168253" y="680867"/>
                  </a:lnTo>
                  <a:cubicBezTo>
                    <a:pt x="175380" y="686897"/>
                    <a:pt x="170995" y="684156"/>
                    <a:pt x="174832" y="687445"/>
                  </a:cubicBezTo>
                  <a:cubicBezTo>
                    <a:pt x="178670" y="690734"/>
                    <a:pt x="184152" y="695120"/>
                    <a:pt x="191278" y="700602"/>
                  </a:cubicBezTo>
                  <a:cubicBezTo>
                    <a:pt x="198404" y="706084"/>
                    <a:pt x="209916" y="714307"/>
                    <a:pt x="217591" y="720337"/>
                  </a:cubicBezTo>
                  <a:cubicBezTo>
                    <a:pt x="225266" y="726367"/>
                    <a:pt x="217739" y="725591"/>
                    <a:pt x="237326" y="736783"/>
                  </a:cubicBezTo>
                  <a:cubicBezTo>
                    <a:pt x="240336" y="738503"/>
                    <a:pt x="243905" y="738976"/>
                    <a:pt x="247194" y="740072"/>
                  </a:cubicBezTo>
                  <a:lnTo>
                    <a:pt x="276797" y="759808"/>
                  </a:lnTo>
                  <a:cubicBezTo>
                    <a:pt x="279682" y="761731"/>
                    <a:pt x="283376" y="762001"/>
                    <a:pt x="286665" y="763097"/>
                  </a:cubicBezTo>
                  <a:cubicBezTo>
                    <a:pt x="292695" y="766934"/>
                    <a:pt x="304207" y="775705"/>
                    <a:pt x="312978" y="782832"/>
                  </a:cubicBezTo>
                  <a:cubicBezTo>
                    <a:pt x="321749" y="789959"/>
                    <a:pt x="330521" y="798730"/>
                    <a:pt x="339292" y="805857"/>
                  </a:cubicBezTo>
                  <a:cubicBezTo>
                    <a:pt x="348063" y="812984"/>
                    <a:pt x="350517" y="810503"/>
                    <a:pt x="365606" y="825592"/>
                  </a:cubicBezTo>
                  <a:cubicBezTo>
                    <a:pt x="371635" y="843680"/>
                    <a:pt x="365273" y="827476"/>
                    <a:pt x="375473" y="845327"/>
                  </a:cubicBezTo>
                  <a:cubicBezTo>
                    <a:pt x="382392" y="857436"/>
                    <a:pt x="384485" y="867496"/>
                    <a:pt x="395208" y="878219"/>
                  </a:cubicBezTo>
                  <a:cubicBezTo>
                    <a:pt x="397401" y="880412"/>
                    <a:pt x="399926" y="882317"/>
                    <a:pt x="401787" y="884798"/>
                  </a:cubicBezTo>
                  <a:cubicBezTo>
                    <a:pt x="406531" y="891123"/>
                    <a:pt x="410558" y="897955"/>
                    <a:pt x="414944" y="904533"/>
                  </a:cubicBezTo>
                </a:path>
              </a:pathLst>
            </a:custGeom>
            <a:noFill/>
            <a:ln w="76200">
              <a:solidFill>
                <a:srgbClr val="0033CC"/>
              </a:solidFill>
              <a:headEnd type="none" w="med" len="med"/>
              <a:tailEnd type="triangle" w="sm" len="sm"/>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1" name="Freeform 20"/>
            <p:cNvSpPr/>
            <p:nvPr/>
          </p:nvSpPr>
          <p:spPr bwMode="auto">
            <a:xfrm>
              <a:off x="4627917" y="1378177"/>
              <a:ext cx="1789406" cy="565745"/>
            </a:xfrm>
            <a:custGeom>
              <a:avLst/>
              <a:gdLst>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67669 w 1766352"/>
                <a:gd name="connsiteY43" fmla="*/ 115123 h 575612"/>
                <a:gd name="connsiteX44" fmla="*/ 1197272 w 1766352"/>
                <a:gd name="connsiteY44" fmla="*/ 101966 h 575612"/>
                <a:gd name="connsiteX45" fmla="*/ 1207140 w 1766352"/>
                <a:gd name="connsiteY45" fmla="*/ 98676 h 575612"/>
                <a:gd name="connsiteX46" fmla="*/ 1256478 w 1766352"/>
                <a:gd name="connsiteY46" fmla="*/ 101966 h 575612"/>
                <a:gd name="connsiteX47" fmla="*/ 1269634 w 1766352"/>
                <a:gd name="connsiteY47" fmla="*/ 105255 h 575612"/>
                <a:gd name="connsiteX48" fmla="*/ 1286081 w 1766352"/>
                <a:gd name="connsiteY48" fmla="*/ 108544 h 575612"/>
                <a:gd name="connsiteX49" fmla="*/ 1312394 w 1766352"/>
                <a:gd name="connsiteY49" fmla="*/ 115123 h 575612"/>
                <a:gd name="connsiteX50" fmla="*/ 1417649 w 1766352"/>
                <a:gd name="connsiteY50" fmla="*/ 124990 h 575612"/>
                <a:gd name="connsiteX51" fmla="*/ 1427517 w 1766352"/>
                <a:gd name="connsiteY51" fmla="*/ 131569 h 575612"/>
                <a:gd name="connsiteX52" fmla="*/ 1437384 w 1766352"/>
                <a:gd name="connsiteY52" fmla="*/ 134858 h 575612"/>
                <a:gd name="connsiteX53" fmla="*/ 1443963 w 1766352"/>
                <a:gd name="connsiteY53" fmla="*/ 144725 h 575612"/>
                <a:gd name="connsiteX54" fmla="*/ 1453830 w 1766352"/>
                <a:gd name="connsiteY54" fmla="*/ 148015 h 575612"/>
                <a:gd name="connsiteX55" fmla="*/ 1483433 w 1766352"/>
                <a:gd name="connsiteY55" fmla="*/ 157882 h 575612"/>
                <a:gd name="connsiteX56" fmla="*/ 1503168 w 1766352"/>
                <a:gd name="connsiteY56" fmla="*/ 164461 h 575612"/>
                <a:gd name="connsiteX57" fmla="*/ 1516325 w 1766352"/>
                <a:gd name="connsiteY57" fmla="*/ 167750 h 575612"/>
                <a:gd name="connsiteX58" fmla="*/ 1539350 w 1766352"/>
                <a:gd name="connsiteY58" fmla="*/ 180907 h 575612"/>
                <a:gd name="connsiteX59" fmla="*/ 1559085 w 1766352"/>
                <a:gd name="connsiteY59" fmla="*/ 187485 h 575612"/>
                <a:gd name="connsiteX60" fmla="*/ 1568952 w 1766352"/>
                <a:gd name="connsiteY60" fmla="*/ 190774 h 575612"/>
                <a:gd name="connsiteX61" fmla="*/ 1582109 w 1766352"/>
                <a:gd name="connsiteY61" fmla="*/ 207220 h 575612"/>
                <a:gd name="connsiteX62" fmla="*/ 1591977 w 1766352"/>
                <a:gd name="connsiteY62" fmla="*/ 226956 h 575612"/>
                <a:gd name="connsiteX63" fmla="*/ 1595266 w 1766352"/>
                <a:gd name="connsiteY63" fmla="*/ 253269 h 575612"/>
                <a:gd name="connsiteX64" fmla="*/ 1621580 w 1766352"/>
                <a:gd name="connsiteY64" fmla="*/ 273005 h 575612"/>
                <a:gd name="connsiteX65" fmla="*/ 1628158 w 1766352"/>
                <a:gd name="connsiteY65" fmla="*/ 282872 h 575612"/>
                <a:gd name="connsiteX66" fmla="*/ 1644604 w 1766352"/>
                <a:gd name="connsiteY66" fmla="*/ 292740 h 575612"/>
                <a:gd name="connsiteX67" fmla="*/ 1657761 w 1766352"/>
                <a:gd name="connsiteY67" fmla="*/ 312475 h 575612"/>
                <a:gd name="connsiteX68" fmla="*/ 1680786 w 1766352"/>
                <a:gd name="connsiteY68" fmla="*/ 328921 h 575612"/>
                <a:gd name="connsiteX69" fmla="*/ 1690653 w 1766352"/>
                <a:gd name="connsiteY69" fmla="*/ 335499 h 575612"/>
                <a:gd name="connsiteX70" fmla="*/ 1700521 w 1766352"/>
                <a:gd name="connsiteY70" fmla="*/ 345367 h 575612"/>
                <a:gd name="connsiteX71" fmla="*/ 1713678 w 1766352"/>
                <a:gd name="connsiteY71" fmla="*/ 355235 h 575612"/>
                <a:gd name="connsiteX72" fmla="*/ 1723545 w 1766352"/>
                <a:gd name="connsiteY72" fmla="*/ 368392 h 575612"/>
                <a:gd name="connsiteX73" fmla="*/ 1730124 w 1766352"/>
                <a:gd name="connsiteY73" fmla="*/ 374970 h 575612"/>
                <a:gd name="connsiteX74" fmla="*/ 1736702 w 1766352"/>
                <a:gd name="connsiteY74" fmla="*/ 394705 h 575612"/>
                <a:gd name="connsiteX75" fmla="*/ 1743281 w 1766352"/>
                <a:gd name="connsiteY75" fmla="*/ 401284 h 575612"/>
                <a:gd name="connsiteX76" fmla="*/ 1749859 w 1766352"/>
                <a:gd name="connsiteY76" fmla="*/ 411151 h 575612"/>
                <a:gd name="connsiteX77" fmla="*/ 1753148 w 1766352"/>
                <a:gd name="connsiteY77" fmla="*/ 421019 h 575612"/>
                <a:gd name="connsiteX78" fmla="*/ 1756437 w 1766352"/>
                <a:gd name="connsiteY78" fmla="*/ 450622 h 575612"/>
                <a:gd name="connsiteX79" fmla="*/ 1763016 w 1766352"/>
                <a:gd name="connsiteY79" fmla="*/ 460489 h 575612"/>
                <a:gd name="connsiteX80" fmla="*/ 1766305 w 1766352"/>
                <a:gd name="connsiteY80" fmla="*/ 470357 h 575612"/>
                <a:gd name="connsiteX81" fmla="*/ 1753148 w 1766352"/>
                <a:gd name="connsiteY81" fmla="*/ 493382 h 575612"/>
                <a:gd name="connsiteX82" fmla="*/ 1746570 w 1766352"/>
                <a:gd name="connsiteY82" fmla="*/ 522984 h 575612"/>
                <a:gd name="connsiteX83" fmla="*/ 1739991 w 1766352"/>
                <a:gd name="connsiteY83" fmla="*/ 532852 h 575612"/>
                <a:gd name="connsiteX84" fmla="*/ 1736702 w 1766352"/>
                <a:gd name="connsiteY84" fmla="*/ 542720 h 575612"/>
                <a:gd name="connsiteX85" fmla="*/ 1739991 w 1766352"/>
                <a:gd name="connsiteY85"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24909 w 1766352"/>
                <a:gd name="connsiteY42" fmla="*/ 105255 h 575612"/>
                <a:gd name="connsiteX43" fmla="*/ 1197272 w 1766352"/>
                <a:gd name="connsiteY43" fmla="*/ 101966 h 575612"/>
                <a:gd name="connsiteX44" fmla="*/ 1207140 w 1766352"/>
                <a:gd name="connsiteY44" fmla="*/ 98676 h 575612"/>
                <a:gd name="connsiteX45" fmla="*/ 1256478 w 1766352"/>
                <a:gd name="connsiteY45" fmla="*/ 101966 h 575612"/>
                <a:gd name="connsiteX46" fmla="*/ 1269634 w 1766352"/>
                <a:gd name="connsiteY46" fmla="*/ 105255 h 575612"/>
                <a:gd name="connsiteX47" fmla="*/ 1286081 w 1766352"/>
                <a:gd name="connsiteY47" fmla="*/ 108544 h 575612"/>
                <a:gd name="connsiteX48" fmla="*/ 1312394 w 1766352"/>
                <a:gd name="connsiteY48" fmla="*/ 115123 h 575612"/>
                <a:gd name="connsiteX49" fmla="*/ 1417649 w 1766352"/>
                <a:gd name="connsiteY49" fmla="*/ 124990 h 575612"/>
                <a:gd name="connsiteX50" fmla="*/ 1427517 w 1766352"/>
                <a:gd name="connsiteY50" fmla="*/ 131569 h 575612"/>
                <a:gd name="connsiteX51" fmla="*/ 1437384 w 1766352"/>
                <a:gd name="connsiteY51" fmla="*/ 134858 h 575612"/>
                <a:gd name="connsiteX52" fmla="*/ 1443963 w 1766352"/>
                <a:gd name="connsiteY52" fmla="*/ 144725 h 575612"/>
                <a:gd name="connsiteX53" fmla="*/ 1453830 w 1766352"/>
                <a:gd name="connsiteY53" fmla="*/ 148015 h 575612"/>
                <a:gd name="connsiteX54" fmla="*/ 1483433 w 1766352"/>
                <a:gd name="connsiteY54" fmla="*/ 157882 h 575612"/>
                <a:gd name="connsiteX55" fmla="*/ 1503168 w 1766352"/>
                <a:gd name="connsiteY55" fmla="*/ 164461 h 575612"/>
                <a:gd name="connsiteX56" fmla="*/ 1516325 w 1766352"/>
                <a:gd name="connsiteY56" fmla="*/ 167750 h 575612"/>
                <a:gd name="connsiteX57" fmla="*/ 1539350 w 1766352"/>
                <a:gd name="connsiteY57" fmla="*/ 180907 h 575612"/>
                <a:gd name="connsiteX58" fmla="*/ 1559085 w 1766352"/>
                <a:gd name="connsiteY58" fmla="*/ 187485 h 575612"/>
                <a:gd name="connsiteX59" fmla="*/ 1568952 w 1766352"/>
                <a:gd name="connsiteY59" fmla="*/ 190774 h 575612"/>
                <a:gd name="connsiteX60" fmla="*/ 1582109 w 1766352"/>
                <a:gd name="connsiteY60" fmla="*/ 207220 h 575612"/>
                <a:gd name="connsiteX61" fmla="*/ 1591977 w 1766352"/>
                <a:gd name="connsiteY61" fmla="*/ 226956 h 575612"/>
                <a:gd name="connsiteX62" fmla="*/ 1595266 w 1766352"/>
                <a:gd name="connsiteY62" fmla="*/ 253269 h 575612"/>
                <a:gd name="connsiteX63" fmla="*/ 1621580 w 1766352"/>
                <a:gd name="connsiteY63" fmla="*/ 273005 h 575612"/>
                <a:gd name="connsiteX64" fmla="*/ 1628158 w 1766352"/>
                <a:gd name="connsiteY64" fmla="*/ 282872 h 575612"/>
                <a:gd name="connsiteX65" fmla="*/ 1644604 w 1766352"/>
                <a:gd name="connsiteY65" fmla="*/ 292740 h 575612"/>
                <a:gd name="connsiteX66" fmla="*/ 1657761 w 1766352"/>
                <a:gd name="connsiteY66" fmla="*/ 312475 h 575612"/>
                <a:gd name="connsiteX67" fmla="*/ 1680786 w 1766352"/>
                <a:gd name="connsiteY67" fmla="*/ 328921 h 575612"/>
                <a:gd name="connsiteX68" fmla="*/ 1690653 w 1766352"/>
                <a:gd name="connsiteY68" fmla="*/ 335499 h 575612"/>
                <a:gd name="connsiteX69" fmla="*/ 1700521 w 1766352"/>
                <a:gd name="connsiteY69" fmla="*/ 345367 h 575612"/>
                <a:gd name="connsiteX70" fmla="*/ 1713678 w 1766352"/>
                <a:gd name="connsiteY70" fmla="*/ 355235 h 575612"/>
                <a:gd name="connsiteX71" fmla="*/ 1723545 w 1766352"/>
                <a:gd name="connsiteY71" fmla="*/ 368392 h 575612"/>
                <a:gd name="connsiteX72" fmla="*/ 1730124 w 1766352"/>
                <a:gd name="connsiteY72" fmla="*/ 374970 h 575612"/>
                <a:gd name="connsiteX73" fmla="*/ 1736702 w 1766352"/>
                <a:gd name="connsiteY73" fmla="*/ 394705 h 575612"/>
                <a:gd name="connsiteX74" fmla="*/ 1743281 w 1766352"/>
                <a:gd name="connsiteY74" fmla="*/ 401284 h 575612"/>
                <a:gd name="connsiteX75" fmla="*/ 1749859 w 1766352"/>
                <a:gd name="connsiteY75" fmla="*/ 411151 h 575612"/>
                <a:gd name="connsiteX76" fmla="*/ 1753148 w 1766352"/>
                <a:gd name="connsiteY76" fmla="*/ 421019 h 575612"/>
                <a:gd name="connsiteX77" fmla="*/ 1756437 w 1766352"/>
                <a:gd name="connsiteY77" fmla="*/ 450622 h 575612"/>
                <a:gd name="connsiteX78" fmla="*/ 1763016 w 1766352"/>
                <a:gd name="connsiteY78" fmla="*/ 460489 h 575612"/>
                <a:gd name="connsiteX79" fmla="*/ 1766305 w 1766352"/>
                <a:gd name="connsiteY79" fmla="*/ 470357 h 575612"/>
                <a:gd name="connsiteX80" fmla="*/ 1753148 w 1766352"/>
                <a:gd name="connsiteY80" fmla="*/ 493382 h 575612"/>
                <a:gd name="connsiteX81" fmla="*/ 1746570 w 1766352"/>
                <a:gd name="connsiteY81" fmla="*/ 522984 h 575612"/>
                <a:gd name="connsiteX82" fmla="*/ 1739991 w 1766352"/>
                <a:gd name="connsiteY82" fmla="*/ 532852 h 575612"/>
                <a:gd name="connsiteX83" fmla="*/ 1736702 w 1766352"/>
                <a:gd name="connsiteY83" fmla="*/ 542720 h 575612"/>
                <a:gd name="connsiteX84" fmla="*/ 1739991 w 1766352"/>
                <a:gd name="connsiteY84"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095306 w 1766352"/>
                <a:gd name="connsiteY41" fmla="*/ 98676 h 575612"/>
                <a:gd name="connsiteX42" fmla="*/ 1197272 w 1766352"/>
                <a:gd name="connsiteY42" fmla="*/ 101966 h 575612"/>
                <a:gd name="connsiteX43" fmla="*/ 1207140 w 1766352"/>
                <a:gd name="connsiteY43" fmla="*/ 98676 h 575612"/>
                <a:gd name="connsiteX44" fmla="*/ 1256478 w 1766352"/>
                <a:gd name="connsiteY44" fmla="*/ 101966 h 575612"/>
                <a:gd name="connsiteX45" fmla="*/ 1269634 w 1766352"/>
                <a:gd name="connsiteY45" fmla="*/ 105255 h 575612"/>
                <a:gd name="connsiteX46" fmla="*/ 1286081 w 1766352"/>
                <a:gd name="connsiteY46" fmla="*/ 108544 h 575612"/>
                <a:gd name="connsiteX47" fmla="*/ 1312394 w 1766352"/>
                <a:gd name="connsiteY47" fmla="*/ 115123 h 575612"/>
                <a:gd name="connsiteX48" fmla="*/ 1417649 w 1766352"/>
                <a:gd name="connsiteY48" fmla="*/ 124990 h 575612"/>
                <a:gd name="connsiteX49" fmla="*/ 1427517 w 1766352"/>
                <a:gd name="connsiteY49" fmla="*/ 131569 h 575612"/>
                <a:gd name="connsiteX50" fmla="*/ 1437384 w 1766352"/>
                <a:gd name="connsiteY50" fmla="*/ 134858 h 575612"/>
                <a:gd name="connsiteX51" fmla="*/ 1443963 w 1766352"/>
                <a:gd name="connsiteY51" fmla="*/ 144725 h 575612"/>
                <a:gd name="connsiteX52" fmla="*/ 1453830 w 1766352"/>
                <a:gd name="connsiteY52" fmla="*/ 148015 h 575612"/>
                <a:gd name="connsiteX53" fmla="*/ 1483433 w 1766352"/>
                <a:gd name="connsiteY53" fmla="*/ 157882 h 575612"/>
                <a:gd name="connsiteX54" fmla="*/ 1503168 w 1766352"/>
                <a:gd name="connsiteY54" fmla="*/ 164461 h 575612"/>
                <a:gd name="connsiteX55" fmla="*/ 1516325 w 1766352"/>
                <a:gd name="connsiteY55" fmla="*/ 167750 h 575612"/>
                <a:gd name="connsiteX56" fmla="*/ 1539350 w 1766352"/>
                <a:gd name="connsiteY56" fmla="*/ 180907 h 575612"/>
                <a:gd name="connsiteX57" fmla="*/ 1559085 w 1766352"/>
                <a:gd name="connsiteY57" fmla="*/ 187485 h 575612"/>
                <a:gd name="connsiteX58" fmla="*/ 1568952 w 1766352"/>
                <a:gd name="connsiteY58" fmla="*/ 190774 h 575612"/>
                <a:gd name="connsiteX59" fmla="*/ 1582109 w 1766352"/>
                <a:gd name="connsiteY59" fmla="*/ 207220 h 575612"/>
                <a:gd name="connsiteX60" fmla="*/ 1591977 w 1766352"/>
                <a:gd name="connsiteY60" fmla="*/ 226956 h 575612"/>
                <a:gd name="connsiteX61" fmla="*/ 1595266 w 1766352"/>
                <a:gd name="connsiteY61" fmla="*/ 253269 h 575612"/>
                <a:gd name="connsiteX62" fmla="*/ 1621580 w 1766352"/>
                <a:gd name="connsiteY62" fmla="*/ 273005 h 575612"/>
                <a:gd name="connsiteX63" fmla="*/ 1628158 w 1766352"/>
                <a:gd name="connsiteY63" fmla="*/ 282872 h 575612"/>
                <a:gd name="connsiteX64" fmla="*/ 1644604 w 1766352"/>
                <a:gd name="connsiteY64" fmla="*/ 292740 h 575612"/>
                <a:gd name="connsiteX65" fmla="*/ 1657761 w 1766352"/>
                <a:gd name="connsiteY65" fmla="*/ 312475 h 575612"/>
                <a:gd name="connsiteX66" fmla="*/ 1680786 w 1766352"/>
                <a:gd name="connsiteY66" fmla="*/ 328921 h 575612"/>
                <a:gd name="connsiteX67" fmla="*/ 1690653 w 1766352"/>
                <a:gd name="connsiteY67" fmla="*/ 335499 h 575612"/>
                <a:gd name="connsiteX68" fmla="*/ 1700521 w 1766352"/>
                <a:gd name="connsiteY68" fmla="*/ 345367 h 575612"/>
                <a:gd name="connsiteX69" fmla="*/ 1713678 w 1766352"/>
                <a:gd name="connsiteY69" fmla="*/ 355235 h 575612"/>
                <a:gd name="connsiteX70" fmla="*/ 1723545 w 1766352"/>
                <a:gd name="connsiteY70" fmla="*/ 368392 h 575612"/>
                <a:gd name="connsiteX71" fmla="*/ 1730124 w 1766352"/>
                <a:gd name="connsiteY71" fmla="*/ 374970 h 575612"/>
                <a:gd name="connsiteX72" fmla="*/ 1736702 w 1766352"/>
                <a:gd name="connsiteY72" fmla="*/ 394705 h 575612"/>
                <a:gd name="connsiteX73" fmla="*/ 1743281 w 1766352"/>
                <a:gd name="connsiteY73" fmla="*/ 401284 h 575612"/>
                <a:gd name="connsiteX74" fmla="*/ 1749859 w 1766352"/>
                <a:gd name="connsiteY74" fmla="*/ 411151 h 575612"/>
                <a:gd name="connsiteX75" fmla="*/ 1753148 w 1766352"/>
                <a:gd name="connsiteY75" fmla="*/ 421019 h 575612"/>
                <a:gd name="connsiteX76" fmla="*/ 1756437 w 1766352"/>
                <a:gd name="connsiteY76" fmla="*/ 450622 h 575612"/>
                <a:gd name="connsiteX77" fmla="*/ 1763016 w 1766352"/>
                <a:gd name="connsiteY77" fmla="*/ 460489 h 575612"/>
                <a:gd name="connsiteX78" fmla="*/ 1766305 w 1766352"/>
                <a:gd name="connsiteY78" fmla="*/ 470357 h 575612"/>
                <a:gd name="connsiteX79" fmla="*/ 1753148 w 1766352"/>
                <a:gd name="connsiteY79" fmla="*/ 493382 h 575612"/>
                <a:gd name="connsiteX80" fmla="*/ 1746570 w 1766352"/>
                <a:gd name="connsiteY80" fmla="*/ 522984 h 575612"/>
                <a:gd name="connsiteX81" fmla="*/ 1739991 w 1766352"/>
                <a:gd name="connsiteY81" fmla="*/ 532852 h 575612"/>
                <a:gd name="connsiteX82" fmla="*/ 1736702 w 1766352"/>
                <a:gd name="connsiteY82" fmla="*/ 542720 h 575612"/>
                <a:gd name="connsiteX83" fmla="*/ 1739991 w 1766352"/>
                <a:gd name="connsiteY83"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6702 w 1766352"/>
                <a:gd name="connsiteY81" fmla="*/ 542720 h 575612"/>
                <a:gd name="connsiteX82" fmla="*/ 1739991 w 1766352"/>
                <a:gd name="connsiteY82" fmla="*/ 575612 h 575612"/>
                <a:gd name="connsiteX0" fmla="*/ 0 w 1766352"/>
                <a:gd name="connsiteY0" fmla="*/ 0 h 575612"/>
                <a:gd name="connsiteX1" fmla="*/ 13157 w 1766352"/>
                <a:gd name="connsiteY1" fmla="*/ 42760 h 575612"/>
                <a:gd name="connsiteX2" fmla="*/ 23024 w 1766352"/>
                <a:gd name="connsiteY2" fmla="*/ 52628 h 575612"/>
                <a:gd name="connsiteX3" fmla="*/ 42760 w 1766352"/>
                <a:gd name="connsiteY3" fmla="*/ 59206 h 575612"/>
                <a:gd name="connsiteX4" fmla="*/ 52627 w 1766352"/>
                <a:gd name="connsiteY4" fmla="*/ 65784 h 575612"/>
                <a:gd name="connsiteX5" fmla="*/ 69073 w 1766352"/>
                <a:gd name="connsiteY5" fmla="*/ 72363 h 575612"/>
                <a:gd name="connsiteX6" fmla="*/ 88809 w 1766352"/>
                <a:gd name="connsiteY6" fmla="*/ 78941 h 575612"/>
                <a:gd name="connsiteX7" fmla="*/ 108544 w 1766352"/>
                <a:gd name="connsiteY7" fmla="*/ 85520 h 575612"/>
                <a:gd name="connsiteX8" fmla="*/ 118411 w 1766352"/>
                <a:gd name="connsiteY8" fmla="*/ 92098 h 575612"/>
                <a:gd name="connsiteX9" fmla="*/ 128279 w 1766352"/>
                <a:gd name="connsiteY9" fmla="*/ 95387 h 575612"/>
                <a:gd name="connsiteX10" fmla="*/ 148014 w 1766352"/>
                <a:gd name="connsiteY10" fmla="*/ 108544 h 575612"/>
                <a:gd name="connsiteX11" fmla="*/ 167750 w 1766352"/>
                <a:gd name="connsiteY11" fmla="*/ 115123 h 575612"/>
                <a:gd name="connsiteX12" fmla="*/ 220377 w 1766352"/>
                <a:gd name="connsiteY12" fmla="*/ 121701 h 575612"/>
                <a:gd name="connsiteX13" fmla="*/ 292740 w 1766352"/>
                <a:gd name="connsiteY13" fmla="*/ 115123 h 575612"/>
                <a:gd name="connsiteX14" fmla="*/ 312475 w 1766352"/>
                <a:gd name="connsiteY14" fmla="*/ 108544 h 575612"/>
                <a:gd name="connsiteX15" fmla="*/ 322342 w 1766352"/>
                <a:gd name="connsiteY15" fmla="*/ 105255 h 575612"/>
                <a:gd name="connsiteX16" fmla="*/ 335499 w 1766352"/>
                <a:gd name="connsiteY16" fmla="*/ 101966 h 575612"/>
                <a:gd name="connsiteX17" fmla="*/ 368391 w 1766352"/>
                <a:gd name="connsiteY17" fmla="*/ 92098 h 575612"/>
                <a:gd name="connsiteX18" fmla="*/ 401283 w 1766352"/>
                <a:gd name="connsiteY18" fmla="*/ 82230 h 575612"/>
                <a:gd name="connsiteX19" fmla="*/ 427597 w 1766352"/>
                <a:gd name="connsiteY19" fmla="*/ 75652 h 575612"/>
                <a:gd name="connsiteX20" fmla="*/ 467068 w 1766352"/>
                <a:gd name="connsiteY20" fmla="*/ 78941 h 575612"/>
                <a:gd name="connsiteX21" fmla="*/ 486803 w 1766352"/>
                <a:gd name="connsiteY21" fmla="*/ 85520 h 575612"/>
                <a:gd name="connsiteX22" fmla="*/ 496670 w 1766352"/>
                <a:gd name="connsiteY22" fmla="*/ 88809 h 575612"/>
                <a:gd name="connsiteX23" fmla="*/ 565744 w 1766352"/>
                <a:gd name="connsiteY23" fmla="*/ 82230 h 575612"/>
                <a:gd name="connsiteX24" fmla="*/ 585479 w 1766352"/>
                <a:gd name="connsiteY24" fmla="*/ 75652 h 575612"/>
                <a:gd name="connsiteX25" fmla="*/ 611793 w 1766352"/>
                <a:gd name="connsiteY25" fmla="*/ 72363 h 575612"/>
                <a:gd name="connsiteX26" fmla="*/ 657842 w 1766352"/>
                <a:gd name="connsiteY26" fmla="*/ 69074 h 575612"/>
                <a:gd name="connsiteX27" fmla="*/ 703891 w 1766352"/>
                <a:gd name="connsiteY27" fmla="*/ 72363 h 575612"/>
                <a:gd name="connsiteX28" fmla="*/ 723626 w 1766352"/>
                <a:gd name="connsiteY28" fmla="*/ 78941 h 575612"/>
                <a:gd name="connsiteX29" fmla="*/ 743361 w 1766352"/>
                <a:gd name="connsiteY29" fmla="*/ 82230 h 575612"/>
                <a:gd name="connsiteX30" fmla="*/ 786121 w 1766352"/>
                <a:gd name="connsiteY30" fmla="*/ 78941 h 575612"/>
                <a:gd name="connsiteX31" fmla="*/ 795988 w 1766352"/>
                <a:gd name="connsiteY31" fmla="*/ 75652 h 575612"/>
                <a:gd name="connsiteX32" fmla="*/ 815724 w 1766352"/>
                <a:gd name="connsiteY32" fmla="*/ 72363 h 575612"/>
                <a:gd name="connsiteX33" fmla="*/ 832170 w 1766352"/>
                <a:gd name="connsiteY33" fmla="*/ 65784 h 575612"/>
                <a:gd name="connsiteX34" fmla="*/ 871640 w 1766352"/>
                <a:gd name="connsiteY34" fmla="*/ 62495 h 575612"/>
                <a:gd name="connsiteX35" fmla="*/ 884797 w 1766352"/>
                <a:gd name="connsiteY35" fmla="*/ 59206 h 575612"/>
                <a:gd name="connsiteX36" fmla="*/ 970317 w 1766352"/>
                <a:gd name="connsiteY36" fmla="*/ 65784 h 575612"/>
                <a:gd name="connsiteX37" fmla="*/ 993341 w 1766352"/>
                <a:gd name="connsiteY37" fmla="*/ 72363 h 575612"/>
                <a:gd name="connsiteX38" fmla="*/ 1026233 w 1766352"/>
                <a:gd name="connsiteY38" fmla="*/ 78941 h 575612"/>
                <a:gd name="connsiteX39" fmla="*/ 1036101 w 1766352"/>
                <a:gd name="connsiteY39" fmla="*/ 82230 h 575612"/>
                <a:gd name="connsiteX40" fmla="*/ 1059125 w 1766352"/>
                <a:gd name="connsiteY40" fmla="*/ 88809 h 575612"/>
                <a:gd name="connsiteX41" fmla="*/ 1197272 w 1766352"/>
                <a:gd name="connsiteY41" fmla="*/ 101966 h 575612"/>
                <a:gd name="connsiteX42" fmla="*/ 1207140 w 1766352"/>
                <a:gd name="connsiteY42" fmla="*/ 98676 h 575612"/>
                <a:gd name="connsiteX43" fmla="*/ 1256478 w 1766352"/>
                <a:gd name="connsiteY43" fmla="*/ 101966 h 575612"/>
                <a:gd name="connsiteX44" fmla="*/ 1269634 w 1766352"/>
                <a:gd name="connsiteY44" fmla="*/ 105255 h 575612"/>
                <a:gd name="connsiteX45" fmla="*/ 1286081 w 1766352"/>
                <a:gd name="connsiteY45" fmla="*/ 108544 h 575612"/>
                <a:gd name="connsiteX46" fmla="*/ 1312394 w 1766352"/>
                <a:gd name="connsiteY46" fmla="*/ 115123 h 575612"/>
                <a:gd name="connsiteX47" fmla="*/ 1417649 w 1766352"/>
                <a:gd name="connsiteY47" fmla="*/ 124990 h 575612"/>
                <a:gd name="connsiteX48" fmla="*/ 1427517 w 1766352"/>
                <a:gd name="connsiteY48" fmla="*/ 131569 h 575612"/>
                <a:gd name="connsiteX49" fmla="*/ 1437384 w 1766352"/>
                <a:gd name="connsiteY49" fmla="*/ 134858 h 575612"/>
                <a:gd name="connsiteX50" fmla="*/ 1443963 w 1766352"/>
                <a:gd name="connsiteY50" fmla="*/ 144725 h 575612"/>
                <a:gd name="connsiteX51" fmla="*/ 1453830 w 1766352"/>
                <a:gd name="connsiteY51" fmla="*/ 148015 h 575612"/>
                <a:gd name="connsiteX52" fmla="*/ 1483433 w 1766352"/>
                <a:gd name="connsiteY52" fmla="*/ 157882 h 575612"/>
                <a:gd name="connsiteX53" fmla="*/ 1503168 w 1766352"/>
                <a:gd name="connsiteY53" fmla="*/ 164461 h 575612"/>
                <a:gd name="connsiteX54" fmla="*/ 1516325 w 1766352"/>
                <a:gd name="connsiteY54" fmla="*/ 167750 h 575612"/>
                <a:gd name="connsiteX55" fmla="*/ 1539350 w 1766352"/>
                <a:gd name="connsiteY55" fmla="*/ 180907 h 575612"/>
                <a:gd name="connsiteX56" fmla="*/ 1559085 w 1766352"/>
                <a:gd name="connsiteY56" fmla="*/ 187485 h 575612"/>
                <a:gd name="connsiteX57" fmla="*/ 1568952 w 1766352"/>
                <a:gd name="connsiteY57" fmla="*/ 190774 h 575612"/>
                <a:gd name="connsiteX58" fmla="*/ 1582109 w 1766352"/>
                <a:gd name="connsiteY58" fmla="*/ 207220 h 575612"/>
                <a:gd name="connsiteX59" fmla="*/ 1591977 w 1766352"/>
                <a:gd name="connsiteY59" fmla="*/ 226956 h 575612"/>
                <a:gd name="connsiteX60" fmla="*/ 1595266 w 1766352"/>
                <a:gd name="connsiteY60" fmla="*/ 253269 h 575612"/>
                <a:gd name="connsiteX61" fmla="*/ 1621580 w 1766352"/>
                <a:gd name="connsiteY61" fmla="*/ 273005 h 575612"/>
                <a:gd name="connsiteX62" fmla="*/ 1628158 w 1766352"/>
                <a:gd name="connsiteY62" fmla="*/ 282872 h 575612"/>
                <a:gd name="connsiteX63" fmla="*/ 1644604 w 1766352"/>
                <a:gd name="connsiteY63" fmla="*/ 292740 h 575612"/>
                <a:gd name="connsiteX64" fmla="*/ 1657761 w 1766352"/>
                <a:gd name="connsiteY64" fmla="*/ 312475 h 575612"/>
                <a:gd name="connsiteX65" fmla="*/ 1680786 w 1766352"/>
                <a:gd name="connsiteY65" fmla="*/ 328921 h 575612"/>
                <a:gd name="connsiteX66" fmla="*/ 1690653 w 1766352"/>
                <a:gd name="connsiteY66" fmla="*/ 335499 h 575612"/>
                <a:gd name="connsiteX67" fmla="*/ 1700521 w 1766352"/>
                <a:gd name="connsiteY67" fmla="*/ 345367 h 575612"/>
                <a:gd name="connsiteX68" fmla="*/ 1713678 w 1766352"/>
                <a:gd name="connsiteY68" fmla="*/ 355235 h 575612"/>
                <a:gd name="connsiteX69" fmla="*/ 1723545 w 1766352"/>
                <a:gd name="connsiteY69" fmla="*/ 368392 h 575612"/>
                <a:gd name="connsiteX70" fmla="*/ 1730124 w 1766352"/>
                <a:gd name="connsiteY70" fmla="*/ 374970 h 575612"/>
                <a:gd name="connsiteX71" fmla="*/ 1736702 w 1766352"/>
                <a:gd name="connsiteY71" fmla="*/ 394705 h 575612"/>
                <a:gd name="connsiteX72" fmla="*/ 1743281 w 1766352"/>
                <a:gd name="connsiteY72" fmla="*/ 401284 h 575612"/>
                <a:gd name="connsiteX73" fmla="*/ 1749859 w 1766352"/>
                <a:gd name="connsiteY73" fmla="*/ 411151 h 575612"/>
                <a:gd name="connsiteX74" fmla="*/ 1753148 w 1766352"/>
                <a:gd name="connsiteY74" fmla="*/ 421019 h 575612"/>
                <a:gd name="connsiteX75" fmla="*/ 1756437 w 1766352"/>
                <a:gd name="connsiteY75" fmla="*/ 450622 h 575612"/>
                <a:gd name="connsiteX76" fmla="*/ 1763016 w 1766352"/>
                <a:gd name="connsiteY76" fmla="*/ 460489 h 575612"/>
                <a:gd name="connsiteX77" fmla="*/ 1766305 w 1766352"/>
                <a:gd name="connsiteY77" fmla="*/ 470357 h 575612"/>
                <a:gd name="connsiteX78" fmla="*/ 1753148 w 1766352"/>
                <a:gd name="connsiteY78" fmla="*/ 493382 h 575612"/>
                <a:gd name="connsiteX79" fmla="*/ 1746570 w 1766352"/>
                <a:gd name="connsiteY79" fmla="*/ 522984 h 575612"/>
                <a:gd name="connsiteX80" fmla="*/ 1739991 w 1766352"/>
                <a:gd name="connsiteY80" fmla="*/ 532852 h 575612"/>
                <a:gd name="connsiteX81" fmla="*/ 1739991 w 1766352"/>
                <a:gd name="connsiteY81" fmla="*/ 575612 h 575612"/>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39991 w 1766352"/>
                <a:gd name="connsiteY80" fmla="*/ 532852 h 565745"/>
                <a:gd name="connsiteX81" fmla="*/ 1759726 w 1766352"/>
                <a:gd name="connsiteY81"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46570 w 1766352"/>
                <a:gd name="connsiteY79" fmla="*/ 522984 h 565745"/>
                <a:gd name="connsiteX80" fmla="*/ 1759726 w 1766352"/>
                <a:gd name="connsiteY80" fmla="*/ 565745 h 565745"/>
                <a:gd name="connsiteX0" fmla="*/ 0 w 1766352"/>
                <a:gd name="connsiteY0" fmla="*/ 0 h 565745"/>
                <a:gd name="connsiteX1" fmla="*/ 13157 w 1766352"/>
                <a:gd name="connsiteY1" fmla="*/ 42760 h 565745"/>
                <a:gd name="connsiteX2" fmla="*/ 23024 w 1766352"/>
                <a:gd name="connsiteY2" fmla="*/ 52628 h 565745"/>
                <a:gd name="connsiteX3" fmla="*/ 42760 w 1766352"/>
                <a:gd name="connsiteY3" fmla="*/ 59206 h 565745"/>
                <a:gd name="connsiteX4" fmla="*/ 52627 w 1766352"/>
                <a:gd name="connsiteY4" fmla="*/ 65784 h 565745"/>
                <a:gd name="connsiteX5" fmla="*/ 69073 w 1766352"/>
                <a:gd name="connsiteY5" fmla="*/ 72363 h 565745"/>
                <a:gd name="connsiteX6" fmla="*/ 88809 w 1766352"/>
                <a:gd name="connsiteY6" fmla="*/ 78941 h 565745"/>
                <a:gd name="connsiteX7" fmla="*/ 108544 w 1766352"/>
                <a:gd name="connsiteY7" fmla="*/ 85520 h 565745"/>
                <a:gd name="connsiteX8" fmla="*/ 118411 w 1766352"/>
                <a:gd name="connsiteY8" fmla="*/ 92098 h 565745"/>
                <a:gd name="connsiteX9" fmla="*/ 128279 w 1766352"/>
                <a:gd name="connsiteY9" fmla="*/ 95387 h 565745"/>
                <a:gd name="connsiteX10" fmla="*/ 148014 w 1766352"/>
                <a:gd name="connsiteY10" fmla="*/ 108544 h 565745"/>
                <a:gd name="connsiteX11" fmla="*/ 167750 w 1766352"/>
                <a:gd name="connsiteY11" fmla="*/ 115123 h 565745"/>
                <a:gd name="connsiteX12" fmla="*/ 220377 w 1766352"/>
                <a:gd name="connsiteY12" fmla="*/ 121701 h 565745"/>
                <a:gd name="connsiteX13" fmla="*/ 292740 w 1766352"/>
                <a:gd name="connsiteY13" fmla="*/ 115123 h 565745"/>
                <a:gd name="connsiteX14" fmla="*/ 312475 w 1766352"/>
                <a:gd name="connsiteY14" fmla="*/ 108544 h 565745"/>
                <a:gd name="connsiteX15" fmla="*/ 322342 w 1766352"/>
                <a:gd name="connsiteY15" fmla="*/ 105255 h 565745"/>
                <a:gd name="connsiteX16" fmla="*/ 335499 w 1766352"/>
                <a:gd name="connsiteY16" fmla="*/ 101966 h 565745"/>
                <a:gd name="connsiteX17" fmla="*/ 368391 w 1766352"/>
                <a:gd name="connsiteY17" fmla="*/ 92098 h 565745"/>
                <a:gd name="connsiteX18" fmla="*/ 401283 w 1766352"/>
                <a:gd name="connsiteY18" fmla="*/ 82230 h 565745"/>
                <a:gd name="connsiteX19" fmla="*/ 427597 w 1766352"/>
                <a:gd name="connsiteY19" fmla="*/ 75652 h 565745"/>
                <a:gd name="connsiteX20" fmla="*/ 467068 w 1766352"/>
                <a:gd name="connsiteY20" fmla="*/ 78941 h 565745"/>
                <a:gd name="connsiteX21" fmla="*/ 486803 w 1766352"/>
                <a:gd name="connsiteY21" fmla="*/ 85520 h 565745"/>
                <a:gd name="connsiteX22" fmla="*/ 496670 w 1766352"/>
                <a:gd name="connsiteY22" fmla="*/ 88809 h 565745"/>
                <a:gd name="connsiteX23" fmla="*/ 565744 w 1766352"/>
                <a:gd name="connsiteY23" fmla="*/ 82230 h 565745"/>
                <a:gd name="connsiteX24" fmla="*/ 585479 w 1766352"/>
                <a:gd name="connsiteY24" fmla="*/ 75652 h 565745"/>
                <a:gd name="connsiteX25" fmla="*/ 611793 w 1766352"/>
                <a:gd name="connsiteY25" fmla="*/ 72363 h 565745"/>
                <a:gd name="connsiteX26" fmla="*/ 657842 w 1766352"/>
                <a:gd name="connsiteY26" fmla="*/ 69074 h 565745"/>
                <a:gd name="connsiteX27" fmla="*/ 703891 w 1766352"/>
                <a:gd name="connsiteY27" fmla="*/ 72363 h 565745"/>
                <a:gd name="connsiteX28" fmla="*/ 723626 w 1766352"/>
                <a:gd name="connsiteY28" fmla="*/ 78941 h 565745"/>
                <a:gd name="connsiteX29" fmla="*/ 743361 w 1766352"/>
                <a:gd name="connsiteY29" fmla="*/ 82230 h 565745"/>
                <a:gd name="connsiteX30" fmla="*/ 786121 w 1766352"/>
                <a:gd name="connsiteY30" fmla="*/ 78941 h 565745"/>
                <a:gd name="connsiteX31" fmla="*/ 795988 w 1766352"/>
                <a:gd name="connsiteY31" fmla="*/ 75652 h 565745"/>
                <a:gd name="connsiteX32" fmla="*/ 815724 w 1766352"/>
                <a:gd name="connsiteY32" fmla="*/ 72363 h 565745"/>
                <a:gd name="connsiteX33" fmla="*/ 832170 w 1766352"/>
                <a:gd name="connsiteY33" fmla="*/ 65784 h 565745"/>
                <a:gd name="connsiteX34" fmla="*/ 871640 w 1766352"/>
                <a:gd name="connsiteY34" fmla="*/ 62495 h 565745"/>
                <a:gd name="connsiteX35" fmla="*/ 884797 w 1766352"/>
                <a:gd name="connsiteY35" fmla="*/ 59206 h 565745"/>
                <a:gd name="connsiteX36" fmla="*/ 970317 w 1766352"/>
                <a:gd name="connsiteY36" fmla="*/ 65784 h 565745"/>
                <a:gd name="connsiteX37" fmla="*/ 993341 w 1766352"/>
                <a:gd name="connsiteY37" fmla="*/ 72363 h 565745"/>
                <a:gd name="connsiteX38" fmla="*/ 1026233 w 1766352"/>
                <a:gd name="connsiteY38" fmla="*/ 78941 h 565745"/>
                <a:gd name="connsiteX39" fmla="*/ 1036101 w 1766352"/>
                <a:gd name="connsiteY39" fmla="*/ 82230 h 565745"/>
                <a:gd name="connsiteX40" fmla="*/ 1059125 w 1766352"/>
                <a:gd name="connsiteY40" fmla="*/ 88809 h 565745"/>
                <a:gd name="connsiteX41" fmla="*/ 1197272 w 1766352"/>
                <a:gd name="connsiteY41" fmla="*/ 101966 h 565745"/>
                <a:gd name="connsiteX42" fmla="*/ 1207140 w 1766352"/>
                <a:gd name="connsiteY42" fmla="*/ 98676 h 565745"/>
                <a:gd name="connsiteX43" fmla="*/ 1256478 w 1766352"/>
                <a:gd name="connsiteY43" fmla="*/ 101966 h 565745"/>
                <a:gd name="connsiteX44" fmla="*/ 1269634 w 1766352"/>
                <a:gd name="connsiteY44" fmla="*/ 105255 h 565745"/>
                <a:gd name="connsiteX45" fmla="*/ 1286081 w 1766352"/>
                <a:gd name="connsiteY45" fmla="*/ 108544 h 565745"/>
                <a:gd name="connsiteX46" fmla="*/ 1312394 w 1766352"/>
                <a:gd name="connsiteY46" fmla="*/ 115123 h 565745"/>
                <a:gd name="connsiteX47" fmla="*/ 1417649 w 1766352"/>
                <a:gd name="connsiteY47" fmla="*/ 124990 h 565745"/>
                <a:gd name="connsiteX48" fmla="*/ 1427517 w 1766352"/>
                <a:gd name="connsiteY48" fmla="*/ 131569 h 565745"/>
                <a:gd name="connsiteX49" fmla="*/ 1437384 w 1766352"/>
                <a:gd name="connsiteY49" fmla="*/ 134858 h 565745"/>
                <a:gd name="connsiteX50" fmla="*/ 1443963 w 1766352"/>
                <a:gd name="connsiteY50" fmla="*/ 144725 h 565745"/>
                <a:gd name="connsiteX51" fmla="*/ 1453830 w 1766352"/>
                <a:gd name="connsiteY51" fmla="*/ 148015 h 565745"/>
                <a:gd name="connsiteX52" fmla="*/ 1483433 w 1766352"/>
                <a:gd name="connsiteY52" fmla="*/ 157882 h 565745"/>
                <a:gd name="connsiteX53" fmla="*/ 1503168 w 1766352"/>
                <a:gd name="connsiteY53" fmla="*/ 164461 h 565745"/>
                <a:gd name="connsiteX54" fmla="*/ 1516325 w 1766352"/>
                <a:gd name="connsiteY54" fmla="*/ 167750 h 565745"/>
                <a:gd name="connsiteX55" fmla="*/ 1539350 w 1766352"/>
                <a:gd name="connsiteY55" fmla="*/ 180907 h 565745"/>
                <a:gd name="connsiteX56" fmla="*/ 1559085 w 1766352"/>
                <a:gd name="connsiteY56" fmla="*/ 187485 h 565745"/>
                <a:gd name="connsiteX57" fmla="*/ 1568952 w 1766352"/>
                <a:gd name="connsiteY57" fmla="*/ 190774 h 565745"/>
                <a:gd name="connsiteX58" fmla="*/ 1582109 w 1766352"/>
                <a:gd name="connsiteY58" fmla="*/ 207220 h 565745"/>
                <a:gd name="connsiteX59" fmla="*/ 1591977 w 1766352"/>
                <a:gd name="connsiteY59" fmla="*/ 226956 h 565745"/>
                <a:gd name="connsiteX60" fmla="*/ 1595266 w 1766352"/>
                <a:gd name="connsiteY60" fmla="*/ 253269 h 565745"/>
                <a:gd name="connsiteX61" fmla="*/ 1621580 w 1766352"/>
                <a:gd name="connsiteY61" fmla="*/ 273005 h 565745"/>
                <a:gd name="connsiteX62" fmla="*/ 1628158 w 1766352"/>
                <a:gd name="connsiteY62" fmla="*/ 282872 h 565745"/>
                <a:gd name="connsiteX63" fmla="*/ 1644604 w 1766352"/>
                <a:gd name="connsiteY63" fmla="*/ 292740 h 565745"/>
                <a:gd name="connsiteX64" fmla="*/ 1657761 w 1766352"/>
                <a:gd name="connsiteY64" fmla="*/ 312475 h 565745"/>
                <a:gd name="connsiteX65" fmla="*/ 1680786 w 1766352"/>
                <a:gd name="connsiteY65" fmla="*/ 328921 h 565745"/>
                <a:gd name="connsiteX66" fmla="*/ 1690653 w 1766352"/>
                <a:gd name="connsiteY66" fmla="*/ 335499 h 565745"/>
                <a:gd name="connsiteX67" fmla="*/ 1700521 w 1766352"/>
                <a:gd name="connsiteY67" fmla="*/ 345367 h 565745"/>
                <a:gd name="connsiteX68" fmla="*/ 1713678 w 1766352"/>
                <a:gd name="connsiteY68" fmla="*/ 355235 h 565745"/>
                <a:gd name="connsiteX69" fmla="*/ 1723545 w 1766352"/>
                <a:gd name="connsiteY69" fmla="*/ 368392 h 565745"/>
                <a:gd name="connsiteX70" fmla="*/ 1730124 w 1766352"/>
                <a:gd name="connsiteY70" fmla="*/ 374970 h 565745"/>
                <a:gd name="connsiteX71" fmla="*/ 1736702 w 1766352"/>
                <a:gd name="connsiteY71" fmla="*/ 394705 h 565745"/>
                <a:gd name="connsiteX72" fmla="*/ 1743281 w 1766352"/>
                <a:gd name="connsiteY72" fmla="*/ 401284 h 565745"/>
                <a:gd name="connsiteX73" fmla="*/ 1749859 w 1766352"/>
                <a:gd name="connsiteY73" fmla="*/ 411151 h 565745"/>
                <a:gd name="connsiteX74" fmla="*/ 1753148 w 1766352"/>
                <a:gd name="connsiteY74" fmla="*/ 421019 h 565745"/>
                <a:gd name="connsiteX75" fmla="*/ 1756437 w 1766352"/>
                <a:gd name="connsiteY75" fmla="*/ 450622 h 565745"/>
                <a:gd name="connsiteX76" fmla="*/ 1763016 w 1766352"/>
                <a:gd name="connsiteY76" fmla="*/ 460489 h 565745"/>
                <a:gd name="connsiteX77" fmla="*/ 1766305 w 1766352"/>
                <a:gd name="connsiteY77" fmla="*/ 470357 h 565745"/>
                <a:gd name="connsiteX78" fmla="*/ 1753148 w 1766352"/>
                <a:gd name="connsiteY78" fmla="*/ 493382 h 565745"/>
                <a:gd name="connsiteX79" fmla="*/ 1759726 w 1766352"/>
                <a:gd name="connsiteY79" fmla="*/ 565745 h 565745"/>
                <a:gd name="connsiteX0" fmla="*/ 0 w 1782827"/>
                <a:gd name="connsiteY0" fmla="*/ 0 h 565745"/>
                <a:gd name="connsiteX1" fmla="*/ 13157 w 1782827"/>
                <a:gd name="connsiteY1" fmla="*/ 42760 h 565745"/>
                <a:gd name="connsiteX2" fmla="*/ 23024 w 1782827"/>
                <a:gd name="connsiteY2" fmla="*/ 52628 h 565745"/>
                <a:gd name="connsiteX3" fmla="*/ 42760 w 1782827"/>
                <a:gd name="connsiteY3" fmla="*/ 59206 h 565745"/>
                <a:gd name="connsiteX4" fmla="*/ 52627 w 1782827"/>
                <a:gd name="connsiteY4" fmla="*/ 65784 h 565745"/>
                <a:gd name="connsiteX5" fmla="*/ 69073 w 1782827"/>
                <a:gd name="connsiteY5" fmla="*/ 72363 h 565745"/>
                <a:gd name="connsiteX6" fmla="*/ 88809 w 1782827"/>
                <a:gd name="connsiteY6" fmla="*/ 78941 h 565745"/>
                <a:gd name="connsiteX7" fmla="*/ 108544 w 1782827"/>
                <a:gd name="connsiteY7" fmla="*/ 85520 h 565745"/>
                <a:gd name="connsiteX8" fmla="*/ 118411 w 1782827"/>
                <a:gd name="connsiteY8" fmla="*/ 92098 h 565745"/>
                <a:gd name="connsiteX9" fmla="*/ 128279 w 1782827"/>
                <a:gd name="connsiteY9" fmla="*/ 95387 h 565745"/>
                <a:gd name="connsiteX10" fmla="*/ 148014 w 1782827"/>
                <a:gd name="connsiteY10" fmla="*/ 108544 h 565745"/>
                <a:gd name="connsiteX11" fmla="*/ 167750 w 1782827"/>
                <a:gd name="connsiteY11" fmla="*/ 115123 h 565745"/>
                <a:gd name="connsiteX12" fmla="*/ 220377 w 1782827"/>
                <a:gd name="connsiteY12" fmla="*/ 121701 h 565745"/>
                <a:gd name="connsiteX13" fmla="*/ 292740 w 1782827"/>
                <a:gd name="connsiteY13" fmla="*/ 115123 h 565745"/>
                <a:gd name="connsiteX14" fmla="*/ 312475 w 1782827"/>
                <a:gd name="connsiteY14" fmla="*/ 108544 h 565745"/>
                <a:gd name="connsiteX15" fmla="*/ 322342 w 1782827"/>
                <a:gd name="connsiteY15" fmla="*/ 105255 h 565745"/>
                <a:gd name="connsiteX16" fmla="*/ 335499 w 1782827"/>
                <a:gd name="connsiteY16" fmla="*/ 101966 h 565745"/>
                <a:gd name="connsiteX17" fmla="*/ 368391 w 1782827"/>
                <a:gd name="connsiteY17" fmla="*/ 92098 h 565745"/>
                <a:gd name="connsiteX18" fmla="*/ 401283 w 1782827"/>
                <a:gd name="connsiteY18" fmla="*/ 82230 h 565745"/>
                <a:gd name="connsiteX19" fmla="*/ 427597 w 1782827"/>
                <a:gd name="connsiteY19" fmla="*/ 75652 h 565745"/>
                <a:gd name="connsiteX20" fmla="*/ 467068 w 1782827"/>
                <a:gd name="connsiteY20" fmla="*/ 78941 h 565745"/>
                <a:gd name="connsiteX21" fmla="*/ 486803 w 1782827"/>
                <a:gd name="connsiteY21" fmla="*/ 85520 h 565745"/>
                <a:gd name="connsiteX22" fmla="*/ 496670 w 1782827"/>
                <a:gd name="connsiteY22" fmla="*/ 88809 h 565745"/>
                <a:gd name="connsiteX23" fmla="*/ 565744 w 1782827"/>
                <a:gd name="connsiteY23" fmla="*/ 82230 h 565745"/>
                <a:gd name="connsiteX24" fmla="*/ 585479 w 1782827"/>
                <a:gd name="connsiteY24" fmla="*/ 75652 h 565745"/>
                <a:gd name="connsiteX25" fmla="*/ 611793 w 1782827"/>
                <a:gd name="connsiteY25" fmla="*/ 72363 h 565745"/>
                <a:gd name="connsiteX26" fmla="*/ 657842 w 1782827"/>
                <a:gd name="connsiteY26" fmla="*/ 69074 h 565745"/>
                <a:gd name="connsiteX27" fmla="*/ 703891 w 1782827"/>
                <a:gd name="connsiteY27" fmla="*/ 72363 h 565745"/>
                <a:gd name="connsiteX28" fmla="*/ 723626 w 1782827"/>
                <a:gd name="connsiteY28" fmla="*/ 78941 h 565745"/>
                <a:gd name="connsiteX29" fmla="*/ 743361 w 1782827"/>
                <a:gd name="connsiteY29" fmla="*/ 82230 h 565745"/>
                <a:gd name="connsiteX30" fmla="*/ 786121 w 1782827"/>
                <a:gd name="connsiteY30" fmla="*/ 78941 h 565745"/>
                <a:gd name="connsiteX31" fmla="*/ 795988 w 1782827"/>
                <a:gd name="connsiteY31" fmla="*/ 75652 h 565745"/>
                <a:gd name="connsiteX32" fmla="*/ 815724 w 1782827"/>
                <a:gd name="connsiteY32" fmla="*/ 72363 h 565745"/>
                <a:gd name="connsiteX33" fmla="*/ 832170 w 1782827"/>
                <a:gd name="connsiteY33" fmla="*/ 65784 h 565745"/>
                <a:gd name="connsiteX34" fmla="*/ 871640 w 1782827"/>
                <a:gd name="connsiteY34" fmla="*/ 62495 h 565745"/>
                <a:gd name="connsiteX35" fmla="*/ 884797 w 1782827"/>
                <a:gd name="connsiteY35" fmla="*/ 59206 h 565745"/>
                <a:gd name="connsiteX36" fmla="*/ 970317 w 1782827"/>
                <a:gd name="connsiteY36" fmla="*/ 65784 h 565745"/>
                <a:gd name="connsiteX37" fmla="*/ 993341 w 1782827"/>
                <a:gd name="connsiteY37" fmla="*/ 72363 h 565745"/>
                <a:gd name="connsiteX38" fmla="*/ 1026233 w 1782827"/>
                <a:gd name="connsiteY38" fmla="*/ 78941 h 565745"/>
                <a:gd name="connsiteX39" fmla="*/ 1036101 w 1782827"/>
                <a:gd name="connsiteY39" fmla="*/ 82230 h 565745"/>
                <a:gd name="connsiteX40" fmla="*/ 1059125 w 1782827"/>
                <a:gd name="connsiteY40" fmla="*/ 88809 h 565745"/>
                <a:gd name="connsiteX41" fmla="*/ 1197272 w 1782827"/>
                <a:gd name="connsiteY41" fmla="*/ 101966 h 565745"/>
                <a:gd name="connsiteX42" fmla="*/ 1207140 w 1782827"/>
                <a:gd name="connsiteY42" fmla="*/ 98676 h 565745"/>
                <a:gd name="connsiteX43" fmla="*/ 1256478 w 1782827"/>
                <a:gd name="connsiteY43" fmla="*/ 101966 h 565745"/>
                <a:gd name="connsiteX44" fmla="*/ 1269634 w 1782827"/>
                <a:gd name="connsiteY44" fmla="*/ 105255 h 565745"/>
                <a:gd name="connsiteX45" fmla="*/ 1286081 w 1782827"/>
                <a:gd name="connsiteY45" fmla="*/ 108544 h 565745"/>
                <a:gd name="connsiteX46" fmla="*/ 1312394 w 1782827"/>
                <a:gd name="connsiteY46" fmla="*/ 115123 h 565745"/>
                <a:gd name="connsiteX47" fmla="*/ 1417649 w 1782827"/>
                <a:gd name="connsiteY47" fmla="*/ 124990 h 565745"/>
                <a:gd name="connsiteX48" fmla="*/ 1427517 w 1782827"/>
                <a:gd name="connsiteY48" fmla="*/ 131569 h 565745"/>
                <a:gd name="connsiteX49" fmla="*/ 1437384 w 1782827"/>
                <a:gd name="connsiteY49" fmla="*/ 134858 h 565745"/>
                <a:gd name="connsiteX50" fmla="*/ 1443963 w 1782827"/>
                <a:gd name="connsiteY50" fmla="*/ 144725 h 565745"/>
                <a:gd name="connsiteX51" fmla="*/ 1453830 w 1782827"/>
                <a:gd name="connsiteY51" fmla="*/ 148015 h 565745"/>
                <a:gd name="connsiteX52" fmla="*/ 1483433 w 1782827"/>
                <a:gd name="connsiteY52" fmla="*/ 157882 h 565745"/>
                <a:gd name="connsiteX53" fmla="*/ 1503168 w 1782827"/>
                <a:gd name="connsiteY53" fmla="*/ 164461 h 565745"/>
                <a:gd name="connsiteX54" fmla="*/ 1516325 w 1782827"/>
                <a:gd name="connsiteY54" fmla="*/ 167750 h 565745"/>
                <a:gd name="connsiteX55" fmla="*/ 1539350 w 1782827"/>
                <a:gd name="connsiteY55" fmla="*/ 180907 h 565745"/>
                <a:gd name="connsiteX56" fmla="*/ 1559085 w 1782827"/>
                <a:gd name="connsiteY56" fmla="*/ 187485 h 565745"/>
                <a:gd name="connsiteX57" fmla="*/ 1568952 w 1782827"/>
                <a:gd name="connsiteY57" fmla="*/ 190774 h 565745"/>
                <a:gd name="connsiteX58" fmla="*/ 1582109 w 1782827"/>
                <a:gd name="connsiteY58" fmla="*/ 207220 h 565745"/>
                <a:gd name="connsiteX59" fmla="*/ 1591977 w 1782827"/>
                <a:gd name="connsiteY59" fmla="*/ 226956 h 565745"/>
                <a:gd name="connsiteX60" fmla="*/ 1595266 w 1782827"/>
                <a:gd name="connsiteY60" fmla="*/ 253269 h 565745"/>
                <a:gd name="connsiteX61" fmla="*/ 1621580 w 1782827"/>
                <a:gd name="connsiteY61" fmla="*/ 273005 h 565745"/>
                <a:gd name="connsiteX62" fmla="*/ 1628158 w 1782827"/>
                <a:gd name="connsiteY62" fmla="*/ 282872 h 565745"/>
                <a:gd name="connsiteX63" fmla="*/ 1644604 w 1782827"/>
                <a:gd name="connsiteY63" fmla="*/ 292740 h 565745"/>
                <a:gd name="connsiteX64" fmla="*/ 1657761 w 1782827"/>
                <a:gd name="connsiteY64" fmla="*/ 312475 h 565745"/>
                <a:gd name="connsiteX65" fmla="*/ 1680786 w 1782827"/>
                <a:gd name="connsiteY65" fmla="*/ 328921 h 565745"/>
                <a:gd name="connsiteX66" fmla="*/ 1690653 w 1782827"/>
                <a:gd name="connsiteY66" fmla="*/ 335499 h 565745"/>
                <a:gd name="connsiteX67" fmla="*/ 1700521 w 1782827"/>
                <a:gd name="connsiteY67" fmla="*/ 345367 h 565745"/>
                <a:gd name="connsiteX68" fmla="*/ 1713678 w 1782827"/>
                <a:gd name="connsiteY68" fmla="*/ 355235 h 565745"/>
                <a:gd name="connsiteX69" fmla="*/ 1723545 w 1782827"/>
                <a:gd name="connsiteY69" fmla="*/ 368392 h 565745"/>
                <a:gd name="connsiteX70" fmla="*/ 1730124 w 1782827"/>
                <a:gd name="connsiteY70" fmla="*/ 374970 h 565745"/>
                <a:gd name="connsiteX71" fmla="*/ 1736702 w 1782827"/>
                <a:gd name="connsiteY71" fmla="*/ 394705 h 565745"/>
                <a:gd name="connsiteX72" fmla="*/ 1743281 w 1782827"/>
                <a:gd name="connsiteY72" fmla="*/ 401284 h 565745"/>
                <a:gd name="connsiteX73" fmla="*/ 1749859 w 1782827"/>
                <a:gd name="connsiteY73" fmla="*/ 411151 h 565745"/>
                <a:gd name="connsiteX74" fmla="*/ 1782750 w 1782827"/>
                <a:gd name="connsiteY74" fmla="*/ 427598 h 565745"/>
                <a:gd name="connsiteX75" fmla="*/ 1756437 w 1782827"/>
                <a:gd name="connsiteY75" fmla="*/ 450622 h 565745"/>
                <a:gd name="connsiteX76" fmla="*/ 1763016 w 1782827"/>
                <a:gd name="connsiteY76" fmla="*/ 460489 h 565745"/>
                <a:gd name="connsiteX77" fmla="*/ 1766305 w 1782827"/>
                <a:gd name="connsiteY77" fmla="*/ 470357 h 565745"/>
                <a:gd name="connsiteX78" fmla="*/ 1753148 w 1782827"/>
                <a:gd name="connsiteY78" fmla="*/ 493382 h 565745"/>
                <a:gd name="connsiteX79" fmla="*/ 1759726 w 1782827"/>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66305 w 1802969"/>
                <a:gd name="connsiteY77" fmla="*/ 470357 h 565745"/>
                <a:gd name="connsiteX78" fmla="*/ 1753148 w 1802969"/>
                <a:gd name="connsiteY78" fmla="*/ 493382 h 565745"/>
                <a:gd name="connsiteX79" fmla="*/ 1759726 w 1802969"/>
                <a:gd name="connsiteY79" fmla="*/ 565745 h 565745"/>
                <a:gd name="connsiteX0" fmla="*/ 0 w 1802969"/>
                <a:gd name="connsiteY0" fmla="*/ 0 h 565745"/>
                <a:gd name="connsiteX1" fmla="*/ 13157 w 1802969"/>
                <a:gd name="connsiteY1" fmla="*/ 42760 h 565745"/>
                <a:gd name="connsiteX2" fmla="*/ 23024 w 1802969"/>
                <a:gd name="connsiteY2" fmla="*/ 52628 h 565745"/>
                <a:gd name="connsiteX3" fmla="*/ 42760 w 1802969"/>
                <a:gd name="connsiteY3" fmla="*/ 59206 h 565745"/>
                <a:gd name="connsiteX4" fmla="*/ 52627 w 1802969"/>
                <a:gd name="connsiteY4" fmla="*/ 65784 h 565745"/>
                <a:gd name="connsiteX5" fmla="*/ 69073 w 1802969"/>
                <a:gd name="connsiteY5" fmla="*/ 72363 h 565745"/>
                <a:gd name="connsiteX6" fmla="*/ 88809 w 1802969"/>
                <a:gd name="connsiteY6" fmla="*/ 78941 h 565745"/>
                <a:gd name="connsiteX7" fmla="*/ 108544 w 1802969"/>
                <a:gd name="connsiteY7" fmla="*/ 85520 h 565745"/>
                <a:gd name="connsiteX8" fmla="*/ 118411 w 1802969"/>
                <a:gd name="connsiteY8" fmla="*/ 92098 h 565745"/>
                <a:gd name="connsiteX9" fmla="*/ 128279 w 1802969"/>
                <a:gd name="connsiteY9" fmla="*/ 95387 h 565745"/>
                <a:gd name="connsiteX10" fmla="*/ 148014 w 1802969"/>
                <a:gd name="connsiteY10" fmla="*/ 108544 h 565745"/>
                <a:gd name="connsiteX11" fmla="*/ 167750 w 1802969"/>
                <a:gd name="connsiteY11" fmla="*/ 115123 h 565745"/>
                <a:gd name="connsiteX12" fmla="*/ 220377 w 1802969"/>
                <a:gd name="connsiteY12" fmla="*/ 121701 h 565745"/>
                <a:gd name="connsiteX13" fmla="*/ 292740 w 1802969"/>
                <a:gd name="connsiteY13" fmla="*/ 115123 h 565745"/>
                <a:gd name="connsiteX14" fmla="*/ 312475 w 1802969"/>
                <a:gd name="connsiteY14" fmla="*/ 108544 h 565745"/>
                <a:gd name="connsiteX15" fmla="*/ 322342 w 1802969"/>
                <a:gd name="connsiteY15" fmla="*/ 105255 h 565745"/>
                <a:gd name="connsiteX16" fmla="*/ 335499 w 1802969"/>
                <a:gd name="connsiteY16" fmla="*/ 101966 h 565745"/>
                <a:gd name="connsiteX17" fmla="*/ 368391 w 1802969"/>
                <a:gd name="connsiteY17" fmla="*/ 92098 h 565745"/>
                <a:gd name="connsiteX18" fmla="*/ 401283 w 1802969"/>
                <a:gd name="connsiteY18" fmla="*/ 82230 h 565745"/>
                <a:gd name="connsiteX19" fmla="*/ 427597 w 1802969"/>
                <a:gd name="connsiteY19" fmla="*/ 75652 h 565745"/>
                <a:gd name="connsiteX20" fmla="*/ 467068 w 1802969"/>
                <a:gd name="connsiteY20" fmla="*/ 78941 h 565745"/>
                <a:gd name="connsiteX21" fmla="*/ 486803 w 1802969"/>
                <a:gd name="connsiteY21" fmla="*/ 85520 h 565745"/>
                <a:gd name="connsiteX22" fmla="*/ 496670 w 1802969"/>
                <a:gd name="connsiteY22" fmla="*/ 88809 h 565745"/>
                <a:gd name="connsiteX23" fmla="*/ 565744 w 1802969"/>
                <a:gd name="connsiteY23" fmla="*/ 82230 h 565745"/>
                <a:gd name="connsiteX24" fmla="*/ 585479 w 1802969"/>
                <a:gd name="connsiteY24" fmla="*/ 75652 h 565745"/>
                <a:gd name="connsiteX25" fmla="*/ 611793 w 1802969"/>
                <a:gd name="connsiteY25" fmla="*/ 72363 h 565745"/>
                <a:gd name="connsiteX26" fmla="*/ 657842 w 1802969"/>
                <a:gd name="connsiteY26" fmla="*/ 69074 h 565745"/>
                <a:gd name="connsiteX27" fmla="*/ 703891 w 1802969"/>
                <a:gd name="connsiteY27" fmla="*/ 72363 h 565745"/>
                <a:gd name="connsiteX28" fmla="*/ 723626 w 1802969"/>
                <a:gd name="connsiteY28" fmla="*/ 78941 h 565745"/>
                <a:gd name="connsiteX29" fmla="*/ 743361 w 1802969"/>
                <a:gd name="connsiteY29" fmla="*/ 82230 h 565745"/>
                <a:gd name="connsiteX30" fmla="*/ 786121 w 1802969"/>
                <a:gd name="connsiteY30" fmla="*/ 78941 h 565745"/>
                <a:gd name="connsiteX31" fmla="*/ 795988 w 1802969"/>
                <a:gd name="connsiteY31" fmla="*/ 75652 h 565745"/>
                <a:gd name="connsiteX32" fmla="*/ 815724 w 1802969"/>
                <a:gd name="connsiteY32" fmla="*/ 72363 h 565745"/>
                <a:gd name="connsiteX33" fmla="*/ 832170 w 1802969"/>
                <a:gd name="connsiteY33" fmla="*/ 65784 h 565745"/>
                <a:gd name="connsiteX34" fmla="*/ 871640 w 1802969"/>
                <a:gd name="connsiteY34" fmla="*/ 62495 h 565745"/>
                <a:gd name="connsiteX35" fmla="*/ 884797 w 1802969"/>
                <a:gd name="connsiteY35" fmla="*/ 59206 h 565745"/>
                <a:gd name="connsiteX36" fmla="*/ 970317 w 1802969"/>
                <a:gd name="connsiteY36" fmla="*/ 65784 h 565745"/>
                <a:gd name="connsiteX37" fmla="*/ 993341 w 1802969"/>
                <a:gd name="connsiteY37" fmla="*/ 72363 h 565745"/>
                <a:gd name="connsiteX38" fmla="*/ 1026233 w 1802969"/>
                <a:gd name="connsiteY38" fmla="*/ 78941 h 565745"/>
                <a:gd name="connsiteX39" fmla="*/ 1036101 w 1802969"/>
                <a:gd name="connsiteY39" fmla="*/ 82230 h 565745"/>
                <a:gd name="connsiteX40" fmla="*/ 1059125 w 1802969"/>
                <a:gd name="connsiteY40" fmla="*/ 88809 h 565745"/>
                <a:gd name="connsiteX41" fmla="*/ 1197272 w 1802969"/>
                <a:gd name="connsiteY41" fmla="*/ 101966 h 565745"/>
                <a:gd name="connsiteX42" fmla="*/ 1207140 w 1802969"/>
                <a:gd name="connsiteY42" fmla="*/ 98676 h 565745"/>
                <a:gd name="connsiteX43" fmla="*/ 1256478 w 1802969"/>
                <a:gd name="connsiteY43" fmla="*/ 101966 h 565745"/>
                <a:gd name="connsiteX44" fmla="*/ 1269634 w 1802969"/>
                <a:gd name="connsiteY44" fmla="*/ 105255 h 565745"/>
                <a:gd name="connsiteX45" fmla="*/ 1286081 w 1802969"/>
                <a:gd name="connsiteY45" fmla="*/ 108544 h 565745"/>
                <a:gd name="connsiteX46" fmla="*/ 1312394 w 1802969"/>
                <a:gd name="connsiteY46" fmla="*/ 115123 h 565745"/>
                <a:gd name="connsiteX47" fmla="*/ 1417649 w 1802969"/>
                <a:gd name="connsiteY47" fmla="*/ 124990 h 565745"/>
                <a:gd name="connsiteX48" fmla="*/ 1427517 w 1802969"/>
                <a:gd name="connsiteY48" fmla="*/ 131569 h 565745"/>
                <a:gd name="connsiteX49" fmla="*/ 1437384 w 1802969"/>
                <a:gd name="connsiteY49" fmla="*/ 134858 h 565745"/>
                <a:gd name="connsiteX50" fmla="*/ 1443963 w 1802969"/>
                <a:gd name="connsiteY50" fmla="*/ 144725 h 565745"/>
                <a:gd name="connsiteX51" fmla="*/ 1453830 w 1802969"/>
                <a:gd name="connsiteY51" fmla="*/ 148015 h 565745"/>
                <a:gd name="connsiteX52" fmla="*/ 1483433 w 1802969"/>
                <a:gd name="connsiteY52" fmla="*/ 157882 h 565745"/>
                <a:gd name="connsiteX53" fmla="*/ 1503168 w 1802969"/>
                <a:gd name="connsiteY53" fmla="*/ 164461 h 565745"/>
                <a:gd name="connsiteX54" fmla="*/ 1516325 w 1802969"/>
                <a:gd name="connsiteY54" fmla="*/ 167750 h 565745"/>
                <a:gd name="connsiteX55" fmla="*/ 1539350 w 1802969"/>
                <a:gd name="connsiteY55" fmla="*/ 180907 h 565745"/>
                <a:gd name="connsiteX56" fmla="*/ 1559085 w 1802969"/>
                <a:gd name="connsiteY56" fmla="*/ 187485 h 565745"/>
                <a:gd name="connsiteX57" fmla="*/ 1568952 w 1802969"/>
                <a:gd name="connsiteY57" fmla="*/ 190774 h 565745"/>
                <a:gd name="connsiteX58" fmla="*/ 1582109 w 1802969"/>
                <a:gd name="connsiteY58" fmla="*/ 207220 h 565745"/>
                <a:gd name="connsiteX59" fmla="*/ 1591977 w 1802969"/>
                <a:gd name="connsiteY59" fmla="*/ 226956 h 565745"/>
                <a:gd name="connsiteX60" fmla="*/ 1595266 w 1802969"/>
                <a:gd name="connsiteY60" fmla="*/ 253269 h 565745"/>
                <a:gd name="connsiteX61" fmla="*/ 1621580 w 1802969"/>
                <a:gd name="connsiteY61" fmla="*/ 273005 h 565745"/>
                <a:gd name="connsiteX62" fmla="*/ 1628158 w 1802969"/>
                <a:gd name="connsiteY62" fmla="*/ 282872 h 565745"/>
                <a:gd name="connsiteX63" fmla="*/ 1644604 w 1802969"/>
                <a:gd name="connsiteY63" fmla="*/ 292740 h 565745"/>
                <a:gd name="connsiteX64" fmla="*/ 1657761 w 1802969"/>
                <a:gd name="connsiteY64" fmla="*/ 312475 h 565745"/>
                <a:gd name="connsiteX65" fmla="*/ 1680786 w 1802969"/>
                <a:gd name="connsiteY65" fmla="*/ 328921 h 565745"/>
                <a:gd name="connsiteX66" fmla="*/ 1690653 w 1802969"/>
                <a:gd name="connsiteY66" fmla="*/ 335499 h 565745"/>
                <a:gd name="connsiteX67" fmla="*/ 1700521 w 1802969"/>
                <a:gd name="connsiteY67" fmla="*/ 345367 h 565745"/>
                <a:gd name="connsiteX68" fmla="*/ 1713678 w 1802969"/>
                <a:gd name="connsiteY68" fmla="*/ 355235 h 565745"/>
                <a:gd name="connsiteX69" fmla="*/ 1723545 w 1802969"/>
                <a:gd name="connsiteY69" fmla="*/ 368392 h 565745"/>
                <a:gd name="connsiteX70" fmla="*/ 1730124 w 1802969"/>
                <a:gd name="connsiteY70" fmla="*/ 374970 h 565745"/>
                <a:gd name="connsiteX71" fmla="*/ 1736702 w 1802969"/>
                <a:gd name="connsiteY71" fmla="*/ 394705 h 565745"/>
                <a:gd name="connsiteX72" fmla="*/ 1743281 w 1802969"/>
                <a:gd name="connsiteY72" fmla="*/ 401284 h 565745"/>
                <a:gd name="connsiteX73" fmla="*/ 1749859 w 1802969"/>
                <a:gd name="connsiteY73" fmla="*/ 411151 h 565745"/>
                <a:gd name="connsiteX74" fmla="*/ 1782750 w 1802969"/>
                <a:gd name="connsiteY74" fmla="*/ 427598 h 565745"/>
                <a:gd name="connsiteX75" fmla="*/ 1802486 w 1802969"/>
                <a:gd name="connsiteY75" fmla="*/ 463778 h 565745"/>
                <a:gd name="connsiteX76" fmla="*/ 1763016 w 1802969"/>
                <a:gd name="connsiteY76" fmla="*/ 460489 h 565745"/>
                <a:gd name="connsiteX77" fmla="*/ 1753148 w 1802969"/>
                <a:gd name="connsiteY77" fmla="*/ 493382 h 565745"/>
                <a:gd name="connsiteX78" fmla="*/ 1759726 w 1802969"/>
                <a:gd name="connsiteY78" fmla="*/ 565745 h 565745"/>
                <a:gd name="connsiteX0" fmla="*/ 0 w 1803415"/>
                <a:gd name="connsiteY0" fmla="*/ 0 h 565745"/>
                <a:gd name="connsiteX1" fmla="*/ 13157 w 1803415"/>
                <a:gd name="connsiteY1" fmla="*/ 42760 h 565745"/>
                <a:gd name="connsiteX2" fmla="*/ 23024 w 1803415"/>
                <a:gd name="connsiteY2" fmla="*/ 52628 h 565745"/>
                <a:gd name="connsiteX3" fmla="*/ 42760 w 1803415"/>
                <a:gd name="connsiteY3" fmla="*/ 59206 h 565745"/>
                <a:gd name="connsiteX4" fmla="*/ 52627 w 1803415"/>
                <a:gd name="connsiteY4" fmla="*/ 65784 h 565745"/>
                <a:gd name="connsiteX5" fmla="*/ 69073 w 1803415"/>
                <a:gd name="connsiteY5" fmla="*/ 72363 h 565745"/>
                <a:gd name="connsiteX6" fmla="*/ 88809 w 1803415"/>
                <a:gd name="connsiteY6" fmla="*/ 78941 h 565745"/>
                <a:gd name="connsiteX7" fmla="*/ 108544 w 1803415"/>
                <a:gd name="connsiteY7" fmla="*/ 85520 h 565745"/>
                <a:gd name="connsiteX8" fmla="*/ 118411 w 1803415"/>
                <a:gd name="connsiteY8" fmla="*/ 92098 h 565745"/>
                <a:gd name="connsiteX9" fmla="*/ 128279 w 1803415"/>
                <a:gd name="connsiteY9" fmla="*/ 95387 h 565745"/>
                <a:gd name="connsiteX10" fmla="*/ 148014 w 1803415"/>
                <a:gd name="connsiteY10" fmla="*/ 108544 h 565745"/>
                <a:gd name="connsiteX11" fmla="*/ 167750 w 1803415"/>
                <a:gd name="connsiteY11" fmla="*/ 115123 h 565745"/>
                <a:gd name="connsiteX12" fmla="*/ 220377 w 1803415"/>
                <a:gd name="connsiteY12" fmla="*/ 121701 h 565745"/>
                <a:gd name="connsiteX13" fmla="*/ 292740 w 1803415"/>
                <a:gd name="connsiteY13" fmla="*/ 115123 h 565745"/>
                <a:gd name="connsiteX14" fmla="*/ 312475 w 1803415"/>
                <a:gd name="connsiteY14" fmla="*/ 108544 h 565745"/>
                <a:gd name="connsiteX15" fmla="*/ 322342 w 1803415"/>
                <a:gd name="connsiteY15" fmla="*/ 105255 h 565745"/>
                <a:gd name="connsiteX16" fmla="*/ 335499 w 1803415"/>
                <a:gd name="connsiteY16" fmla="*/ 101966 h 565745"/>
                <a:gd name="connsiteX17" fmla="*/ 368391 w 1803415"/>
                <a:gd name="connsiteY17" fmla="*/ 92098 h 565745"/>
                <a:gd name="connsiteX18" fmla="*/ 401283 w 1803415"/>
                <a:gd name="connsiteY18" fmla="*/ 82230 h 565745"/>
                <a:gd name="connsiteX19" fmla="*/ 427597 w 1803415"/>
                <a:gd name="connsiteY19" fmla="*/ 75652 h 565745"/>
                <a:gd name="connsiteX20" fmla="*/ 467068 w 1803415"/>
                <a:gd name="connsiteY20" fmla="*/ 78941 h 565745"/>
                <a:gd name="connsiteX21" fmla="*/ 486803 w 1803415"/>
                <a:gd name="connsiteY21" fmla="*/ 85520 h 565745"/>
                <a:gd name="connsiteX22" fmla="*/ 496670 w 1803415"/>
                <a:gd name="connsiteY22" fmla="*/ 88809 h 565745"/>
                <a:gd name="connsiteX23" fmla="*/ 565744 w 1803415"/>
                <a:gd name="connsiteY23" fmla="*/ 82230 h 565745"/>
                <a:gd name="connsiteX24" fmla="*/ 585479 w 1803415"/>
                <a:gd name="connsiteY24" fmla="*/ 75652 h 565745"/>
                <a:gd name="connsiteX25" fmla="*/ 611793 w 1803415"/>
                <a:gd name="connsiteY25" fmla="*/ 72363 h 565745"/>
                <a:gd name="connsiteX26" fmla="*/ 657842 w 1803415"/>
                <a:gd name="connsiteY26" fmla="*/ 69074 h 565745"/>
                <a:gd name="connsiteX27" fmla="*/ 703891 w 1803415"/>
                <a:gd name="connsiteY27" fmla="*/ 72363 h 565745"/>
                <a:gd name="connsiteX28" fmla="*/ 723626 w 1803415"/>
                <a:gd name="connsiteY28" fmla="*/ 78941 h 565745"/>
                <a:gd name="connsiteX29" fmla="*/ 743361 w 1803415"/>
                <a:gd name="connsiteY29" fmla="*/ 82230 h 565745"/>
                <a:gd name="connsiteX30" fmla="*/ 786121 w 1803415"/>
                <a:gd name="connsiteY30" fmla="*/ 78941 h 565745"/>
                <a:gd name="connsiteX31" fmla="*/ 795988 w 1803415"/>
                <a:gd name="connsiteY31" fmla="*/ 75652 h 565745"/>
                <a:gd name="connsiteX32" fmla="*/ 815724 w 1803415"/>
                <a:gd name="connsiteY32" fmla="*/ 72363 h 565745"/>
                <a:gd name="connsiteX33" fmla="*/ 832170 w 1803415"/>
                <a:gd name="connsiteY33" fmla="*/ 65784 h 565745"/>
                <a:gd name="connsiteX34" fmla="*/ 871640 w 1803415"/>
                <a:gd name="connsiteY34" fmla="*/ 62495 h 565745"/>
                <a:gd name="connsiteX35" fmla="*/ 884797 w 1803415"/>
                <a:gd name="connsiteY35" fmla="*/ 59206 h 565745"/>
                <a:gd name="connsiteX36" fmla="*/ 970317 w 1803415"/>
                <a:gd name="connsiteY36" fmla="*/ 65784 h 565745"/>
                <a:gd name="connsiteX37" fmla="*/ 993341 w 1803415"/>
                <a:gd name="connsiteY37" fmla="*/ 72363 h 565745"/>
                <a:gd name="connsiteX38" fmla="*/ 1026233 w 1803415"/>
                <a:gd name="connsiteY38" fmla="*/ 78941 h 565745"/>
                <a:gd name="connsiteX39" fmla="*/ 1036101 w 1803415"/>
                <a:gd name="connsiteY39" fmla="*/ 82230 h 565745"/>
                <a:gd name="connsiteX40" fmla="*/ 1059125 w 1803415"/>
                <a:gd name="connsiteY40" fmla="*/ 88809 h 565745"/>
                <a:gd name="connsiteX41" fmla="*/ 1197272 w 1803415"/>
                <a:gd name="connsiteY41" fmla="*/ 101966 h 565745"/>
                <a:gd name="connsiteX42" fmla="*/ 1207140 w 1803415"/>
                <a:gd name="connsiteY42" fmla="*/ 98676 h 565745"/>
                <a:gd name="connsiteX43" fmla="*/ 1256478 w 1803415"/>
                <a:gd name="connsiteY43" fmla="*/ 101966 h 565745"/>
                <a:gd name="connsiteX44" fmla="*/ 1269634 w 1803415"/>
                <a:gd name="connsiteY44" fmla="*/ 105255 h 565745"/>
                <a:gd name="connsiteX45" fmla="*/ 1286081 w 1803415"/>
                <a:gd name="connsiteY45" fmla="*/ 108544 h 565745"/>
                <a:gd name="connsiteX46" fmla="*/ 1312394 w 1803415"/>
                <a:gd name="connsiteY46" fmla="*/ 115123 h 565745"/>
                <a:gd name="connsiteX47" fmla="*/ 1417649 w 1803415"/>
                <a:gd name="connsiteY47" fmla="*/ 124990 h 565745"/>
                <a:gd name="connsiteX48" fmla="*/ 1427517 w 1803415"/>
                <a:gd name="connsiteY48" fmla="*/ 131569 h 565745"/>
                <a:gd name="connsiteX49" fmla="*/ 1437384 w 1803415"/>
                <a:gd name="connsiteY49" fmla="*/ 134858 h 565745"/>
                <a:gd name="connsiteX50" fmla="*/ 1443963 w 1803415"/>
                <a:gd name="connsiteY50" fmla="*/ 144725 h 565745"/>
                <a:gd name="connsiteX51" fmla="*/ 1453830 w 1803415"/>
                <a:gd name="connsiteY51" fmla="*/ 148015 h 565745"/>
                <a:gd name="connsiteX52" fmla="*/ 1483433 w 1803415"/>
                <a:gd name="connsiteY52" fmla="*/ 157882 h 565745"/>
                <a:gd name="connsiteX53" fmla="*/ 1503168 w 1803415"/>
                <a:gd name="connsiteY53" fmla="*/ 164461 h 565745"/>
                <a:gd name="connsiteX54" fmla="*/ 1516325 w 1803415"/>
                <a:gd name="connsiteY54" fmla="*/ 167750 h 565745"/>
                <a:gd name="connsiteX55" fmla="*/ 1539350 w 1803415"/>
                <a:gd name="connsiteY55" fmla="*/ 180907 h 565745"/>
                <a:gd name="connsiteX56" fmla="*/ 1559085 w 1803415"/>
                <a:gd name="connsiteY56" fmla="*/ 187485 h 565745"/>
                <a:gd name="connsiteX57" fmla="*/ 1568952 w 1803415"/>
                <a:gd name="connsiteY57" fmla="*/ 190774 h 565745"/>
                <a:gd name="connsiteX58" fmla="*/ 1582109 w 1803415"/>
                <a:gd name="connsiteY58" fmla="*/ 207220 h 565745"/>
                <a:gd name="connsiteX59" fmla="*/ 1591977 w 1803415"/>
                <a:gd name="connsiteY59" fmla="*/ 226956 h 565745"/>
                <a:gd name="connsiteX60" fmla="*/ 1595266 w 1803415"/>
                <a:gd name="connsiteY60" fmla="*/ 253269 h 565745"/>
                <a:gd name="connsiteX61" fmla="*/ 1621580 w 1803415"/>
                <a:gd name="connsiteY61" fmla="*/ 273005 h 565745"/>
                <a:gd name="connsiteX62" fmla="*/ 1628158 w 1803415"/>
                <a:gd name="connsiteY62" fmla="*/ 282872 h 565745"/>
                <a:gd name="connsiteX63" fmla="*/ 1644604 w 1803415"/>
                <a:gd name="connsiteY63" fmla="*/ 292740 h 565745"/>
                <a:gd name="connsiteX64" fmla="*/ 1657761 w 1803415"/>
                <a:gd name="connsiteY64" fmla="*/ 312475 h 565745"/>
                <a:gd name="connsiteX65" fmla="*/ 1680786 w 1803415"/>
                <a:gd name="connsiteY65" fmla="*/ 328921 h 565745"/>
                <a:gd name="connsiteX66" fmla="*/ 1690653 w 1803415"/>
                <a:gd name="connsiteY66" fmla="*/ 335499 h 565745"/>
                <a:gd name="connsiteX67" fmla="*/ 1700521 w 1803415"/>
                <a:gd name="connsiteY67" fmla="*/ 345367 h 565745"/>
                <a:gd name="connsiteX68" fmla="*/ 1713678 w 1803415"/>
                <a:gd name="connsiteY68" fmla="*/ 355235 h 565745"/>
                <a:gd name="connsiteX69" fmla="*/ 1723545 w 1803415"/>
                <a:gd name="connsiteY69" fmla="*/ 368392 h 565745"/>
                <a:gd name="connsiteX70" fmla="*/ 1730124 w 1803415"/>
                <a:gd name="connsiteY70" fmla="*/ 374970 h 565745"/>
                <a:gd name="connsiteX71" fmla="*/ 1736702 w 1803415"/>
                <a:gd name="connsiteY71" fmla="*/ 394705 h 565745"/>
                <a:gd name="connsiteX72" fmla="*/ 1743281 w 1803415"/>
                <a:gd name="connsiteY72" fmla="*/ 401284 h 565745"/>
                <a:gd name="connsiteX73" fmla="*/ 1749859 w 1803415"/>
                <a:gd name="connsiteY73" fmla="*/ 411151 h 565745"/>
                <a:gd name="connsiteX74" fmla="*/ 1782750 w 1803415"/>
                <a:gd name="connsiteY74" fmla="*/ 427598 h 565745"/>
                <a:gd name="connsiteX75" fmla="*/ 1802486 w 1803415"/>
                <a:gd name="connsiteY75" fmla="*/ 463778 h 565745"/>
                <a:gd name="connsiteX76" fmla="*/ 1753148 w 1803415"/>
                <a:gd name="connsiteY76" fmla="*/ 493382 h 565745"/>
                <a:gd name="connsiteX77" fmla="*/ 1759726 w 1803415"/>
                <a:gd name="connsiteY77" fmla="*/ 565745 h 565745"/>
                <a:gd name="connsiteX0" fmla="*/ 0 w 1803108"/>
                <a:gd name="connsiteY0" fmla="*/ 0 h 565745"/>
                <a:gd name="connsiteX1" fmla="*/ 13157 w 1803108"/>
                <a:gd name="connsiteY1" fmla="*/ 42760 h 565745"/>
                <a:gd name="connsiteX2" fmla="*/ 23024 w 1803108"/>
                <a:gd name="connsiteY2" fmla="*/ 52628 h 565745"/>
                <a:gd name="connsiteX3" fmla="*/ 42760 w 1803108"/>
                <a:gd name="connsiteY3" fmla="*/ 59206 h 565745"/>
                <a:gd name="connsiteX4" fmla="*/ 52627 w 1803108"/>
                <a:gd name="connsiteY4" fmla="*/ 65784 h 565745"/>
                <a:gd name="connsiteX5" fmla="*/ 69073 w 1803108"/>
                <a:gd name="connsiteY5" fmla="*/ 72363 h 565745"/>
                <a:gd name="connsiteX6" fmla="*/ 88809 w 1803108"/>
                <a:gd name="connsiteY6" fmla="*/ 78941 h 565745"/>
                <a:gd name="connsiteX7" fmla="*/ 108544 w 1803108"/>
                <a:gd name="connsiteY7" fmla="*/ 85520 h 565745"/>
                <a:gd name="connsiteX8" fmla="*/ 118411 w 1803108"/>
                <a:gd name="connsiteY8" fmla="*/ 92098 h 565745"/>
                <a:gd name="connsiteX9" fmla="*/ 128279 w 1803108"/>
                <a:gd name="connsiteY9" fmla="*/ 95387 h 565745"/>
                <a:gd name="connsiteX10" fmla="*/ 148014 w 1803108"/>
                <a:gd name="connsiteY10" fmla="*/ 108544 h 565745"/>
                <a:gd name="connsiteX11" fmla="*/ 167750 w 1803108"/>
                <a:gd name="connsiteY11" fmla="*/ 115123 h 565745"/>
                <a:gd name="connsiteX12" fmla="*/ 220377 w 1803108"/>
                <a:gd name="connsiteY12" fmla="*/ 121701 h 565745"/>
                <a:gd name="connsiteX13" fmla="*/ 292740 w 1803108"/>
                <a:gd name="connsiteY13" fmla="*/ 115123 h 565745"/>
                <a:gd name="connsiteX14" fmla="*/ 312475 w 1803108"/>
                <a:gd name="connsiteY14" fmla="*/ 108544 h 565745"/>
                <a:gd name="connsiteX15" fmla="*/ 322342 w 1803108"/>
                <a:gd name="connsiteY15" fmla="*/ 105255 h 565745"/>
                <a:gd name="connsiteX16" fmla="*/ 335499 w 1803108"/>
                <a:gd name="connsiteY16" fmla="*/ 101966 h 565745"/>
                <a:gd name="connsiteX17" fmla="*/ 368391 w 1803108"/>
                <a:gd name="connsiteY17" fmla="*/ 92098 h 565745"/>
                <a:gd name="connsiteX18" fmla="*/ 401283 w 1803108"/>
                <a:gd name="connsiteY18" fmla="*/ 82230 h 565745"/>
                <a:gd name="connsiteX19" fmla="*/ 427597 w 1803108"/>
                <a:gd name="connsiteY19" fmla="*/ 75652 h 565745"/>
                <a:gd name="connsiteX20" fmla="*/ 467068 w 1803108"/>
                <a:gd name="connsiteY20" fmla="*/ 78941 h 565745"/>
                <a:gd name="connsiteX21" fmla="*/ 486803 w 1803108"/>
                <a:gd name="connsiteY21" fmla="*/ 85520 h 565745"/>
                <a:gd name="connsiteX22" fmla="*/ 496670 w 1803108"/>
                <a:gd name="connsiteY22" fmla="*/ 88809 h 565745"/>
                <a:gd name="connsiteX23" fmla="*/ 565744 w 1803108"/>
                <a:gd name="connsiteY23" fmla="*/ 82230 h 565745"/>
                <a:gd name="connsiteX24" fmla="*/ 585479 w 1803108"/>
                <a:gd name="connsiteY24" fmla="*/ 75652 h 565745"/>
                <a:gd name="connsiteX25" fmla="*/ 611793 w 1803108"/>
                <a:gd name="connsiteY25" fmla="*/ 72363 h 565745"/>
                <a:gd name="connsiteX26" fmla="*/ 657842 w 1803108"/>
                <a:gd name="connsiteY26" fmla="*/ 69074 h 565745"/>
                <a:gd name="connsiteX27" fmla="*/ 703891 w 1803108"/>
                <a:gd name="connsiteY27" fmla="*/ 72363 h 565745"/>
                <a:gd name="connsiteX28" fmla="*/ 723626 w 1803108"/>
                <a:gd name="connsiteY28" fmla="*/ 78941 h 565745"/>
                <a:gd name="connsiteX29" fmla="*/ 743361 w 1803108"/>
                <a:gd name="connsiteY29" fmla="*/ 82230 h 565745"/>
                <a:gd name="connsiteX30" fmla="*/ 786121 w 1803108"/>
                <a:gd name="connsiteY30" fmla="*/ 78941 h 565745"/>
                <a:gd name="connsiteX31" fmla="*/ 795988 w 1803108"/>
                <a:gd name="connsiteY31" fmla="*/ 75652 h 565745"/>
                <a:gd name="connsiteX32" fmla="*/ 815724 w 1803108"/>
                <a:gd name="connsiteY32" fmla="*/ 72363 h 565745"/>
                <a:gd name="connsiteX33" fmla="*/ 832170 w 1803108"/>
                <a:gd name="connsiteY33" fmla="*/ 65784 h 565745"/>
                <a:gd name="connsiteX34" fmla="*/ 871640 w 1803108"/>
                <a:gd name="connsiteY34" fmla="*/ 62495 h 565745"/>
                <a:gd name="connsiteX35" fmla="*/ 884797 w 1803108"/>
                <a:gd name="connsiteY35" fmla="*/ 59206 h 565745"/>
                <a:gd name="connsiteX36" fmla="*/ 970317 w 1803108"/>
                <a:gd name="connsiteY36" fmla="*/ 65784 h 565745"/>
                <a:gd name="connsiteX37" fmla="*/ 993341 w 1803108"/>
                <a:gd name="connsiteY37" fmla="*/ 72363 h 565745"/>
                <a:gd name="connsiteX38" fmla="*/ 1026233 w 1803108"/>
                <a:gd name="connsiteY38" fmla="*/ 78941 h 565745"/>
                <a:gd name="connsiteX39" fmla="*/ 1036101 w 1803108"/>
                <a:gd name="connsiteY39" fmla="*/ 82230 h 565745"/>
                <a:gd name="connsiteX40" fmla="*/ 1059125 w 1803108"/>
                <a:gd name="connsiteY40" fmla="*/ 88809 h 565745"/>
                <a:gd name="connsiteX41" fmla="*/ 1197272 w 1803108"/>
                <a:gd name="connsiteY41" fmla="*/ 101966 h 565745"/>
                <a:gd name="connsiteX42" fmla="*/ 1207140 w 1803108"/>
                <a:gd name="connsiteY42" fmla="*/ 98676 h 565745"/>
                <a:gd name="connsiteX43" fmla="*/ 1256478 w 1803108"/>
                <a:gd name="connsiteY43" fmla="*/ 101966 h 565745"/>
                <a:gd name="connsiteX44" fmla="*/ 1269634 w 1803108"/>
                <a:gd name="connsiteY44" fmla="*/ 105255 h 565745"/>
                <a:gd name="connsiteX45" fmla="*/ 1286081 w 1803108"/>
                <a:gd name="connsiteY45" fmla="*/ 108544 h 565745"/>
                <a:gd name="connsiteX46" fmla="*/ 1312394 w 1803108"/>
                <a:gd name="connsiteY46" fmla="*/ 115123 h 565745"/>
                <a:gd name="connsiteX47" fmla="*/ 1417649 w 1803108"/>
                <a:gd name="connsiteY47" fmla="*/ 124990 h 565745"/>
                <a:gd name="connsiteX48" fmla="*/ 1427517 w 1803108"/>
                <a:gd name="connsiteY48" fmla="*/ 131569 h 565745"/>
                <a:gd name="connsiteX49" fmla="*/ 1437384 w 1803108"/>
                <a:gd name="connsiteY49" fmla="*/ 134858 h 565745"/>
                <a:gd name="connsiteX50" fmla="*/ 1443963 w 1803108"/>
                <a:gd name="connsiteY50" fmla="*/ 144725 h 565745"/>
                <a:gd name="connsiteX51" fmla="*/ 1453830 w 1803108"/>
                <a:gd name="connsiteY51" fmla="*/ 148015 h 565745"/>
                <a:gd name="connsiteX52" fmla="*/ 1483433 w 1803108"/>
                <a:gd name="connsiteY52" fmla="*/ 157882 h 565745"/>
                <a:gd name="connsiteX53" fmla="*/ 1503168 w 1803108"/>
                <a:gd name="connsiteY53" fmla="*/ 164461 h 565745"/>
                <a:gd name="connsiteX54" fmla="*/ 1516325 w 1803108"/>
                <a:gd name="connsiteY54" fmla="*/ 167750 h 565745"/>
                <a:gd name="connsiteX55" fmla="*/ 1539350 w 1803108"/>
                <a:gd name="connsiteY55" fmla="*/ 180907 h 565745"/>
                <a:gd name="connsiteX56" fmla="*/ 1559085 w 1803108"/>
                <a:gd name="connsiteY56" fmla="*/ 187485 h 565745"/>
                <a:gd name="connsiteX57" fmla="*/ 1568952 w 1803108"/>
                <a:gd name="connsiteY57" fmla="*/ 190774 h 565745"/>
                <a:gd name="connsiteX58" fmla="*/ 1582109 w 1803108"/>
                <a:gd name="connsiteY58" fmla="*/ 207220 h 565745"/>
                <a:gd name="connsiteX59" fmla="*/ 1591977 w 1803108"/>
                <a:gd name="connsiteY59" fmla="*/ 226956 h 565745"/>
                <a:gd name="connsiteX60" fmla="*/ 1595266 w 1803108"/>
                <a:gd name="connsiteY60" fmla="*/ 253269 h 565745"/>
                <a:gd name="connsiteX61" fmla="*/ 1621580 w 1803108"/>
                <a:gd name="connsiteY61" fmla="*/ 273005 h 565745"/>
                <a:gd name="connsiteX62" fmla="*/ 1628158 w 1803108"/>
                <a:gd name="connsiteY62" fmla="*/ 282872 h 565745"/>
                <a:gd name="connsiteX63" fmla="*/ 1644604 w 1803108"/>
                <a:gd name="connsiteY63" fmla="*/ 292740 h 565745"/>
                <a:gd name="connsiteX64" fmla="*/ 1657761 w 1803108"/>
                <a:gd name="connsiteY64" fmla="*/ 312475 h 565745"/>
                <a:gd name="connsiteX65" fmla="*/ 1680786 w 1803108"/>
                <a:gd name="connsiteY65" fmla="*/ 328921 h 565745"/>
                <a:gd name="connsiteX66" fmla="*/ 1690653 w 1803108"/>
                <a:gd name="connsiteY66" fmla="*/ 335499 h 565745"/>
                <a:gd name="connsiteX67" fmla="*/ 1700521 w 1803108"/>
                <a:gd name="connsiteY67" fmla="*/ 345367 h 565745"/>
                <a:gd name="connsiteX68" fmla="*/ 1713678 w 1803108"/>
                <a:gd name="connsiteY68" fmla="*/ 355235 h 565745"/>
                <a:gd name="connsiteX69" fmla="*/ 1723545 w 1803108"/>
                <a:gd name="connsiteY69" fmla="*/ 368392 h 565745"/>
                <a:gd name="connsiteX70" fmla="*/ 1730124 w 1803108"/>
                <a:gd name="connsiteY70" fmla="*/ 374970 h 565745"/>
                <a:gd name="connsiteX71" fmla="*/ 1736702 w 1803108"/>
                <a:gd name="connsiteY71" fmla="*/ 394705 h 565745"/>
                <a:gd name="connsiteX72" fmla="*/ 1743281 w 1803108"/>
                <a:gd name="connsiteY72" fmla="*/ 401284 h 565745"/>
                <a:gd name="connsiteX73" fmla="*/ 1749859 w 1803108"/>
                <a:gd name="connsiteY73" fmla="*/ 411151 h 565745"/>
                <a:gd name="connsiteX74" fmla="*/ 1782750 w 1803108"/>
                <a:gd name="connsiteY74" fmla="*/ 427598 h 565745"/>
                <a:gd name="connsiteX75" fmla="*/ 1802486 w 1803108"/>
                <a:gd name="connsiteY75" fmla="*/ 463778 h 565745"/>
                <a:gd name="connsiteX76" fmla="*/ 1759726 w 1803108"/>
                <a:gd name="connsiteY76" fmla="*/ 526274 h 565745"/>
                <a:gd name="connsiteX77" fmla="*/ 1759726 w 1803108"/>
                <a:gd name="connsiteY77" fmla="*/ 565745 h 565745"/>
                <a:gd name="connsiteX0" fmla="*/ 0 w 1803580"/>
                <a:gd name="connsiteY0" fmla="*/ 0 h 565745"/>
                <a:gd name="connsiteX1" fmla="*/ 13157 w 1803580"/>
                <a:gd name="connsiteY1" fmla="*/ 42760 h 565745"/>
                <a:gd name="connsiteX2" fmla="*/ 23024 w 1803580"/>
                <a:gd name="connsiteY2" fmla="*/ 52628 h 565745"/>
                <a:gd name="connsiteX3" fmla="*/ 42760 w 1803580"/>
                <a:gd name="connsiteY3" fmla="*/ 59206 h 565745"/>
                <a:gd name="connsiteX4" fmla="*/ 52627 w 1803580"/>
                <a:gd name="connsiteY4" fmla="*/ 65784 h 565745"/>
                <a:gd name="connsiteX5" fmla="*/ 69073 w 1803580"/>
                <a:gd name="connsiteY5" fmla="*/ 72363 h 565745"/>
                <a:gd name="connsiteX6" fmla="*/ 88809 w 1803580"/>
                <a:gd name="connsiteY6" fmla="*/ 78941 h 565745"/>
                <a:gd name="connsiteX7" fmla="*/ 108544 w 1803580"/>
                <a:gd name="connsiteY7" fmla="*/ 85520 h 565745"/>
                <a:gd name="connsiteX8" fmla="*/ 118411 w 1803580"/>
                <a:gd name="connsiteY8" fmla="*/ 92098 h 565745"/>
                <a:gd name="connsiteX9" fmla="*/ 128279 w 1803580"/>
                <a:gd name="connsiteY9" fmla="*/ 95387 h 565745"/>
                <a:gd name="connsiteX10" fmla="*/ 148014 w 1803580"/>
                <a:gd name="connsiteY10" fmla="*/ 108544 h 565745"/>
                <a:gd name="connsiteX11" fmla="*/ 167750 w 1803580"/>
                <a:gd name="connsiteY11" fmla="*/ 115123 h 565745"/>
                <a:gd name="connsiteX12" fmla="*/ 220377 w 1803580"/>
                <a:gd name="connsiteY12" fmla="*/ 121701 h 565745"/>
                <a:gd name="connsiteX13" fmla="*/ 292740 w 1803580"/>
                <a:gd name="connsiteY13" fmla="*/ 115123 h 565745"/>
                <a:gd name="connsiteX14" fmla="*/ 312475 w 1803580"/>
                <a:gd name="connsiteY14" fmla="*/ 108544 h 565745"/>
                <a:gd name="connsiteX15" fmla="*/ 322342 w 1803580"/>
                <a:gd name="connsiteY15" fmla="*/ 105255 h 565745"/>
                <a:gd name="connsiteX16" fmla="*/ 335499 w 1803580"/>
                <a:gd name="connsiteY16" fmla="*/ 101966 h 565745"/>
                <a:gd name="connsiteX17" fmla="*/ 368391 w 1803580"/>
                <a:gd name="connsiteY17" fmla="*/ 92098 h 565745"/>
                <a:gd name="connsiteX18" fmla="*/ 401283 w 1803580"/>
                <a:gd name="connsiteY18" fmla="*/ 82230 h 565745"/>
                <a:gd name="connsiteX19" fmla="*/ 427597 w 1803580"/>
                <a:gd name="connsiteY19" fmla="*/ 75652 h 565745"/>
                <a:gd name="connsiteX20" fmla="*/ 467068 w 1803580"/>
                <a:gd name="connsiteY20" fmla="*/ 78941 h 565745"/>
                <a:gd name="connsiteX21" fmla="*/ 486803 w 1803580"/>
                <a:gd name="connsiteY21" fmla="*/ 85520 h 565745"/>
                <a:gd name="connsiteX22" fmla="*/ 496670 w 1803580"/>
                <a:gd name="connsiteY22" fmla="*/ 88809 h 565745"/>
                <a:gd name="connsiteX23" fmla="*/ 565744 w 1803580"/>
                <a:gd name="connsiteY23" fmla="*/ 82230 h 565745"/>
                <a:gd name="connsiteX24" fmla="*/ 585479 w 1803580"/>
                <a:gd name="connsiteY24" fmla="*/ 75652 h 565745"/>
                <a:gd name="connsiteX25" fmla="*/ 611793 w 1803580"/>
                <a:gd name="connsiteY25" fmla="*/ 72363 h 565745"/>
                <a:gd name="connsiteX26" fmla="*/ 657842 w 1803580"/>
                <a:gd name="connsiteY26" fmla="*/ 69074 h 565745"/>
                <a:gd name="connsiteX27" fmla="*/ 703891 w 1803580"/>
                <a:gd name="connsiteY27" fmla="*/ 72363 h 565745"/>
                <a:gd name="connsiteX28" fmla="*/ 723626 w 1803580"/>
                <a:gd name="connsiteY28" fmla="*/ 78941 h 565745"/>
                <a:gd name="connsiteX29" fmla="*/ 743361 w 1803580"/>
                <a:gd name="connsiteY29" fmla="*/ 82230 h 565745"/>
                <a:gd name="connsiteX30" fmla="*/ 786121 w 1803580"/>
                <a:gd name="connsiteY30" fmla="*/ 78941 h 565745"/>
                <a:gd name="connsiteX31" fmla="*/ 795988 w 1803580"/>
                <a:gd name="connsiteY31" fmla="*/ 75652 h 565745"/>
                <a:gd name="connsiteX32" fmla="*/ 815724 w 1803580"/>
                <a:gd name="connsiteY32" fmla="*/ 72363 h 565745"/>
                <a:gd name="connsiteX33" fmla="*/ 832170 w 1803580"/>
                <a:gd name="connsiteY33" fmla="*/ 65784 h 565745"/>
                <a:gd name="connsiteX34" fmla="*/ 871640 w 1803580"/>
                <a:gd name="connsiteY34" fmla="*/ 62495 h 565745"/>
                <a:gd name="connsiteX35" fmla="*/ 884797 w 1803580"/>
                <a:gd name="connsiteY35" fmla="*/ 59206 h 565745"/>
                <a:gd name="connsiteX36" fmla="*/ 970317 w 1803580"/>
                <a:gd name="connsiteY36" fmla="*/ 65784 h 565745"/>
                <a:gd name="connsiteX37" fmla="*/ 993341 w 1803580"/>
                <a:gd name="connsiteY37" fmla="*/ 72363 h 565745"/>
                <a:gd name="connsiteX38" fmla="*/ 1026233 w 1803580"/>
                <a:gd name="connsiteY38" fmla="*/ 78941 h 565745"/>
                <a:gd name="connsiteX39" fmla="*/ 1036101 w 1803580"/>
                <a:gd name="connsiteY39" fmla="*/ 82230 h 565745"/>
                <a:gd name="connsiteX40" fmla="*/ 1059125 w 1803580"/>
                <a:gd name="connsiteY40" fmla="*/ 88809 h 565745"/>
                <a:gd name="connsiteX41" fmla="*/ 1197272 w 1803580"/>
                <a:gd name="connsiteY41" fmla="*/ 101966 h 565745"/>
                <a:gd name="connsiteX42" fmla="*/ 1207140 w 1803580"/>
                <a:gd name="connsiteY42" fmla="*/ 98676 h 565745"/>
                <a:gd name="connsiteX43" fmla="*/ 1256478 w 1803580"/>
                <a:gd name="connsiteY43" fmla="*/ 101966 h 565745"/>
                <a:gd name="connsiteX44" fmla="*/ 1269634 w 1803580"/>
                <a:gd name="connsiteY44" fmla="*/ 105255 h 565745"/>
                <a:gd name="connsiteX45" fmla="*/ 1286081 w 1803580"/>
                <a:gd name="connsiteY45" fmla="*/ 108544 h 565745"/>
                <a:gd name="connsiteX46" fmla="*/ 1312394 w 1803580"/>
                <a:gd name="connsiteY46" fmla="*/ 115123 h 565745"/>
                <a:gd name="connsiteX47" fmla="*/ 1417649 w 1803580"/>
                <a:gd name="connsiteY47" fmla="*/ 124990 h 565745"/>
                <a:gd name="connsiteX48" fmla="*/ 1427517 w 1803580"/>
                <a:gd name="connsiteY48" fmla="*/ 131569 h 565745"/>
                <a:gd name="connsiteX49" fmla="*/ 1437384 w 1803580"/>
                <a:gd name="connsiteY49" fmla="*/ 134858 h 565745"/>
                <a:gd name="connsiteX50" fmla="*/ 1443963 w 1803580"/>
                <a:gd name="connsiteY50" fmla="*/ 144725 h 565745"/>
                <a:gd name="connsiteX51" fmla="*/ 1453830 w 1803580"/>
                <a:gd name="connsiteY51" fmla="*/ 148015 h 565745"/>
                <a:gd name="connsiteX52" fmla="*/ 1483433 w 1803580"/>
                <a:gd name="connsiteY52" fmla="*/ 157882 h 565745"/>
                <a:gd name="connsiteX53" fmla="*/ 1503168 w 1803580"/>
                <a:gd name="connsiteY53" fmla="*/ 164461 h 565745"/>
                <a:gd name="connsiteX54" fmla="*/ 1516325 w 1803580"/>
                <a:gd name="connsiteY54" fmla="*/ 167750 h 565745"/>
                <a:gd name="connsiteX55" fmla="*/ 1539350 w 1803580"/>
                <a:gd name="connsiteY55" fmla="*/ 180907 h 565745"/>
                <a:gd name="connsiteX56" fmla="*/ 1559085 w 1803580"/>
                <a:gd name="connsiteY56" fmla="*/ 187485 h 565745"/>
                <a:gd name="connsiteX57" fmla="*/ 1568952 w 1803580"/>
                <a:gd name="connsiteY57" fmla="*/ 190774 h 565745"/>
                <a:gd name="connsiteX58" fmla="*/ 1582109 w 1803580"/>
                <a:gd name="connsiteY58" fmla="*/ 207220 h 565745"/>
                <a:gd name="connsiteX59" fmla="*/ 1591977 w 1803580"/>
                <a:gd name="connsiteY59" fmla="*/ 226956 h 565745"/>
                <a:gd name="connsiteX60" fmla="*/ 1595266 w 1803580"/>
                <a:gd name="connsiteY60" fmla="*/ 253269 h 565745"/>
                <a:gd name="connsiteX61" fmla="*/ 1621580 w 1803580"/>
                <a:gd name="connsiteY61" fmla="*/ 273005 h 565745"/>
                <a:gd name="connsiteX62" fmla="*/ 1628158 w 1803580"/>
                <a:gd name="connsiteY62" fmla="*/ 282872 h 565745"/>
                <a:gd name="connsiteX63" fmla="*/ 1644604 w 1803580"/>
                <a:gd name="connsiteY63" fmla="*/ 292740 h 565745"/>
                <a:gd name="connsiteX64" fmla="*/ 1657761 w 1803580"/>
                <a:gd name="connsiteY64" fmla="*/ 312475 h 565745"/>
                <a:gd name="connsiteX65" fmla="*/ 1680786 w 1803580"/>
                <a:gd name="connsiteY65" fmla="*/ 328921 h 565745"/>
                <a:gd name="connsiteX66" fmla="*/ 1690653 w 1803580"/>
                <a:gd name="connsiteY66" fmla="*/ 335499 h 565745"/>
                <a:gd name="connsiteX67" fmla="*/ 1700521 w 1803580"/>
                <a:gd name="connsiteY67" fmla="*/ 345367 h 565745"/>
                <a:gd name="connsiteX68" fmla="*/ 1713678 w 1803580"/>
                <a:gd name="connsiteY68" fmla="*/ 355235 h 565745"/>
                <a:gd name="connsiteX69" fmla="*/ 1723545 w 1803580"/>
                <a:gd name="connsiteY69" fmla="*/ 368392 h 565745"/>
                <a:gd name="connsiteX70" fmla="*/ 1730124 w 1803580"/>
                <a:gd name="connsiteY70" fmla="*/ 374970 h 565745"/>
                <a:gd name="connsiteX71" fmla="*/ 1736702 w 1803580"/>
                <a:gd name="connsiteY71" fmla="*/ 394705 h 565745"/>
                <a:gd name="connsiteX72" fmla="*/ 1743281 w 1803580"/>
                <a:gd name="connsiteY72" fmla="*/ 401284 h 565745"/>
                <a:gd name="connsiteX73" fmla="*/ 1749859 w 1803580"/>
                <a:gd name="connsiteY73" fmla="*/ 411151 h 565745"/>
                <a:gd name="connsiteX74" fmla="*/ 1782750 w 1803580"/>
                <a:gd name="connsiteY74" fmla="*/ 427598 h 565745"/>
                <a:gd name="connsiteX75" fmla="*/ 1802486 w 1803580"/>
                <a:gd name="connsiteY75" fmla="*/ 463778 h 565745"/>
                <a:gd name="connsiteX76" fmla="*/ 1749858 w 1803580"/>
                <a:gd name="connsiteY76" fmla="*/ 519695 h 565745"/>
                <a:gd name="connsiteX77" fmla="*/ 1759726 w 1803580"/>
                <a:gd name="connsiteY77" fmla="*/ 565745 h 565745"/>
                <a:gd name="connsiteX0" fmla="*/ 0 w 1791572"/>
                <a:gd name="connsiteY0" fmla="*/ 0 h 565745"/>
                <a:gd name="connsiteX1" fmla="*/ 13157 w 1791572"/>
                <a:gd name="connsiteY1" fmla="*/ 42760 h 565745"/>
                <a:gd name="connsiteX2" fmla="*/ 23024 w 1791572"/>
                <a:gd name="connsiteY2" fmla="*/ 52628 h 565745"/>
                <a:gd name="connsiteX3" fmla="*/ 42760 w 1791572"/>
                <a:gd name="connsiteY3" fmla="*/ 59206 h 565745"/>
                <a:gd name="connsiteX4" fmla="*/ 52627 w 1791572"/>
                <a:gd name="connsiteY4" fmla="*/ 65784 h 565745"/>
                <a:gd name="connsiteX5" fmla="*/ 69073 w 1791572"/>
                <a:gd name="connsiteY5" fmla="*/ 72363 h 565745"/>
                <a:gd name="connsiteX6" fmla="*/ 88809 w 1791572"/>
                <a:gd name="connsiteY6" fmla="*/ 78941 h 565745"/>
                <a:gd name="connsiteX7" fmla="*/ 108544 w 1791572"/>
                <a:gd name="connsiteY7" fmla="*/ 85520 h 565745"/>
                <a:gd name="connsiteX8" fmla="*/ 118411 w 1791572"/>
                <a:gd name="connsiteY8" fmla="*/ 92098 h 565745"/>
                <a:gd name="connsiteX9" fmla="*/ 128279 w 1791572"/>
                <a:gd name="connsiteY9" fmla="*/ 95387 h 565745"/>
                <a:gd name="connsiteX10" fmla="*/ 148014 w 1791572"/>
                <a:gd name="connsiteY10" fmla="*/ 108544 h 565745"/>
                <a:gd name="connsiteX11" fmla="*/ 167750 w 1791572"/>
                <a:gd name="connsiteY11" fmla="*/ 115123 h 565745"/>
                <a:gd name="connsiteX12" fmla="*/ 220377 w 1791572"/>
                <a:gd name="connsiteY12" fmla="*/ 121701 h 565745"/>
                <a:gd name="connsiteX13" fmla="*/ 292740 w 1791572"/>
                <a:gd name="connsiteY13" fmla="*/ 115123 h 565745"/>
                <a:gd name="connsiteX14" fmla="*/ 312475 w 1791572"/>
                <a:gd name="connsiteY14" fmla="*/ 108544 h 565745"/>
                <a:gd name="connsiteX15" fmla="*/ 322342 w 1791572"/>
                <a:gd name="connsiteY15" fmla="*/ 105255 h 565745"/>
                <a:gd name="connsiteX16" fmla="*/ 335499 w 1791572"/>
                <a:gd name="connsiteY16" fmla="*/ 101966 h 565745"/>
                <a:gd name="connsiteX17" fmla="*/ 368391 w 1791572"/>
                <a:gd name="connsiteY17" fmla="*/ 92098 h 565745"/>
                <a:gd name="connsiteX18" fmla="*/ 401283 w 1791572"/>
                <a:gd name="connsiteY18" fmla="*/ 82230 h 565745"/>
                <a:gd name="connsiteX19" fmla="*/ 427597 w 1791572"/>
                <a:gd name="connsiteY19" fmla="*/ 75652 h 565745"/>
                <a:gd name="connsiteX20" fmla="*/ 467068 w 1791572"/>
                <a:gd name="connsiteY20" fmla="*/ 78941 h 565745"/>
                <a:gd name="connsiteX21" fmla="*/ 486803 w 1791572"/>
                <a:gd name="connsiteY21" fmla="*/ 85520 h 565745"/>
                <a:gd name="connsiteX22" fmla="*/ 496670 w 1791572"/>
                <a:gd name="connsiteY22" fmla="*/ 88809 h 565745"/>
                <a:gd name="connsiteX23" fmla="*/ 565744 w 1791572"/>
                <a:gd name="connsiteY23" fmla="*/ 82230 h 565745"/>
                <a:gd name="connsiteX24" fmla="*/ 585479 w 1791572"/>
                <a:gd name="connsiteY24" fmla="*/ 75652 h 565745"/>
                <a:gd name="connsiteX25" fmla="*/ 611793 w 1791572"/>
                <a:gd name="connsiteY25" fmla="*/ 72363 h 565745"/>
                <a:gd name="connsiteX26" fmla="*/ 657842 w 1791572"/>
                <a:gd name="connsiteY26" fmla="*/ 69074 h 565745"/>
                <a:gd name="connsiteX27" fmla="*/ 703891 w 1791572"/>
                <a:gd name="connsiteY27" fmla="*/ 72363 h 565745"/>
                <a:gd name="connsiteX28" fmla="*/ 723626 w 1791572"/>
                <a:gd name="connsiteY28" fmla="*/ 78941 h 565745"/>
                <a:gd name="connsiteX29" fmla="*/ 743361 w 1791572"/>
                <a:gd name="connsiteY29" fmla="*/ 82230 h 565745"/>
                <a:gd name="connsiteX30" fmla="*/ 786121 w 1791572"/>
                <a:gd name="connsiteY30" fmla="*/ 78941 h 565745"/>
                <a:gd name="connsiteX31" fmla="*/ 795988 w 1791572"/>
                <a:gd name="connsiteY31" fmla="*/ 75652 h 565745"/>
                <a:gd name="connsiteX32" fmla="*/ 815724 w 1791572"/>
                <a:gd name="connsiteY32" fmla="*/ 72363 h 565745"/>
                <a:gd name="connsiteX33" fmla="*/ 832170 w 1791572"/>
                <a:gd name="connsiteY33" fmla="*/ 65784 h 565745"/>
                <a:gd name="connsiteX34" fmla="*/ 871640 w 1791572"/>
                <a:gd name="connsiteY34" fmla="*/ 62495 h 565745"/>
                <a:gd name="connsiteX35" fmla="*/ 884797 w 1791572"/>
                <a:gd name="connsiteY35" fmla="*/ 59206 h 565745"/>
                <a:gd name="connsiteX36" fmla="*/ 970317 w 1791572"/>
                <a:gd name="connsiteY36" fmla="*/ 65784 h 565745"/>
                <a:gd name="connsiteX37" fmla="*/ 993341 w 1791572"/>
                <a:gd name="connsiteY37" fmla="*/ 72363 h 565745"/>
                <a:gd name="connsiteX38" fmla="*/ 1026233 w 1791572"/>
                <a:gd name="connsiteY38" fmla="*/ 78941 h 565745"/>
                <a:gd name="connsiteX39" fmla="*/ 1036101 w 1791572"/>
                <a:gd name="connsiteY39" fmla="*/ 82230 h 565745"/>
                <a:gd name="connsiteX40" fmla="*/ 1059125 w 1791572"/>
                <a:gd name="connsiteY40" fmla="*/ 88809 h 565745"/>
                <a:gd name="connsiteX41" fmla="*/ 1197272 w 1791572"/>
                <a:gd name="connsiteY41" fmla="*/ 101966 h 565745"/>
                <a:gd name="connsiteX42" fmla="*/ 1207140 w 1791572"/>
                <a:gd name="connsiteY42" fmla="*/ 98676 h 565745"/>
                <a:gd name="connsiteX43" fmla="*/ 1256478 w 1791572"/>
                <a:gd name="connsiteY43" fmla="*/ 101966 h 565745"/>
                <a:gd name="connsiteX44" fmla="*/ 1269634 w 1791572"/>
                <a:gd name="connsiteY44" fmla="*/ 105255 h 565745"/>
                <a:gd name="connsiteX45" fmla="*/ 1286081 w 1791572"/>
                <a:gd name="connsiteY45" fmla="*/ 108544 h 565745"/>
                <a:gd name="connsiteX46" fmla="*/ 1312394 w 1791572"/>
                <a:gd name="connsiteY46" fmla="*/ 115123 h 565745"/>
                <a:gd name="connsiteX47" fmla="*/ 1417649 w 1791572"/>
                <a:gd name="connsiteY47" fmla="*/ 124990 h 565745"/>
                <a:gd name="connsiteX48" fmla="*/ 1427517 w 1791572"/>
                <a:gd name="connsiteY48" fmla="*/ 131569 h 565745"/>
                <a:gd name="connsiteX49" fmla="*/ 1437384 w 1791572"/>
                <a:gd name="connsiteY49" fmla="*/ 134858 h 565745"/>
                <a:gd name="connsiteX50" fmla="*/ 1443963 w 1791572"/>
                <a:gd name="connsiteY50" fmla="*/ 144725 h 565745"/>
                <a:gd name="connsiteX51" fmla="*/ 1453830 w 1791572"/>
                <a:gd name="connsiteY51" fmla="*/ 148015 h 565745"/>
                <a:gd name="connsiteX52" fmla="*/ 1483433 w 1791572"/>
                <a:gd name="connsiteY52" fmla="*/ 157882 h 565745"/>
                <a:gd name="connsiteX53" fmla="*/ 1503168 w 1791572"/>
                <a:gd name="connsiteY53" fmla="*/ 164461 h 565745"/>
                <a:gd name="connsiteX54" fmla="*/ 1516325 w 1791572"/>
                <a:gd name="connsiteY54" fmla="*/ 167750 h 565745"/>
                <a:gd name="connsiteX55" fmla="*/ 1539350 w 1791572"/>
                <a:gd name="connsiteY55" fmla="*/ 180907 h 565745"/>
                <a:gd name="connsiteX56" fmla="*/ 1559085 w 1791572"/>
                <a:gd name="connsiteY56" fmla="*/ 187485 h 565745"/>
                <a:gd name="connsiteX57" fmla="*/ 1568952 w 1791572"/>
                <a:gd name="connsiteY57" fmla="*/ 190774 h 565745"/>
                <a:gd name="connsiteX58" fmla="*/ 1582109 w 1791572"/>
                <a:gd name="connsiteY58" fmla="*/ 207220 h 565745"/>
                <a:gd name="connsiteX59" fmla="*/ 1591977 w 1791572"/>
                <a:gd name="connsiteY59" fmla="*/ 226956 h 565745"/>
                <a:gd name="connsiteX60" fmla="*/ 1595266 w 1791572"/>
                <a:gd name="connsiteY60" fmla="*/ 253269 h 565745"/>
                <a:gd name="connsiteX61" fmla="*/ 1621580 w 1791572"/>
                <a:gd name="connsiteY61" fmla="*/ 273005 h 565745"/>
                <a:gd name="connsiteX62" fmla="*/ 1628158 w 1791572"/>
                <a:gd name="connsiteY62" fmla="*/ 282872 h 565745"/>
                <a:gd name="connsiteX63" fmla="*/ 1644604 w 1791572"/>
                <a:gd name="connsiteY63" fmla="*/ 292740 h 565745"/>
                <a:gd name="connsiteX64" fmla="*/ 1657761 w 1791572"/>
                <a:gd name="connsiteY64" fmla="*/ 312475 h 565745"/>
                <a:gd name="connsiteX65" fmla="*/ 1680786 w 1791572"/>
                <a:gd name="connsiteY65" fmla="*/ 328921 h 565745"/>
                <a:gd name="connsiteX66" fmla="*/ 1690653 w 1791572"/>
                <a:gd name="connsiteY66" fmla="*/ 335499 h 565745"/>
                <a:gd name="connsiteX67" fmla="*/ 1700521 w 1791572"/>
                <a:gd name="connsiteY67" fmla="*/ 345367 h 565745"/>
                <a:gd name="connsiteX68" fmla="*/ 1713678 w 1791572"/>
                <a:gd name="connsiteY68" fmla="*/ 355235 h 565745"/>
                <a:gd name="connsiteX69" fmla="*/ 1723545 w 1791572"/>
                <a:gd name="connsiteY69" fmla="*/ 368392 h 565745"/>
                <a:gd name="connsiteX70" fmla="*/ 1730124 w 1791572"/>
                <a:gd name="connsiteY70" fmla="*/ 374970 h 565745"/>
                <a:gd name="connsiteX71" fmla="*/ 1736702 w 1791572"/>
                <a:gd name="connsiteY71" fmla="*/ 394705 h 565745"/>
                <a:gd name="connsiteX72" fmla="*/ 1743281 w 1791572"/>
                <a:gd name="connsiteY72" fmla="*/ 401284 h 565745"/>
                <a:gd name="connsiteX73" fmla="*/ 1749859 w 1791572"/>
                <a:gd name="connsiteY73" fmla="*/ 411151 h 565745"/>
                <a:gd name="connsiteX74" fmla="*/ 1782750 w 1791572"/>
                <a:gd name="connsiteY74" fmla="*/ 427598 h 565745"/>
                <a:gd name="connsiteX75" fmla="*/ 1789329 w 1791572"/>
                <a:gd name="connsiteY75" fmla="*/ 473646 h 565745"/>
                <a:gd name="connsiteX76" fmla="*/ 1749858 w 1791572"/>
                <a:gd name="connsiteY76" fmla="*/ 519695 h 565745"/>
                <a:gd name="connsiteX77" fmla="*/ 1759726 w 1791572"/>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68952 w 1792294"/>
                <a:gd name="connsiteY57" fmla="*/ 190774 h 565745"/>
                <a:gd name="connsiteX58" fmla="*/ 1582109 w 1792294"/>
                <a:gd name="connsiteY58" fmla="*/ 207220 h 565745"/>
                <a:gd name="connsiteX59" fmla="*/ 1591977 w 1792294"/>
                <a:gd name="connsiteY59" fmla="*/ 226956 h 565745"/>
                <a:gd name="connsiteX60" fmla="*/ 1595266 w 1792294"/>
                <a:gd name="connsiteY60" fmla="*/ 253269 h 565745"/>
                <a:gd name="connsiteX61" fmla="*/ 1621580 w 1792294"/>
                <a:gd name="connsiteY61" fmla="*/ 273005 h 565745"/>
                <a:gd name="connsiteX62" fmla="*/ 1628158 w 1792294"/>
                <a:gd name="connsiteY62" fmla="*/ 282872 h 565745"/>
                <a:gd name="connsiteX63" fmla="*/ 1644604 w 1792294"/>
                <a:gd name="connsiteY63" fmla="*/ 292740 h 565745"/>
                <a:gd name="connsiteX64" fmla="*/ 1657761 w 1792294"/>
                <a:gd name="connsiteY64" fmla="*/ 312475 h 565745"/>
                <a:gd name="connsiteX65" fmla="*/ 1680786 w 1792294"/>
                <a:gd name="connsiteY65" fmla="*/ 328921 h 565745"/>
                <a:gd name="connsiteX66" fmla="*/ 1690653 w 1792294"/>
                <a:gd name="connsiteY66" fmla="*/ 335499 h 565745"/>
                <a:gd name="connsiteX67" fmla="*/ 1700521 w 1792294"/>
                <a:gd name="connsiteY67" fmla="*/ 345367 h 565745"/>
                <a:gd name="connsiteX68" fmla="*/ 1713678 w 1792294"/>
                <a:gd name="connsiteY68" fmla="*/ 355235 h 565745"/>
                <a:gd name="connsiteX69" fmla="*/ 1723545 w 1792294"/>
                <a:gd name="connsiteY69" fmla="*/ 368392 h 565745"/>
                <a:gd name="connsiteX70" fmla="*/ 1730124 w 1792294"/>
                <a:gd name="connsiteY70" fmla="*/ 374970 h 565745"/>
                <a:gd name="connsiteX71" fmla="*/ 1736702 w 1792294"/>
                <a:gd name="connsiteY71" fmla="*/ 394705 h 565745"/>
                <a:gd name="connsiteX72" fmla="*/ 1743281 w 1792294"/>
                <a:gd name="connsiteY72" fmla="*/ 401284 h 565745"/>
                <a:gd name="connsiteX73" fmla="*/ 1749859 w 1792294"/>
                <a:gd name="connsiteY73" fmla="*/ 411151 h 565745"/>
                <a:gd name="connsiteX74" fmla="*/ 1782750 w 1792294"/>
                <a:gd name="connsiteY74" fmla="*/ 427598 h 565745"/>
                <a:gd name="connsiteX75" fmla="*/ 1789329 w 1792294"/>
                <a:gd name="connsiteY75" fmla="*/ 473646 h 565745"/>
                <a:gd name="connsiteX76" fmla="*/ 1739990 w 1792294"/>
                <a:gd name="connsiteY76" fmla="*/ 519695 h 565745"/>
                <a:gd name="connsiteX77" fmla="*/ 1759726 w 1792294"/>
                <a:gd name="connsiteY77"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59085 w 1792294"/>
                <a:gd name="connsiteY56" fmla="*/ 187485 h 565745"/>
                <a:gd name="connsiteX57" fmla="*/ 1582109 w 1792294"/>
                <a:gd name="connsiteY57" fmla="*/ 207220 h 565745"/>
                <a:gd name="connsiteX58" fmla="*/ 1591977 w 1792294"/>
                <a:gd name="connsiteY58" fmla="*/ 226956 h 565745"/>
                <a:gd name="connsiteX59" fmla="*/ 1595266 w 1792294"/>
                <a:gd name="connsiteY59" fmla="*/ 253269 h 565745"/>
                <a:gd name="connsiteX60" fmla="*/ 1621580 w 1792294"/>
                <a:gd name="connsiteY60" fmla="*/ 273005 h 565745"/>
                <a:gd name="connsiteX61" fmla="*/ 1628158 w 1792294"/>
                <a:gd name="connsiteY61" fmla="*/ 282872 h 565745"/>
                <a:gd name="connsiteX62" fmla="*/ 1644604 w 1792294"/>
                <a:gd name="connsiteY62" fmla="*/ 292740 h 565745"/>
                <a:gd name="connsiteX63" fmla="*/ 1657761 w 1792294"/>
                <a:gd name="connsiteY63" fmla="*/ 312475 h 565745"/>
                <a:gd name="connsiteX64" fmla="*/ 1680786 w 1792294"/>
                <a:gd name="connsiteY64" fmla="*/ 328921 h 565745"/>
                <a:gd name="connsiteX65" fmla="*/ 1690653 w 1792294"/>
                <a:gd name="connsiteY65" fmla="*/ 335499 h 565745"/>
                <a:gd name="connsiteX66" fmla="*/ 1700521 w 1792294"/>
                <a:gd name="connsiteY66" fmla="*/ 345367 h 565745"/>
                <a:gd name="connsiteX67" fmla="*/ 1713678 w 1792294"/>
                <a:gd name="connsiteY67" fmla="*/ 355235 h 565745"/>
                <a:gd name="connsiteX68" fmla="*/ 1723545 w 1792294"/>
                <a:gd name="connsiteY68" fmla="*/ 368392 h 565745"/>
                <a:gd name="connsiteX69" fmla="*/ 1730124 w 1792294"/>
                <a:gd name="connsiteY69" fmla="*/ 374970 h 565745"/>
                <a:gd name="connsiteX70" fmla="*/ 1736702 w 1792294"/>
                <a:gd name="connsiteY70" fmla="*/ 394705 h 565745"/>
                <a:gd name="connsiteX71" fmla="*/ 1743281 w 1792294"/>
                <a:gd name="connsiteY71" fmla="*/ 401284 h 565745"/>
                <a:gd name="connsiteX72" fmla="*/ 1749859 w 1792294"/>
                <a:gd name="connsiteY72" fmla="*/ 411151 h 565745"/>
                <a:gd name="connsiteX73" fmla="*/ 1782750 w 1792294"/>
                <a:gd name="connsiteY73" fmla="*/ 427598 h 565745"/>
                <a:gd name="connsiteX74" fmla="*/ 1789329 w 1792294"/>
                <a:gd name="connsiteY74" fmla="*/ 473646 h 565745"/>
                <a:gd name="connsiteX75" fmla="*/ 1739990 w 1792294"/>
                <a:gd name="connsiteY75" fmla="*/ 519695 h 565745"/>
                <a:gd name="connsiteX76" fmla="*/ 1759726 w 1792294"/>
                <a:gd name="connsiteY76"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483433 w 1792294"/>
                <a:gd name="connsiteY52" fmla="*/ 157882 h 565745"/>
                <a:gd name="connsiteX53" fmla="*/ 1503168 w 1792294"/>
                <a:gd name="connsiteY53" fmla="*/ 164461 h 565745"/>
                <a:gd name="connsiteX54" fmla="*/ 1516325 w 1792294"/>
                <a:gd name="connsiteY54" fmla="*/ 167750 h 565745"/>
                <a:gd name="connsiteX55" fmla="*/ 1539350 w 1792294"/>
                <a:gd name="connsiteY55" fmla="*/ 180907 h 565745"/>
                <a:gd name="connsiteX56" fmla="*/ 1582109 w 1792294"/>
                <a:gd name="connsiteY56" fmla="*/ 207220 h 565745"/>
                <a:gd name="connsiteX57" fmla="*/ 1591977 w 1792294"/>
                <a:gd name="connsiteY57" fmla="*/ 226956 h 565745"/>
                <a:gd name="connsiteX58" fmla="*/ 1595266 w 1792294"/>
                <a:gd name="connsiteY58" fmla="*/ 253269 h 565745"/>
                <a:gd name="connsiteX59" fmla="*/ 1621580 w 1792294"/>
                <a:gd name="connsiteY59" fmla="*/ 273005 h 565745"/>
                <a:gd name="connsiteX60" fmla="*/ 1628158 w 1792294"/>
                <a:gd name="connsiteY60" fmla="*/ 282872 h 565745"/>
                <a:gd name="connsiteX61" fmla="*/ 1644604 w 1792294"/>
                <a:gd name="connsiteY61" fmla="*/ 292740 h 565745"/>
                <a:gd name="connsiteX62" fmla="*/ 1657761 w 1792294"/>
                <a:gd name="connsiteY62" fmla="*/ 312475 h 565745"/>
                <a:gd name="connsiteX63" fmla="*/ 1680786 w 1792294"/>
                <a:gd name="connsiteY63" fmla="*/ 328921 h 565745"/>
                <a:gd name="connsiteX64" fmla="*/ 1690653 w 1792294"/>
                <a:gd name="connsiteY64" fmla="*/ 335499 h 565745"/>
                <a:gd name="connsiteX65" fmla="*/ 1700521 w 1792294"/>
                <a:gd name="connsiteY65" fmla="*/ 345367 h 565745"/>
                <a:gd name="connsiteX66" fmla="*/ 1713678 w 1792294"/>
                <a:gd name="connsiteY66" fmla="*/ 355235 h 565745"/>
                <a:gd name="connsiteX67" fmla="*/ 1723545 w 1792294"/>
                <a:gd name="connsiteY67" fmla="*/ 368392 h 565745"/>
                <a:gd name="connsiteX68" fmla="*/ 1730124 w 1792294"/>
                <a:gd name="connsiteY68" fmla="*/ 374970 h 565745"/>
                <a:gd name="connsiteX69" fmla="*/ 1736702 w 1792294"/>
                <a:gd name="connsiteY69" fmla="*/ 394705 h 565745"/>
                <a:gd name="connsiteX70" fmla="*/ 1743281 w 1792294"/>
                <a:gd name="connsiteY70" fmla="*/ 401284 h 565745"/>
                <a:gd name="connsiteX71" fmla="*/ 1749859 w 1792294"/>
                <a:gd name="connsiteY71" fmla="*/ 411151 h 565745"/>
                <a:gd name="connsiteX72" fmla="*/ 1782750 w 1792294"/>
                <a:gd name="connsiteY72" fmla="*/ 427598 h 565745"/>
                <a:gd name="connsiteX73" fmla="*/ 1789329 w 1792294"/>
                <a:gd name="connsiteY73" fmla="*/ 473646 h 565745"/>
                <a:gd name="connsiteX74" fmla="*/ 1739990 w 1792294"/>
                <a:gd name="connsiteY74" fmla="*/ 519695 h 565745"/>
                <a:gd name="connsiteX75" fmla="*/ 1759726 w 1792294"/>
                <a:gd name="connsiteY75" fmla="*/ 565745 h 565745"/>
                <a:gd name="connsiteX0" fmla="*/ 0 w 1792294"/>
                <a:gd name="connsiteY0" fmla="*/ 0 h 565745"/>
                <a:gd name="connsiteX1" fmla="*/ 13157 w 1792294"/>
                <a:gd name="connsiteY1" fmla="*/ 42760 h 565745"/>
                <a:gd name="connsiteX2" fmla="*/ 23024 w 1792294"/>
                <a:gd name="connsiteY2" fmla="*/ 52628 h 565745"/>
                <a:gd name="connsiteX3" fmla="*/ 42760 w 1792294"/>
                <a:gd name="connsiteY3" fmla="*/ 59206 h 565745"/>
                <a:gd name="connsiteX4" fmla="*/ 52627 w 1792294"/>
                <a:gd name="connsiteY4" fmla="*/ 65784 h 565745"/>
                <a:gd name="connsiteX5" fmla="*/ 69073 w 1792294"/>
                <a:gd name="connsiteY5" fmla="*/ 72363 h 565745"/>
                <a:gd name="connsiteX6" fmla="*/ 88809 w 1792294"/>
                <a:gd name="connsiteY6" fmla="*/ 78941 h 565745"/>
                <a:gd name="connsiteX7" fmla="*/ 108544 w 1792294"/>
                <a:gd name="connsiteY7" fmla="*/ 85520 h 565745"/>
                <a:gd name="connsiteX8" fmla="*/ 118411 w 1792294"/>
                <a:gd name="connsiteY8" fmla="*/ 92098 h 565745"/>
                <a:gd name="connsiteX9" fmla="*/ 128279 w 1792294"/>
                <a:gd name="connsiteY9" fmla="*/ 95387 h 565745"/>
                <a:gd name="connsiteX10" fmla="*/ 148014 w 1792294"/>
                <a:gd name="connsiteY10" fmla="*/ 108544 h 565745"/>
                <a:gd name="connsiteX11" fmla="*/ 167750 w 1792294"/>
                <a:gd name="connsiteY11" fmla="*/ 115123 h 565745"/>
                <a:gd name="connsiteX12" fmla="*/ 220377 w 1792294"/>
                <a:gd name="connsiteY12" fmla="*/ 121701 h 565745"/>
                <a:gd name="connsiteX13" fmla="*/ 292740 w 1792294"/>
                <a:gd name="connsiteY13" fmla="*/ 115123 h 565745"/>
                <a:gd name="connsiteX14" fmla="*/ 312475 w 1792294"/>
                <a:gd name="connsiteY14" fmla="*/ 108544 h 565745"/>
                <a:gd name="connsiteX15" fmla="*/ 322342 w 1792294"/>
                <a:gd name="connsiteY15" fmla="*/ 105255 h 565745"/>
                <a:gd name="connsiteX16" fmla="*/ 335499 w 1792294"/>
                <a:gd name="connsiteY16" fmla="*/ 101966 h 565745"/>
                <a:gd name="connsiteX17" fmla="*/ 368391 w 1792294"/>
                <a:gd name="connsiteY17" fmla="*/ 92098 h 565745"/>
                <a:gd name="connsiteX18" fmla="*/ 401283 w 1792294"/>
                <a:gd name="connsiteY18" fmla="*/ 82230 h 565745"/>
                <a:gd name="connsiteX19" fmla="*/ 427597 w 1792294"/>
                <a:gd name="connsiteY19" fmla="*/ 75652 h 565745"/>
                <a:gd name="connsiteX20" fmla="*/ 467068 w 1792294"/>
                <a:gd name="connsiteY20" fmla="*/ 78941 h 565745"/>
                <a:gd name="connsiteX21" fmla="*/ 486803 w 1792294"/>
                <a:gd name="connsiteY21" fmla="*/ 85520 h 565745"/>
                <a:gd name="connsiteX22" fmla="*/ 496670 w 1792294"/>
                <a:gd name="connsiteY22" fmla="*/ 88809 h 565745"/>
                <a:gd name="connsiteX23" fmla="*/ 565744 w 1792294"/>
                <a:gd name="connsiteY23" fmla="*/ 82230 h 565745"/>
                <a:gd name="connsiteX24" fmla="*/ 585479 w 1792294"/>
                <a:gd name="connsiteY24" fmla="*/ 75652 h 565745"/>
                <a:gd name="connsiteX25" fmla="*/ 611793 w 1792294"/>
                <a:gd name="connsiteY25" fmla="*/ 72363 h 565745"/>
                <a:gd name="connsiteX26" fmla="*/ 657842 w 1792294"/>
                <a:gd name="connsiteY26" fmla="*/ 69074 h 565745"/>
                <a:gd name="connsiteX27" fmla="*/ 703891 w 1792294"/>
                <a:gd name="connsiteY27" fmla="*/ 72363 h 565745"/>
                <a:gd name="connsiteX28" fmla="*/ 723626 w 1792294"/>
                <a:gd name="connsiteY28" fmla="*/ 78941 h 565745"/>
                <a:gd name="connsiteX29" fmla="*/ 743361 w 1792294"/>
                <a:gd name="connsiteY29" fmla="*/ 82230 h 565745"/>
                <a:gd name="connsiteX30" fmla="*/ 786121 w 1792294"/>
                <a:gd name="connsiteY30" fmla="*/ 78941 h 565745"/>
                <a:gd name="connsiteX31" fmla="*/ 795988 w 1792294"/>
                <a:gd name="connsiteY31" fmla="*/ 75652 h 565745"/>
                <a:gd name="connsiteX32" fmla="*/ 815724 w 1792294"/>
                <a:gd name="connsiteY32" fmla="*/ 72363 h 565745"/>
                <a:gd name="connsiteX33" fmla="*/ 832170 w 1792294"/>
                <a:gd name="connsiteY33" fmla="*/ 65784 h 565745"/>
                <a:gd name="connsiteX34" fmla="*/ 871640 w 1792294"/>
                <a:gd name="connsiteY34" fmla="*/ 62495 h 565745"/>
                <a:gd name="connsiteX35" fmla="*/ 884797 w 1792294"/>
                <a:gd name="connsiteY35" fmla="*/ 59206 h 565745"/>
                <a:gd name="connsiteX36" fmla="*/ 970317 w 1792294"/>
                <a:gd name="connsiteY36" fmla="*/ 65784 h 565745"/>
                <a:gd name="connsiteX37" fmla="*/ 993341 w 1792294"/>
                <a:gd name="connsiteY37" fmla="*/ 72363 h 565745"/>
                <a:gd name="connsiteX38" fmla="*/ 1026233 w 1792294"/>
                <a:gd name="connsiteY38" fmla="*/ 78941 h 565745"/>
                <a:gd name="connsiteX39" fmla="*/ 1036101 w 1792294"/>
                <a:gd name="connsiteY39" fmla="*/ 82230 h 565745"/>
                <a:gd name="connsiteX40" fmla="*/ 1059125 w 1792294"/>
                <a:gd name="connsiteY40" fmla="*/ 88809 h 565745"/>
                <a:gd name="connsiteX41" fmla="*/ 1197272 w 1792294"/>
                <a:gd name="connsiteY41" fmla="*/ 101966 h 565745"/>
                <a:gd name="connsiteX42" fmla="*/ 1207140 w 1792294"/>
                <a:gd name="connsiteY42" fmla="*/ 98676 h 565745"/>
                <a:gd name="connsiteX43" fmla="*/ 1256478 w 1792294"/>
                <a:gd name="connsiteY43" fmla="*/ 101966 h 565745"/>
                <a:gd name="connsiteX44" fmla="*/ 1269634 w 1792294"/>
                <a:gd name="connsiteY44" fmla="*/ 105255 h 565745"/>
                <a:gd name="connsiteX45" fmla="*/ 1286081 w 1792294"/>
                <a:gd name="connsiteY45" fmla="*/ 108544 h 565745"/>
                <a:gd name="connsiteX46" fmla="*/ 1312394 w 1792294"/>
                <a:gd name="connsiteY46" fmla="*/ 115123 h 565745"/>
                <a:gd name="connsiteX47" fmla="*/ 1417649 w 1792294"/>
                <a:gd name="connsiteY47" fmla="*/ 124990 h 565745"/>
                <a:gd name="connsiteX48" fmla="*/ 1427517 w 1792294"/>
                <a:gd name="connsiteY48" fmla="*/ 131569 h 565745"/>
                <a:gd name="connsiteX49" fmla="*/ 1437384 w 1792294"/>
                <a:gd name="connsiteY49" fmla="*/ 134858 h 565745"/>
                <a:gd name="connsiteX50" fmla="*/ 1443963 w 1792294"/>
                <a:gd name="connsiteY50" fmla="*/ 144725 h 565745"/>
                <a:gd name="connsiteX51" fmla="*/ 1453830 w 1792294"/>
                <a:gd name="connsiteY51" fmla="*/ 148015 h 565745"/>
                <a:gd name="connsiteX52" fmla="*/ 1503168 w 1792294"/>
                <a:gd name="connsiteY52" fmla="*/ 164461 h 565745"/>
                <a:gd name="connsiteX53" fmla="*/ 1516325 w 1792294"/>
                <a:gd name="connsiteY53" fmla="*/ 167750 h 565745"/>
                <a:gd name="connsiteX54" fmla="*/ 1539350 w 1792294"/>
                <a:gd name="connsiteY54" fmla="*/ 180907 h 565745"/>
                <a:gd name="connsiteX55" fmla="*/ 1582109 w 1792294"/>
                <a:gd name="connsiteY55" fmla="*/ 207220 h 565745"/>
                <a:gd name="connsiteX56" fmla="*/ 1591977 w 1792294"/>
                <a:gd name="connsiteY56" fmla="*/ 226956 h 565745"/>
                <a:gd name="connsiteX57" fmla="*/ 1595266 w 1792294"/>
                <a:gd name="connsiteY57" fmla="*/ 253269 h 565745"/>
                <a:gd name="connsiteX58" fmla="*/ 1621580 w 1792294"/>
                <a:gd name="connsiteY58" fmla="*/ 273005 h 565745"/>
                <a:gd name="connsiteX59" fmla="*/ 1628158 w 1792294"/>
                <a:gd name="connsiteY59" fmla="*/ 282872 h 565745"/>
                <a:gd name="connsiteX60" fmla="*/ 1644604 w 1792294"/>
                <a:gd name="connsiteY60" fmla="*/ 292740 h 565745"/>
                <a:gd name="connsiteX61" fmla="*/ 1657761 w 1792294"/>
                <a:gd name="connsiteY61" fmla="*/ 312475 h 565745"/>
                <a:gd name="connsiteX62" fmla="*/ 1680786 w 1792294"/>
                <a:gd name="connsiteY62" fmla="*/ 328921 h 565745"/>
                <a:gd name="connsiteX63" fmla="*/ 1690653 w 1792294"/>
                <a:gd name="connsiteY63" fmla="*/ 335499 h 565745"/>
                <a:gd name="connsiteX64" fmla="*/ 1700521 w 1792294"/>
                <a:gd name="connsiteY64" fmla="*/ 345367 h 565745"/>
                <a:gd name="connsiteX65" fmla="*/ 1713678 w 1792294"/>
                <a:gd name="connsiteY65" fmla="*/ 355235 h 565745"/>
                <a:gd name="connsiteX66" fmla="*/ 1723545 w 1792294"/>
                <a:gd name="connsiteY66" fmla="*/ 368392 h 565745"/>
                <a:gd name="connsiteX67" fmla="*/ 1730124 w 1792294"/>
                <a:gd name="connsiteY67" fmla="*/ 374970 h 565745"/>
                <a:gd name="connsiteX68" fmla="*/ 1736702 w 1792294"/>
                <a:gd name="connsiteY68" fmla="*/ 394705 h 565745"/>
                <a:gd name="connsiteX69" fmla="*/ 1743281 w 1792294"/>
                <a:gd name="connsiteY69" fmla="*/ 401284 h 565745"/>
                <a:gd name="connsiteX70" fmla="*/ 1749859 w 1792294"/>
                <a:gd name="connsiteY70" fmla="*/ 411151 h 565745"/>
                <a:gd name="connsiteX71" fmla="*/ 1782750 w 1792294"/>
                <a:gd name="connsiteY71" fmla="*/ 427598 h 565745"/>
                <a:gd name="connsiteX72" fmla="*/ 1789329 w 1792294"/>
                <a:gd name="connsiteY72" fmla="*/ 473646 h 565745"/>
                <a:gd name="connsiteX73" fmla="*/ 1739990 w 1792294"/>
                <a:gd name="connsiteY73" fmla="*/ 519695 h 565745"/>
                <a:gd name="connsiteX74" fmla="*/ 1759726 w 1792294"/>
                <a:gd name="connsiteY74" fmla="*/ 565745 h 565745"/>
                <a:gd name="connsiteX0" fmla="*/ 0 w 1789387"/>
                <a:gd name="connsiteY0" fmla="*/ 0 h 565745"/>
                <a:gd name="connsiteX1" fmla="*/ 13157 w 1789387"/>
                <a:gd name="connsiteY1" fmla="*/ 42760 h 565745"/>
                <a:gd name="connsiteX2" fmla="*/ 23024 w 1789387"/>
                <a:gd name="connsiteY2" fmla="*/ 52628 h 565745"/>
                <a:gd name="connsiteX3" fmla="*/ 42760 w 1789387"/>
                <a:gd name="connsiteY3" fmla="*/ 59206 h 565745"/>
                <a:gd name="connsiteX4" fmla="*/ 52627 w 1789387"/>
                <a:gd name="connsiteY4" fmla="*/ 65784 h 565745"/>
                <a:gd name="connsiteX5" fmla="*/ 69073 w 1789387"/>
                <a:gd name="connsiteY5" fmla="*/ 72363 h 565745"/>
                <a:gd name="connsiteX6" fmla="*/ 88809 w 1789387"/>
                <a:gd name="connsiteY6" fmla="*/ 78941 h 565745"/>
                <a:gd name="connsiteX7" fmla="*/ 108544 w 1789387"/>
                <a:gd name="connsiteY7" fmla="*/ 85520 h 565745"/>
                <a:gd name="connsiteX8" fmla="*/ 118411 w 1789387"/>
                <a:gd name="connsiteY8" fmla="*/ 92098 h 565745"/>
                <a:gd name="connsiteX9" fmla="*/ 128279 w 1789387"/>
                <a:gd name="connsiteY9" fmla="*/ 95387 h 565745"/>
                <a:gd name="connsiteX10" fmla="*/ 148014 w 1789387"/>
                <a:gd name="connsiteY10" fmla="*/ 108544 h 565745"/>
                <a:gd name="connsiteX11" fmla="*/ 167750 w 1789387"/>
                <a:gd name="connsiteY11" fmla="*/ 115123 h 565745"/>
                <a:gd name="connsiteX12" fmla="*/ 220377 w 1789387"/>
                <a:gd name="connsiteY12" fmla="*/ 121701 h 565745"/>
                <a:gd name="connsiteX13" fmla="*/ 292740 w 1789387"/>
                <a:gd name="connsiteY13" fmla="*/ 115123 h 565745"/>
                <a:gd name="connsiteX14" fmla="*/ 312475 w 1789387"/>
                <a:gd name="connsiteY14" fmla="*/ 108544 h 565745"/>
                <a:gd name="connsiteX15" fmla="*/ 322342 w 1789387"/>
                <a:gd name="connsiteY15" fmla="*/ 105255 h 565745"/>
                <a:gd name="connsiteX16" fmla="*/ 335499 w 1789387"/>
                <a:gd name="connsiteY16" fmla="*/ 101966 h 565745"/>
                <a:gd name="connsiteX17" fmla="*/ 368391 w 1789387"/>
                <a:gd name="connsiteY17" fmla="*/ 92098 h 565745"/>
                <a:gd name="connsiteX18" fmla="*/ 401283 w 1789387"/>
                <a:gd name="connsiteY18" fmla="*/ 82230 h 565745"/>
                <a:gd name="connsiteX19" fmla="*/ 427597 w 1789387"/>
                <a:gd name="connsiteY19" fmla="*/ 75652 h 565745"/>
                <a:gd name="connsiteX20" fmla="*/ 467068 w 1789387"/>
                <a:gd name="connsiteY20" fmla="*/ 78941 h 565745"/>
                <a:gd name="connsiteX21" fmla="*/ 486803 w 1789387"/>
                <a:gd name="connsiteY21" fmla="*/ 85520 h 565745"/>
                <a:gd name="connsiteX22" fmla="*/ 496670 w 1789387"/>
                <a:gd name="connsiteY22" fmla="*/ 88809 h 565745"/>
                <a:gd name="connsiteX23" fmla="*/ 565744 w 1789387"/>
                <a:gd name="connsiteY23" fmla="*/ 82230 h 565745"/>
                <a:gd name="connsiteX24" fmla="*/ 585479 w 1789387"/>
                <a:gd name="connsiteY24" fmla="*/ 75652 h 565745"/>
                <a:gd name="connsiteX25" fmla="*/ 611793 w 1789387"/>
                <a:gd name="connsiteY25" fmla="*/ 72363 h 565745"/>
                <a:gd name="connsiteX26" fmla="*/ 657842 w 1789387"/>
                <a:gd name="connsiteY26" fmla="*/ 69074 h 565745"/>
                <a:gd name="connsiteX27" fmla="*/ 703891 w 1789387"/>
                <a:gd name="connsiteY27" fmla="*/ 72363 h 565745"/>
                <a:gd name="connsiteX28" fmla="*/ 723626 w 1789387"/>
                <a:gd name="connsiteY28" fmla="*/ 78941 h 565745"/>
                <a:gd name="connsiteX29" fmla="*/ 743361 w 1789387"/>
                <a:gd name="connsiteY29" fmla="*/ 82230 h 565745"/>
                <a:gd name="connsiteX30" fmla="*/ 786121 w 1789387"/>
                <a:gd name="connsiteY30" fmla="*/ 78941 h 565745"/>
                <a:gd name="connsiteX31" fmla="*/ 795988 w 1789387"/>
                <a:gd name="connsiteY31" fmla="*/ 75652 h 565745"/>
                <a:gd name="connsiteX32" fmla="*/ 815724 w 1789387"/>
                <a:gd name="connsiteY32" fmla="*/ 72363 h 565745"/>
                <a:gd name="connsiteX33" fmla="*/ 832170 w 1789387"/>
                <a:gd name="connsiteY33" fmla="*/ 65784 h 565745"/>
                <a:gd name="connsiteX34" fmla="*/ 871640 w 1789387"/>
                <a:gd name="connsiteY34" fmla="*/ 62495 h 565745"/>
                <a:gd name="connsiteX35" fmla="*/ 884797 w 1789387"/>
                <a:gd name="connsiteY35" fmla="*/ 59206 h 565745"/>
                <a:gd name="connsiteX36" fmla="*/ 970317 w 1789387"/>
                <a:gd name="connsiteY36" fmla="*/ 65784 h 565745"/>
                <a:gd name="connsiteX37" fmla="*/ 993341 w 1789387"/>
                <a:gd name="connsiteY37" fmla="*/ 72363 h 565745"/>
                <a:gd name="connsiteX38" fmla="*/ 1026233 w 1789387"/>
                <a:gd name="connsiteY38" fmla="*/ 78941 h 565745"/>
                <a:gd name="connsiteX39" fmla="*/ 1036101 w 1789387"/>
                <a:gd name="connsiteY39" fmla="*/ 82230 h 565745"/>
                <a:gd name="connsiteX40" fmla="*/ 1059125 w 1789387"/>
                <a:gd name="connsiteY40" fmla="*/ 88809 h 565745"/>
                <a:gd name="connsiteX41" fmla="*/ 1197272 w 1789387"/>
                <a:gd name="connsiteY41" fmla="*/ 101966 h 565745"/>
                <a:gd name="connsiteX42" fmla="*/ 1207140 w 1789387"/>
                <a:gd name="connsiteY42" fmla="*/ 98676 h 565745"/>
                <a:gd name="connsiteX43" fmla="*/ 1256478 w 1789387"/>
                <a:gd name="connsiteY43" fmla="*/ 101966 h 565745"/>
                <a:gd name="connsiteX44" fmla="*/ 1269634 w 1789387"/>
                <a:gd name="connsiteY44" fmla="*/ 105255 h 565745"/>
                <a:gd name="connsiteX45" fmla="*/ 1286081 w 1789387"/>
                <a:gd name="connsiteY45" fmla="*/ 108544 h 565745"/>
                <a:gd name="connsiteX46" fmla="*/ 1312394 w 1789387"/>
                <a:gd name="connsiteY46" fmla="*/ 115123 h 565745"/>
                <a:gd name="connsiteX47" fmla="*/ 1417649 w 1789387"/>
                <a:gd name="connsiteY47" fmla="*/ 124990 h 565745"/>
                <a:gd name="connsiteX48" fmla="*/ 1427517 w 1789387"/>
                <a:gd name="connsiteY48" fmla="*/ 131569 h 565745"/>
                <a:gd name="connsiteX49" fmla="*/ 1437384 w 1789387"/>
                <a:gd name="connsiteY49" fmla="*/ 134858 h 565745"/>
                <a:gd name="connsiteX50" fmla="*/ 1443963 w 1789387"/>
                <a:gd name="connsiteY50" fmla="*/ 144725 h 565745"/>
                <a:gd name="connsiteX51" fmla="*/ 1453830 w 1789387"/>
                <a:gd name="connsiteY51" fmla="*/ 148015 h 565745"/>
                <a:gd name="connsiteX52" fmla="*/ 1503168 w 1789387"/>
                <a:gd name="connsiteY52" fmla="*/ 164461 h 565745"/>
                <a:gd name="connsiteX53" fmla="*/ 1516325 w 1789387"/>
                <a:gd name="connsiteY53" fmla="*/ 167750 h 565745"/>
                <a:gd name="connsiteX54" fmla="*/ 1539350 w 1789387"/>
                <a:gd name="connsiteY54" fmla="*/ 180907 h 565745"/>
                <a:gd name="connsiteX55" fmla="*/ 1582109 w 1789387"/>
                <a:gd name="connsiteY55" fmla="*/ 207220 h 565745"/>
                <a:gd name="connsiteX56" fmla="*/ 1591977 w 1789387"/>
                <a:gd name="connsiteY56" fmla="*/ 226956 h 565745"/>
                <a:gd name="connsiteX57" fmla="*/ 1595266 w 1789387"/>
                <a:gd name="connsiteY57" fmla="*/ 253269 h 565745"/>
                <a:gd name="connsiteX58" fmla="*/ 1621580 w 1789387"/>
                <a:gd name="connsiteY58" fmla="*/ 273005 h 565745"/>
                <a:gd name="connsiteX59" fmla="*/ 1628158 w 1789387"/>
                <a:gd name="connsiteY59" fmla="*/ 282872 h 565745"/>
                <a:gd name="connsiteX60" fmla="*/ 1644604 w 1789387"/>
                <a:gd name="connsiteY60" fmla="*/ 292740 h 565745"/>
                <a:gd name="connsiteX61" fmla="*/ 1657761 w 1789387"/>
                <a:gd name="connsiteY61" fmla="*/ 312475 h 565745"/>
                <a:gd name="connsiteX62" fmla="*/ 1680786 w 1789387"/>
                <a:gd name="connsiteY62" fmla="*/ 328921 h 565745"/>
                <a:gd name="connsiteX63" fmla="*/ 1690653 w 1789387"/>
                <a:gd name="connsiteY63" fmla="*/ 335499 h 565745"/>
                <a:gd name="connsiteX64" fmla="*/ 1700521 w 1789387"/>
                <a:gd name="connsiteY64" fmla="*/ 345367 h 565745"/>
                <a:gd name="connsiteX65" fmla="*/ 1713678 w 1789387"/>
                <a:gd name="connsiteY65" fmla="*/ 355235 h 565745"/>
                <a:gd name="connsiteX66" fmla="*/ 1723545 w 1789387"/>
                <a:gd name="connsiteY66" fmla="*/ 368392 h 565745"/>
                <a:gd name="connsiteX67" fmla="*/ 1730124 w 1789387"/>
                <a:gd name="connsiteY67" fmla="*/ 374970 h 565745"/>
                <a:gd name="connsiteX68" fmla="*/ 1736702 w 1789387"/>
                <a:gd name="connsiteY68" fmla="*/ 394705 h 565745"/>
                <a:gd name="connsiteX69" fmla="*/ 1743281 w 1789387"/>
                <a:gd name="connsiteY69" fmla="*/ 401284 h 565745"/>
                <a:gd name="connsiteX70" fmla="*/ 1749859 w 1789387"/>
                <a:gd name="connsiteY70" fmla="*/ 411151 h 565745"/>
                <a:gd name="connsiteX71" fmla="*/ 1789329 w 1789387"/>
                <a:gd name="connsiteY71" fmla="*/ 473646 h 565745"/>
                <a:gd name="connsiteX72" fmla="*/ 1739990 w 1789387"/>
                <a:gd name="connsiteY72" fmla="*/ 519695 h 565745"/>
                <a:gd name="connsiteX73" fmla="*/ 1759726 w 1789387"/>
                <a:gd name="connsiteY7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36702 w 1789406"/>
                <a:gd name="connsiteY68" fmla="*/ 394705 h 565745"/>
                <a:gd name="connsiteX69" fmla="*/ 1743281 w 1789406"/>
                <a:gd name="connsiteY69" fmla="*/ 401284 h 565745"/>
                <a:gd name="connsiteX70" fmla="*/ 1749859 w 1789406"/>
                <a:gd name="connsiteY70" fmla="*/ 411151 h 565745"/>
                <a:gd name="connsiteX71" fmla="*/ 1789329 w 1789406"/>
                <a:gd name="connsiteY71" fmla="*/ 473646 h 565745"/>
                <a:gd name="connsiteX72" fmla="*/ 1759726 w 1789406"/>
                <a:gd name="connsiteY7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00521 w 1789406"/>
                <a:gd name="connsiteY64" fmla="*/ 345367 h 565745"/>
                <a:gd name="connsiteX65" fmla="*/ 1713678 w 1789406"/>
                <a:gd name="connsiteY65" fmla="*/ 355235 h 565745"/>
                <a:gd name="connsiteX66" fmla="*/ 1723545 w 1789406"/>
                <a:gd name="connsiteY66" fmla="*/ 368392 h 565745"/>
                <a:gd name="connsiteX67" fmla="*/ 1730124 w 1789406"/>
                <a:gd name="connsiteY67" fmla="*/ 374970 h 565745"/>
                <a:gd name="connsiteX68" fmla="*/ 1743281 w 1789406"/>
                <a:gd name="connsiteY68" fmla="*/ 401284 h 565745"/>
                <a:gd name="connsiteX69" fmla="*/ 1749859 w 1789406"/>
                <a:gd name="connsiteY69" fmla="*/ 411151 h 565745"/>
                <a:gd name="connsiteX70" fmla="*/ 1789329 w 1789406"/>
                <a:gd name="connsiteY70" fmla="*/ 473646 h 565745"/>
                <a:gd name="connsiteX71" fmla="*/ 1759726 w 1789406"/>
                <a:gd name="connsiteY7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57761 w 1789406"/>
                <a:gd name="connsiteY61" fmla="*/ 312475 h 565745"/>
                <a:gd name="connsiteX62" fmla="*/ 1680786 w 1789406"/>
                <a:gd name="connsiteY62" fmla="*/ 328921 h 565745"/>
                <a:gd name="connsiteX63" fmla="*/ 1690653 w 1789406"/>
                <a:gd name="connsiteY63" fmla="*/ 335499 h 565745"/>
                <a:gd name="connsiteX64" fmla="*/ 1713678 w 1789406"/>
                <a:gd name="connsiteY64" fmla="*/ 355235 h 565745"/>
                <a:gd name="connsiteX65" fmla="*/ 1723545 w 1789406"/>
                <a:gd name="connsiteY65" fmla="*/ 368392 h 565745"/>
                <a:gd name="connsiteX66" fmla="*/ 1730124 w 1789406"/>
                <a:gd name="connsiteY66" fmla="*/ 374970 h 565745"/>
                <a:gd name="connsiteX67" fmla="*/ 1743281 w 1789406"/>
                <a:gd name="connsiteY67" fmla="*/ 401284 h 565745"/>
                <a:gd name="connsiteX68" fmla="*/ 1749859 w 1789406"/>
                <a:gd name="connsiteY68" fmla="*/ 411151 h 565745"/>
                <a:gd name="connsiteX69" fmla="*/ 1789329 w 1789406"/>
                <a:gd name="connsiteY69" fmla="*/ 473646 h 565745"/>
                <a:gd name="connsiteX70" fmla="*/ 1759726 w 1789406"/>
                <a:gd name="connsiteY7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1580 w 1789406"/>
                <a:gd name="connsiteY58" fmla="*/ 273005 h 565745"/>
                <a:gd name="connsiteX59" fmla="*/ 1628158 w 1789406"/>
                <a:gd name="connsiteY59" fmla="*/ 282872 h 565745"/>
                <a:gd name="connsiteX60" fmla="*/ 1644604 w 1789406"/>
                <a:gd name="connsiteY60" fmla="*/ 292740 h 565745"/>
                <a:gd name="connsiteX61" fmla="*/ 1680786 w 1789406"/>
                <a:gd name="connsiteY61" fmla="*/ 328921 h 565745"/>
                <a:gd name="connsiteX62" fmla="*/ 1690653 w 1789406"/>
                <a:gd name="connsiteY62" fmla="*/ 335499 h 565745"/>
                <a:gd name="connsiteX63" fmla="*/ 1713678 w 1789406"/>
                <a:gd name="connsiteY63" fmla="*/ 355235 h 565745"/>
                <a:gd name="connsiteX64" fmla="*/ 1723545 w 1789406"/>
                <a:gd name="connsiteY64" fmla="*/ 368392 h 565745"/>
                <a:gd name="connsiteX65" fmla="*/ 1730124 w 1789406"/>
                <a:gd name="connsiteY65" fmla="*/ 374970 h 565745"/>
                <a:gd name="connsiteX66" fmla="*/ 1743281 w 1789406"/>
                <a:gd name="connsiteY66" fmla="*/ 401284 h 565745"/>
                <a:gd name="connsiteX67" fmla="*/ 1749859 w 1789406"/>
                <a:gd name="connsiteY67" fmla="*/ 411151 h 565745"/>
                <a:gd name="connsiteX68" fmla="*/ 1789329 w 1789406"/>
                <a:gd name="connsiteY68" fmla="*/ 473646 h 565745"/>
                <a:gd name="connsiteX69" fmla="*/ 1759726 w 1789406"/>
                <a:gd name="connsiteY6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595266 w 1789406"/>
                <a:gd name="connsiteY57" fmla="*/ 253269 h 565745"/>
                <a:gd name="connsiteX58" fmla="*/ 1628158 w 1789406"/>
                <a:gd name="connsiteY58" fmla="*/ 282872 h 565745"/>
                <a:gd name="connsiteX59" fmla="*/ 1644604 w 1789406"/>
                <a:gd name="connsiteY59" fmla="*/ 292740 h 565745"/>
                <a:gd name="connsiteX60" fmla="*/ 1680786 w 1789406"/>
                <a:gd name="connsiteY60" fmla="*/ 328921 h 565745"/>
                <a:gd name="connsiteX61" fmla="*/ 1690653 w 1789406"/>
                <a:gd name="connsiteY61" fmla="*/ 335499 h 565745"/>
                <a:gd name="connsiteX62" fmla="*/ 1713678 w 1789406"/>
                <a:gd name="connsiteY62" fmla="*/ 355235 h 565745"/>
                <a:gd name="connsiteX63" fmla="*/ 1723545 w 1789406"/>
                <a:gd name="connsiteY63" fmla="*/ 368392 h 565745"/>
                <a:gd name="connsiteX64" fmla="*/ 1730124 w 1789406"/>
                <a:gd name="connsiteY64" fmla="*/ 374970 h 565745"/>
                <a:gd name="connsiteX65" fmla="*/ 1743281 w 1789406"/>
                <a:gd name="connsiteY65" fmla="*/ 401284 h 565745"/>
                <a:gd name="connsiteX66" fmla="*/ 1749859 w 1789406"/>
                <a:gd name="connsiteY66" fmla="*/ 411151 h 565745"/>
                <a:gd name="connsiteX67" fmla="*/ 1789329 w 1789406"/>
                <a:gd name="connsiteY67" fmla="*/ 473646 h 565745"/>
                <a:gd name="connsiteX68" fmla="*/ 1759726 w 1789406"/>
                <a:gd name="connsiteY6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690653 w 1789406"/>
                <a:gd name="connsiteY60" fmla="*/ 335499 h 565745"/>
                <a:gd name="connsiteX61" fmla="*/ 1713678 w 1789406"/>
                <a:gd name="connsiteY61" fmla="*/ 355235 h 565745"/>
                <a:gd name="connsiteX62" fmla="*/ 1723545 w 1789406"/>
                <a:gd name="connsiteY62" fmla="*/ 368392 h 565745"/>
                <a:gd name="connsiteX63" fmla="*/ 1730124 w 1789406"/>
                <a:gd name="connsiteY63" fmla="*/ 374970 h 565745"/>
                <a:gd name="connsiteX64" fmla="*/ 1743281 w 1789406"/>
                <a:gd name="connsiteY64" fmla="*/ 401284 h 565745"/>
                <a:gd name="connsiteX65" fmla="*/ 1749859 w 1789406"/>
                <a:gd name="connsiteY65" fmla="*/ 411151 h 565745"/>
                <a:gd name="connsiteX66" fmla="*/ 1789329 w 1789406"/>
                <a:gd name="connsiteY66" fmla="*/ 473646 h 565745"/>
                <a:gd name="connsiteX67" fmla="*/ 1759726 w 1789406"/>
                <a:gd name="connsiteY6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30124 w 1789406"/>
                <a:gd name="connsiteY62" fmla="*/ 374970 h 565745"/>
                <a:gd name="connsiteX63" fmla="*/ 1743281 w 1789406"/>
                <a:gd name="connsiteY63" fmla="*/ 401284 h 565745"/>
                <a:gd name="connsiteX64" fmla="*/ 1749859 w 1789406"/>
                <a:gd name="connsiteY64" fmla="*/ 411151 h 565745"/>
                <a:gd name="connsiteX65" fmla="*/ 1789329 w 1789406"/>
                <a:gd name="connsiteY65" fmla="*/ 473646 h 565745"/>
                <a:gd name="connsiteX66" fmla="*/ 1759726 w 1789406"/>
                <a:gd name="connsiteY6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49859 w 1789406"/>
                <a:gd name="connsiteY63" fmla="*/ 411151 h 565745"/>
                <a:gd name="connsiteX64" fmla="*/ 1789329 w 1789406"/>
                <a:gd name="connsiteY64" fmla="*/ 473646 h 565745"/>
                <a:gd name="connsiteX65" fmla="*/ 1759726 w 1789406"/>
                <a:gd name="connsiteY6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23545 w 1789406"/>
                <a:gd name="connsiteY61" fmla="*/ 368392 h 565745"/>
                <a:gd name="connsiteX62" fmla="*/ 1743281 w 1789406"/>
                <a:gd name="connsiteY62" fmla="*/ 401284 h 565745"/>
                <a:gd name="connsiteX63" fmla="*/ 1789329 w 1789406"/>
                <a:gd name="connsiteY63" fmla="*/ 473646 h 565745"/>
                <a:gd name="connsiteX64" fmla="*/ 1759726 w 1789406"/>
                <a:gd name="connsiteY6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292740 w 1789406"/>
                <a:gd name="connsiteY13" fmla="*/ 115123 h 565745"/>
                <a:gd name="connsiteX14" fmla="*/ 312475 w 1789406"/>
                <a:gd name="connsiteY14" fmla="*/ 108544 h 565745"/>
                <a:gd name="connsiteX15" fmla="*/ 322342 w 1789406"/>
                <a:gd name="connsiteY15" fmla="*/ 105255 h 565745"/>
                <a:gd name="connsiteX16" fmla="*/ 335499 w 1789406"/>
                <a:gd name="connsiteY16" fmla="*/ 101966 h 565745"/>
                <a:gd name="connsiteX17" fmla="*/ 368391 w 1789406"/>
                <a:gd name="connsiteY17" fmla="*/ 92098 h 565745"/>
                <a:gd name="connsiteX18" fmla="*/ 401283 w 1789406"/>
                <a:gd name="connsiteY18" fmla="*/ 82230 h 565745"/>
                <a:gd name="connsiteX19" fmla="*/ 427597 w 1789406"/>
                <a:gd name="connsiteY19" fmla="*/ 75652 h 565745"/>
                <a:gd name="connsiteX20" fmla="*/ 467068 w 1789406"/>
                <a:gd name="connsiteY20" fmla="*/ 78941 h 565745"/>
                <a:gd name="connsiteX21" fmla="*/ 486803 w 1789406"/>
                <a:gd name="connsiteY21" fmla="*/ 85520 h 565745"/>
                <a:gd name="connsiteX22" fmla="*/ 496670 w 1789406"/>
                <a:gd name="connsiteY22" fmla="*/ 88809 h 565745"/>
                <a:gd name="connsiteX23" fmla="*/ 565744 w 1789406"/>
                <a:gd name="connsiteY23" fmla="*/ 82230 h 565745"/>
                <a:gd name="connsiteX24" fmla="*/ 585479 w 1789406"/>
                <a:gd name="connsiteY24" fmla="*/ 75652 h 565745"/>
                <a:gd name="connsiteX25" fmla="*/ 611793 w 1789406"/>
                <a:gd name="connsiteY25" fmla="*/ 72363 h 565745"/>
                <a:gd name="connsiteX26" fmla="*/ 657842 w 1789406"/>
                <a:gd name="connsiteY26" fmla="*/ 69074 h 565745"/>
                <a:gd name="connsiteX27" fmla="*/ 703891 w 1789406"/>
                <a:gd name="connsiteY27" fmla="*/ 72363 h 565745"/>
                <a:gd name="connsiteX28" fmla="*/ 723626 w 1789406"/>
                <a:gd name="connsiteY28" fmla="*/ 78941 h 565745"/>
                <a:gd name="connsiteX29" fmla="*/ 743361 w 1789406"/>
                <a:gd name="connsiteY29" fmla="*/ 82230 h 565745"/>
                <a:gd name="connsiteX30" fmla="*/ 786121 w 1789406"/>
                <a:gd name="connsiteY30" fmla="*/ 78941 h 565745"/>
                <a:gd name="connsiteX31" fmla="*/ 795988 w 1789406"/>
                <a:gd name="connsiteY31" fmla="*/ 75652 h 565745"/>
                <a:gd name="connsiteX32" fmla="*/ 815724 w 1789406"/>
                <a:gd name="connsiteY32" fmla="*/ 72363 h 565745"/>
                <a:gd name="connsiteX33" fmla="*/ 832170 w 1789406"/>
                <a:gd name="connsiteY33" fmla="*/ 65784 h 565745"/>
                <a:gd name="connsiteX34" fmla="*/ 871640 w 1789406"/>
                <a:gd name="connsiteY34" fmla="*/ 62495 h 565745"/>
                <a:gd name="connsiteX35" fmla="*/ 884797 w 1789406"/>
                <a:gd name="connsiteY35" fmla="*/ 59206 h 565745"/>
                <a:gd name="connsiteX36" fmla="*/ 970317 w 1789406"/>
                <a:gd name="connsiteY36" fmla="*/ 65784 h 565745"/>
                <a:gd name="connsiteX37" fmla="*/ 993341 w 1789406"/>
                <a:gd name="connsiteY37" fmla="*/ 72363 h 565745"/>
                <a:gd name="connsiteX38" fmla="*/ 1026233 w 1789406"/>
                <a:gd name="connsiteY38" fmla="*/ 78941 h 565745"/>
                <a:gd name="connsiteX39" fmla="*/ 1036101 w 1789406"/>
                <a:gd name="connsiteY39" fmla="*/ 82230 h 565745"/>
                <a:gd name="connsiteX40" fmla="*/ 1059125 w 1789406"/>
                <a:gd name="connsiteY40" fmla="*/ 88809 h 565745"/>
                <a:gd name="connsiteX41" fmla="*/ 1197272 w 1789406"/>
                <a:gd name="connsiteY41" fmla="*/ 101966 h 565745"/>
                <a:gd name="connsiteX42" fmla="*/ 1207140 w 1789406"/>
                <a:gd name="connsiteY42" fmla="*/ 98676 h 565745"/>
                <a:gd name="connsiteX43" fmla="*/ 1256478 w 1789406"/>
                <a:gd name="connsiteY43" fmla="*/ 101966 h 565745"/>
                <a:gd name="connsiteX44" fmla="*/ 1269634 w 1789406"/>
                <a:gd name="connsiteY44" fmla="*/ 105255 h 565745"/>
                <a:gd name="connsiteX45" fmla="*/ 1286081 w 1789406"/>
                <a:gd name="connsiteY45" fmla="*/ 108544 h 565745"/>
                <a:gd name="connsiteX46" fmla="*/ 1312394 w 1789406"/>
                <a:gd name="connsiteY46" fmla="*/ 115123 h 565745"/>
                <a:gd name="connsiteX47" fmla="*/ 1417649 w 1789406"/>
                <a:gd name="connsiteY47" fmla="*/ 124990 h 565745"/>
                <a:gd name="connsiteX48" fmla="*/ 1427517 w 1789406"/>
                <a:gd name="connsiteY48" fmla="*/ 131569 h 565745"/>
                <a:gd name="connsiteX49" fmla="*/ 1437384 w 1789406"/>
                <a:gd name="connsiteY49" fmla="*/ 134858 h 565745"/>
                <a:gd name="connsiteX50" fmla="*/ 1443963 w 1789406"/>
                <a:gd name="connsiteY50" fmla="*/ 144725 h 565745"/>
                <a:gd name="connsiteX51" fmla="*/ 1453830 w 1789406"/>
                <a:gd name="connsiteY51" fmla="*/ 148015 h 565745"/>
                <a:gd name="connsiteX52" fmla="*/ 1503168 w 1789406"/>
                <a:gd name="connsiteY52" fmla="*/ 164461 h 565745"/>
                <a:gd name="connsiteX53" fmla="*/ 1516325 w 1789406"/>
                <a:gd name="connsiteY53" fmla="*/ 167750 h 565745"/>
                <a:gd name="connsiteX54" fmla="*/ 1539350 w 1789406"/>
                <a:gd name="connsiteY54" fmla="*/ 180907 h 565745"/>
                <a:gd name="connsiteX55" fmla="*/ 1582109 w 1789406"/>
                <a:gd name="connsiteY55" fmla="*/ 207220 h 565745"/>
                <a:gd name="connsiteX56" fmla="*/ 1591977 w 1789406"/>
                <a:gd name="connsiteY56" fmla="*/ 226956 h 565745"/>
                <a:gd name="connsiteX57" fmla="*/ 1628158 w 1789406"/>
                <a:gd name="connsiteY57" fmla="*/ 282872 h 565745"/>
                <a:gd name="connsiteX58" fmla="*/ 1644604 w 1789406"/>
                <a:gd name="connsiteY58" fmla="*/ 292740 h 565745"/>
                <a:gd name="connsiteX59" fmla="*/ 1680786 w 1789406"/>
                <a:gd name="connsiteY59" fmla="*/ 328921 h 565745"/>
                <a:gd name="connsiteX60" fmla="*/ 1713678 w 1789406"/>
                <a:gd name="connsiteY60" fmla="*/ 355235 h 565745"/>
                <a:gd name="connsiteX61" fmla="*/ 1743281 w 1789406"/>
                <a:gd name="connsiteY61" fmla="*/ 401284 h 565745"/>
                <a:gd name="connsiteX62" fmla="*/ 1789329 w 1789406"/>
                <a:gd name="connsiteY62" fmla="*/ 473646 h 565745"/>
                <a:gd name="connsiteX63" fmla="*/ 1759726 w 1789406"/>
                <a:gd name="connsiteY63"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01283 w 1789406"/>
                <a:gd name="connsiteY17" fmla="*/ 82230 h 565745"/>
                <a:gd name="connsiteX18" fmla="*/ 427597 w 1789406"/>
                <a:gd name="connsiteY18" fmla="*/ 75652 h 565745"/>
                <a:gd name="connsiteX19" fmla="*/ 467068 w 1789406"/>
                <a:gd name="connsiteY19" fmla="*/ 78941 h 565745"/>
                <a:gd name="connsiteX20" fmla="*/ 486803 w 1789406"/>
                <a:gd name="connsiteY20" fmla="*/ 85520 h 565745"/>
                <a:gd name="connsiteX21" fmla="*/ 496670 w 1789406"/>
                <a:gd name="connsiteY21" fmla="*/ 88809 h 565745"/>
                <a:gd name="connsiteX22" fmla="*/ 565744 w 1789406"/>
                <a:gd name="connsiteY22" fmla="*/ 82230 h 565745"/>
                <a:gd name="connsiteX23" fmla="*/ 585479 w 1789406"/>
                <a:gd name="connsiteY23" fmla="*/ 75652 h 565745"/>
                <a:gd name="connsiteX24" fmla="*/ 611793 w 1789406"/>
                <a:gd name="connsiteY24" fmla="*/ 72363 h 565745"/>
                <a:gd name="connsiteX25" fmla="*/ 657842 w 1789406"/>
                <a:gd name="connsiteY25" fmla="*/ 69074 h 565745"/>
                <a:gd name="connsiteX26" fmla="*/ 703891 w 1789406"/>
                <a:gd name="connsiteY26" fmla="*/ 72363 h 565745"/>
                <a:gd name="connsiteX27" fmla="*/ 723626 w 1789406"/>
                <a:gd name="connsiteY27" fmla="*/ 78941 h 565745"/>
                <a:gd name="connsiteX28" fmla="*/ 743361 w 1789406"/>
                <a:gd name="connsiteY28" fmla="*/ 82230 h 565745"/>
                <a:gd name="connsiteX29" fmla="*/ 786121 w 1789406"/>
                <a:gd name="connsiteY29" fmla="*/ 78941 h 565745"/>
                <a:gd name="connsiteX30" fmla="*/ 795988 w 1789406"/>
                <a:gd name="connsiteY30" fmla="*/ 75652 h 565745"/>
                <a:gd name="connsiteX31" fmla="*/ 815724 w 1789406"/>
                <a:gd name="connsiteY31" fmla="*/ 72363 h 565745"/>
                <a:gd name="connsiteX32" fmla="*/ 832170 w 1789406"/>
                <a:gd name="connsiteY32" fmla="*/ 65784 h 565745"/>
                <a:gd name="connsiteX33" fmla="*/ 871640 w 1789406"/>
                <a:gd name="connsiteY33" fmla="*/ 62495 h 565745"/>
                <a:gd name="connsiteX34" fmla="*/ 884797 w 1789406"/>
                <a:gd name="connsiteY34" fmla="*/ 59206 h 565745"/>
                <a:gd name="connsiteX35" fmla="*/ 970317 w 1789406"/>
                <a:gd name="connsiteY35" fmla="*/ 65784 h 565745"/>
                <a:gd name="connsiteX36" fmla="*/ 993341 w 1789406"/>
                <a:gd name="connsiteY36" fmla="*/ 72363 h 565745"/>
                <a:gd name="connsiteX37" fmla="*/ 1026233 w 1789406"/>
                <a:gd name="connsiteY37" fmla="*/ 78941 h 565745"/>
                <a:gd name="connsiteX38" fmla="*/ 1036101 w 1789406"/>
                <a:gd name="connsiteY38" fmla="*/ 82230 h 565745"/>
                <a:gd name="connsiteX39" fmla="*/ 1059125 w 1789406"/>
                <a:gd name="connsiteY39" fmla="*/ 88809 h 565745"/>
                <a:gd name="connsiteX40" fmla="*/ 1197272 w 1789406"/>
                <a:gd name="connsiteY40" fmla="*/ 101966 h 565745"/>
                <a:gd name="connsiteX41" fmla="*/ 1207140 w 1789406"/>
                <a:gd name="connsiteY41" fmla="*/ 98676 h 565745"/>
                <a:gd name="connsiteX42" fmla="*/ 1256478 w 1789406"/>
                <a:gd name="connsiteY42" fmla="*/ 101966 h 565745"/>
                <a:gd name="connsiteX43" fmla="*/ 1269634 w 1789406"/>
                <a:gd name="connsiteY43" fmla="*/ 105255 h 565745"/>
                <a:gd name="connsiteX44" fmla="*/ 1286081 w 1789406"/>
                <a:gd name="connsiteY44" fmla="*/ 108544 h 565745"/>
                <a:gd name="connsiteX45" fmla="*/ 1312394 w 1789406"/>
                <a:gd name="connsiteY45" fmla="*/ 115123 h 565745"/>
                <a:gd name="connsiteX46" fmla="*/ 1417649 w 1789406"/>
                <a:gd name="connsiteY46" fmla="*/ 124990 h 565745"/>
                <a:gd name="connsiteX47" fmla="*/ 1427517 w 1789406"/>
                <a:gd name="connsiteY47" fmla="*/ 131569 h 565745"/>
                <a:gd name="connsiteX48" fmla="*/ 1437384 w 1789406"/>
                <a:gd name="connsiteY48" fmla="*/ 134858 h 565745"/>
                <a:gd name="connsiteX49" fmla="*/ 1443963 w 1789406"/>
                <a:gd name="connsiteY49" fmla="*/ 144725 h 565745"/>
                <a:gd name="connsiteX50" fmla="*/ 1453830 w 1789406"/>
                <a:gd name="connsiteY50" fmla="*/ 148015 h 565745"/>
                <a:gd name="connsiteX51" fmla="*/ 1503168 w 1789406"/>
                <a:gd name="connsiteY51" fmla="*/ 164461 h 565745"/>
                <a:gd name="connsiteX52" fmla="*/ 1516325 w 1789406"/>
                <a:gd name="connsiteY52" fmla="*/ 167750 h 565745"/>
                <a:gd name="connsiteX53" fmla="*/ 1539350 w 1789406"/>
                <a:gd name="connsiteY53" fmla="*/ 180907 h 565745"/>
                <a:gd name="connsiteX54" fmla="*/ 1582109 w 1789406"/>
                <a:gd name="connsiteY54" fmla="*/ 207220 h 565745"/>
                <a:gd name="connsiteX55" fmla="*/ 1591977 w 1789406"/>
                <a:gd name="connsiteY55" fmla="*/ 226956 h 565745"/>
                <a:gd name="connsiteX56" fmla="*/ 1628158 w 1789406"/>
                <a:gd name="connsiteY56" fmla="*/ 282872 h 565745"/>
                <a:gd name="connsiteX57" fmla="*/ 1644604 w 1789406"/>
                <a:gd name="connsiteY57" fmla="*/ 292740 h 565745"/>
                <a:gd name="connsiteX58" fmla="*/ 1680786 w 1789406"/>
                <a:gd name="connsiteY58" fmla="*/ 328921 h 565745"/>
                <a:gd name="connsiteX59" fmla="*/ 1713678 w 1789406"/>
                <a:gd name="connsiteY59" fmla="*/ 355235 h 565745"/>
                <a:gd name="connsiteX60" fmla="*/ 1743281 w 1789406"/>
                <a:gd name="connsiteY60" fmla="*/ 401284 h 565745"/>
                <a:gd name="connsiteX61" fmla="*/ 1789329 w 1789406"/>
                <a:gd name="connsiteY61" fmla="*/ 473646 h 565745"/>
                <a:gd name="connsiteX62" fmla="*/ 1759726 w 1789406"/>
                <a:gd name="connsiteY62"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496670 w 1789406"/>
                <a:gd name="connsiteY20" fmla="*/ 88809 h 565745"/>
                <a:gd name="connsiteX21" fmla="*/ 565744 w 1789406"/>
                <a:gd name="connsiteY21" fmla="*/ 82230 h 565745"/>
                <a:gd name="connsiteX22" fmla="*/ 585479 w 1789406"/>
                <a:gd name="connsiteY22" fmla="*/ 75652 h 565745"/>
                <a:gd name="connsiteX23" fmla="*/ 611793 w 1789406"/>
                <a:gd name="connsiteY23" fmla="*/ 72363 h 565745"/>
                <a:gd name="connsiteX24" fmla="*/ 657842 w 1789406"/>
                <a:gd name="connsiteY24" fmla="*/ 69074 h 565745"/>
                <a:gd name="connsiteX25" fmla="*/ 703891 w 1789406"/>
                <a:gd name="connsiteY25" fmla="*/ 72363 h 565745"/>
                <a:gd name="connsiteX26" fmla="*/ 723626 w 1789406"/>
                <a:gd name="connsiteY26" fmla="*/ 78941 h 565745"/>
                <a:gd name="connsiteX27" fmla="*/ 743361 w 1789406"/>
                <a:gd name="connsiteY27" fmla="*/ 82230 h 565745"/>
                <a:gd name="connsiteX28" fmla="*/ 786121 w 1789406"/>
                <a:gd name="connsiteY28" fmla="*/ 78941 h 565745"/>
                <a:gd name="connsiteX29" fmla="*/ 795988 w 1789406"/>
                <a:gd name="connsiteY29" fmla="*/ 75652 h 565745"/>
                <a:gd name="connsiteX30" fmla="*/ 815724 w 1789406"/>
                <a:gd name="connsiteY30" fmla="*/ 72363 h 565745"/>
                <a:gd name="connsiteX31" fmla="*/ 832170 w 1789406"/>
                <a:gd name="connsiteY31" fmla="*/ 65784 h 565745"/>
                <a:gd name="connsiteX32" fmla="*/ 871640 w 1789406"/>
                <a:gd name="connsiteY32" fmla="*/ 62495 h 565745"/>
                <a:gd name="connsiteX33" fmla="*/ 884797 w 1789406"/>
                <a:gd name="connsiteY33" fmla="*/ 59206 h 565745"/>
                <a:gd name="connsiteX34" fmla="*/ 970317 w 1789406"/>
                <a:gd name="connsiteY34" fmla="*/ 65784 h 565745"/>
                <a:gd name="connsiteX35" fmla="*/ 993341 w 1789406"/>
                <a:gd name="connsiteY35" fmla="*/ 72363 h 565745"/>
                <a:gd name="connsiteX36" fmla="*/ 1026233 w 1789406"/>
                <a:gd name="connsiteY36" fmla="*/ 78941 h 565745"/>
                <a:gd name="connsiteX37" fmla="*/ 1036101 w 1789406"/>
                <a:gd name="connsiteY37" fmla="*/ 82230 h 565745"/>
                <a:gd name="connsiteX38" fmla="*/ 1059125 w 1789406"/>
                <a:gd name="connsiteY38" fmla="*/ 88809 h 565745"/>
                <a:gd name="connsiteX39" fmla="*/ 1197272 w 1789406"/>
                <a:gd name="connsiteY39" fmla="*/ 101966 h 565745"/>
                <a:gd name="connsiteX40" fmla="*/ 1207140 w 1789406"/>
                <a:gd name="connsiteY40" fmla="*/ 98676 h 565745"/>
                <a:gd name="connsiteX41" fmla="*/ 1256478 w 1789406"/>
                <a:gd name="connsiteY41" fmla="*/ 101966 h 565745"/>
                <a:gd name="connsiteX42" fmla="*/ 1269634 w 1789406"/>
                <a:gd name="connsiteY42" fmla="*/ 105255 h 565745"/>
                <a:gd name="connsiteX43" fmla="*/ 1286081 w 1789406"/>
                <a:gd name="connsiteY43" fmla="*/ 108544 h 565745"/>
                <a:gd name="connsiteX44" fmla="*/ 1312394 w 1789406"/>
                <a:gd name="connsiteY44" fmla="*/ 115123 h 565745"/>
                <a:gd name="connsiteX45" fmla="*/ 1417649 w 1789406"/>
                <a:gd name="connsiteY45" fmla="*/ 124990 h 565745"/>
                <a:gd name="connsiteX46" fmla="*/ 1427517 w 1789406"/>
                <a:gd name="connsiteY46" fmla="*/ 131569 h 565745"/>
                <a:gd name="connsiteX47" fmla="*/ 1437384 w 1789406"/>
                <a:gd name="connsiteY47" fmla="*/ 134858 h 565745"/>
                <a:gd name="connsiteX48" fmla="*/ 1443963 w 1789406"/>
                <a:gd name="connsiteY48" fmla="*/ 144725 h 565745"/>
                <a:gd name="connsiteX49" fmla="*/ 1453830 w 1789406"/>
                <a:gd name="connsiteY49" fmla="*/ 148015 h 565745"/>
                <a:gd name="connsiteX50" fmla="*/ 1503168 w 1789406"/>
                <a:gd name="connsiteY50" fmla="*/ 164461 h 565745"/>
                <a:gd name="connsiteX51" fmla="*/ 1516325 w 1789406"/>
                <a:gd name="connsiteY51" fmla="*/ 167750 h 565745"/>
                <a:gd name="connsiteX52" fmla="*/ 1539350 w 1789406"/>
                <a:gd name="connsiteY52" fmla="*/ 180907 h 565745"/>
                <a:gd name="connsiteX53" fmla="*/ 1582109 w 1789406"/>
                <a:gd name="connsiteY53" fmla="*/ 207220 h 565745"/>
                <a:gd name="connsiteX54" fmla="*/ 1591977 w 1789406"/>
                <a:gd name="connsiteY54" fmla="*/ 226956 h 565745"/>
                <a:gd name="connsiteX55" fmla="*/ 1628158 w 1789406"/>
                <a:gd name="connsiteY55" fmla="*/ 282872 h 565745"/>
                <a:gd name="connsiteX56" fmla="*/ 1644604 w 1789406"/>
                <a:gd name="connsiteY56" fmla="*/ 292740 h 565745"/>
                <a:gd name="connsiteX57" fmla="*/ 1680786 w 1789406"/>
                <a:gd name="connsiteY57" fmla="*/ 328921 h 565745"/>
                <a:gd name="connsiteX58" fmla="*/ 1713678 w 1789406"/>
                <a:gd name="connsiteY58" fmla="*/ 355235 h 565745"/>
                <a:gd name="connsiteX59" fmla="*/ 1743281 w 1789406"/>
                <a:gd name="connsiteY59" fmla="*/ 401284 h 565745"/>
                <a:gd name="connsiteX60" fmla="*/ 1789329 w 1789406"/>
                <a:gd name="connsiteY60" fmla="*/ 473646 h 565745"/>
                <a:gd name="connsiteX61" fmla="*/ 1759726 w 1789406"/>
                <a:gd name="connsiteY61"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1793 w 1789406"/>
                <a:gd name="connsiteY22" fmla="*/ 72363 h 565745"/>
                <a:gd name="connsiteX23" fmla="*/ 657842 w 1789406"/>
                <a:gd name="connsiteY23" fmla="*/ 69074 h 565745"/>
                <a:gd name="connsiteX24" fmla="*/ 703891 w 1789406"/>
                <a:gd name="connsiteY24" fmla="*/ 72363 h 565745"/>
                <a:gd name="connsiteX25" fmla="*/ 723626 w 1789406"/>
                <a:gd name="connsiteY25" fmla="*/ 78941 h 565745"/>
                <a:gd name="connsiteX26" fmla="*/ 743361 w 1789406"/>
                <a:gd name="connsiteY26" fmla="*/ 82230 h 565745"/>
                <a:gd name="connsiteX27" fmla="*/ 786121 w 1789406"/>
                <a:gd name="connsiteY27" fmla="*/ 78941 h 565745"/>
                <a:gd name="connsiteX28" fmla="*/ 795988 w 1789406"/>
                <a:gd name="connsiteY28" fmla="*/ 75652 h 565745"/>
                <a:gd name="connsiteX29" fmla="*/ 815724 w 1789406"/>
                <a:gd name="connsiteY29" fmla="*/ 72363 h 565745"/>
                <a:gd name="connsiteX30" fmla="*/ 832170 w 1789406"/>
                <a:gd name="connsiteY30" fmla="*/ 65784 h 565745"/>
                <a:gd name="connsiteX31" fmla="*/ 871640 w 1789406"/>
                <a:gd name="connsiteY31" fmla="*/ 62495 h 565745"/>
                <a:gd name="connsiteX32" fmla="*/ 884797 w 1789406"/>
                <a:gd name="connsiteY32" fmla="*/ 59206 h 565745"/>
                <a:gd name="connsiteX33" fmla="*/ 970317 w 1789406"/>
                <a:gd name="connsiteY33" fmla="*/ 65784 h 565745"/>
                <a:gd name="connsiteX34" fmla="*/ 993341 w 1789406"/>
                <a:gd name="connsiteY34" fmla="*/ 72363 h 565745"/>
                <a:gd name="connsiteX35" fmla="*/ 1026233 w 1789406"/>
                <a:gd name="connsiteY35" fmla="*/ 78941 h 565745"/>
                <a:gd name="connsiteX36" fmla="*/ 1036101 w 1789406"/>
                <a:gd name="connsiteY36" fmla="*/ 82230 h 565745"/>
                <a:gd name="connsiteX37" fmla="*/ 1059125 w 1789406"/>
                <a:gd name="connsiteY37" fmla="*/ 88809 h 565745"/>
                <a:gd name="connsiteX38" fmla="*/ 1197272 w 1789406"/>
                <a:gd name="connsiteY38" fmla="*/ 101966 h 565745"/>
                <a:gd name="connsiteX39" fmla="*/ 1207140 w 1789406"/>
                <a:gd name="connsiteY39" fmla="*/ 98676 h 565745"/>
                <a:gd name="connsiteX40" fmla="*/ 1256478 w 1789406"/>
                <a:gd name="connsiteY40" fmla="*/ 101966 h 565745"/>
                <a:gd name="connsiteX41" fmla="*/ 1269634 w 1789406"/>
                <a:gd name="connsiteY41" fmla="*/ 105255 h 565745"/>
                <a:gd name="connsiteX42" fmla="*/ 1286081 w 1789406"/>
                <a:gd name="connsiteY42" fmla="*/ 108544 h 565745"/>
                <a:gd name="connsiteX43" fmla="*/ 1312394 w 1789406"/>
                <a:gd name="connsiteY43" fmla="*/ 115123 h 565745"/>
                <a:gd name="connsiteX44" fmla="*/ 1417649 w 1789406"/>
                <a:gd name="connsiteY44" fmla="*/ 124990 h 565745"/>
                <a:gd name="connsiteX45" fmla="*/ 1427517 w 1789406"/>
                <a:gd name="connsiteY45" fmla="*/ 131569 h 565745"/>
                <a:gd name="connsiteX46" fmla="*/ 1437384 w 1789406"/>
                <a:gd name="connsiteY46" fmla="*/ 134858 h 565745"/>
                <a:gd name="connsiteX47" fmla="*/ 1443963 w 1789406"/>
                <a:gd name="connsiteY47" fmla="*/ 144725 h 565745"/>
                <a:gd name="connsiteX48" fmla="*/ 1453830 w 1789406"/>
                <a:gd name="connsiteY48" fmla="*/ 148015 h 565745"/>
                <a:gd name="connsiteX49" fmla="*/ 1503168 w 1789406"/>
                <a:gd name="connsiteY49" fmla="*/ 164461 h 565745"/>
                <a:gd name="connsiteX50" fmla="*/ 1516325 w 1789406"/>
                <a:gd name="connsiteY50" fmla="*/ 167750 h 565745"/>
                <a:gd name="connsiteX51" fmla="*/ 1539350 w 1789406"/>
                <a:gd name="connsiteY51" fmla="*/ 180907 h 565745"/>
                <a:gd name="connsiteX52" fmla="*/ 1582109 w 1789406"/>
                <a:gd name="connsiteY52" fmla="*/ 207220 h 565745"/>
                <a:gd name="connsiteX53" fmla="*/ 1591977 w 1789406"/>
                <a:gd name="connsiteY53" fmla="*/ 226956 h 565745"/>
                <a:gd name="connsiteX54" fmla="*/ 1628158 w 1789406"/>
                <a:gd name="connsiteY54" fmla="*/ 282872 h 565745"/>
                <a:gd name="connsiteX55" fmla="*/ 1644604 w 1789406"/>
                <a:gd name="connsiteY55" fmla="*/ 292740 h 565745"/>
                <a:gd name="connsiteX56" fmla="*/ 1680786 w 1789406"/>
                <a:gd name="connsiteY56" fmla="*/ 328921 h 565745"/>
                <a:gd name="connsiteX57" fmla="*/ 1713678 w 1789406"/>
                <a:gd name="connsiteY57" fmla="*/ 355235 h 565745"/>
                <a:gd name="connsiteX58" fmla="*/ 1743281 w 1789406"/>
                <a:gd name="connsiteY58" fmla="*/ 401284 h 565745"/>
                <a:gd name="connsiteX59" fmla="*/ 1789329 w 1789406"/>
                <a:gd name="connsiteY59" fmla="*/ 473646 h 565745"/>
                <a:gd name="connsiteX60" fmla="*/ 1759726 w 1789406"/>
                <a:gd name="connsiteY60"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23626 w 1789406"/>
                <a:gd name="connsiteY24" fmla="*/ 78941 h 565745"/>
                <a:gd name="connsiteX25" fmla="*/ 743361 w 1789406"/>
                <a:gd name="connsiteY25" fmla="*/ 82230 h 565745"/>
                <a:gd name="connsiteX26" fmla="*/ 786121 w 1789406"/>
                <a:gd name="connsiteY26" fmla="*/ 78941 h 565745"/>
                <a:gd name="connsiteX27" fmla="*/ 795988 w 1789406"/>
                <a:gd name="connsiteY27" fmla="*/ 75652 h 565745"/>
                <a:gd name="connsiteX28" fmla="*/ 815724 w 1789406"/>
                <a:gd name="connsiteY28" fmla="*/ 72363 h 565745"/>
                <a:gd name="connsiteX29" fmla="*/ 832170 w 1789406"/>
                <a:gd name="connsiteY29" fmla="*/ 65784 h 565745"/>
                <a:gd name="connsiteX30" fmla="*/ 871640 w 1789406"/>
                <a:gd name="connsiteY30" fmla="*/ 62495 h 565745"/>
                <a:gd name="connsiteX31" fmla="*/ 884797 w 1789406"/>
                <a:gd name="connsiteY31" fmla="*/ 59206 h 565745"/>
                <a:gd name="connsiteX32" fmla="*/ 970317 w 1789406"/>
                <a:gd name="connsiteY32" fmla="*/ 65784 h 565745"/>
                <a:gd name="connsiteX33" fmla="*/ 993341 w 1789406"/>
                <a:gd name="connsiteY33" fmla="*/ 72363 h 565745"/>
                <a:gd name="connsiteX34" fmla="*/ 1026233 w 1789406"/>
                <a:gd name="connsiteY34" fmla="*/ 78941 h 565745"/>
                <a:gd name="connsiteX35" fmla="*/ 1036101 w 1789406"/>
                <a:gd name="connsiteY35" fmla="*/ 82230 h 565745"/>
                <a:gd name="connsiteX36" fmla="*/ 1059125 w 1789406"/>
                <a:gd name="connsiteY36" fmla="*/ 88809 h 565745"/>
                <a:gd name="connsiteX37" fmla="*/ 1197272 w 1789406"/>
                <a:gd name="connsiteY37" fmla="*/ 101966 h 565745"/>
                <a:gd name="connsiteX38" fmla="*/ 1207140 w 1789406"/>
                <a:gd name="connsiteY38" fmla="*/ 98676 h 565745"/>
                <a:gd name="connsiteX39" fmla="*/ 1256478 w 1789406"/>
                <a:gd name="connsiteY39" fmla="*/ 101966 h 565745"/>
                <a:gd name="connsiteX40" fmla="*/ 1269634 w 1789406"/>
                <a:gd name="connsiteY40" fmla="*/ 105255 h 565745"/>
                <a:gd name="connsiteX41" fmla="*/ 1286081 w 1789406"/>
                <a:gd name="connsiteY41" fmla="*/ 108544 h 565745"/>
                <a:gd name="connsiteX42" fmla="*/ 1312394 w 1789406"/>
                <a:gd name="connsiteY42" fmla="*/ 115123 h 565745"/>
                <a:gd name="connsiteX43" fmla="*/ 1417649 w 1789406"/>
                <a:gd name="connsiteY43" fmla="*/ 124990 h 565745"/>
                <a:gd name="connsiteX44" fmla="*/ 1427517 w 1789406"/>
                <a:gd name="connsiteY44" fmla="*/ 131569 h 565745"/>
                <a:gd name="connsiteX45" fmla="*/ 1437384 w 1789406"/>
                <a:gd name="connsiteY45" fmla="*/ 134858 h 565745"/>
                <a:gd name="connsiteX46" fmla="*/ 1443963 w 1789406"/>
                <a:gd name="connsiteY46" fmla="*/ 144725 h 565745"/>
                <a:gd name="connsiteX47" fmla="*/ 1453830 w 1789406"/>
                <a:gd name="connsiteY47" fmla="*/ 148015 h 565745"/>
                <a:gd name="connsiteX48" fmla="*/ 1503168 w 1789406"/>
                <a:gd name="connsiteY48" fmla="*/ 164461 h 565745"/>
                <a:gd name="connsiteX49" fmla="*/ 1516325 w 1789406"/>
                <a:gd name="connsiteY49" fmla="*/ 167750 h 565745"/>
                <a:gd name="connsiteX50" fmla="*/ 1539350 w 1789406"/>
                <a:gd name="connsiteY50" fmla="*/ 180907 h 565745"/>
                <a:gd name="connsiteX51" fmla="*/ 1582109 w 1789406"/>
                <a:gd name="connsiteY51" fmla="*/ 207220 h 565745"/>
                <a:gd name="connsiteX52" fmla="*/ 1591977 w 1789406"/>
                <a:gd name="connsiteY52" fmla="*/ 226956 h 565745"/>
                <a:gd name="connsiteX53" fmla="*/ 1628158 w 1789406"/>
                <a:gd name="connsiteY53" fmla="*/ 282872 h 565745"/>
                <a:gd name="connsiteX54" fmla="*/ 1644604 w 1789406"/>
                <a:gd name="connsiteY54" fmla="*/ 292740 h 565745"/>
                <a:gd name="connsiteX55" fmla="*/ 1680786 w 1789406"/>
                <a:gd name="connsiteY55" fmla="*/ 328921 h 565745"/>
                <a:gd name="connsiteX56" fmla="*/ 1713678 w 1789406"/>
                <a:gd name="connsiteY56" fmla="*/ 355235 h 565745"/>
                <a:gd name="connsiteX57" fmla="*/ 1743281 w 1789406"/>
                <a:gd name="connsiteY57" fmla="*/ 401284 h 565745"/>
                <a:gd name="connsiteX58" fmla="*/ 1789329 w 1789406"/>
                <a:gd name="connsiteY58" fmla="*/ 473646 h 565745"/>
                <a:gd name="connsiteX59" fmla="*/ 1759726 w 1789406"/>
                <a:gd name="connsiteY59"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32170 w 1789406"/>
                <a:gd name="connsiteY28" fmla="*/ 65784 h 565745"/>
                <a:gd name="connsiteX29" fmla="*/ 871640 w 1789406"/>
                <a:gd name="connsiteY29" fmla="*/ 62495 h 565745"/>
                <a:gd name="connsiteX30" fmla="*/ 884797 w 1789406"/>
                <a:gd name="connsiteY30" fmla="*/ 59206 h 565745"/>
                <a:gd name="connsiteX31" fmla="*/ 970317 w 1789406"/>
                <a:gd name="connsiteY31" fmla="*/ 65784 h 565745"/>
                <a:gd name="connsiteX32" fmla="*/ 993341 w 1789406"/>
                <a:gd name="connsiteY32" fmla="*/ 72363 h 565745"/>
                <a:gd name="connsiteX33" fmla="*/ 1026233 w 1789406"/>
                <a:gd name="connsiteY33" fmla="*/ 78941 h 565745"/>
                <a:gd name="connsiteX34" fmla="*/ 1036101 w 1789406"/>
                <a:gd name="connsiteY34" fmla="*/ 82230 h 565745"/>
                <a:gd name="connsiteX35" fmla="*/ 1059125 w 1789406"/>
                <a:gd name="connsiteY35" fmla="*/ 88809 h 565745"/>
                <a:gd name="connsiteX36" fmla="*/ 1197272 w 1789406"/>
                <a:gd name="connsiteY36" fmla="*/ 101966 h 565745"/>
                <a:gd name="connsiteX37" fmla="*/ 1207140 w 1789406"/>
                <a:gd name="connsiteY37" fmla="*/ 98676 h 565745"/>
                <a:gd name="connsiteX38" fmla="*/ 1256478 w 1789406"/>
                <a:gd name="connsiteY38" fmla="*/ 101966 h 565745"/>
                <a:gd name="connsiteX39" fmla="*/ 1269634 w 1789406"/>
                <a:gd name="connsiteY39" fmla="*/ 105255 h 565745"/>
                <a:gd name="connsiteX40" fmla="*/ 1286081 w 1789406"/>
                <a:gd name="connsiteY40" fmla="*/ 108544 h 565745"/>
                <a:gd name="connsiteX41" fmla="*/ 1312394 w 1789406"/>
                <a:gd name="connsiteY41" fmla="*/ 115123 h 565745"/>
                <a:gd name="connsiteX42" fmla="*/ 1417649 w 1789406"/>
                <a:gd name="connsiteY42" fmla="*/ 124990 h 565745"/>
                <a:gd name="connsiteX43" fmla="*/ 1427517 w 1789406"/>
                <a:gd name="connsiteY43" fmla="*/ 131569 h 565745"/>
                <a:gd name="connsiteX44" fmla="*/ 1437384 w 1789406"/>
                <a:gd name="connsiteY44" fmla="*/ 134858 h 565745"/>
                <a:gd name="connsiteX45" fmla="*/ 1443963 w 1789406"/>
                <a:gd name="connsiteY45" fmla="*/ 144725 h 565745"/>
                <a:gd name="connsiteX46" fmla="*/ 1453830 w 1789406"/>
                <a:gd name="connsiteY46" fmla="*/ 148015 h 565745"/>
                <a:gd name="connsiteX47" fmla="*/ 1503168 w 1789406"/>
                <a:gd name="connsiteY47" fmla="*/ 164461 h 565745"/>
                <a:gd name="connsiteX48" fmla="*/ 1516325 w 1789406"/>
                <a:gd name="connsiteY48" fmla="*/ 167750 h 565745"/>
                <a:gd name="connsiteX49" fmla="*/ 1539350 w 1789406"/>
                <a:gd name="connsiteY49" fmla="*/ 180907 h 565745"/>
                <a:gd name="connsiteX50" fmla="*/ 1582109 w 1789406"/>
                <a:gd name="connsiteY50" fmla="*/ 207220 h 565745"/>
                <a:gd name="connsiteX51" fmla="*/ 1591977 w 1789406"/>
                <a:gd name="connsiteY51" fmla="*/ 226956 h 565745"/>
                <a:gd name="connsiteX52" fmla="*/ 1628158 w 1789406"/>
                <a:gd name="connsiteY52" fmla="*/ 282872 h 565745"/>
                <a:gd name="connsiteX53" fmla="*/ 1644604 w 1789406"/>
                <a:gd name="connsiteY53" fmla="*/ 292740 h 565745"/>
                <a:gd name="connsiteX54" fmla="*/ 1680786 w 1789406"/>
                <a:gd name="connsiteY54" fmla="*/ 328921 h 565745"/>
                <a:gd name="connsiteX55" fmla="*/ 1713678 w 1789406"/>
                <a:gd name="connsiteY55" fmla="*/ 355235 h 565745"/>
                <a:gd name="connsiteX56" fmla="*/ 1743281 w 1789406"/>
                <a:gd name="connsiteY56" fmla="*/ 401284 h 565745"/>
                <a:gd name="connsiteX57" fmla="*/ 1789329 w 1789406"/>
                <a:gd name="connsiteY57" fmla="*/ 473646 h 565745"/>
                <a:gd name="connsiteX58" fmla="*/ 1759726 w 1789406"/>
                <a:gd name="connsiteY58"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43361 w 1789406"/>
                <a:gd name="connsiteY24" fmla="*/ 82230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35499 w 1789406"/>
                <a:gd name="connsiteY15" fmla="*/ 101966 h 565745"/>
                <a:gd name="connsiteX16" fmla="*/ 368391 w 1789406"/>
                <a:gd name="connsiteY16" fmla="*/ 92098 h 565745"/>
                <a:gd name="connsiteX17" fmla="*/ 427597 w 1789406"/>
                <a:gd name="connsiteY17" fmla="*/ 75652 h 565745"/>
                <a:gd name="connsiteX18" fmla="*/ 467068 w 1789406"/>
                <a:gd name="connsiteY18" fmla="*/ 78941 h 565745"/>
                <a:gd name="connsiteX19" fmla="*/ 486803 w 1789406"/>
                <a:gd name="connsiteY19" fmla="*/ 85520 h 565745"/>
                <a:gd name="connsiteX20" fmla="*/ 565744 w 1789406"/>
                <a:gd name="connsiteY20" fmla="*/ 82230 h 565745"/>
                <a:gd name="connsiteX21" fmla="*/ 585479 w 1789406"/>
                <a:gd name="connsiteY21" fmla="*/ 75652 h 565745"/>
                <a:gd name="connsiteX22" fmla="*/ 617323 w 1789406"/>
                <a:gd name="connsiteY22" fmla="*/ 58737 h 565745"/>
                <a:gd name="connsiteX23" fmla="*/ 657842 w 1789406"/>
                <a:gd name="connsiteY23" fmla="*/ 69074 h 565745"/>
                <a:gd name="connsiteX24" fmla="*/ 703891 w 1789406"/>
                <a:gd name="connsiteY24" fmla="*/ 72363 h 565745"/>
                <a:gd name="connsiteX25" fmla="*/ 786121 w 1789406"/>
                <a:gd name="connsiteY25" fmla="*/ 78941 h 565745"/>
                <a:gd name="connsiteX26" fmla="*/ 795988 w 1789406"/>
                <a:gd name="connsiteY26" fmla="*/ 75652 h 565745"/>
                <a:gd name="connsiteX27" fmla="*/ 815724 w 1789406"/>
                <a:gd name="connsiteY27" fmla="*/ 72363 h 565745"/>
                <a:gd name="connsiteX28" fmla="*/ 871640 w 1789406"/>
                <a:gd name="connsiteY28" fmla="*/ 62495 h 565745"/>
                <a:gd name="connsiteX29" fmla="*/ 884797 w 1789406"/>
                <a:gd name="connsiteY29" fmla="*/ 59206 h 565745"/>
                <a:gd name="connsiteX30" fmla="*/ 970317 w 1789406"/>
                <a:gd name="connsiteY30" fmla="*/ 65784 h 565745"/>
                <a:gd name="connsiteX31" fmla="*/ 993341 w 1789406"/>
                <a:gd name="connsiteY31" fmla="*/ 72363 h 565745"/>
                <a:gd name="connsiteX32" fmla="*/ 1026233 w 1789406"/>
                <a:gd name="connsiteY32" fmla="*/ 78941 h 565745"/>
                <a:gd name="connsiteX33" fmla="*/ 1036101 w 1789406"/>
                <a:gd name="connsiteY33" fmla="*/ 82230 h 565745"/>
                <a:gd name="connsiteX34" fmla="*/ 1059125 w 1789406"/>
                <a:gd name="connsiteY34" fmla="*/ 88809 h 565745"/>
                <a:gd name="connsiteX35" fmla="*/ 1197272 w 1789406"/>
                <a:gd name="connsiteY35" fmla="*/ 101966 h 565745"/>
                <a:gd name="connsiteX36" fmla="*/ 1207140 w 1789406"/>
                <a:gd name="connsiteY36" fmla="*/ 98676 h 565745"/>
                <a:gd name="connsiteX37" fmla="*/ 1256478 w 1789406"/>
                <a:gd name="connsiteY37" fmla="*/ 101966 h 565745"/>
                <a:gd name="connsiteX38" fmla="*/ 1269634 w 1789406"/>
                <a:gd name="connsiteY38" fmla="*/ 105255 h 565745"/>
                <a:gd name="connsiteX39" fmla="*/ 1286081 w 1789406"/>
                <a:gd name="connsiteY39" fmla="*/ 108544 h 565745"/>
                <a:gd name="connsiteX40" fmla="*/ 1312394 w 1789406"/>
                <a:gd name="connsiteY40" fmla="*/ 115123 h 565745"/>
                <a:gd name="connsiteX41" fmla="*/ 1417649 w 1789406"/>
                <a:gd name="connsiteY41" fmla="*/ 124990 h 565745"/>
                <a:gd name="connsiteX42" fmla="*/ 1427517 w 1789406"/>
                <a:gd name="connsiteY42" fmla="*/ 131569 h 565745"/>
                <a:gd name="connsiteX43" fmla="*/ 1437384 w 1789406"/>
                <a:gd name="connsiteY43" fmla="*/ 134858 h 565745"/>
                <a:gd name="connsiteX44" fmla="*/ 1443963 w 1789406"/>
                <a:gd name="connsiteY44" fmla="*/ 144725 h 565745"/>
                <a:gd name="connsiteX45" fmla="*/ 1453830 w 1789406"/>
                <a:gd name="connsiteY45" fmla="*/ 148015 h 565745"/>
                <a:gd name="connsiteX46" fmla="*/ 1503168 w 1789406"/>
                <a:gd name="connsiteY46" fmla="*/ 164461 h 565745"/>
                <a:gd name="connsiteX47" fmla="*/ 1516325 w 1789406"/>
                <a:gd name="connsiteY47" fmla="*/ 167750 h 565745"/>
                <a:gd name="connsiteX48" fmla="*/ 1539350 w 1789406"/>
                <a:gd name="connsiteY48" fmla="*/ 180907 h 565745"/>
                <a:gd name="connsiteX49" fmla="*/ 1582109 w 1789406"/>
                <a:gd name="connsiteY49" fmla="*/ 207220 h 565745"/>
                <a:gd name="connsiteX50" fmla="*/ 1591977 w 1789406"/>
                <a:gd name="connsiteY50" fmla="*/ 226956 h 565745"/>
                <a:gd name="connsiteX51" fmla="*/ 1628158 w 1789406"/>
                <a:gd name="connsiteY51" fmla="*/ 282872 h 565745"/>
                <a:gd name="connsiteX52" fmla="*/ 1644604 w 1789406"/>
                <a:gd name="connsiteY52" fmla="*/ 292740 h 565745"/>
                <a:gd name="connsiteX53" fmla="*/ 1680786 w 1789406"/>
                <a:gd name="connsiteY53" fmla="*/ 328921 h 565745"/>
                <a:gd name="connsiteX54" fmla="*/ 1713678 w 1789406"/>
                <a:gd name="connsiteY54" fmla="*/ 355235 h 565745"/>
                <a:gd name="connsiteX55" fmla="*/ 1743281 w 1789406"/>
                <a:gd name="connsiteY55" fmla="*/ 401284 h 565745"/>
                <a:gd name="connsiteX56" fmla="*/ 1789329 w 1789406"/>
                <a:gd name="connsiteY56" fmla="*/ 473646 h 565745"/>
                <a:gd name="connsiteX57" fmla="*/ 1759726 w 1789406"/>
                <a:gd name="connsiteY57"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167750 w 1789406"/>
                <a:gd name="connsiteY11" fmla="*/ 115123 h 565745"/>
                <a:gd name="connsiteX12" fmla="*/ 220377 w 1789406"/>
                <a:gd name="connsiteY12" fmla="*/ 121701 h 565745"/>
                <a:gd name="connsiteX13" fmla="*/ 312475 w 1789406"/>
                <a:gd name="connsiteY13" fmla="*/ 108544 h 565745"/>
                <a:gd name="connsiteX14" fmla="*/ 322342 w 1789406"/>
                <a:gd name="connsiteY14" fmla="*/ 105255 h 565745"/>
                <a:gd name="connsiteX15" fmla="*/ 368391 w 1789406"/>
                <a:gd name="connsiteY15" fmla="*/ 92098 h 565745"/>
                <a:gd name="connsiteX16" fmla="*/ 427597 w 1789406"/>
                <a:gd name="connsiteY16" fmla="*/ 75652 h 565745"/>
                <a:gd name="connsiteX17" fmla="*/ 467068 w 1789406"/>
                <a:gd name="connsiteY17" fmla="*/ 78941 h 565745"/>
                <a:gd name="connsiteX18" fmla="*/ 486803 w 1789406"/>
                <a:gd name="connsiteY18" fmla="*/ 85520 h 565745"/>
                <a:gd name="connsiteX19" fmla="*/ 565744 w 1789406"/>
                <a:gd name="connsiteY19" fmla="*/ 82230 h 565745"/>
                <a:gd name="connsiteX20" fmla="*/ 585479 w 1789406"/>
                <a:gd name="connsiteY20" fmla="*/ 75652 h 565745"/>
                <a:gd name="connsiteX21" fmla="*/ 617323 w 1789406"/>
                <a:gd name="connsiteY21" fmla="*/ 58737 h 565745"/>
                <a:gd name="connsiteX22" fmla="*/ 657842 w 1789406"/>
                <a:gd name="connsiteY22" fmla="*/ 69074 h 565745"/>
                <a:gd name="connsiteX23" fmla="*/ 703891 w 1789406"/>
                <a:gd name="connsiteY23" fmla="*/ 72363 h 565745"/>
                <a:gd name="connsiteX24" fmla="*/ 786121 w 1789406"/>
                <a:gd name="connsiteY24" fmla="*/ 78941 h 565745"/>
                <a:gd name="connsiteX25" fmla="*/ 795988 w 1789406"/>
                <a:gd name="connsiteY25" fmla="*/ 75652 h 565745"/>
                <a:gd name="connsiteX26" fmla="*/ 815724 w 1789406"/>
                <a:gd name="connsiteY26" fmla="*/ 72363 h 565745"/>
                <a:gd name="connsiteX27" fmla="*/ 871640 w 1789406"/>
                <a:gd name="connsiteY27" fmla="*/ 62495 h 565745"/>
                <a:gd name="connsiteX28" fmla="*/ 884797 w 1789406"/>
                <a:gd name="connsiteY28" fmla="*/ 59206 h 565745"/>
                <a:gd name="connsiteX29" fmla="*/ 970317 w 1789406"/>
                <a:gd name="connsiteY29" fmla="*/ 65784 h 565745"/>
                <a:gd name="connsiteX30" fmla="*/ 993341 w 1789406"/>
                <a:gd name="connsiteY30" fmla="*/ 72363 h 565745"/>
                <a:gd name="connsiteX31" fmla="*/ 1026233 w 1789406"/>
                <a:gd name="connsiteY31" fmla="*/ 78941 h 565745"/>
                <a:gd name="connsiteX32" fmla="*/ 1036101 w 1789406"/>
                <a:gd name="connsiteY32" fmla="*/ 82230 h 565745"/>
                <a:gd name="connsiteX33" fmla="*/ 1059125 w 1789406"/>
                <a:gd name="connsiteY33" fmla="*/ 88809 h 565745"/>
                <a:gd name="connsiteX34" fmla="*/ 1197272 w 1789406"/>
                <a:gd name="connsiteY34" fmla="*/ 101966 h 565745"/>
                <a:gd name="connsiteX35" fmla="*/ 1207140 w 1789406"/>
                <a:gd name="connsiteY35" fmla="*/ 98676 h 565745"/>
                <a:gd name="connsiteX36" fmla="*/ 1256478 w 1789406"/>
                <a:gd name="connsiteY36" fmla="*/ 101966 h 565745"/>
                <a:gd name="connsiteX37" fmla="*/ 1269634 w 1789406"/>
                <a:gd name="connsiteY37" fmla="*/ 105255 h 565745"/>
                <a:gd name="connsiteX38" fmla="*/ 1286081 w 1789406"/>
                <a:gd name="connsiteY38" fmla="*/ 108544 h 565745"/>
                <a:gd name="connsiteX39" fmla="*/ 1312394 w 1789406"/>
                <a:gd name="connsiteY39" fmla="*/ 115123 h 565745"/>
                <a:gd name="connsiteX40" fmla="*/ 1417649 w 1789406"/>
                <a:gd name="connsiteY40" fmla="*/ 124990 h 565745"/>
                <a:gd name="connsiteX41" fmla="*/ 1427517 w 1789406"/>
                <a:gd name="connsiteY41" fmla="*/ 131569 h 565745"/>
                <a:gd name="connsiteX42" fmla="*/ 1437384 w 1789406"/>
                <a:gd name="connsiteY42" fmla="*/ 134858 h 565745"/>
                <a:gd name="connsiteX43" fmla="*/ 1443963 w 1789406"/>
                <a:gd name="connsiteY43" fmla="*/ 144725 h 565745"/>
                <a:gd name="connsiteX44" fmla="*/ 1453830 w 1789406"/>
                <a:gd name="connsiteY44" fmla="*/ 148015 h 565745"/>
                <a:gd name="connsiteX45" fmla="*/ 1503168 w 1789406"/>
                <a:gd name="connsiteY45" fmla="*/ 164461 h 565745"/>
                <a:gd name="connsiteX46" fmla="*/ 1516325 w 1789406"/>
                <a:gd name="connsiteY46" fmla="*/ 167750 h 565745"/>
                <a:gd name="connsiteX47" fmla="*/ 1539350 w 1789406"/>
                <a:gd name="connsiteY47" fmla="*/ 180907 h 565745"/>
                <a:gd name="connsiteX48" fmla="*/ 1582109 w 1789406"/>
                <a:gd name="connsiteY48" fmla="*/ 207220 h 565745"/>
                <a:gd name="connsiteX49" fmla="*/ 1591977 w 1789406"/>
                <a:gd name="connsiteY49" fmla="*/ 226956 h 565745"/>
                <a:gd name="connsiteX50" fmla="*/ 1628158 w 1789406"/>
                <a:gd name="connsiteY50" fmla="*/ 282872 h 565745"/>
                <a:gd name="connsiteX51" fmla="*/ 1644604 w 1789406"/>
                <a:gd name="connsiteY51" fmla="*/ 292740 h 565745"/>
                <a:gd name="connsiteX52" fmla="*/ 1680786 w 1789406"/>
                <a:gd name="connsiteY52" fmla="*/ 328921 h 565745"/>
                <a:gd name="connsiteX53" fmla="*/ 1713678 w 1789406"/>
                <a:gd name="connsiteY53" fmla="*/ 355235 h 565745"/>
                <a:gd name="connsiteX54" fmla="*/ 1743281 w 1789406"/>
                <a:gd name="connsiteY54" fmla="*/ 401284 h 565745"/>
                <a:gd name="connsiteX55" fmla="*/ 1789329 w 1789406"/>
                <a:gd name="connsiteY55" fmla="*/ 473646 h 565745"/>
                <a:gd name="connsiteX56" fmla="*/ 1759726 w 1789406"/>
                <a:gd name="connsiteY56"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28279 w 1789406"/>
                <a:gd name="connsiteY9" fmla="*/ 95387 h 565745"/>
                <a:gd name="connsiteX10" fmla="*/ 148014 w 1789406"/>
                <a:gd name="connsiteY10" fmla="*/ 108544 h 565745"/>
                <a:gd name="connsiteX11" fmla="*/ 220377 w 1789406"/>
                <a:gd name="connsiteY11" fmla="*/ 121701 h 565745"/>
                <a:gd name="connsiteX12" fmla="*/ 312475 w 1789406"/>
                <a:gd name="connsiteY12" fmla="*/ 108544 h 565745"/>
                <a:gd name="connsiteX13" fmla="*/ 322342 w 1789406"/>
                <a:gd name="connsiteY13" fmla="*/ 105255 h 565745"/>
                <a:gd name="connsiteX14" fmla="*/ 368391 w 1789406"/>
                <a:gd name="connsiteY14" fmla="*/ 92098 h 565745"/>
                <a:gd name="connsiteX15" fmla="*/ 427597 w 1789406"/>
                <a:gd name="connsiteY15" fmla="*/ 75652 h 565745"/>
                <a:gd name="connsiteX16" fmla="*/ 467068 w 1789406"/>
                <a:gd name="connsiteY16" fmla="*/ 78941 h 565745"/>
                <a:gd name="connsiteX17" fmla="*/ 486803 w 1789406"/>
                <a:gd name="connsiteY17" fmla="*/ 85520 h 565745"/>
                <a:gd name="connsiteX18" fmla="*/ 565744 w 1789406"/>
                <a:gd name="connsiteY18" fmla="*/ 82230 h 565745"/>
                <a:gd name="connsiteX19" fmla="*/ 585479 w 1789406"/>
                <a:gd name="connsiteY19" fmla="*/ 75652 h 565745"/>
                <a:gd name="connsiteX20" fmla="*/ 617323 w 1789406"/>
                <a:gd name="connsiteY20" fmla="*/ 58737 h 565745"/>
                <a:gd name="connsiteX21" fmla="*/ 657842 w 1789406"/>
                <a:gd name="connsiteY21" fmla="*/ 69074 h 565745"/>
                <a:gd name="connsiteX22" fmla="*/ 703891 w 1789406"/>
                <a:gd name="connsiteY22" fmla="*/ 72363 h 565745"/>
                <a:gd name="connsiteX23" fmla="*/ 786121 w 1789406"/>
                <a:gd name="connsiteY23" fmla="*/ 78941 h 565745"/>
                <a:gd name="connsiteX24" fmla="*/ 795988 w 1789406"/>
                <a:gd name="connsiteY24" fmla="*/ 75652 h 565745"/>
                <a:gd name="connsiteX25" fmla="*/ 815724 w 1789406"/>
                <a:gd name="connsiteY25" fmla="*/ 72363 h 565745"/>
                <a:gd name="connsiteX26" fmla="*/ 871640 w 1789406"/>
                <a:gd name="connsiteY26" fmla="*/ 62495 h 565745"/>
                <a:gd name="connsiteX27" fmla="*/ 884797 w 1789406"/>
                <a:gd name="connsiteY27" fmla="*/ 59206 h 565745"/>
                <a:gd name="connsiteX28" fmla="*/ 970317 w 1789406"/>
                <a:gd name="connsiteY28" fmla="*/ 65784 h 565745"/>
                <a:gd name="connsiteX29" fmla="*/ 993341 w 1789406"/>
                <a:gd name="connsiteY29" fmla="*/ 72363 h 565745"/>
                <a:gd name="connsiteX30" fmla="*/ 1026233 w 1789406"/>
                <a:gd name="connsiteY30" fmla="*/ 78941 h 565745"/>
                <a:gd name="connsiteX31" fmla="*/ 1036101 w 1789406"/>
                <a:gd name="connsiteY31" fmla="*/ 82230 h 565745"/>
                <a:gd name="connsiteX32" fmla="*/ 1059125 w 1789406"/>
                <a:gd name="connsiteY32" fmla="*/ 88809 h 565745"/>
                <a:gd name="connsiteX33" fmla="*/ 1197272 w 1789406"/>
                <a:gd name="connsiteY33" fmla="*/ 101966 h 565745"/>
                <a:gd name="connsiteX34" fmla="*/ 1207140 w 1789406"/>
                <a:gd name="connsiteY34" fmla="*/ 98676 h 565745"/>
                <a:gd name="connsiteX35" fmla="*/ 1256478 w 1789406"/>
                <a:gd name="connsiteY35" fmla="*/ 101966 h 565745"/>
                <a:gd name="connsiteX36" fmla="*/ 1269634 w 1789406"/>
                <a:gd name="connsiteY36" fmla="*/ 105255 h 565745"/>
                <a:gd name="connsiteX37" fmla="*/ 1286081 w 1789406"/>
                <a:gd name="connsiteY37" fmla="*/ 108544 h 565745"/>
                <a:gd name="connsiteX38" fmla="*/ 1312394 w 1789406"/>
                <a:gd name="connsiteY38" fmla="*/ 115123 h 565745"/>
                <a:gd name="connsiteX39" fmla="*/ 1417649 w 1789406"/>
                <a:gd name="connsiteY39" fmla="*/ 124990 h 565745"/>
                <a:gd name="connsiteX40" fmla="*/ 1427517 w 1789406"/>
                <a:gd name="connsiteY40" fmla="*/ 131569 h 565745"/>
                <a:gd name="connsiteX41" fmla="*/ 1437384 w 1789406"/>
                <a:gd name="connsiteY41" fmla="*/ 134858 h 565745"/>
                <a:gd name="connsiteX42" fmla="*/ 1443963 w 1789406"/>
                <a:gd name="connsiteY42" fmla="*/ 144725 h 565745"/>
                <a:gd name="connsiteX43" fmla="*/ 1453830 w 1789406"/>
                <a:gd name="connsiteY43" fmla="*/ 148015 h 565745"/>
                <a:gd name="connsiteX44" fmla="*/ 1503168 w 1789406"/>
                <a:gd name="connsiteY44" fmla="*/ 164461 h 565745"/>
                <a:gd name="connsiteX45" fmla="*/ 1516325 w 1789406"/>
                <a:gd name="connsiteY45" fmla="*/ 167750 h 565745"/>
                <a:gd name="connsiteX46" fmla="*/ 1539350 w 1789406"/>
                <a:gd name="connsiteY46" fmla="*/ 180907 h 565745"/>
                <a:gd name="connsiteX47" fmla="*/ 1582109 w 1789406"/>
                <a:gd name="connsiteY47" fmla="*/ 207220 h 565745"/>
                <a:gd name="connsiteX48" fmla="*/ 1591977 w 1789406"/>
                <a:gd name="connsiteY48" fmla="*/ 226956 h 565745"/>
                <a:gd name="connsiteX49" fmla="*/ 1628158 w 1789406"/>
                <a:gd name="connsiteY49" fmla="*/ 282872 h 565745"/>
                <a:gd name="connsiteX50" fmla="*/ 1644604 w 1789406"/>
                <a:gd name="connsiteY50" fmla="*/ 292740 h 565745"/>
                <a:gd name="connsiteX51" fmla="*/ 1680786 w 1789406"/>
                <a:gd name="connsiteY51" fmla="*/ 328921 h 565745"/>
                <a:gd name="connsiteX52" fmla="*/ 1713678 w 1789406"/>
                <a:gd name="connsiteY52" fmla="*/ 355235 h 565745"/>
                <a:gd name="connsiteX53" fmla="*/ 1743281 w 1789406"/>
                <a:gd name="connsiteY53" fmla="*/ 401284 h 565745"/>
                <a:gd name="connsiteX54" fmla="*/ 1789329 w 1789406"/>
                <a:gd name="connsiteY54" fmla="*/ 473646 h 565745"/>
                <a:gd name="connsiteX55" fmla="*/ 1759726 w 1789406"/>
                <a:gd name="connsiteY55"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52627 w 1789406"/>
                <a:gd name="connsiteY4" fmla="*/ 65784 h 565745"/>
                <a:gd name="connsiteX5" fmla="*/ 69073 w 1789406"/>
                <a:gd name="connsiteY5" fmla="*/ 72363 h 565745"/>
                <a:gd name="connsiteX6" fmla="*/ 88809 w 1789406"/>
                <a:gd name="connsiteY6" fmla="*/ 78941 h 565745"/>
                <a:gd name="connsiteX7" fmla="*/ 108544 w 1789406"/>
                <a:gd name="connsiteY7" fmla="*/ 85520 h 565745"/>
                <a:gd name="connsiteX8" fmla="*/ 118411 w 1789406"/>
                <a:gd name="connsiteY8" fmla="*/ 92098 h 565745"/>
                <a:gd name="connsiteX9" fmla="*/ 148014 w 1789406"/>
                <a:gd name="connsiteY9" fmla="*/ 108544 h 565745"/>
                <a:gd name="connsiteX10" fmla="*/ 220377 w 1789406"/>
                <a:gd name="connsiteY10" fmla="*/ 121701 h 565745"/>
                <a:gd name="connsiteX11" fmla="*/ 312475 w 1789406"/>
                <a:gd name="connsiteY11" fmla="*/ 108544 h 565745"/>
                <a:gd name="connsiteX12" fmla="*/ 322342 w 1789406"/>
                <a:gd name="connsiteY12" fmla="*/ 105255 h 565745"/>
                <a:gd name="connsiteX13" fmla="*/ 368391 w 1789406"/>
                <a:gd name="connsiteY13" fmla="*/ 92098 h 565745"/>
                <a:gd name="connsiteX14" fmla="*/ 427597 w 1789406"/>
                <a:gd name="connsiteY14" fmla="*/ 75652 h 565745"/>
                <a:gd name="connsiteX15" fmla="*/ 467068 w 1789406"/>
                <a:gd name="connsiteY15" fmla="*/ 78941 h 565745"/>
                <a:gd name="connsiteX16" fmla="*/ 486803 w 1789406"/>
                <a:gd name="connsiteY16" fmla="*/ 85520 h 565745"/>
                <a:gd name="connsiteX17" fmla="*/ 565744 w 1789406"/>
                <a:gd name="connsiteY17" fmla="*/ 82230 h 565745"/>
                <a:gd name="connsiteX18" fmla="*/ 585479 w 1789406"/>
                <a:gd name="connsiteY18" fmla="*/ 75652 h 565745"/>
                <a:gd name="connsiteX19" fmla="*/ 617323 w 1789406"/>
                <a:gd name="connsiteY19" fmla="*/ 58737 h 565745"/>
                <a:gd name="connsiteX20" fmla="*/ 657842 w 1789406"/>
                <a:gd name="connsiteY20" fmla="*/ 69074 h 565745"/>
                <a:gd name="connsiteX21" fmla="*/ 703891 w 1789406"/>
                <a:gd name="connsiteY21" fmla="*/ 72363 h 565745"/>
                <a:gd name="connsiteX22" fmla="*/ 786121 w 1789406"/>
                <a:gd name="connsiteY22" fmla="*/ 78941 h 565745"/>
                <a:gd name="connsiteX23" fmla="*/ 795988 w 1789406"/>
                <a:gd name="connsiteY23" fmla="*/ 75652 h 565745"/>
                <a:gd name="connsiteX24" fmla="*/ 815724 w 1789406"/>
                <a:gd name="connsiteY24" fmla="*/ 72363 h 565745"/>
                <a:gd name="connsiteX25" fmla="*/ 871640 w 1789406"/>
                <a:gd name="connsiteY25" fmla="*/ 62495 h 565745"/>
                <a:gd name="connsiteX26" fmla="*/ 884797 w 1789406"/>
                <a:gd name="connsiteY26" fmla="*/ 59206 h 565745"/>
                <a:gd name="connsiteX27" fmla="*/ 970317 w 1789406"/>
                <a:gd name="connsiteY27" fmla="*/ 65784 h 565745"/>
                <a:gd name="connsiteX28" fmla="*/ 993341 w 1789406"/>
                <a:gd name="connsiteY28" fmla="*/ 72363 h 565745"/>
                <a:gd name="connsiteX29" fmla="*/ 1026233 w 1789406"/>
                <a:gd name="connsiteY29" fmla="*/ 78941 h 565745"/>
                <a:gd name="connsiteX30" fmla="*/ 1036101 w 1789406"/>
                <a:gd name="connsiteY30" fmla="*/ 82230 h 565745"/>
                <a:gd name="connsiteX31" fmla="*/ 1059125 w 1789406"/>
                <a:gd name="connsiteY31" fmla="*/ 88809 h 565745"/>
                <a:gd name="connsiteX32" fmla="*/ 1197272 w 1789406"/>
                <a:gd name="connsiteY32" fmla="*/ 101966 h 565745"/>
                <a:gd name="connsiteX33" fmla="*/ 1207140 w 1789406"/>
                <a:gd name="connsiteY33" fmla="*/ 98676 h 565745"/>
                <a:gd name="connsiteX34" fmla="*/ 1256478 w 1789406"/>
                <a:gd name="connsiteY34" fmla="*/ 101966 h 565745"/>
                <a:gd name="connsiteX35" fmla="*/ 1269634 w 1789406"/>
                <a:gd name="connsiteY35" fmla="*/ 105255 h 565745"/>
                <a:gd name="connsiteX36" fmla="*/ 1286081 w 1789406"/>
                <a:gd name="connsiteY36" fmla="*/ 108544 h 565745"/>
                <a:gd name="connsiteX37" fmla="*/ 1312394 w 1789406"/>
                <a:gd name="connsiteY37" fmla="*/ 115123 h 565745"/>
                <a:gd name="connsiteX38" fmla="*/ 1417649 w 1789406"/>
                <a:gd name="connsiteY38" fmla="*/ 124990 h 565745"/>
                <a:gd name="connsiteX39" fmla="*/ 1427517 w 1789406"/>
                <a:gd name="connsiteY39" fmla="*/ 131569 h 565745"/>
                <a:gd name="connsiteX40" fmla="*/ 1437384 w 1789406"/>
                <a:gd name="connsiteY40" fmla="*/ 134858 h 565745"/>
                <a:gd name="connsiteX41" fmla="*/ 1443963 w 1789406"/>
                <a:gd name="connsiteY41" fmla="*/ 144725 h 565745"/>
                <a:gd name="connsiteX42" fmla="*/ 1453830 w 1789406"/>
                <a:gd name="connsiteY42" fmla="*/ 148015 h 565745"/>
                <a:gd name="connsiteX43" fmla="*/ 1503168 w 1789406"/>
                <a:gd name="connsiteY43" fmla="*/ 164461 h 565745"/>
                <a:gd name="connsiteX44" fmla="*/ 1516325 w 1789406"/>
                <a:gd name="connsiteY44" fmla="*/ 167750 h 565745"/>
                <a:gd name="connsiteX45" fmla="*/ 1539350 w 1789406"/>
                <a:gd name="connsiteY45" fmla="*/ 180907 h 565745"/>
                <a:gd name="connsiteX46" fmla="*/ 1582109 w 1789406"/>
                <a:gd name="connsiteY46" fmla="*/ 207220 h 565745"/>
                <a:gd name="connsiteX47" fmla="*/ 1591977 w 1789406"/>
                <a:gd name="connsiteY47" fmla="*/ 226956 h 565745"/>
                <a:gd name="connsiteX48" fmla="*/ 1628158 w 1789406"/>
                <a:gd name="connsiteY48" fmla="*/ 282872 h 565745"/>
                <a:gd name="connsiteX49" fmla="*/ 1644604 w 1789406"/>
                <a:gd name="connsiteY49" fmla="*/ 292740 h 565745"/>
                <a:gd name="connsiteX50" fmla="*/ 1680786 w 1789406"/>
                <a:gd name="connsiteY50" fmla="*/ 328921 h 565745"/>
                <a:gd name="connsiteX51" fmla="*/ 1713678 w 1789406"/>
                <a:gd name="connsiteY51" fmla="*/ 355235 h 565745"/>
                <a:gd name="connsiteX52" fmla="*/ 1743281 w 1789406"/>
                <a:gd name="connsiteY52" fmla="*/ 401284 h 565745"/>
                <a:gd name="connsiteX53" fmla="*/ 1789329 w 1789406"/>
                <a:gd name="connsiteY53" fmla="*/ 473646 h 565745"/>
                <a:gd name="connsiteX54" fmla="*/ 1759726 w 1789406"/>
                <a:gd name="connsiteY54" fmla="*/ 565745 h 565745"/>
                <a:gd name="connsiteX0" fmla="*/ 0 w 1789406"/>
                <a:gd name="connsiteY0" fmla="*/ 0 h 565745"/>
                <a:gd name="connsiteX1" fmla="*/ 13157 w 1789406"/>
                <a:gd name="connsiteY1" fmla="*/ 42760 h 565745"/>
                <a:gd name="connsiteX2" fmla="*/ 23024 w 1789406"/>
                <a:gd name="connsiteY2" fmla="*/ 52628 h 565745"/>
                <a:gd name="connsiteX3" fmla="*/ 42760 w 1789406"/>
                <a:gd name="connsiteY3" fmla="*/ 59206 h 565745"/>
                <a:gd name="connsiteX4" fmla="*/ 69073 w 1789406"/>
                <a:gd name="connsiteY4" fmla="*/ 72363 h 565745"/>
                <a:gd name="connsiteX5" fmla="*/ 88809 w 1789406"/>
                <a:gd name="connsiteY5" fmla="*/ 78941 h 565745"/>
                <a:gd name="connsiteX6" fmla="*/ 108544 w 1789406"/>
                <a:gd name="connsiteY6" fmla="*/ 85520 h 565745"/>
                <a:gd name="connsiteX7" fmla="*/ 118411 w 1789406"/>
                <a:gd name="connsiteY7" fmla="*/ 92098 h 565745"/>
                <a:gd name="connsiteX8" fmla="*/ 148014 w 1789406"/>
                <a:gd name="connsiteY8" fmla="*/ 108544 h 565745"/>
                <a:gd name="connsiteX9" fmla="*/ 220377 w 1789406"/>
                <a:gd name="connsiteY9" fmla="*/ 121701 h 565745"/>
                <a:gd name="connsiteX10" fmla="*/ 312475 w 1789406"/>
                <a:gd name="connsiteY10" fmla="*/ 108544 h 565745"/>
                <a:gd name="connsiteX11" fmla="*/ 322342 w 1789406"/>
                <a:gd name="connsiteY11" fmla="*/ 105255 h 565745"/>
                <a:gd name="connsiteX12" fmla="*/ 368391 w 1789406"/>
                <a:gd name="connsiteY12" fmla="*/ 92098 h 565745"/>
                <a:gd name="connsiteX13" fmla="*/ 427597 w 1789406"/>
                <a:gd name="connsiteY13" fmla="*/ 75652 h 565745"/>
                <a:gd name="connsiteX14" fmla="*/ 467068 w 1789406"/>
                <a:gd name="connsiteY14" fmla="*/ 78941 h 565745"/>
                <a:gd name="connsiteX15" fmla="*/ 486803 w 1789406"/>
                <a:gd name="connsiteY15" fmla="*/ 85520 h 565745"/>
                <a:gd name="connsiteX16" fmla="*/ 565744 w 1789406"/>
                <a:gd name="connsiteY16" fmla="*/ 82230 h 565745"/>
                <a:gd name="connsiteX17" fmla="*/ 585479 w 1789406"/>
                <a:gd name="connsiteY17" fmla="*/ 75652 h 565745"/>
                <a:gd name="connsiteX18" fmla="*/ 617323 w 1789406"/>
                <a:gd name="connsiteY18" fmla="*/ 58737 h 565745"/>
                <a:gd name="connsiteX19" fmla="*/ 657842 w 1789406"/>
                <a:gd name="connsiteY19" fmla="*/ 69074 h 565745"/>
                <a:gd name="connsiteX20" fmla="*/ 703891 w 1789406"/>
                <a:gd name="connsiteY20" fmla="*/ 72363 h 565745"/>
                <a:gd name="connsiteX21" fmla="*/ 786121 w 1789406"/>
                <a:gd name="connsiteY21" fmla="*/ 78941 h 565745"/>
                <a:gd name="connsiteX22" fmla="*/ 795988 w 1789406"/>
                <a:gd name="connsiteY22" fmla="*/ 75652 h 565745"/>
                <a:gd name="connsiteX23" fmla="*/ 815724 w 1789406"/>
                <a:gd name="connsiteY23" fmla="*/ 72363 h 565745"/>
                <a:gd name="connsiteX24" fmla="*/ 871640 w 1789406"/>
                <a:gd name="connsiteY24" fmla="*/ 62495 h 565745"/>
                <a:gd name="connsiteX25" fmla="*/ 884797 w 1789406"/>
                <a:gd name="connsiteY25" fmla="*/ 59206 h 565745"/>
                <a:gd name="connsiteX26" fmla="*/ 970317 w 1789406"/>
                <a:gd name="connsiteY26" fmla="*/ 65784 h 565745"/>
                <a:gd name="connsiteX27" fmla="*/ 993341 w 1789406"/>
                <a:gd name="connsiteY27" fmla="*/ 72363 h 565745"/>
                <a:gd name="connsiteX28" fmla="*/ 1026233 w 1789406"/>
                <a:gd name="connsiteY28" fmla="*/ 78941 h 565745"/>
                <a:gd name="connsiteX29" fmla="*/ 1036101 w 1789406"/>
                <a:gd name="connsiteY29" fmla="*/ 82230 h 565745"/>
                <a:gd name="connsiteX30" fmla="*/ 1059125 w 1789406"/>
                <a:gd name="connsiteY30" fmla="*/ 88809 h 565745"/>
                <a:gd name="connsiteX31" fmla="*/ 1197272 w 1789406"/>
                <a:gd name="connsiteY31" fmla="*/ 101966 h 565745"/>
                <a:gd name="connsiteX32" fmla="*/ 1207140 w 1789406"/>
                <a:gd name="connsiteY32" fmla="*/ 98676 h 565745"/>
                <a:gd name="connsiteX33" fmla="*/ 1256478 w 1789406"/>
                <a:gd name="connsiteY33" fmla="*/ 101966 h 565745"/>
                <a:gd name="connsiteX34" fmla="*/ 1269634 w 1789406"/>
                <a:gd name="connsiteY34" fmla="*/ 105255 h 565745"/>
                <a:gd name="connsiteX35" fmla="*/ 1286081 w 1789406"/>
                <a:gd name="connsiteY35" fmla="*/ 108544 h 565745"/>
                <a:gd name="connsiteX36" fmla="*/ 1312394 w 1789406"/>
                <a:gd name="connsiteY36" fmla="*/ 115123 h 565745"/>
                <a:gd name="connsiteX37" fmla="*/ 1417649 w 1789406"/>
                <a:gd name="connsiteY37" fmla="*/ 124990 h 565745"/>
                <a:gd name="connsiteX38" fmla="*/ 1427517 w 1789406"/>
                <a:gd name="connsiteY38" fmla="*/ 131569 h 565745"/>
                <a:gd name="connsiteX39" fmla="*/ 1437384 w 1789406"/>
                <a:gd name="connsiteY39" fmla="*/ 134858 h 565745"/>
                <a:gd name="connsiteX40" fmla="*/ 1443963 w 1789406"/>
                <a:gd name="connsiteY40" fmla="*/ 144725 h 565745"/>
                <a:gd name="connsiteX41" fmla="*/ 1453830 w 1789406"/>
                <a:gd name="connsiteY41" fmla="*/ 148015 h 565745"/>
                <a:gd name="connsiteX42" fmla="*/ 1503168 w 1789406"/>
                <a:gd name="connsiteY42" fmla="*/ 164461 h 565745"/>
                <a:gd name="connsiteX43" fmla="*/ 1516325 w 1789406"/>
                <a:gd name="connsiteY43" fmla="*/ 167750 h 565745"/>
                <a:gd name="connsiteX44" fmla="*/ 1539350 w 1789406"/>
                <a:gd name="connsiteY44" fmla="*/ 180907 h 565745"/>
                <a:gd name="connsiteX45" fmla="*/ 1582109 w 1789406"/>
                <a:gd name="connsiteY45" fmla="*/ 207220 h 565745"/>
                <a:gd name="connsiteX46" fmla="*/ 1591977 w 1789406"/>
                <a:gd name="connsiteY46" fmla="*/ 226956 h 565745"/>
                <a:gd name="connsiteX47" fmla="*/ 1628158 w 1789406"/>
                <a:gd name="connsiteY47" fmla="*/ 282872 h 565745"/>
                <a:gd name="connsiteX48" fmla="*/ 1644604 w 1789406"/>
                <a:gd name="connsiteY48" fmla="*/ 292740 h 565745"/>
                <a:gd name="connsiteX49" fmla="*/ 1680786 w 1789406"/>
                <a:gd name="connsiteY49" fmla="*/ 328921 h 565745"/>
                <a:gd name="connsiteX50" fmla="*/ 1713678 w 1789406"/>
                <a:gd name="connsiteY50" fmla="*/ 355235 h 565745"/>
                <a:gd name="connsiteX51" fmla="*/ 1743281 w 1789406"/>
                <a:gd name="connsiteY51" fmla="*/ 401284 h 565745"/>
                <a:gd name="connsiteX52" fmla="*/ 1789329 w 1789406"/>
                <a:gd name="connsiteY52" fmla="*/ 473646 h 565745"/>
                <a:gd name="connsiteX53" fmla="*/ 1759726 w 1789406"/>
                <a:gd name="connsiteY53" fmla="*/ 565745 h 565745"/>
                <a:gd name="connsiteX0" fmla="*/ 0 w 1789406"/>
                <a:gd name="connsiteY0" fmla="*/ 0 h 565745"/>
                <a:gd name="connsiteX1" fmla="*/ 13157 w 1789406"/>
                <a:gd name="connsiteY1" fmla="*/ 42760 h 565745"/>
                <a:gd name="connsiteX2" fmla="*/ 23024 w 1789406"/>
                <a:gd name="connsiteY2" fmla="*/ 52628 h 565745"/>
                <a:gd name="connsiteX3" fmla="*/ 69073 w 1789406"/>
                <a:gd name="connsiteY3" fmla="*/ 72363 h 565745"/>
                <a:gd name="connsiteX4" fmla="*/ 88809 w 1789406"/>
                <a:gd name="connsiteY4" fmla="*/ 78941 h 565745"/>
                <a:gd name="connsiteX5" fmla="*/ 108544 w 1789406"/>
                <a:gd name="connsiteY5" fmla="*/ 85520 h 565745"/>
                <a:gd name="connsiteX6" fmla="*/ 118411 w 1789406"/>
                <a:gd name="connsiteY6" fmla="*/ 92098 h 565745"/>
                <a:gd name="connsiteX7" fmla="*/ 148014 w 1789406"/>
                <a:gd name="connsiteY7" fmla="*/ 108544 h 565745"/>
                <a:gd name="connsiteX8" fmla="*/ 220377 w 1789406"/>
                <a:gd name="connsiteY8" fmla="*/ 121701 h 565745"/>
                <a:gd name="connsiteX9" fmla="*/ 312475 w 1789406"/>
                <a:gd name="connsiteY9" fmla="*/ 108544 h 565745"/>
                <a:gd name="connsiteX10" fmla="*/ 322342 w 1789406"/>
                <a:gd name="connsiteY10" fmla="*/ 105255 h 565745"/>
                <a:gd name="connsiteX11" fmla="*/ 368391 w 1789406"/>
                <a:gd name="connsiteY11" fmla="*/ 92098 h 565745"/>
                <a:gd name="connsiteX12" fmla="*/ 427597 w 1789406"/>
                <a:gd name="connsiteY12" fmla="*/ 75652 h 565745"/>
                <a:gd name="connsiteX13" fmla="*/ 467068 w 1789406"/>
                <a:gd name="connsiteY13" fmla="*/ 78941 h 565745"/>
                <a:gd name="connsiteX14" fmla="*/ 486803 w 1789406"/>
                <a:gd name="connsiteY14" fmla="*/ 85520 h 565745"/>
                <a:gd name="connsiteX15" fmla="*/ 565744 w 1789406"/>
                <a:gd name="connsiteY15" fmla="*/ 82230 h 565745"/>
                <a:gd name="connsiteX16" fmla="*/ 585479 w 1789406"/>
                <a:gd name="connsiteY16" fmla="*/ 75652 h 565745"/>
                <a:gd name="connsiteX17" fmla="*/ 617323 w 1789406"/>
                <a:gd name="connsiteY17" fmla="*/ 58737 h 565745"/>
                <a:gd name="connsiteX18" fmla="*/ 657842 w 1789406"/>
                <a:gd name="connsiteY18" fmla="*/ 69074 h 565745"/>
                <a:gd name="connsiteX19" fmla="*/ 703891 w 1789406"/>
                <a:gd name="connsiteY19" fmla="*/ 72363 h 565745"/>
                <a:gd name="connsiteX20" fmla="*/ 786121 w 1789406"/>
                <a:gd name="connsiteY20" fmla="*/ 78941 h 565745"/>
                <a:gd name="connsiteX21" fmla="*/ 795988 w 1789406"/>
                <a:gd name="connsiteY21" fmla="*/ 75652 h 565745"/>
                <a:gd name="connsiteX22" fmla="*/ 815724 w 1789406"/>
                <a:gd name="connsiteY22" fmla="*/ 72363 h 565745"/>
                <a:gd name="connsiteX23" fmla="*/ 871640 w 1789406"/>
                <a:gd name="connsiteY23" fmla="*/ 62495 h 565745"/>
                <a:gd name="connsiteX24" fmla="*/ 884797 w 1789406"/>
                <a:gd name="connsiteY24" fmla="*/ 59206 h 565745"/>
                <a:gd name="connsiteX25" fmla="*/ 970317 w 1789406"/>
                <a:gd name="connsiteY25" fmla="*/ 65784 h 565745"/>
                <a:gd name="connsiteX26" fmla="*/ 993341 w 1789406"/>
                <a:gd name="connsiteY26" fmla="*/ 72363 h 565745"/>
                <a:gd name="connsiteX27" fmla="*/ 1026233 w 1789406"/>
                <a:gd name="connsiteY27" fmla="*/ 78941 h 565745"/>
                <a:gd name="connsiteX28" fmla="*/ 1036101 w 1789406"/>
                <a:gd name="connsiteY28" fmla="*/ 82230 h 565745"/>
                <a:gd name="connsiteX29" fmla="*/ 1059125 w 1789406"/>
                <a:gd name="connsiteY29" fmla="*/ 88809 h 565745"/>
                <a:gd name="connsiteX30" fmla="*/ 1197272 w 1789406"/>
                <a:gd name="connsiteY30" fmla="*/ 101966 h 565745"/>
                <a:gd name="connsiteX31" fmla="*/ 1207140 w 1789406"/>
                <a:gd name="connsiteY31" fmla="*/ 98676 h 565745"/>
                <a:gd name="connsiteX32" fmla="*/ 1256478 w 1789406"/>
                <a:gd name="connsiteY32" fmla="*/ 101966 h 565745"/>
                <a:gd name="connsiteX33" fmla="*/ 1269634 w 1789406"/>
                <a:gd name="connsiteY33" fmla="*/ 105255 h 565745"/>
                <a:gd name="connsiteX34" fmla="*/ 1286081 w 1789406"/>
                <a:gd name="connsiteY34" fmla="*/ 108544 h 565745"/>
                <a:gd name="connsiteX35" fmla="*/ 1312394 w 1789406"/>
                <a:gd name="connsiteY35" fmla="*/ 115123 h 565745"/>
                <a:gd name="connsiteX36" fmla="*/ 1417649 w 1789406"/>
                <a:gd name="connsiteY36" fmla="*/ 124990 h 565745"/>
                <a:gd name="connsiteX37" fmla="*/ 1427517 w 1789406"/>
                <a:gd name="connsiteY37" fmla="*/ 131569 h 565745"/>
                <a:gd name="connsiteX38" fmla="*/ 1437384 w 1789406"/>
                <a:gd name="connsiteY38" fmla="*/ 134858 h 565745"/>
                <a:gd name="connsiteX39" fmla="*/ 1443963 w 1789406"/>
                <a:gd name="connsiteY39" fmla="*/ 144725 h 565745"/>
                <a:gd name="connsiteX40" fmla="*/ 1453830 w 1789406"/>
                <a:gd name="connsiteY40" fmla="*/ 148015 h 565745"/>
                <a:gd name="connsiteX41" fmla="*/ 1503168 w 1789406"/>
                <a:gd name="connsiteY41" fmla="*/ 164461 h 565745"/>
                <a:gd name="connsiteX42" fmla="*/ 1516325 w 1789406"/>
                <a:gd name="connsiteY42" fmla="*/ 167750 h 565745"/>
                <a:gd name="connsiteX43" fmla="*/ 1539350 w 1789406"/>
                <a:gd name="connsiteY43" fmla="*/ 180907 h 565745"/>
                <a:gd name="connsiteX44" fmla="*/ 1582109 w 1789406"/>
                <a:gd name="connsiteY44" fmla="*/ 207220 h 565745"/>
                <a:gd name="connsiteX45" fmla="*/ 1591977 w 1789406"/>
                <a:gd name="connsiteY45" fmla="*/ 226956 h 565745"/>
                <a:gd name="connsiteX46" fmla="*/ 1628158 w 1789406"/>
                <a:gd name="connsiteY46" fmla="*/ 282872 h 565745"/>
                <a:gd name="connsiteX47" fmla="*/ 1644604 w 1789406"/>
                <a:gd name="connsiteY47" fmla="*/ 292740 h 565745"/>
                <a:gd name="connsiteX48" fmla="*/ 1680786 w 1789406"/>
                <a:gd name="connsiteY48" fmla="*/ 328921 h 565745"/>
                <a:gd name="connsiteX49" fmla="*/ 1713678 w 1789406"/>
                <a:gd name="connsiteY49" fmla="*/ 355235 h 565745"/>
                <a:gd name="connsiteX50" fmla="*/ 1743281 w 1789406"/>
                <a:gd name="connsiteY50" fmla="*/ 401284 h 565745"/>
                <a:gd name="connsiteX51" fmla="*/ 1789329 w 1789406"/>
                <a:gd name="connsiteY51" fmla="*/ 473646 h 565745"/>
                <a:gd name="connsiteX52" fmla="*/ 1759726 w 1789406"/>
                <a:gd name="connsiteY52" fmla="*/ 565745 h 565745"/>
                <a:gd name="connsiteX0" fmla="*/ 0 w 1789406"/>
                <a:gd name="connsiteY0" fmla="*/ 0 h 565745"/>
                <a:gd name="connsiteX1" fmla="*/ 13157 w 1789406"/>
                <a:gd name="connsiteY1" fmla="*/ 42760 h 565745"/>
                <a:gd name="connsiteX2" fmla="*/ 69073 w 1789406"/>
                <a:gd name="connsiteY2" fmla="*/ 72363 h 565745"/>
                <a:gd name="connsiteX3" fmla="*/ 88809 w 1789406"/>
                <a:gd name="connsiteY3" fmla="*/ 78941 h 565745"/>
                <a:gd name="connsiteX4" fmla="*/ 108544 w 1789406"/>
                <a:gd name="connsiteY4" fmla="*/ 85520 h 565745"/>
                <a:gd name="connsiteX5" fmla="*/ 118411 w 1789406"/>
                <a:gd name="connsiteY5" fmla="*/ 92098 h 565745"/>
                <a:gd name="connsiteX6" fmla="*/ 148014 w 1789406"/>
                <a:gd name="connsiteY6" fmla="*/ 108544 h 565745"/>
                <a:gd name="connsiteX7" fmla="*/ 220377 w 1789406"/>
                <a:gd name="connsiteY7" fmla="*/ 121701 h 565745"/>
                <a:gd name="connsiteX8" fmla="*/ 312475 w 1789406"/>
                <a:gd name="connsiteY8" fmla="*/ 108544 h 565745"/>
                <a:gd name="connsiteX9" fmla="*/ 322342 w 1789406"/>
                <a:gd name="connsiteY9" fmla="*/ 105255 h 565745"/>
                <a:gd name="connsiteX10" fmla="*/ 368391 w 1789406"/>
                <a:gd name="connsiteY10" fmla="*/ 92098 h 565745"/>
                <a:gd name="connsiteX11" fmla="*/ 427597 w 1789406"/>
                <a:gd name="connsiteY11" fmla="*/ 75652 h 565745"/>
                <a:gd name="connsiteX12" fmla="*/ 467068 w 1789406"/>
                <a:gd name="connsiteY12" fmla="*/ 78941 h 565745"/>
                <a:gd name="connsiteX13" fmla="*/ 486803 w 1789406"/>
                <a:gd name="connsiteY13" fmla="*/ 85520 h 565745"/>
                <a:gd name="connsiteX14" fmla="*/ 565744 w 1789406"/>
                <a:gd name="connsiteY14" fmla="*/ 82230 h 565745"/>
                <a:gd name="connsiteX15" fmla="*/ 585479 w 1789406"/>
                <a:gd name="connsiteY15" fmla="*/ 75652 h 565745"/>
                <a:gd name="connsiteX16" fmla="*/ 617323 w 1789406"/>
                <a:gd name="connsiteY16" fmla="*/ 58737 h 565745"/>
                <a:gd name="connsiteX17" fmla="*/ 657842 w 1789406"/>
                <a:gd name="connsiteY17" fmla="*/ 69074 h 565745"/>
                <a:gd name="connsiteX18" fmla="*/ 703891 w 1789406"/>
                <a:gd name="connsiteY18" fmla="*/ 72363 h 565745"/>
                <a:gd name="connsiteX19" fmla="*/ 786121 w 1789406"/>
                <a:gd name="connsiteY19" fmla="*/ 78941 h 565745"/>
                <a:gd name="connsiteX20" fmla="*/ 795988 w 1789406"/>
                <a:gd name="connsiteY20" fmla="*/ 75652 h 565745"/>
                <a:gd name="connsiteX21" fmla="*/ 815724 w 1789406"/>
                <a:gd name="connsiteY21" fmla="*/ 72363 h 565745"/>
                <a:gd name="connsiteX22" fmla="*/ 871640 w 1789406"/>
                <a:gd name="connsiteY22" fmla="*/ 62495 h 565745"/>
                <a:gd name="connsiteX23" fmla="*/ 884797 w 1789406"/>
                <a:gd name="connsiteY23" fmla="*/ 59206 h 565745"/>
                <a:gd name="connsiteX24" fmla="*/ 970317 w 1789406"/>
                <a:gd name="connsiteY24" fmla="*/ 65784 h 565745"/>
                <a:gd name="connsiteX25" fmla="*/ 993341 w 1789406"/>
                <a:gd name="connsiteY25" fmla="*/ 72363 h 565745"/>
                <a:gd name="connsiteX26" fmla="*/ 1026233 w 1789406"/>
                <a:gd name="connsiteY26" fmla="*/ 78941 h 565745"/>
                <a:gd name="connsiteX27" fmla="*/ 1036101 w 1789406"/>
                <a:gd name="connsiteY27" fmla="*/ 82230 h 565745"/>
                <a:gd name="connsiteX28" fmla="*/ 1059125 w 1789406"/>
                <a:gd name="connsiteY28" fmla="*/ 88809 h 565745"/>
                <a:gd name="connsiteX29" fmla="*/ 1197272 w 1789406"/>
                <a:gd name="connsiteY29" fmla="*/ 101966 h 565745"/>
                <a:gd name="connsiteX30" fmla="*/ 1207140 w 1789406"/>
                <a:gd name="connsiteY30" fmla="*/ 98676 h 565745"/>
                <a:gd name="connsiteX31" fmla="*/ 1256478 w 1789406"/>
                <a:gd name="connsiteY31" fmla="*/ 101966 h 565745"/>
                <a:gd name="connsiteX32" fmla="*/ 1269634 w 1789406"/>
                <a:gd name="connsiteY32" fmla="*/ 105255 h 565745"/>
                <a:gd name="connsiteX33" fmla="*/ 1286081 w 1789406"/>
                <a:gd name="connsiteY33" fmla="*/ 108544 h 565745"/>
                <a:gd name="connsiteX34" fmla="*/ 1312394 w 1789406"/>
                <a:gd name="connsiteY34" fmla="*/ 115123 h 565745"/>
                <a:gd name="connsiteX35" fmla="*/ 1417649 w 1789406"/>
                <a:gd name="connsiteY35" fmla="*/ 124990 h 565745"/>
                <a:gd name="connsiteX36" fmla="*/ 1427517 w 1789406"/>
                <a:gd name="connsiteY36" fmla="*/ 131569 h 565745"/>
                <a:gd name="connsiteX37" fmla="*/ 1437384 w 1789406"/>
                <a:gd name="connsiteY37" fmla="*/ 134858 h 565745"/>
                <a:gd name="connsiteX38" fmla="*/ 1443963 w 1789406"/>
                <a:gd name="connsiteY38" fmla="*/ 144725 h 565745"/>
                <a:gd name="connsiteX39" fmla="*/ 1453830 w 1789406"/>
                <a:gd name="connsiteY39" fmla="*/ 148015 h 565745"/>
                <a:gd name="connsiteX40" fmla="*/ 1503168 w 1789406"/>
                <a:gd name="connsiteY40" fmla="*/ 164461 h 565745"/>
                <a:gd name="connsiteX41" fmla="*/ 1516325 w 1789406"/>
                <a:gd name="connsiteY41" fmla="*/ 167750 h 565745"/>
                <a:gd name="connsiteX42" fmla="*/ 1539350 w 1789406"/>
                <a:gd name="connsiteY42" fmla="*/ 180907 h 565745"/>
                <a:gd name="connsiteX43" fmla="*/ 1582109 w 1789406"/>
                <a:gd name="connsiteY43" fmla="*/ 207220 h 565745"/>
                <a:gd name="connsiteX44" fmla="*/ 1591977 w 1789406"/>
                <a:gd name="connsiteY44" fmla="*/ 226956 h 565745"/>
                <a:gd name="connsiteX45" fmla="*/ 1628158 w 1789406"/>
                <a:gd name="connsiteY45" fmla="*/ 282872 h 565745"/>
                <a:gd name="connsiteX46" fmla="*/ 1644604 w 1789406"/>
                <a:gd name="connsiteY46" fmla="*/ 292740 h 565745"/>
                <a:gd name="connsiteX47" fmla="*/ 1680786 w 1789406"/>
                <a:gd name="connsiteY47" fmla="*/ 328921 h 565745"/>
                <a:gd name="connsiteX48" fmla="*/ 1713678 w 1789406"/>
                <a:gd name="connsiteY48" fmla="*/ 355235 h 565745"/>
                <a:gd name="connsiteX49" fmla="*/ 1743281 w 1789406"/>
                <a:gd name="connsiteY49" fmla="*/ 401284 h 565745"/>
                <a:gd name="connsiteX50" fmla="*/ 1789329 w 1789406"/>
                <a:gd name="connsiteY50" fmla="*/ 473646 h 565745"/>
                <a:gd name="connsiteX51" fmla="*/ 1759726 w 1789406"/>
                <a:gd name="connsiteY51"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18411 w 1789406"/>
                <a:gd name="connsiteY4" fmla="*/ 92098 h 565745"/>
                <a:gd name="connsiteX5" fmla="*/ 148014 w 1789406"/>
                <a:gd name="connsiteY5" fmla="*/ 108544 h 565745"/>
                <a:gd name="connsiteX6" fmla="*/ 220377 w 1789406"/>
                <a:gd name="connsiteY6" fmla="*/ 121701 h 565745"/>
                <a:gd name="connsiteX7" fmla="*/ 312475 w 1789406"/>
                <a:gd name="connsiteY7" fmla="*/ 108544 h 565745"/>
                <a:gd name="connsiteX8" fmla="*/ 322342 w 1789406"/>
                <a:gd name="connsiteY8" fmla="*/ 105255 h 565745"/>
                <a:gd name="connsiteX9" fmla="*/ 368391 w 1789406"/>
                <a:gd name="connsiteY9" fmla="*/ 92098 h 565745"/>
                <a:gd name="connsiteX10" fmla="*/ 427597 w 1789406"/>
                <a:gd name="connsiteY10" fmla="*/ 75652 h 565745"/>
                <a:gd name="connsiteX11" fmla="*/ 467068 w 1789406"/>
                <a:gd name="connsiteY11" fmla="*/ 78941 h 565745"/>
                <a:gd name="connsiteX12" fmla="*/ 486803 w 1789406"/>
                <a:gd name="connsiteY12" fmla="*/ 85520 h 565745"/>
                <a:gd name="connsiteX13" fmla="*/ 565744 w 1789406"/>
                <a:gd name="connsiteY13" fmla="*/ 82230 h 565745"/>
                <a:gd name="connsiteX14" fmla="*/ 585479 w 1789406"/>
                <a:gd name="connsiteY14" fmla="*/ 75652 h 565745"/>
                <a:gd name="connsiteX15" fmla="*/ 617323 w 1789406"/>
                <a:gd name="connsiteY15" fmla="*/ 58737 h 565745"/>
                <a:gd name="connsiteX16" fmla="*/ 657842 w 1789406"/>
                <a:gd name="connsiteY16" fmla="*/ 69074 h 565745"/>
                <a:gd name="connsiteX17" fmla="*/ 703891 w 1789406"/>
                <a:gd name="connsiteY17" fmla="*/ 72363 h 565745"/>
                <a:gd name="connsiteX18" fmla="*/ 786121 w 1789406"/>
                <a:gd name="connsiteY18" fmla="*/ 78941 h 565745"/>
                <a:gd name="connsiteX19" fmla="*/ 795988 w 1789406"/>
                <a:gd name="connsiteY19" fmla="*/ 75652 h 565745"/>
                <a:gd name="connsiteX20" fmla="*/ 815724 w 1789406"/>
                <a:gd name="connsiteY20" fmla="*/ 72363 h 565745"/>
                <a:gd name="connsiteX21" fmla="*/ 871640 w 1789406"/>
                <a:gd name="connsiteY21" fmla="*/ 62495 h 565745"/>
                <a:gd name="connsiteX22" fmla="*/ 884797 w 1789406"/>
                <a:gd name="connsiteY22" fmla="*/ 59206 h 565745"/>
                <a:gd name="connsiteX23" fmla="*/ 970317 w 1789406"/>
                <a:gd name="connsiteY23" fmla="*/ 65784 h 565745"/>
                <a:gd name="connsiteX24" fmla="*/ 993341 w 1789406"/>
                <a:gd name="connsiteY24" fmla="*/ 72363 h 565745"/>
                <a:gd name="connsiteX25" fmla="*/ 1026233 w 1789406"/>
                <a:gd name="connsiteY25" fmla="*/ 78941 h 565745"/>
                <a:gd name="connsiteX26" fmla="*/ 1036101 w 1789406"/>
                <a:gd name="connsiteY26" fmla="*/ 82230 h 565745"/>
                <a:gd name="connsiteX27" fmla="*/ 1059125 w 1789406"/>
                <a:gd name="connsiteY27" fmla="*/ 88809 h 565745"/>
                <a:gd name="connsiteX28" fmla="*/ 1197272 w 1789406"/>
                <a:gd name="connsiteY28" fmla="*/ 101966 h 565745"/>
                <a:gd name="connsiteX29" fmla="*/ 1207140 w 1789406"/>
                <a:gd name="connsiteY29" fmla="*/ 98676 h 565745"/>
                <a:gd name="connsiteX30" fmla="*/ 1256478 w 1789406"/>
                <a:gd name="connsiteY30" fmla="*/ 101966 h 565745"/>
                <a:gd name="connsiteX31" fmla="*/ 1269634 w 1789406"/>
                <a:gd name="connsiteY31" fmla="*/ 105255 h 565745"/>
                <a:gd name="connsiteX32" fmla="*/ 1286081 w 1789406"/>
                <a:gd name="connsiteY32" fmla="*/ 108544 h 565745"/>
                <a:gd name="connsiteX33" fmla="*/ 1312394 w 1789406"/>
                <a:gd name="connsiteY33" fmla="*/ 115123 h 565745"/>
                <a:gd name="connsiteX34" fmla="*/ 1417649 w 1789406"/>
                <a:gd name="connsiteY34" fmla="*/ 124990 h 565745"/>
                <a:gd name="connsiteX35" fmla="*/ 1427517 w 1789406"/>
                <a:gd name="connsiteY35" fmla="*/ 131569 h 565745"/>
                <a:gd name="connsiteX36" fmla="*/ 1437384 w 1789406"/>
                <a:gd name="connsiteY36" fmla="*/ 134858 h 565745"/>
                <a:gd name="connsiteX37" fmla="*/ 1443963 w 1789406"/>
                <a:gd name="connsiteY37" fmla="*/ 144725 h 565745"/>
                <a:gd name="connsiteX38" fmla="*/ 1453830 w 1789406"/>
                <a:gd name="connsiteY38" fmla="*/ 148015 h 565745"/>
                <a:gd name="connsiteX39" fmla="*/ 1503168 w 1789406"/>
                <a:gd name="connsiteY39" fmla="*/ 164461 h 565745"/>
                <a:gd name="connsiteX40" fmla="*/ 1516325 w 1789406"/>
                <a:gd name="connsiteY40" fmla="*/ 167750 h 565745"/>
                <a:gd name="connsiteX41" fmla="*/ 1539350 w 1789406"/>
                <a:gd name="connsiteY41" fmla="*/ 180907 h 565745"/>
                <a:gd name="connsiteX42" fmla="*/ 1582109 w 1789406"/>
                <a:gd name="connsiteY42" fmla="*/ 207220 h 565745"/>
                <a:gd name="connsiteX43" fmla="*/ 1591977 w 1789406"/>
                <a:gd name="connsiteY43" fmla="*/ 226956 h 565745"/>
                <a:gd name="connsiteX44" fmla="*/ 1628158 w 1789406"/>
                <a:gd name="connsiteY44" fmla="*/ 282872 h 565745"/>
                <a:gd name="connsiteX45" fmla="*/ 1644604 w 1789406"/>
                <a:gd name="connsiteY45" fmla="*/ 292740 h 565745"/>
                <a:gd name="connsiteX46" fmla="*/ 1680786 w 1789406"/>
                <a:gd name="connsiteY46" fmla="*/ 328921 h 565745"/>
                <a:gd name="connsiteX47" fmla="*/ 1713678 w 1789406"/>
                <a:gd name="connsiteY47" fmla="*/ 355235 h 565745"/>
                <a:gd name="connsiteX48" fmla="*/ 1743281 w 1789406"/>
                <a:gd name="connsiteY48" fmla="*/ 401284 h 565745"/>
                <a:gd name="connsiteX49" fmla="*/ 1789329 w 1789406"/>
                <a:gd name="connsiteY49" fmla="*/ 473646 h 565745"/>
                <a:gd name="connsiteX50" fmla="*/ 1759726 w 1789406"/>
                <a:gd name="connsiteY50" fmla="*/ 565745 h 565745"/>
                <a:gd name="connsiteX0" fmla="*/ 0 w 1789406"/>
                <a:gd name="connsiteY0" fmla="*/ 0 h 565745"/>
                <a:gd name="connsiteX1" fmla="*/ 69073 w 1789406"/>
                <a:gd name="connsiteY1" fmla="*/ 72363 h 565745"/>
                <a:gd name="connsiteX2" fmla="*/ 88809 w 1789406"/>
                <a:gd name="connsiteY2" fmla="*/ 78941 h 565745"/>
                <a:gd name="connsiteX3" fmla="*/ 108544 w 1789406"/>
                <a:gd name="connsiteY3" fmla="*/ 85520 h 565745"/>
                <a:gd name="connsiteX4" fmla="*/ 148014 w 1789406"/>
                <a:gd name="connsiteY4" fmla="*/ 108544 h 565745"/>
                <a:gd name="connsiteX5" fmla="*/ 220377 w 1789406"/>
                <a:gd name="connsiteY5" fmla="*/ 121701 h 565745"/>
                <a:gd name="connsiteX6" fmla="*/ 312475 w 1789406"/>
                <a:gd name="connsiteY6" fmla="*/ 108544 h 565745"/>
                <a:gd name="connsiteX7" fmla="*/ 322342 w 1789406"/>
                <a:gd name="connsiteY7" fmla="*/ 105255 h 565745"/>
                <a:gd name="connsiteX8" fmla="*/ 368391 w 1789406"/>
                <a:gd name="connsiteY8" fmla="*/ 92098 h 565745"/>
                <a:gd name="connsiteX9" fmla="*/ 427597 w 1789406"/>
                <a:gd name="connsiteY9" fmla="*/ 75652 h 565745"/>
                <a:gd name="connsiteX10" fmla="*/ 467068 w 1789406"/>
                <a:gd name="connsiteY10" fmla="*/ 78941 h 565745"/>
                <a:gd name="connsiteX11" fmla="*/ 486803 w 1789406"/>
                <a:gd name="connsiteY11" fmla="*/ 85520 h 565745"/>
                <a:gd name="connsiteX12" fmla="*/ 565744 w 1789406"/>
                <a:gd name="connsiteY12" fmla="*/ 82230 h 565745"/>
                <a:gd name="connsiteX13" fmla="*/ 585479 w 1789406"/>
                <a:gd name="connsiteY13" fmla="*/ 75652 h 565745"/>
                <a:gd name="connsiteX14" fmla="*/ 617323 w 1789406"/>
                <a:gd name="connsiteY14" fmla="*/ 58737 h 565745"/>
                <a:gd name="connsiteX15" fmla="*/ 657842 w 1789406"/>
                <a:gd name="connsiteY15" fmla="*/ 69074 h 565745"/>
                <a:gd name="connsiteX16" fmla="*/ 703891 w 1789406"/>
                <a:gd name="connsiteY16" fmla="*/ 72363 h 565745"/>
                <a:gd name="connsiteX17" fmla="*/ 786121 w 1789406"/>
                <a:gd name="connsiteY17" fmla="*/ 78941 h 565745"/>
                <a:gd name="connsiteX18" fmla="*/ 795988 w 1789406"/>
                <a:gd name="connsiteY18" fmla="*/ 75652 h 565745"/>
                <a:gd name="connsiteX19" fmla="*/ 815724 w 1789406"/>
                <a:gd name="connsiteY19" fmla="*/ 72363 h 565745"/>
                <a:gd name="connsiteX20" fmla="*/ 871640 w 1789406"/>
                <a:gd name="connsiteY20" fmla="*/ 62495 h 565745"/>
                <a:gd name="connsiteX21" fmla="*/ 884797 w 1789406"/>
                <a:gd name="connsiteY21" fmla="*/ 59206 h 565745"/>
                <a:gd name="connsiteX22" fmla="*/ 970317 w 1789406"/>
                <a:gd name="connsiteY22" fmla="*/ 65784 h 565745"/>
                <a:gd name="connsiteX23" fmla="*/ 993341 w 1789406"/>
                <a:gd name="connsiteY23" fmla="*/ 72363 h 565745"/>
                <a:gd name="connsiteX24" fmla="*/ 1026233 w 1789406"/>
                <a:gd name="connsiteY24" fmla="*/ 78941 h 565745"/>
                <a:gd name="connsiteX25" fmla="*/ 1036101 w 1789406"/>
                <a:gd name="connsiteY25" fmla="*/ 82230 h 565745"/>
                <a:gd name="connsiteX26" fmla="*/ 1059125 w 1789406"/>
                <a:gd name="connsiteY26" fmla="*/ 88809 h 565745"/>
                <a:gd name="connsiteX27" fmla="*/ 1197272 w 1789406"/>
                <a:gd name="connsiteY27" fmla="*/ 101966 h 565745"/>
                <a:gd name="connsiteX28" fmla="*/ 1207140 w 1789406"/>
                <a:gd name="connsiteY28" fmla="*/ 98676 h 565745"/>
                <a:gd name="connsiteX29" fmla="*/ 1256478 w 1789406"/>
                <a:gd name="connsiteY29" fmla="*/ 101966 h 565745"/>
                <a:gd name="connsiteX30" fmla="*/ 1269634 w 1789406"/>
                <a:gd name="connsiteY30" fmla="*/ 105255 h 565745"/>
                <a:gd name="connsiteX31" fmla="*/ 1286081 w 1789406"/>
                <a:gd name="connsiteY31" fmla="*/ 108544 h 565745"/>
                <a:gd name="connsiteX32" fmla="*/ 1312394 w 1789406"/>
                <a:gd name="connsiteY32" fmla="*/ 115123 h 565745"/>
                <a:gd name="connsiteX33" fmla="*/ 1417649 w 1789406"/>
                <a:gd name="connsiteY33" fmla="*/ 124990 h 565745"/>
                <a:gd name="connsiteX34" fmla="*/ 1427517 w 1789406"/>
                <a:gd name="connsiteY34" fmla="*/ 131569 h 565745"/>
                <a:gd name="connsiteX35" fmla="*/ 1437384 w 1789406"/>
                <a:gd name="connsiteY35" fmla="*/ 134858 h 565745"/>
                <a:gd name="connsiteX36" fmla="*/ 1443963 w 1789406"/>
                <a:gd name="connsiteY36" fmla="*/ 144725 h 565745"/>
                <a:gd name="connsiteX37" fmla="*/ 1453830 w 1789406"/>
                <a:gd name="connsiteY37" fmla="*/ 148015 h 565745"/>
                <a:gd name="connsiteX38" fmla="*/ 1503168 w 1789406"/>
                <a:gd name="connsiteY38" fmla="*/ 164461 h 565745"/>
                <a:gd name="connsiteX39" fmla="*/ 1516325 w 1789406"/>
                <a:gd name="connsiteY39" fmla="*/ 167750 h 565745"/>
                <a:gd name="connsiteX40" fmla="*/ 1539350 w 1789406"/>
                <a:gd name="connsiteY40" fmla="*/ 180907 h 565745"/>
                <a:gd name="connsiteX41" fmla="*/ 1582109 w 1789406"/>
                <a:gd name="connsiteY41" fmla="*/ 207220 h 565745"/>
                <a:gd name="connsiteX42" fmla="*/ 1591977 w 1789406"/>
                <a:gd name="connsiteY42" fmla="*/ 226956 h 565745"/>
                <a:gd name="connsiteX43" fmla="*/ 1628158 w 1789406"/>
                <a:gd name="connsiteY43" fmla="*/ 282872 h 565745"/>
                <a:gd name="connsiteX44" fmla="*/ 1644604 w 1789406"/>
                <a:gd name="connsiteY44" fmla="*/ 292740 h 565745"/>
                <a:gd name="connsiteX45" fmla="*/ 1680786 w 1789406"/>
                <a:gd name="connsiteY45" fmla="*/ 328921 h 565745"/>
                <a:gd name="connsiteX46" fmla="*/ 1713678 w 1789406"/>
                <a:gd name="connsiteY46" fmla="*/ 355235 h 565745"/>
                <a:gd name="connsiteX47" fmla="*/ 1743281 w 1789406"/>
                <a:gd name="connsiteY47" fmla="*/ 401284 h 565745"/>
                <a:gd name="connsiteX48" fmla="*/ 1789329 w 1789406"/>
                <a:gd name="connsiteY48" fmla="*/ 473646 h 565745"/>
                <a:gd name="connsiteX49" fmla="*/ 1759726 w 1789406"/>
                <a:gd name="connsiteY49" fmla="*/ 565745 h 565745"/>
                <a:gd name="connsiteX0" fmla="*/ 0 w 1789406"/>
                <a:gd name="connsiteY0" fmla="*/ 0 h 565745"/>
                <a:gd name="connsiteX1" fmla="*/ 69073 w 1789406"/>
                <a:gd name="connsiteY1" fmla="*/ 72363 h 565745"/>
                <a:gd name="connsiteX2" fmla="*/ 88809 w 1789406"/>
                <a:gd name="connsiteY2" fmla="*/ 78941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48014 w 1789406"/>
                <a:gd name="connsiteY2" fmla="*/ 10854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148014 w 1789406"/>
                <a:gd name="connsiteY3" fmla="*/ 108544 h 565745"/>
                <a:gd name="connsiteX4" fmla="*/ 220377 w 1789406"/>
                <a:gd name="connsiteY4" fmla="*/ 121701 h 565745"/>
                <a:gd name="connsiteX5" fmla="*/ 312475 w 1789406"/>
                <a:gd name="connsiteY5" fmla="*/ 108544 h 565745"/>
                <a:gd name="connsiteX6" fmla="*/ 322342 w 1789406"/>
                <a:gd name="connsiteY6" fmla="*/ 105255 h 565745"/>
                <a:gd name="connsiteX7" fmla="*/ 368391 w 1789406"/>
                <a:gd name="connsiteY7" fmla="*/ 92098 h 565745"/>
                <a:gd name="connsiteX8" fmla="*/ 427597 w 1789406"/>
                <a:gd name="connsiteY8" fmla="*/ 75652 h 565745"/>
                <a:gd name="connsiteX9" fmla="*/ 467068 w 1789406"/>
                <a:gd name="connsiteY9" fmla="*/ 78941 h 565745"/>
                <a:gd name="connsiteX10" fmla="*/ 486803 w 1789406"/>
                <a:gd name="connsiteY10" fmla="*/ 85520 h 565745"/>
                <a:gd name="connsiteX11" fmla="*/ 565744 w 1789406"/>
                <a:gd name="connsiteY11" fmla="*/ 82230 h 565745"/>
                <a:gd name="connsiteX12" fmla="*/ 585479 w 1789406"/>
                <a:gd name="connsiteY12" fmla="*/ 75652 h 565745"/>
                <a:gd name="connsiteX13" fmla="*/ 617323 w 1789406"/>
                <a:gd name="connsiteY13" fmla="*/ 58737 h 565745"/>
                <a:gd name="connsiteX14" fmla="*/ 657842 w 1789406"/>
                <a:gd name="connsiteY14" fmla="*/ 69074 h 565745"/>
                <a:gd name="connsiteX15" fmla="*/ 703891 w 1789406"/>
                <a:gd name="connsiteY15" fmla="*/ 72363 h 565745"/>
                <a:gd name="connsiteX16" fmla="*/ 786121 w 1789406"/>
                <a:gd name="connsiteY16" fmla="*/ 78941 h 565745"/>
                <a:gd name="connsiteX17" fmla="*/ 795988 w 1789406"/>
                <a:gd name="connsiteY17" fmla="*/ 75652 h 565745"/>
                <a:gd name="connsiteX18" fmla="*/ 815724 w 1789406"/>
                <a:gd name="connsiteY18" fmla="*/ 72363 h 565745"/>
                <a:gd name="connsiteX19" fmla="*/ 871640 w 1789406"/>
                <a:gd name="connsiteY19" fmla="*/ 62495 h 565745"/>
                <a:gd name="connsiteX20" fmla="*/ 884797 w 1789406"/>
                <a:gd name="connsiteY20" fmla="*/ 59206 h 565745"/>
                <a:gd name="connsiteX21" fmla="*/ 970317 w 1789406"/>
                <a:gd name="connsiteY21" fmla="*/ 65784 h 565745"/>
                <a:gd name="connsiteX22" fmla="*/ 993341 w 1789406"/>
                <a:gd name="connsiteY22" fmla="*/ 72363 h 565745"/>
                <a:gd name="connsiteX23" fmla="*/ 1026233 w 1789406"/>
                <a:gd name="connsiteY23" fmla="*/ 78941 h 565745"/>
                <a:gd name="connsiteX24" fmla="*/ 1036101 w 1789406"/>
                <a:gd name="connsiteY24" fmla="*/ 82230 h 565745"/>
                <a:gd name="connsiteX25" fmla="*/ 1059125 w 1789406"/>
                <a:gd name="connsiteY25" fmla="*/ 88809 h 565745"/>
                <a:gd name="connsiteX26" fmla="*/ 1197272 w 1789406"/>
                <a:gd name="connsiteY26" fmla="*/ 101966 h 565745"/>
                <a:gd name="connsiteX27" fmla="*/ 1207140 w 1789406"/>
                <a:gd name="connsiteY27" fmla="*/ 98676 h 565745"/>
                <a:gd name="connsiteX28" fmla="*/ 1256478 w 1789406"/>
                <a:gd name="connsiteY28" fmla="*/ 101966 h 565745"/>
                <a:gd name="connsiteX29" fmla="*/ 1269634 w 1789406"/>
                <a:gd name="connsiteY29" fmla="*/ 105255 h 565745"/>
                <a:gd name="connsiteX30" fmla="*/ 1286081 w 1789406"/>
                <a:gd name="connsiteY30" fmla="*/ 108544 h 565745"/>
                <a:gd name="connsiteX31" fmla="*/ 1312394 w 1789406"/>
                <a:gd name="connsiteY31" fmla="*/ 115123 h 565745"/>
                <a:gd name="connsiteX32" fmla="*/ 1417649 w 1789406"/>
                <a:gd name="connsiteY32" fmla="*/ 124990 h 565745"/>
                <a:gd name="connsiteX33" fmla="*/ 1427517 w 1789406"/>
                <a:gd name="connsiteY33" fmla="*/ 131569 h 565745"/>
                <a:gd name="connsiteX34" fmla="*/ 1437384 w 1789406"/>
                <a:gd name="connsiteY34" fmla="*/ 134858 h 565745"/>
                <a:gd name="connsiteX35" fmla="*/ 1443963 w 1789406"/>
                <a:gd name="connsiteY35" fmla="*/ 144725 h 565745"/>
                <a:gd name="connsiteX36" fmla="*/ 1453830 w 1789406"/>
                <a:gd name="connsiteY36" fmla="*/ 148015 h 565745"/>
                <a:gd name="connsiteX37" fmla="*/ 1503168 w 1789406"/>
                <a:gd name="connsiteY37" fmla="*/ 164461 h 565745"/>
                <a:gd name="connsiteX38" fmla="*/ 1516325 w 1789406"/>
                <a:gd name="connsiteY38" fmla="*/ 167750 h 565745"/>
                <a:gd name="connsiteX39" fmla="*/ 1539350 w 1789406"/>
                <a:gd name="connsiteY39" fmla="*/ 180907 h 565745"/>
                <a:gd name="connsiteX40" fmla="*/ 1582109 w 1789406"/>
                <a:gd name="connsiteY40" fmla="*/ 207220 h 565745"/>
                <a:gd name="connsiteX41" fmla="*/ 1591977 w 1789406"/>
                <a:gd name="connsiteY41" fmla="*/ 226956 h 565745"/>
                <a:gd name="connsiteX42" fmla="*/ 1628158 w 1789406"/>
                <a:gd name="connsiteY42" fmla="*/ 282872 h 565745"/>
                <a:gd name="connsiteX43" fmla="*/ 1644604 w 1789406"/>
                <a:gd name="connsiteY43" fmla="*/ 292740 h 565745"/>
                <a:gd name="connsiteX44" fmla="*/ 1680786 w 1789406"/>
                <a:gd name="connsiteY44" fmla="*/ 328921 h 565745"/>
                <a:gd name="connsiteX45" fmla="*/ 1713678 w 1789406"/>
                <a:gd name="connsiteY45" fmla="*/ 355235 h 565745"/>
                <a:gd name="connsiteX46" fmla="*/ 1743281 w 1789406"/>
                <a:gd name="connsiteY46" fmla="*/ 401284 h 565745"/>
                <a:gd name="connsiteX47" fmla="*/ 1789329 w 1789406"/>
                <a:gd name="connsiteY47" fmla="*/ 473646 h 565745"/>
                <a:gd name="connsiteX48" fmla="*/ 1759726 w 1789406"/>
                <a:gd name="connsiteY48" fmla="*/ 565745 h 565745"/>
                <a:gd name="connsiteX0" fmla="*/ 0 w 1789406"/>
                <a:gd name="connsiteY0" fmla="*/ 0 h 565745"/>
                <a:gd name="connsiteX1" fmla="*/ 69073 w 1789406"/>
                <a:gd name="connsiteY1" fmla="*/ 72363 h 565745"/>
                <a:gd name="connsiteX2" fmla="*/ 104857 w 1789406"/>
                <a:gd name="connsiteY2" fmla="*/ 78834 h 565745"/>
                <a:gd name="connsiteX3" fmla="*/ 220377 w 1789406"/>
                <a:gd name="connsiteY3" fmla="*/ 121701 h 565745"/>
                <a:gd name="connsiteX4" fmla="*/ 312475 w 1789406"/>
                <a:gd name="connsiteY4" fmla="*/ 108544 h 565745"/>
                <a:gd name="connsiteX5" fmla="*/ 322342 w 1789406"/>
                <a:gd name="connsiteY5" fmla="*/ 105255 h 565745"/>
                <a:gd name="connsiteX6" fmla="*/ 368391 w 1789406"/>
                <a:gd name="connsiteY6" fmla="*/ 92098 h 565745"/>
                <a:gd name="connsiteX7" fmla="*/ 427597 w 1789406"/>
                <a:gd name="connsiteY7" fmla="*/ 75652 h 565745"/>
                <a:gd name="connsiteX8" fmla="*/ 467068 w 1789406"/>
                <a:gd name="connsiteY8" fmla="*/ 78941 h 565745"/>
                <a:gd name="connsiteX9" fmla="*/ 486803 w 1789406"/>
                <a:gd name="connsiteY9" fmla="*/ 85520 h 565745"/>
                <a:gd name="connsiteX10" fmla="*/ 565744 w 1789406"/>
                <a:gd name="connsiteY10" fmla="*/ 82230 h 565745"/>
                <a:gd name="connsiteX11" fmla="*/ 585479 w 1789406"/>
                <a:gd name="connsiteY11" fmla="*/ 75652 h 565745"/>
                <a:gd name="connsiteX12" fmla="*/ 617323 w 1789406"/>
                <a:gd name="connsiteY12" fmla="*/ 58737 h 565745"/>
                <a:gd name="connsiteX13" fmla="*/ 657842 w 1789406"/>
                <a:gd name="connsiteY13" fmla="*/ 69074 h 565745"/>
                <a:gd name="connsiteX14" fmla="*/ 703891 w 1789406"/>
                <a:gd name="connsiteY14" fmla="*/ 72363 h 565745"/>
                <a:gd name="connsiteX15" fmla="*/ 786121 w 1789406"/>
                <a:gd name="connsiteY15" fmla="*/ 78941 h 565745"/>
                <a:gd name="connsiteX16" fmla="*/ 795988 w 1789406"/>
                <a:gd name="connsiteY16" fmla="*/ 75652 h 565745"/>
                <a:gd name="connsiteX17" fmla="*/ 815724 w 1789406"/>
                <a:gd name="connsiteY17" fmla="*/ 72363 h 565745"/>
                <a:gd name="connsiteX18" fmla="*/ 871640 w 1789406"/>
                <a:gd name="connsiteY18" fmla="*/ 62495 h 565745"/>
                <a:gd name="connsiteX19" fmla="*/ 884797 w 1789406"/>
                <a:gd name="connsiteY19" fmla="*/ 59206 h 565745"/>
                <a:gd name="connsiteX20" fmla="*/ 970317 w 1789406"/>
                <a:gd name="connsiteY20" fmla="*/ 65784 h 565745"/>
                <a:gd name="connsiteX21" fmla="*/ 993341 w 1789406"/>
                <a:gd name="connsiteY21" fmla="*/ 72363 h 565745"/>
                <a:gd name="connsiteX22" fmla="*/ 1026233 w 1789406"/>
                <a:gd name="connsiteY22" fmla="*/ 78941 h 565745"/>
                <a:gd name="connsiteX23" fmla="*/ 1036101 w 1789406"/>
                <a:gd name="connsiteY23" fmla="*/ 82230 h 565745"/>
                <a:gd name="connsiteX24" fmla="*/ 1059125 w 1789406"/>
                <a:gd name="connsiteY24" fmla="*/ 88809 h 565745"/>
                <a:gd name="connsiteX25" fmla="*/ 1197272 w 1789406"/>
                <a:gd name="connsiteY25" fmla="*/ 101966 h 565745"/>
                <a:gd name="connsiteX26" fmla="*/ 1207140 w 1789406"/>
                <a:gd name="connsiteY26" fmla="*/ 98676 h 565745"/>
                <a:gd name="connsiteX27" fmla="*/ 1256478 w 1789406"/>
                <a:gd name="connsiteY27" fmla="*/ 101966 h 565745"/>
                <a:gd name="connsiteX28" fmla="*/ 1269634 w 1789406"/>
                <a:gd name="connsiteY28" fmla="*/ 105255 h 565745"/>
                <a:gd name="connsiteX29" fmla="*/ 1286081 w 1789406"/>
                <a:gd name="connsiteY29" fmla="*/ 108544 h 565745"/>
                <a:gd name="connsiteX30" fmla="*/ 1312394 w 1789406"/>
                <a:gd name="connsiteY30" fmla="*/ 115123 h 565745"/>
                <a:gd name="connsiteX31" fmla="*/ 1417649 w 1789406"/>
                <a:gd name="connsiteY31" fmla="*/ 124990 h 565745"/>
                <a:gd name="connsiteX32" fmla="*/ 1427517 w 1789406"/>
                <a:gd name="connsiteY32" fmla="*/ 131569 h 565745"/>
                <a:gd name="connsiteX33" fmla="*/ 1437384 w 1789406"/>
                <a:gd name="connsiteY33" fmla="*/ 134858 h 565745"/>
                <a:gd name="connsiteX34" fmla="*/ 1443963 w 1789406"/>
                <a:gd name="connsiteY34" fmla="*/ 144725 h 565745"/>
                <a:gd name="connsiteX35" fmla="*/ 1453830 w 1789406"/>
                <a:gd name="connsiteY35" fmla="*/ 148015 h 565745"/>
                <a:gd name="connsiteX36" fmla="*/ 1503168 w 1789406"/>
                <a:gd name="connsiteY36" fmla="*/ 164461 h 565745"/>
                <a:gd name="connsiteX37" fmla="*/ 1516325 w 1789406"/>
                <a:gd name="connsiteY37" fmla="*/ 167750 h 565745"/>
                <a:gd name="connsiteX38" fmla="*/ 1539350 w 1789406"/>
                <a:gd name="connsiteY38" fmla="*/ 180907 h 565745"/>
                <a:gd name="connsiteX39" fmla="*/ 1582109 w 1789406"/>
                <a:gd name="connsiteY39" fmla="*/ 207220 h 565745"/>
                <a:gd name="connsiteX40" fmla="*/ 1591977 w 1789406"/>
                <a:gd name="connsiteY40" fmla="*/ 226956 h 565745"/>
                <a:gd name="connsiteX41" fmla="*/ 1628158 w 1789406"/>
                <a:gd name="connsiteY41" fmla="*/ 282872 h 565745"/>
                <a:gd name="connsiteX42" fmla="*/ 1644604 w 1789406"/>
                <a:gd name="connsiteY42" fmla="*/ 292740 h 565745"/>
                <a:gd name="connsiteX43" fmla="*/ 1680786 w 1789406"/>
                <a:gd name="connsiteY43" fmla="*/ 328921 h 565745"/>
                <a:gd name="connsiteX44" fmla="*/ 1713678 w 1789406"/>
                <a:gd name="connsiteY44" fmla="*/ 355235 h 565745"/>
                <a:gd name="connsiteX45" fmla="*/ 1743281 w 1789406"/>
                <a:gd name="connsiteY45" fmla="*/ 401284 h 565745"/>
                <a:gd name="connsiteX46" fmla="*/ 1789329 w 1789406"/>
                <a:gd name="connsiteY46" fmla="*/ 473646 h 565745"/>
                <a:gd name="connsiteX47" fmla="*/ 1759726 w 1789406"/>
                <a:gd name="connsiteY47"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22342 w 1789406"/>
                <a:gd name="connsiteY4" fmla="*/ 105255 h 565745"/>
                <a:gd name="connsiteX5" fmla="*/ 368391 w 1789406"/>
                <a:gd name="connsiteY5" fmla="*/ 92098 h 565745"/>
                <a:gd name="connsiteX6" fmla="*/ 427597 w 1789406"/>
                <a:gd name="connsiteY6" fmla="*/ 75652 h 565745"/>
                <a:gd name="connsiteX7" fmla="*/ 467068 w 1789406"/>
                <a:gd name="connsiteY7" fmla="*/ 78941 h 565745"/>
                <a:gd name="connsiteX8" fmla="*/ 486803 w 1789406"/>
                <a:gd name="connsiteY8" fmla="*/ 85520 h 565745"/>
                <a:gd name="connsiteX9" fmla="*/ 565744 w 1789406"/>
                <a:gd name="connsiteY9" fmla="*/ 82230 h 565745"/>
                <a:gd name="connsiteX10" fmla="*/ 585479 w 1789406"/>
                <a:gd name="connsiteY10" fmla="*/ 75652 h 565745"/>
                <a:gd name="connsiteX11" fmla="*/ 617323 w 1789406"/>
                <a:gd name="connsiteY11" fmla="*/ 58737 h 565745"/>
                <a:gd name="connsiteX12" fmla="*/ 657842 w 1789406"/>
                <a:gd name="connsiteY12" fmla="*/ 69074 h 565745"/>
                <a:gd name="connsiteX13" fmla="*/ 703891 w 1789406"/>
                <a:gd name="connsiteY13" fmla="*/ 72363 h 565745"/>
                <a:gd name="connsiteX14" fmla="*/ 786121 w 1789406"/>
                <a:gd name="connsiteY14" fmla="*/ 78941 h 565745"/>
                <a:gd name="connsiteX15" fmla="*/ 795988 w 1789406"/>
                <a:gd name="connsiteY15" fmla="*/ 75652 h 565745"/>
                <a:gd name="connsiteX16" fmla="*/ 815724 w 1789406"/>
                <a:gd name="connsiteY16" fmla="*/ 72363 h 565745"/>
                <a:gd name="connsiteX17" fmla="*/ 871640 w 1789406"/>
                <a:gd name="connsiteY17" fmla="*/ 62495 h 565745"/>
                <a:gd name="connsiteX18" fmla="*/ 884797 w 1789406"/>
                <a:gd name="connsiteY18" fmla="*/ 59206 h 565745"/>
                <a:gd name="connsiteX19" fmla="*/ 970317 w 1789406"/>
                <a:gd name="connsiteY19" fmla="*/ 65784 h 565745"/>
                <a:gd name="connsiteX20" fmla="*/ 993341 w 1789406"/>
                <a:gd name="connsiteY20" fmla="*/ 72363 h 565745"/>
                <a:gd name="connsiteX21" fmla="*/ 1026233 w 1789406"/>
                <a:gd name="connsiteY21" fmla="*/ 78941 h 565745"/>
                <a:gd name="connsiteX22" fmla="*/ 1036101 w 1789406"/>
                <a:gd name="connsiteY22" fmla="*/ 82230 h 565745"/>
                <a:gd name="connsiteX23" fmla="*/ 1059125 w 1789406"/>
                <a:gd name="connsiteY23" fmla="*/ 88809 h 565745"/>
                <a:gd name="connsiteX24" fmla="*/ 1197272 w 1789406"/>
                <a:gd name="connsiteY24" fmla="*/ 101966 h 565745"/>
                <a:gd name="connsiteX25" fmla="*/ 1207140 w 1789406"/>
                <a:gd name="connsiteY25" fmla="*/ 98676 h 565745"/>
                <a:gd name="connsiteX26" fmla="*/ 1256478 w 1789406"/>
                <a:gd name="connsiteY26" fmla="*/ 101966 h 565745"/>
                <a:gd name="connsiteX27" fmla="*/ 1269634 w 1789406"/>
                <a:gd name="connsiteY27" fmla="*/ 105255 h 565745"/>
                <a:gd name="connsiteX28" fmla="*/ 1286081 w 1789406"/>
                <a:gd name="connsiteY28" fmla="*/ 108544 h 565745"/>
                <a:gd name="connsiteX29" fmla="*/ 1312394 w 1789406"/>
                <a:gd name="connsiteY29" fmla="*/ 115123 h 565745"/>
                <a:gd name="connsiteX30" fmla="*/ 1417649 w 1789406"/>
                <a:gd name="connsiteY30" fmla="*/ 124990 h 565745"/>
                <a:gd name="connsiteX31" fmla="*/ 1427517 w 1789406"/>
                <a:gd name="connsiteY31" fmla="*/ 131569 h 565745"/>
                <a:gd name="connsiteX32" fmla="*/ 1437384 w 1789406"/>
                <a:gd name="connsiteY32" fmla="*/ 134858 h 565745"/>
                <a:gd name="connsiteX33" fmla="*/ 1443963 w 1789406"/>
                <a:gd name="connsiteY33" fmla="*/ 144725 h 565745"/>
                <a:gd name="connsiteX34" fmla="*/ 1453830 w 1789406"/>
                <a:gd name="connsiteY34" fmla="*/ 148015 h 565745"/>
                <a:gd name="connsiteX35" fmla="*/ 1503168 w 1789406"/>
                <a:gd name="connsiteY35" fmla="*/ 164461 h 565745"/>
                <a:gd name="connsiteX36" fmla="*/ 1516325 w 1789406"/>
                <a:gd name="connsiteY36" fmla="*/ 167750 h 565745"/>
                <a:gd name="connsiteX37" fmla="*/ 1539350 w 1789406"/>
                <a:gd name="connsiteY37" fmla="*/ 180907 h 565745"/>
                <a:gd name="connsiteX38" fmla="*/ 1582109 w 1789406"/>
                <a:gd name="connsiteY38" fmla="*/ 207220 h 565745"/>
                <a:gd name="connsiteX39" fmla="*/ 1591977 w 1789406"/>
                <a:gd name="connsiteY39" fmla="*/ 226956 h 565745"/>
                <a:gd name="connsiteX40" fmla="*/ 1628158 w 1789406"/>
                <a:gd name="connsiteY40" fmla="*/ 282872 h 565745"/>
                <a:gd name="connsiteX41" fmla="*/ 1644604 w 1789406"/>
                <a:gd name="connsiteY41" fmla="*/ 292740 h 565745"/>
                <a:gd name="connsiteX42" fmla="*/ 1680786 w 1789406"/>
                <a:gd name="connsiteY42" fmla="*/ 328921 h 565745"/>
                <a:gd name="connsiteX43" fmla="*/ 1713678 w 1789406"/>
                <a:gd name="connsiteY43" fmla="*/ 355235 h 565745"/>
                <a:gd name="connsiteX44" fmla="*/ 1743281 w 1789406"/>
                <a:gd name="connsiteY44" fmla="*/ 401284 h 565745"/>
                <a:gd name="connsiteX45" fmla="*/ 1789329 w 1789406"/>
                <a:gd name="connsiteY45" fmla="*/ 473646 h 565745"/>
                <a:gd name="connsiteX46" fmla="*/ 1759726 w 1789406"/>
                <a:gd name="connsiteY46"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486803 w 1789406"/>
                <a:gd name="connsiteY7" fmla="*/ 85520 h 565745"/>
                <a:gd name="connsiteX8" fmla="*/ 565744 w 1789406"/>
                <a:gd name="connsiteY8" fmla="*/ 82230 h 565745"/>
                <a:gd name="connsiteX9" fmla="*/ 585479 w 1789406"/>
                <a:gd name="connsiteY9" fmla="*/ 75652 h 565745"/>
                <a:gd name="connsiteX10" fmla="*/ 617323 w 1789406"/>
                <a:gd name="connsiteY10" fmla="*/ 58737 h 565745"/>
                <a:gd name="connsiteX11" fmla="*/ 657842 w 1789406"/>
                <a:gd name="connsiteY11" fmla="*/ 69074 h 565745"/>
                <a:gd name="connsiteX12" fmla="*/ 703891 w 1789406"/>
                <a:gd name="connsiteY12" fmla="*/ 72363 h 565745"/>
                <a:gd name="connsiteX13" fmla="*/ 786121 w 1789406"/>
                <a:gd name="connsiteY13" fmla="*/ 78941 h 565745"/>
                <a:gd name="connsiteX14" fmla="*/ 795988 w 1789406"/>
                <a:gd name="connsiteY14" fmla="*/ 75652 h 565745"/>
                <a:gd name="connsiteX15" fmla="*/ 815724 w 1789406"/>
                <a:gd name="connsiteY15" fmla="*/ 72363 h 565745"/>
                <a:gd name="connsiteX16" fmla="*/ 871640 w 1789406"/>
                <a:gd name="connsiteY16" fmla="*/ 62495 h 565745"/>
                <a:gd name="connsiteX17" fmla="*/ 884797 w 1789406"/>
                <a:gd name="connsiteY17" fmla="*/ 59206 h 565745"/>
                <a:gd name="connsiteX18" fmla="*/ 970317 w 1789406"/>
                <a:gd name="connsiteY18" fmla="*/ 65784 h 565745"/>
                <a:gd name="connsiteX19" fmla="*/ 993341 w 1789406"/>
                <a:gd name="connsiteY19" fmla="*/ 72363 h 565745"/>
                <a:gd name="connsiteX20" fmla="*/ 1026233 w 1789406"/>
                <a:gd name="connsiteY20" fmla="*/ 78941 h 565745"/>
                <a:gd name="connsiteX21" fmla="*/ 1036101 w 1789406"/>
                <a:gd name="connsiteY21" fmla="*/ 82230 h 565745"/>
                <a:gd name="connsiteX22" fmla="*/ 1059125 w 1789406"/>
                <a:gd name="connsiteY22" fmla="*/ 88809 h 565745"/>
                <a:gd name="connsiteX23" fmla="*/ 1197272 w 1789406"/>
                <a:gd name="connsiteY23" fmla="*/ 101966 h 565745"/>
                <a:gd name="connsiteX24" fmla="*/ 1207140 w 1789406"/>
                <a:gd name="connsiteY24" fmla="*/ 98676 h 565745"/>
                <a:gd name="connsiteX25" fmla="*/ 1256478 w 1789406"/>
                <a:gd name="connsiteY25" fmla="*/ 101966 h 565745"/>
                <a:gd name="connsiteX26" fmla="*/ 1269634 w 1789406"/>
                <a:gd name="connsiteY26" fmla="*/ 105255 h 565745"/>
                <a:gd name="connsiteX27" fmla="*/ 1286081 w 1789406"/>
                <a:gd name="connsiteY27" fmla="*/ 108544 h 565745"/>
                <a:gd name="connsiteX28" fmla="*/ 1312394 w 1789406"/>
                <a:gd name="connsiteY28" fmla="*/ 115123 h 565745"/>
                <a:gd name="connsiteX29" fmla="*/ 1417649 w 1789406"/>
                <a:gd name="connsiteY29" fmla="*/ 124990 h 565745"/>
                <a:gd name="connsiteX30" fmla="*/ 1427517 w 1789406"/>
                <a:gd name="connsiteY30" fmla="*/ 131569 h 565745"/>
                <a:gd name="connsiteX31" fmla="*/ 1437384 w 1789406"/>
                <a:gd name="connsiteY31" fmla="*/ 134858 h 565745"/>
                <a:gd name="connsiteX32" fmla="*/ 1443963 w 1789406"/>
                <a:gd name="connsiteY32" fmla="*/ 144725 h 565745"/>
                <a:gd name="connsiteX33" fmla="*/ 1453830 w 1789406"/>
                <a:gd name="connsiteY33" fmla="*/ 148015 h 565745"/>
                <a:gd name="connsiteX34" fmla="*/ 1503168 w 1789406"/>
                <a:gd name="connsiteY34" fmla="*/ 164461 h 565745"/>
                <a:gd name="connsiteX35" fmla="*/ 1516325 w 1789406"/>
                <a:gd name="connsiteY35" fmla="*/ 167750 h 565745"/>
                <a:gd name="connsiteX36" fmla="*/ 1539350 w 1789406"/>
                <a:gd name="connsiteY36" fmla="*/ 180907 h 565745"/>
                <a:gd name="connsiteX37" fmla="*/ 1582109 w 1789406"/>
                <a:gd name="connsiteY37" fmla="*/ 207220 h 565745"/>
                <a:gd name="connsiteX38" fmla="*/ 1591977 w 1789406"/>
                <a:gd name="connsiteY38" fmla="*/ 226956 h 565745"/>
                <a:gd name="connsiteX39" fmla="*/ 1628158 w 1789406"/>
                <a:gd name="connsiteY39" fmla="*/ 282872 h 565745"/>
                <a:gd name="connsiteX40" fmla="*/ 1644604 w 1789406"/>
                <a:gd name="connsiteY40" fmla="*/ 292740 h 565745"/>
                <a:gd name="connsiteX41" fmla="*/ 1680786 w 1789406"/>
                <a:gd name="connsiteY41" fmla="*/ 328921 h 565745"/>
                <a:gd name="connsiteX42" fmla="*/ 1713678 w 1789406"/>
                <a:gd name="connsiteY42" fmla="*/ 355235 h 565745"/>
                <a:gd name="connsiteX43" fmla="*/ 1743281 w 1789406"/>
                <a:gd name="connsiteY43" fmla="*/ 401284 h 565745"/>
                <a:gd name="connsiteX44" fmla="*/ 1789329 w 1789406"/>
                <a:gd name="connsiteY44" fmla="*/ 473646 h 565745"/>
                <a:gd name="connsiteX45" fmla="*/ 1759726 w 1789406"/>
                <a:gd name="connsiteY45"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467068 w 1789406"/>
                <a:gd name="connsiteY6" fmla="*/ 78941 h 565745"/>
                <a:gd name="connsiteX7" fmla="*/ 565744 w 1789406"/>
                <a:gd name="connsiteY7" fmla="*/ 82230 h 565745"/>
                <a:gd name="connsiteX8" fmla="*/ 585479 w 1789406"/>
                <a:gd name="connsiteY8" fmla="*/ 75652 h 565745"/>
                <a:gd name="connsiteX9" fmla="*/ 617323 w 1789406"/>
                <a:gd name="connsiteY9" fmla="*/ 58737 h 565745"/>
                <a:gd name="connsiteX10" fmla="*/ 657842 w 1789406"/>
                <a:gd name="connsiteY10" fmla="*/ 69074 h 565745"/>
                <a:gd name="connsiteX11" fmla="*/ 703891 w 1789406"/>
                <a:gd name="connsiteY11" fmla="*/ 72363 h 565745"/>
                <a:gd name="connsiteX12" fmla="*/ 786121 w 1789406"/>
                <a:gd name="connsiteY12" fmla="*/ 78941 h 565745"/>
                <a:gd name="connsiteX13" fmla="*/ 795988 w 1789406"/>
                <a:gd name="connsiteY13" fmla="*/ 75652 h 565745"/>
                <a:gd name="connsiteX14" fmla="*/ 815724 w 1789406"/>
                <a:gd name="connsiteY14" fmla="*/ 72363 h 565745"/>
                <a:gd name="connsiteX15" fmla="*/ 871640 w 1789406"/>
                <a:gd name="connsiteY15" fmla="*/ 62495 h 565745"/>
                <a:gd name="connsiteX16" fmla="*/ 884797 w 1789406"/>
                <a:gd name="connsiteY16" fmla="*/ 59206 h 565745"/>
                <a:gd name="connsiteX17" fmla="*/ 970317 w 1789406"/>
                <a:gd name="connsiteY17" fmla="*/ 65784 h 565745"/>
                <a:gd name="connsiteX18" fmla="*/ 993341 w 1789406"/>
                <a:gd name="connsiteY18" fmla="*/ 72363 h 565745"/>
                <a:gd name="connsiteX19" fmla="*/ 1026233 w 1789406"/>
                <a:gd name="connsiteY19" fmla="*/ 78941 h 565745"/>
                <a:gd name="connsiteX20" fmla="*/ 1036101 w 1789406"/>
                <a:gd name="connsiteY20" fmla="*/ 82230 h 565745"/>
                <a:gd name="connsiteX21" fmla="*/ 1059125 w 1789406"/>
                <a:gd name="connsiteY21" fmla="*/ 88809 h 565745"/>
                <a:gd name="connsiteX22" fmla="*/ 1197272 w 1789406"/>
                <a:gd name="connsiteY22" fmla="*/ 101966 h 565745"/>
                <a:gd name="connsiteX23" fmla="*/ 1207140 w 1789406"/>
                <a:gd name="connsiteY23" fmla="*/ 98676 h 565745"/>
                <a:gd name="connsiteX24" fmla="*/ 1256478 w 1789406"/>
                <a:gd name="connsiteY24" fmla="*/ 101966 h 565745"/>
                <a:gd name="connsiteX25" fmla="*/ 1269634 w 1789406"/>
                <a:gd name="connsiteY25" fmla="*/ 105255 h 565745"/>
                <a:gd name="connsiteX26" fmla="*/ 1286081 w 1789406"/>
                <a:gd name="connsiteY26" fmla="*/ 108544 h 565745"/>
                <a:gd name="connsiteX27" fmla="*/ 1312394 w 1789406"/>
                <a:gd name="connsiteY27" fmla="*/ 115123 h 565745"/>
                <a:gd name="connsiteX28" fmla="*/ 1417649 w 1789406"/>
                <a:gd name="connsiteY28" fmla="*/ 124990 h 565745"/>
                <a:gd name="connsiteX29" fmla="*/ 1427517 w 1789406"/>
                <a:gd name="connsiteY29" fmla="*/ 131569 h 565745"/>
                <a:gd name="connsiteX30" fmla="*/ 1437384 w 1789406"/>
                <a:gd name="connsiteY30" fmla="*/ 134858 h 565745"/>
                <a:gd name="connsiteX31" fmla="*/ 1443963 w 1789406"/>
                <a:gd name="connsiteY31" fmla="*/ 144725 h 565745"/>
                <a:gd name="connsiteX32" fmla="*/ 1453830 w 1789406"/>
                <a:gd name="connsiteY32" fmla="*/ 148015 h 565745"/>
                <a:gd name="connsiteX33" fmla="*/ 1503168 w 1789406"/>
                <a:gd name="connsiteY33" fmla="*/ 164461 h 565745"/>
                <a:gd name="connsiteX34" fmla="*/ 1516325 w 1789406"/>
                <a:gd name="connsiteY34" fmla="*/ 167750 h 565745"/>
                <a:gd name="connsiteX35" fmla="*/ 1539350 w 1789406"/>
                <a:gd name="connsiteY35" fmla="*/ 180907 h 565745"/>
                <a:gd name="connsiteX36" fmla="*/ 1582109 w 1789406"/>
                <a:gd name="connsiteY36" fmla="*/ 207220 h 565745"/>
                <a:gd name="connsiteX37" fmla="*/ 1591977 w 1789406"/>
                <a:gd name="connsiteY37" fmla="*/ 226956 h 565745"/>
                <a:gd name="connsiteX38" fmla="*/ 1628158 w 1789406"/>
                <a:gd name="connsiteY38" fmla="*/ 282872 h 565745"/>
                <a:gd name="connsiteX39" fmla="*/ 1644604 w 1789406"/>
                <a:gd name="connsiteY39" fmla="*/ 292740 h 565745"/>
                <a:gd name="connsiteX40" fmla="*/ 1680786 w 1789406"/>
                <a:gd name="connsiteY40" fmla="*/ 328921 h 565745"/>
                <a:gd name="connsiteX41" fmla="*/ 1713678 w 1789406"/>
                <a:gd name="connsiteY41" fmla="*/ 355235 h 565745"/>
                <a:gd name="connsiteX42" fmla="*/ 1743281 w 1789406"/>
                <a:gd name="connsiteY42" fmla="*/ 401284 h 565745"/>
                <a:gd name="connsiteX43" fmla="*/ 1789329 w 1789406"/>
                <a:gd name="connsiteY43" fmla="*/ 473646 h 565745"/>
                <a:gd name="connsiteX44" fmla="*/ 1759726 w 1789406"/>
                <a:gd name="connsiteY44"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57842 w 1789406"/>
                <a:gd name="connsiteY9" fmla="*/ 69074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17323 w 1789406"/>
                <a:gd name="connsiteY8" fmla="*/ 58737 h 565745"/>
                <a:gd name="connsiteX9" fmla="*/ 647468 w 1789406"/>
                <a:gd name="connsiteY9" fmla="*/ 58737 h 565745"/>
                <a:gd name="connsiteX10" fmla="*/ 703891 w 1789406"/>
                <a:gd name="connsiteY10" fmla="*/ 72363 h 565745"/>
                <a:gd name="connsiteX11" fmla="*/ 786121 w 1789406"/>
                <a:gd name="connsiteY11" fmla="*/ 78941 h 565745"/>
                <a:gd name="connsiteX12" fmla="*/ 795988 w 1789406"/>
                <a:gd name="connsiteY12" fmla="*/ 75652 h 565745"/>
                <a:gd name="connsiteX13" fmla="*/ 815724 w 1789406"/>
                <a:gd name="connsiteY13" fmla="*/ 72363 h 565745"/>
                <a:gd name="connsiteX14" fmla="*/ 871640 w 1789406"/>
                <a:gd name="connsiteY14" fmla="*/ 62495 h 565745"/>
                <a:gd name="connsiteX15" fmla="*/ 884797 w 1789406"/>
                <a:gd name="connsiteY15" fmla="*/ 59206 h 565745"/>
                <a:gd name="connsiteX16" fmla="*/ 970317 w 1789406"/>
                <a:gd name="connsiteY16" fmla="*/ 65784 h 565745"/>
                <a:gd name="connsiteX17" fmla="*/ 993341 w 1789406"/>
                <a:gd name="connsiteY17" fmla="*/ 72363 h 565745"/>
                <a:gd name="connsiteX18" fmla="*/ 1026233 w 1789406"/>
                <a:gd name="connsiteY18" fmla="*/ 78941 h 565745"/>
                <a:gd name="connsiteX19" fmla="*/ 1036101 w 1789406"/>
                <a:gd name="connsiteY19" fmla="*/ 82230 h 565745"/>
                <a:gd name="connsiteX20" fmla="*/ 1059125 w 1789406"/>
                <a:gd name="connsiteY20" fmla="*/ 88809 h 565745"/>
                <a:gd name="connsiteX21" fmla="*/ 1197272 w 1789406"/>
                <a:gd name="connsiteY21" fmla="*/ 101966 h 565745"/>
                <a:gd name="connsiteX22" fmla="*/ 1207140 w 1789406"/>
                <a:gd name="connsiteY22" fmla="*/ 98676 h 565745"/>
                <a:gd name="connsiteX23" fmla="*/ 1256478 w 1789406"/>
                <a:gd name="connsiteY23" fmla="*/ 101966 h 565745"/>
                <a:gd name="connsiteX24" fmla="*/ 1269634 w 1789406"/>
                <a:gd name="connsiteY24" fmla="*/ 105255 h 565745"/>
                <a:gd name="connsiteX25" fmla="*/ 1286081 w 1789406"/>
                <a:gd name="connsiteY25" fmla="*/ 108544 h 565745"/>
                <a:gd name="connsiteX26" fmla="*/ 1312394 w 1789406"/>
                <a:gd name="connsiteY26" fmla="*/ 115123 h 565745"/>
                <a:gd name="connsiteX27" fmla="*/ 1417649 w 1789406"/>
                <a:gd name="connsiteY27" fmla="*/ 124990 h 565745"/>
                <a:gd name="connsiteX28" fmla="*/ 1427517 w 1789406"/>
                <a:gd name="connsiteY28" fmla="*/ 131569 h 565745"/>
                <a:gd name="connsiteX29" fmla="*/ 1437384 w 1789406"/>
                <a:gd name="connsiteY29" fmla="*/ 134858 h 565745"/>
                <a:gd name="connsiteX30" fmla="*/ 1443963 w 1789406"/>
                <a:gd name="connsiteY30" fmla="*/ 144725 h 565745"/>
                <a:gd name="connsiteX31" fmla="*/ 1453830 w 1789406"/>
                <a:gd name="connsiteY31" fmla="*/ 148015 h 565745"/>
                <a:gd name="connsiteX32" fmla="*/ 1503168 w 1789406"/>
                <a:gd name="connsiteY32" fmla="*/ 164461 h 565745"/>
                <a:gd name="connsiteX33" fmla="*/ 1516325 w 1789406"/>
                <a:gd name="connsiteY33" fmla="*/ 167750 h 565745"/>
                <a:gd name="connsiteX34" fmla="*/ 1539350 w 1789406"/>
                <a:gd name="connsiteY34" fmla="*/ 180907 h 565745"/>
                <a:gd name="connsiteX35" fmla="*/ 1582109 w 1789406"/>
                <a:gd name="connsiteY35" fmla="*/ 207220 h 565745"/>
                <a:gd name="connsiteX36" fmla="*/ 1591977 w 1789406"/>
                <a:gd name="connsiteY36" fmla="*/ 226956 h 565745"/>
                <a:gd name="connsiteX37" fmla="*/ 1628158 w 1789406"/>
                <a:gd name="connsiteY37" fmla="*/ 282872 h 565745"/>
                <a:gd name="connsiteX38" fmla="*/ 1644604 w 1789406"/>
                <a:gd name="connsiteY38" fmla="*/ 292740 h 565745"/>
                <a:gd name="connsiteX39" fmla="*/ 1680786 w 1789406"/>
                <a:gd name="connsiteY39" fmla="*/ 328921 h 565745"/>
                <a:gd name="connsiteX40" fmla="*/ 1713678 w 1789406"/>
                <a:gd name="connsiteY40" fmla="*/ 355235 h 565745"/>
                <a:gd name="connsiteX41" fmla="*/ 1743281 w 1789406"/>
                <a:gd name="connsiteY41" fmla="*/ 401284 h 565745"/>
                <a:gd name="connsiteX42" fmla="*/ 1789329 w 1789406"/>
                <a:gd name="connsiteY42" fmla="*/ 473646 h 565745"/>
                <a:gd name="connsiteX43" fmla="*/ 1759726 w 1789406"/>
                <a:gd name="connsiteY43"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647468 w 1789406"/>
                <a:gd name="connsiteY8" fmla="*/ 58737 h 565745"/>
                <a:gd name="connsiteX9" fmla="*/ 703891 w 1789406"/>
                <a:gd name="connsiteY9" fmla="*/ 72363 h 565745"/>
                <a:gd name="connsiteX10" fmla="*/ 786121 w 1789406"/>
                <a:gd name="connsiteY10" fmla="*/ 78941 h 565745"/>
                <a:gd name="connsiteX11" fmla="*/ 795988 w 1789406"/>
                <a:gd name="connsiteY11" fmla="*/ 75652 h 565745"/>
                <a:gd name="connsiteX12" fmla="*/ 815724 w 1789406"/>
                <a:gd name="connsiteY12" fmla="*/ 72363 h 565745"/>
                <a:gd name="connsiteX13" fmla="*/ 871640 w 1789406"/>
                <a:gd name="connsiteY13" fmla="*/ 62495 h 565745"/>
                <a:gd name="connsiteX14" fmla="*/ 884797 w 1789406"/>
                <a:gd name="connsiteY14" fmla="*/ 59206 h 565745"/>
                <a:gd name="connsiteX15" fmla="*/ 970317 w 1789406"/>
                <a:gd name="connsiteY15" fmla="*/ 65784 h 565745"/>
                <a:gd name="connsiteX16" fmla="*/ 993341 w 1789406"/>
                <a:gd name="connsiteY16" fmla="*/ 72363 h 565745"/>
                <a:gd name="connsiteX17" fmla="*/ 1026233 w 1789406"/>
                <a:gd name="connsiteY17" fmla="*/ 78941 h 565745"/>
                <a:gd name="connsiteX18" fmla="*/ 1036101 w 1789406"/>
                <a:gd name="connsiteY18" fmla="*/ 82230 h 565745"/>
                <a:gd name="connsiteX19" fmla="*/ 1059125 w 1789406"/>
                <a:gd name="connsiteY19" fmla="*/ 88809 h 565745"/>
                <a:gd name="connsiteX20" fmla="*/ 1197272 w 1789406"/>
                <a:gd name="connsiteY20" fmla="*/ 101966 h 565745"/>
                <a:gd name="connsiteX21" fmla="*/ 1207140 w 1789406"/>
                <a:gd name="connsiteY21" fmla="*/ 98676 h 565745"/>
                <a:gd name="connsiteX22" fmla="*/ 1256478 w 1789406"/>
                <a:gd name="connsiteY22" fmla="*/ 101966 h 565745"/>
                <a:gd name="connsiteX23" fmla="*/ 1269634 w 1789406"/>
                <a:gd name="connsiteY23" fmla="*/ 105255 h 565745"/>
                <a:gd name="connsiteX24" fmla="*/ 1286081 w 1789406"/>
                <a:gd name="connsiteY24" fmla="*/ 108544 h 565745"/>
                <a:gd name="connsiteX25" fmla="*/ 1312394 w 1789406"/>
                <a:gd name="connsiteY25" fmla="*/ 115123 h 565745"/>
                <a:gd name="connsiteX26" fmla="*/ 1417649 w 1789406"/>
                <a:gd name="connsiteY26" fmla="*/ 124990 h 565745"/>
                <a:gd name="connsiteX27" fmla="*/ 1427517 w 1789406"/>
                <a:gd name="connsiteY27" fmla="*/ 131569 h 565745"/>
                <a:gd name="connsiteX28" fmla="*/ 1437384 w 1789406"/>
                <a:gd name="connsiteY28" fmla="*/ 134858 h 565745"/>
                <a:gd name="connsiteX29" fmla="*/ 1443963 w 1789406"/>
                <a:gd name="connsiteY29" fmla="*/ 144725 h 565745"/>
                <a:gd name="connsiteX30" fmla="*/ 1453830 w 1789406"/>
                <a:gd name="connsiteY30" fmla="*/ 148015 h 565745"/>
                <a:gd name="connsiteX31" fmla="*/ 1503168 w 1789406"/>
                <a:gd name="connsiteY31" fmla="*/ 164461 h 565745"/>
                <a:gd name="connsiteX32" fmla="*/ 1516325 w 1789406"/>
                <a:gd name="connsiteY32" fmla="*/ 167750 h 565745"/>
                <a:gd name="connsiteX33" fmla="*/ 1539350 w 1789406"/>
                <a:gd name="connsiteY33" fmla="*/ 180907 h 565745"/>
                <a:gd name="connsiteX34" fmla="*/ 1582109 w 1789406"/>
                <a:gd name="connsiteY34" fmla="*/ 207220 h 565745"/>
                <a:gd name="connsiteX35" fmla="*/ 1591977 w 1789406"/>
                <a:gd name="connsiteY35" fmla="*/ 226956 h 565745"/>
                <a:gd name="connsiteX36" fmla="*/ 1628158 w 1789406"/>
                <a:gd name="connsiteY36" fmla="*/ 282872 h 565745"/>
                <a:gd name="connsiteX37" fmla="*/ 1644604 w 1789406"/>
                <a:gd name="connsiteY37" fmla="*/ 292740 h 565745"/>
                <a:gd name="connsiteX38" fmla="*/ 1680786 w 1789406"/>
                <a:gd name="connsiteY38" fmla="*/ 328921 h 565745"/>
                <a:gd name="connsiteX39" fmla="*/ 1713678 w 1789406"/>
                <a:gd name="connsiteY39" fmla="*/ 355235 h 565745"/>
                <a:gd name="connsiteX40" fmla="*/ 1743281 w 1789406"/>
                <a:gd name="connsiteY40" fmla="*/ 401284 h 565745"/>
                <a:gd name="connsiteX41" fmla="*/ 1789329 w 1789406"/>
                <a:gd name="connsiteY41" fmla="*/ 473646 h 565745"/>
                <a:gd name="connsiteX42" fmla="*/ 1759726 w 1789406"/>
                <a:gd name="connsiteY42"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585479 w 1789406"/>
                <a:gd name="connsiteY7" fmla="*/ 75652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703891 w 1789406"/>
                <a:gd name="connsiteY7" fmla="*/ 72363 h 565745"/>
                <a:gd name="connsiteX8" fmla="*/ 786121 w 1789406"/>
                <a:gd name="connsiteY8" fmla="*/ 78941 h 565745"/>
                <a:gd name="connsiteX9" fmla="*/ 795988 w 1789406"/>
                <a:gd name="connsiteY9" fmla="*/ 75652 h 565745"/>
                <a:gd name="connsiteX10" fmla="*/ 815724 w 1789406"/>
                <a:gd name="connsiteY10" fmla="*/ 72363 h 565745"/>
                <a:gd name="connsiteX11" fmla="*/ 871640 w 1789406"/>
                <a:gd name="connsiteY11" fmla="*/ 62495 h 565745"/>
                <a:gd name="connsiteX12" fmla="*/ 884797 w 1789406"/>
                <a:gd name="connsiteY12" fmla="*/ 59206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884797 w 1789406"/>
                <a:gd name="connsiteY13" fmla="*/ 59206 h 565745"/>
                <a:gd name="connsiteX14" fmla="*/ 970317 w 1789406"/>
                <a:gd name="connsiteY14" fmla="*/ 65784 h 565745"/>
                <a:gd name="connsiteX15" fmla="*/ 993341 w 1789406"/>
                <a:gd name="connsiteY15" fmla="*/ 72363 h 565745"/>
                <a:gd name="connsiteX16" fmla="*/ 1026233 w 1789406"/>
                <a:gd name="connsiteY16" fmla="*/ 78941 h 565745"/>
                <a:gd name="connsiteX17" fmla="*/ 1036101 w 1789406"/>
                <a:gd name="connsiteY17" fmla="*/ 82230 h 565745"/>
                <a:gd name="connsiteX18" fmla="*/ 1059125 w 1789406"/>
                <a:gd name="connsiteY18" fmla="*/ 88809 h 565745"/>
                <a:gd name="connsiteX19" fmla="*/ 1197272 w 1789406"/>
                <a:gd name="connsiteY19" fmla="*/ 101966 h 565745"/>
                <a:gd name="connsiteX20" fmla="*/ 1207140 w 1789406"/>
                <a:gd name="connsiteY20" fmla="*/ 98676 h 565745"/>
                <a:gd name="connsiteX21" fmla="*/ 1256478 w 1789406"/>
                <a:gd name="connsiteY21" fmla="*/ 101966 h 565745"/>
                <a:gd name="connsiteX22" fmla="*/ 1269634 w 1789406"/>
                <a:gd name="connsiteY22" fmla="*/ 105255 h 565745"/>
                <a:gd name="connsiteX23" fmla="*/ 1286081 w 1789406"/>
                <a:gd name="connsiteY23" fmla="*/ 108544 h 565745"/>
                <a:gd name="connsiteX24" fmla="*/ 1312394 w 1789406"/>
                <a:gd name="connsiteY24" fmla="*/ 115123 h 565745"/>
                <a:gd name="connsiteX25" fmla="*/ 1417649 w 1789406"/>
                <a:gd name="connsiteY25" fmla="*/ 124990 h 565745"/>
                <a:gd name="connsiteX26" fmla="*/ 1427517 w 1789406"/>
                <a:gd name="connsiteY26" fmla="*/ 131569 h 565745"/>
                <a:gd name="connsiteX27" fmla="*/ 1437384 w 1789406"/>
                <a:gd name="connsiteY27" fmla="*/ 134858 h 565745"/>
                <a:gd name="connsiteX28" fmla="*/ 1443963 w 1789406"/>
                <a:gd name="connsiteY28" fmla="*/ 144725 h 565745"/>
                <a:gd name="connsiteX29" fmla="*/ 1453830 w 1789406"/>
                <a:gd name="connsiteY29" fmla="*/ 148015 h 565745"/>
                <a:gd name="connsiteX30" fmla="*/ 1503168 w 1789406"/>
                <a:gd name="connsiteY30" fmla="*/ 164461 h 565745"/>
                <a:gd name="connsiteX31" fmla="*/ 1516325 w 1789406"/>
                <a:gd name="connsiteY31" fmla="*/ 167750 h 565745"/>
                <a:gd name="connsiteX32" fmla="*/ 1539350 w 1789406"/>
                <a:gd name="connsiteY32" fmla="*/ 180907 h 565745"/>
                <a:gd name="connsiteX33" fmla="*/ 1582109 w 1789406"/>
                <a:gd name="connsiteY33" fmla="*/ 207220 h 565745"/>
                <a:gd name="connsiteX34" fmla="*/ 1591977 w 1789406"/>
                <a:gd name="connsiteY34" fmla="*/ 226956 h 565745"/>
                <a:gd name="connsiteX35" fmla="*/ 1628158 w 1789406"/>
                <a:gd name="connsiteY35" fmla="*/ 282872 h 565745"/>
                <a:gd name="connsiteX36" fmla="*/ 1644604 w 1789406"/>
                <a:gd name="connsiteY36" fmla="*/ 292740 h 565745"/>
                <a:gd name="connsiteX37" fmla="*/ 1680786 w 1789406"/>
                <a:gd name="connsiteY37" fmla="*/ 328921 h 565745"/>
                <a:gd name="connsiteX38" fmla="*/ 1713678 w 1789406"/>
                <a:gd name="connsiteY38" fmla="*/ 355235 h 565745"/>
                <a:gd name="connsiteX39" fmla="*/ 1743281 w 1789406"/>
                <a:gd name="connsiteY39" fmla="*/ 401284 h 565745"/>
                <a:gd name="connsiteX40" fmla="*/ 1789329 w 1789406"/>
                <a:gd name="connsiteY40" fmla="*/ 473646 h 565745"/>
                <a:gd name="connsiteX41" fmla="*/ 1759726 w 1789406"/>
                <a:gd name="connsiteY41"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871640 w 1789406"/>
                <a:gd name="connsiteY12" fmla="*/ 62495 h 565745"/>
                <a:gd name="connsiteX13" fmla="*/ 970317 w 1789406"/>
                <a:gd name="connsiteY13" fmla="*/ 65784 h 565745"/>
                <a:gd name="connsiteX14" fmla="*/ 993341 w 1789406"/>
                <a:gd name="connsiteY14" fmla="*/ 72363 h 565745"/>
                <a:gd name="connsiteX15" fmla="*/ 1026233 w 1789406"/>
                <a:gd name="connsiteY15" fmla="*/ 78941 h 565745"/>
                <a:gd name="connsiteX16" fmla="*/ 1036101 w 1789406"/>
                <a:gd name="connsiteY16" fmla="*/ 82230 h 565745"/>
                <a:gd name="connsiteX17" fmla="*/ 1059125 w 1789406"/>
                <a:gd name="connsiteY17" fmla="*/ 88809 h 565745"/>
                <a:gd name="connsiteX18" fmla="*/ 1197272 w 1789406"/>
                <a:gd name="connsiteY18" fmla="*/ 101966 h 565745"/>
                <a:gd name="connsiteX19" fmla="*/ 1207140 w 1789406"/>
                <a:gd name="connsiteY19" fmla="*/ 98676 h 565745"/>
                <a:gd name="connsiteX20" fmla="*/ 1256478 w 1789406"/>
                <a:gd name="connsiteY20" fmla="*/ 101966 h 565745"/>
                <a:gd name="connsiteX21" fmla="*/ 1269634 w 1789406"/>
                <a:gd name="connsiteY21" fmla="*/ 105255 h 565745"/>
                <a:gd name="connsiteX22" fmla="*/ 1286081 w 1789406"/>
                <a:gd name="connsiteY22" fmla="*/ 108544 h 565745"/>
                <a:gd name="connsiteX23" fmla="*/ 1312394 w 1789406"/>
                <a:gd name="connsiteY23" fmla="*/ 115123 h 565745"/>
                <a:gd name="connsiteX24" fmla="*/ 1417649 w 1789406"/>
                <a:gd name="connsiteY24" fmla="*/ 124990 h 565745"/>
                <a:gd name="connsiteX25" fmla="*/ 1427517 w 1789406"/>
                <a:gd name="connsiteY25" fmla="*/ 131569 h 565745"/>
                <a:gd name="connsiteX26" fmla="*/ 1437384 w 1789406"/>
                <a:gd name="connsiteY26" fmla="*/ 134858 h 565745"/>
                <a:gd name="connsiteX27" fmla="*/ 1443963 w 1789406"/>
                <a:gd name="connsiteY27" fmla="*/ 144725 h 565745"/>
                <a:gd name="connsiteX28" fmla="*/ 1453830 w 1789406"/>
                <a:gd name="connsiteY28" fmla="*/ 148015 h 565745"/>
                <a:gd name="connsiteX29" fmla="*/ 1503168 w 1789406"/>
                <a:gd name="connsiteY29" fmla="*/ 164461 h 565745"/>
                <a:gd name="connsiteX30" fmla="*/ 1516325 w 1789406"/>
                <a:gd name="connsiteY30" fmla="*/ 167750 h 565745"/>
                <a:gd name="connsiteX31" fmla="*/ 1539350 w 1789406"/>
                <a:gd name="connsiteY31" fmla="*/ 180907 h 565745"/>
                <a:gd name="connsiteX32" fmla="*/ 1582109 w 1789406"/>
                <a:gd name="connsiteY32" fmla="*/ 207220 h 565745"/>
                <a:gd name="connsiteX33" fmla="*/ 1591977 w 1789406"/>
                <a:gd name="connsiteY33" fmla="*/ 226956 h 565745"/>
                <a:gd name="connsiteX34" fmla="*/ 1628158 w 1789406"/>
                <a:gd name="connsiteY34" fmla="*/ 282872 h 565745"/>
                <a:gd name="connsiteX35" fmla="*/ 1644604 w 1789406"/>
                <a:gd name="connsiteY35" fmla="*/ 292740 h 565745"/>
                <a:gd name="connsiteX36" fmla="*/ 1680786 w 1789406"/>
                <a:gd name="connsiteY36" fmla="*/ 328921 h 565745"/>
                <a:gd name="connsiteX37" fmla="*/ 1713678 w 1789406"/>
                <a:gd name="connsiteY37" fmla="*/ 355235 h 565745"/>
                <a:gd name="connsiteX38" fmla="*/ 1743281 w 1789406"/>
                <a:gd name="connsiteY38" fmla="*/ 401284 h 565745"/>
                <a:gd name="connsiteX39" fmla="*/ 1789329 w 1789406"/>
                <a:gd name="connsiteY39" fmla="*/ 473646 h 565745"/>
                <a:gd name="connsiteX40" fmla="*/ 1759726 w 1789406"/>
                <a:gd name="connsiteY40" fmla="*/ 565745 h 565745"/>
                <a:gd name="connsiteX0" fmla="*/ 0 w 1789406"/>
                <a:gd name="connsiteY0" fmla="*/ 0 h 565745"/>
                <a:gd name="connsiteX1" fmla="*/ 69073 w 1789406"/>
                <a:gd name="connsiteY1" fmla="*/ 72363 h 565745"/>
                <a:gd name="connsiteX2" fmla="*/ 104857 w 1789406"/>
                <a:gd name="connsiteY2" fmla="*/ 78834 h 565745"/>
                <a:gd name="connsiteX3" fmla="*/ 312475 w 1789406"/>
                <a:gd name="connsiteY3" fmla="*/ 108544 h 565745"/>
                <a:gd name="connsiteX4" fmla="*/ 368391 w 1789406"/>
                <a:gd name="connsiteY4" fmla="*/ 92098 h 565745"/>
                <a:gd name="connsiteX5" fmla="*/ 427597 w 1789406"/>
                <a:gd name="connsiteY5" fmla="*/ 75652 h 565745"/>
                <a:gd name="connsiteX6" fmla="*/ 565744 w 1789406"/>
                <a:gd name="connsiteY6" fmla="*/ 82230 h 565745"/>
                <a:gd name="connsiteX7" fmla="*/ 607274 w 1789406"/>
                <a:gd name="connsiteY7" fmla="*/ 58737 h 565745"/>
                <a:gd name="connsiteX8" fmla="*/ 703891 w 1789406"/>
                <a:gd name="connsiteY8" fmla="*/ 72363 h 565745"/>
                <a:gd name="connsiteX9" fmla="*/ 786121 w 1789406"/>
                <a:gd name="connsiteY9" fmla="*/ 78941 h 565745"/>
                <a:gd name="connsiteX10" fmla="*/ 795988 w 1789406"/>
                <a:gd name="connsiteY10" fmla="*/ 75652 h 565745"/>
                <a:gd name="connsiteX11" fmla="*/ 815724 w 1789406"/>
                <a:gd name="connsiteY11" fmla="*/ 72363 h 565745"/>
                <a:gd name="connsiteX12" fmla="*/ 970317 w 1789406"/>
                <a:gd name="connsiteY12" fmla="*/ 65784 h 565745"/>
                <a:gd name="connsiteX13" fmla="*/ 993341 w 1789406"/>
                <a:gd name="connsiteY13" fmla="*/ 72363 h 565745"/>
                <a:gd name="connsiteX14" fmla="*/ 1026233 w 1789406"/>
                <a:gd name="connsiteY14" fmla="*/ 78941 h 565745"/>
                <a:gd name="connsiteX15" fmla="*/ 1036101 w 1789406"/>
                <a:gd name="connsiteY15" fmla="*/ 82230 h 565745"/>
                <a:gd name="connsiteX16" fmla="*/ 1059125 w 1789406"/>
                <a:gd name="connsiteY16" fmla="*/ 88809 h 565745"/>
                <a:gd name="connsiteX17" fmla="*/ 1197272 w 1789406"/>
                <a:gd name="connsiteY17" fmla="*/ 101966 h 565745"/>
                <a:gd name="connsiteX18" fmla="*/ 1207140 w 1789406"/>
                <a:gd name="connsiteY18" fmla="*/ 98676 h 565745"/>
                <a:gd name="connsiteX19" fmla="*/ 1256478 w 1789406"/>
                <a:gd name="connsiteY19" fmla="*/ 101966 h 565745"/>
                <a:gd name="connsiteX20" fmla="*/ 1269634 w 1789406"/>
                <a:gd name="connsiteY20" fmla="*/ 105255 h 565745"/>
                <a:gd name="connsiteX21" fmla="*/ 1286081 w 1789406"/>
                <a:gd name="connsiteY21" fmla="*/ 108544 h 565745"/>
                <a:gd name="connsiteX22" fmla="*/ 1312394 w 1789406"/>
                <a:gd name="connsiteY22" fmla="*/ 115123 h 565745"/>
                <a:gd name="connsiteX23" fmla="*/ 1417649 w 1789406"/>
                <a:gd name="connsiteY23" fmla="*/ 124990 h 565745"/>
                <a:gd name="connsiteX24" fmla="*/ 1427517 w 1789406"/>
                <a:gd name="connsiteY24" fmla="*/ 131569 h 565745"/>
                <a:gd name="connsiteX25" fmla="*/ 1437384 w 1789406"/>
                <a:gd name="connsiteY25" fmla="*/ 134858 h 565745"/>
                <a:gd name="connsiteX26" fmla="*/ 1443963 w 1789406"/>
                <a:gd name="connsiteY26" fmla="*/ 144725 h 565745"/>
                <a:gd name="connsiteX27" fmla="*/ 1453830 w 1789406"/>
                <a:gd name="connsiteY27" fmla="*/ 148015 h 565745"/>
                <a:gd name="connsiteX28" fmla="*/ 1503168 w 1789406"/>
                <a:gd name="connsiteY28" fmla="*/ 164461 h 565745"/>
                <a:gd name="connsiteX29" fmla="*/ 1516325 w 1789406"/>
                <a:gd name="connsiteY29" fmla="*/ 167750 h 565745"/>
                <a:gd name="connsiteX30" fmla="*/ 1539350 w 1789406"/>
                <a:gd name="connsiteY30" fmla="*/ 180907 h 565745"/>
                <a:gd name="connsiteX31" fmla="*/ 1582109 w 1789406"/>
                <a:gd name="connsiteY31" fmla="*/ 207220 h 565745"/>
                <a:gd name="connsiteX32" fmla="*/ 1591977 w 1789406"/>
                <a:gd name="connsiteY32" fmla="*/ 226956 h 565745"/>
                <a:gd name="connsiteX33" fmla="*/ 1628158 w 1789406"/>
                <a:gd name="connsiteY33" fmla="*/ 282872 h 565745"/>
                <a:gd name="connsiteX34" fmla="*/ 1644604 w 1789406"/>
                <a:gd name="connsiteY34" fmla="*/ 292740 h 565745"/>
                <a:gd name="connsiteX35" fmla="*/ 1680786 w 1789406"/>
                <a:gd name="connsiteY35" fmla="*/ 328921 h 565745"/>
                <a:gd name="connsiteX36" fmla="*/ 1713678 w 1789406"/>
                <a:gd name="connsiteY36" fmla="*/ 355235 h 565745"/>
                <a:gd name="connsiteX37" fmla="*/ 1743281 w 1789406"/>
                <a:gd name="connsiteY37" fmla="*/ 401284 h 565745"/>
                <a:gd name="connsiteX38" fmla="*/ 1789329 w 1789406"/>
                <a:gd name="connsiteY38" fmla="*/ 473646 h 565745"/>
                <a:gd name="connsiteX39" fmla="*/ 1759726 w 1789406"/>
                <a:gd name="connsiteY39" fmla="*/ 565745 h 5657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1789406" h="565745">
                  <a:moveTo>
                    <a:pt x="0" y="0"/>
                  </a:moveTo>
                  <a:cubicBezTo>
                    <a:pt x="14390" y="15076"/>
                    <a:pt x="44404" y="54272"/>
                    <a:pt x="69073" y="72363"/>
                  </a:cubicBezTo>
                  <a:cubicBezTo>
                    <a:pt x="86549" y="85502"/>
                    <a:pt x="64290" y="72804"/>
                    <a:pt x="104857" y="78834"/>
                  </a:cubicBezTo>
                  <a:lnTo>
                    <a:pt x="312475" y="108544"/>
                  </a:lnTo>
                  <a:lnTo>
                    <a:pt x="368391" y="92098"/>
                  </a:lnTo>
                  <a:cubicBezTo>
                    <a:pt x="383741" y="87712"/>
                    <a:pt x="411151" y="77845"/>
                    <a:pt x="427597" y="75652"/>
                  </a:cubicBezTo>
                  <a:cubicBezTo>
                    <a:pt x="460489" y="74007"/>
                    <a:pt x="519695" y="82778"/>
                    <a:pt x="565744" y="82230"/>
                  </a:cubicBezTo>
                  <a:cubicBezTo>
                    <a:pt x="595690" y="79411"/>
                    <a:pt x="584250" y="60381"/>
                    <a:pt x="607274" y="58737"/>
                  </a:cubicBezTo>
                  <a:cubicBezTo>
                    <a:pt x="630298" y="57093"/>
                    <a:pt x="674083" y="68996"/>
                    <a:pt x="703891" y="72363"/>
                  </a:cubicBezTo>
                  <a:cubicBezTo>
                    <a:pt x="733699" y="75730"/>
                    <a:pt x="770772" y="78393"/>
                    <a:pt x="786121" y="78941"/>
                  </a:cubicBezTo>
                  <a:cubicBezTo>
                    <a:pt x="801470" y="79489"/>
                    <a:pt x="792604" y="76404"/>
                    <a:pt x="795988" y="75652"/>
                  </a:cubicBezTo>
                  <a:cubicBezTo>
                    <a:pt x="802499" y="74205"/>
                    <a:pt x="809145" y="73459"/>
                    <a:pt x="815724" y="72363"/>
                  </a:cubicBezTo>
                  <a:cubicBezTo>
                    <a:pt x="844779" y="70718"/>
                    <a:pt x="940714" y="65784"/>
                    <a:pt x="970317" y="65784"/>
                  </a:cubicBezTo>
                  <a:cubicBezTo>
                    <a:pt x="999920" y="65784"/>
                    <a:pt x="967184" y="66327"/>
                    <a:pt x="993341" y="72363"/>
                  </a:cubicBezTo>
                  <a:cubicBezTo>
                    <a:pt x="1004236" y="74877"/>
                    <a:pt x="1015269" y="76748"/>
                    <a:pt x="1026233" y="78941"/>
                  </a:cubicBezTo>
                  <a:cubicBezTo>
                    <a:pt x="1029633" y="79621"/>
                    <a:pt x="1032780" y="81234"/>
                    <a:pt x="1036101" y="82230"/>
                  </a:cubicBezTo>
                  <a:cubicBezTo>
                    <a:pt x="1043746" y="84524"/>
                    <a:pt x="1051450" y="86616"/>
                    <a:pt x="1059125" y="88809"/>
                  </a:cubicBezTo>
                  <a:cubicBezTo>
                    <a:pt x="1085987" y="92098"/>
                    <a:pt x="1172603" y="100322"/>
                    <a:pt x="1197272" y="101966"/>
                  </a:cubicBezTo>
                  <a:cubicBezTo>
                    <a:pt x="1221941" y="103611"/>
                    <a:pt x="1203851" y="99773"/>
                    <a:pt x="1207140" y="98676"/>
                  </a:cubicBezTo>
                  <a:cubicBezTo>
                    <a:pt x="1223586" y="99773"/>
                    <a:pt x="1240086" y="100240"/>
                    <a:pt x="1256478" y="101966"/>
                  </a:cubicBezTo>
                  <a:cubicBezTo>
                    <a:pt x="1260973" y="102439"/>
                    <a:pt x="1265221" y="104274"/>
                    <a:pt x="1269634" y="105255"/>
                  </a:cubicBezTo>
                  <a:cubicBezTo>
                    <a:pt x="1275092" y="106468"/>
                    <a:pt x="1280657" y="107188"/>
                    <a:pt x="1286081" y="108544"/>
                  </a:cubicBezTo>
                  <a:cubicBezTo>
                    <a:pt x="1326576" y="118667"/>
                    <a:pt x="1251711" y="102983"/>
                    <a:pt x="1312394" y="115123"/>
                  </a:cubicBezTo>
                  <a:cubicBezTo>
                    <a:pt x="1342853" y="145578"/>
                    <a:pt x="1309426" y="115151"/>
                    <a:pt x="1417649" y="124990"/>
                  </a:cubicBezTo>
                  <a:cubicBezTo>
                    <a:pt x="1421586" y="125348"/>
                    <a:pt x="1423981" y="129801"/>
                    <a:pt x="1427517" y="131569"/>
                  </a:cubicBezTo>
                  <a:cubicBezTo>
                    <a:pt x="1430618" y="133120"/>
                    <a:pt x="1434095" y="133762"/>
                    <a:pt x="1437384" y="134858"/>
                  </a:cubicBezTo>
                  <a:cubicBezTo>
                    <a:pt x="1439577" y="138147"/>
                    <a:pt x="1440876" y="142256"/>
                    <a:pt x="1443963" y="144725"/>
                  </a:cubicBezTo>
                  <a:cubicBezTo>
                    <a:pt x="1446670" y="146891"/>
                    <a:pt x="1443963" y="144726"/>
                    <a:pt x="1453830" y="148015"/>
                  </a:cubicBezTo>
                  <a:lnTo>
                    <a:pt x="1503168" y="164461"/>
                  </a:lnTo>
                  <a:cubicBezTo>
                    <a:pt x="1513584" y="167750"/>
                    <a:pt x="1511939" y="166654"/>
                    <a:pt x="1516325" y="167750"/>
                  </a:cubicBezTo>
                  <a:cubicBezTo>
                    <a:pt x="1525223" y="173682"/>
                    <a:pt x="1528386" y="174329"/>
                    <a:pt x="1539350" y="180907"/>
                  </a:cubicBezTo>
                  <a:cubicBezTo>
                    <a:pt x="1550314" y="187485"/>
                    <a:pt x="1573338" y="199545"/>
                    <a:pt x="1582109" y="207220"/>
                  </a:cubicBezTo>
                  <a:cubicBezTo>
                    <a:pt x="1590880" y="214895"/>
                    <a:pt x="1573123" y="198672"/>
                    <a:pt x="1591977" y="226956"/>
                  </a:cubicBezTo>
                  <a:cubicBezTo>
                    <a:pt x="1599652" y="239565"/>
                    <a:pt x="1619387" y="271908"/>
                    <a:pt x="1628158" y="282872"/>
                  </a:cubicBezTo>
                  <a:cubicBezTo>
                    <a:pt x="1636929" y="293836"/>
                    <a:pt x="1635833" y="285065"/>
                    <a:pt x="1644604" y="292740"/>
                  </a:cubicBezTo>
                  <a:cubicBezTo>
                    <a:pt x="1653375" y="300415"/>
                    <a:pt x="1669274" y="318505"/>
                    <a:pt x="1680786" y="328921"/>
                  </a:cubicBezTo>
                  <a:cubicBezTo>
                    <a:pt x="1692298" y="339337"/>
                    <a:pt x="1706552" y="348657"/>
                    <a:pt x="1713678" y="355235"/>
                  </a:cubicBezTo>
                  <a:cubicBezTo>
                    <a:pt x="1724094" y="367296"/>
                    <a:pt x="1730673" y="381549"/>
                    <a:pt x="1743281" y="401284"/>
                  </a:cubicBezTo>
                  <a:cubicBezTo>
                    <a:pt x="1755890" y="421019"/>
                    <a:pt x="1786588" y="446236"/>
                    <a:pt x="1789329" y="473646"/>
                  </a:cubicBezTo>
                  <a:cubicBezTo>
                    <a:pt x="1790974" y="499412"/>
                    <a:pt x="1765893" y="546558"/>
                    <a:pt x="1759726" y="565745"/>
                  </a:cubicBezTo>
                </a:path>
              </a:pathLst>
            </a:custGeom>
            <a:noFill/>
            <a:ln w="76200">
              <a:solidFill>
                <a:srgbClr val="0033CC"/>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5" name="Group 4"/>
            <p:cNvGrpSpPr/>
            <p:nvPr/>
          </p:nvGrpSpPr>
          <p:grpSpPr>
            <a:xfrm>
              <a:off x="6367909" y="2190499"/>
              <a:ext cx="868350" cy="1361847"/>
              <a:chOff x="6367909" y="2190499"/>
              <a:chExt cx="868350" cy="1361847"/>
            </a:xfrm>
          </p:grpSpPr>
          <p:sp>
            <p:nvSpPr>
              <p:cNvPr id="25" name="Freeform 24"/>
              <p:cNvSpPr/>
              <p:nvPr/>
            </p:nvSpPr>
            <p:spPr bwMode="auto">
              <a:xfrm>
                <a:off x="6367909" y="2190499"/>
                <a:ext cx="583485" cy="274553"/>
              </a:xfrm>
              <a:custGeom>
                <a:avLst/>
                <a:gdLst>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4573 w 542719"/>
                  <a:gd name="connsiteY21" fmla="*/ 180906 h 269715"/>
                  <a:gd name="connsiteX22" fmla="*/ 407862 w 542719"/>
                  <a:gd name="connsiteY22" fmla="*/ 226955 h 269715"/>
                  <a:gd name="connsiteX23" fmla="*/ 434175 w 542719"/>
                  <a:gd name="connsiteY23" fmla="*/ 243401 h 269715"/>
                  <a:gd name="connsiteX24" fmla="*/ 453911 w 542719"/>
                  <a:gd name="connsiteY24" fmla="*/ 249980 h 269715"/>
                  <a:gd name="connsiteX25" fmla="*/ 463778 w 542719"/>
                  <a:gd name="connsiteY25" fmla="*/ 253269 h 269715"/>
                  <a:gd name="connsiteX26" fmla="*/ 496670 w 542719"/>
                  <a:gd name="connsiteY26" fmla="*/ 263137 h 269715"/>
                  <a:gd name="connsiteX27" fmla="*/ 536141 w 542719"/>
                  <a:gd name="connsiteY27" fmla="*/ 266426 h 269715"/>
                  <a:gd name="connsiteX28" fmla="*/ 542719 w 542719"/>
                  <a:gd name="connsiteY28"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407862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34175 w 542719"/>
                  <a:gd name="connsiteY22" fmla="*/ 243401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53911 w 542719"/>
                  <a:gd name="connsiteY23" fmla="*/ 249980 h 269715"/>
                  <a:gd name="connsiteX24" fmla="*/ 463778 w 542719"/>
                  <a:gd name="connsiteY24" fmla="*/ 253269 h 269715"/>
                  <a:gd name="connsiteX25" fmla="*/ 496670 w 542719"/>
                  <a:gd name="connsiteY25" fmla="*/ 263137 h 269715"/>
                  <a:gd name="connsiteX26" fmla="*/ 536141 w 542719"/>
                  <a:gd name="connsiteY26" fmla="*/ 266426 h 269715"/>
                  <a:gd name="connsiteX27" fmla="*/ 542719 w 542719"/>
                  <a:gd name="connsiteY27"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63778 w 542719"/>
                  <a:gd name="connsiteY23" fmla="*/ 253269 h 269715"/>
                  <a:gd name="connsiteX24" fmla="*/ 496670 w 542719"/>
                  <a:gd name="connsiteY24" fmla="*/ 263137 h 269715"/>
                  <a:gd name="connsiteX25" fmla="*/ 536141 w 542719"/>
                  <a:gd name="connsiteY25" fmla="*/ 266426 h 269715"/>
                  <a:gd name="connsiteX26" fmla="*/ 542719 w 542719"/>
                  <a:gd name="connsiteY26"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96670 w 542719"/>
                  <a:gd name="connsiteY23" fmla="*/ 263137 h 269715"/>
                  <a:gd name="connsiteX24" fmla="*/ 536141 w 542719"/>
                  <a:gd name="connsiteY24" fmla="*/ 266426 h 269715"/>
                  <a:gd name="connsiteX25" fmla="*/ 542719 w 542719"/>
                  <a:gd name="connsiteY25" fmla="*/ 269715 h 269715"/>
                  <a:gd name="connsiteX0" fmla="*/ 0 w 542719"/>
                  <a:gd name="connsiteY0" fmla="*/ 0 h 269715"/>
                  <a:gd name="connsiteX1" fmla="*/ 16446 w 542719"/>
                  <a:gd name="connsiteY1" fmla="*/ 3289 h 269715"/>
                  <a:gd name="connsiteX2" fmla="*/ 26314 w 542719"/>
                  <a:gd name="connsiteY2" fmla="*/ 6578 h 269715"/>
                  <a:gd name="connsiteX3" fmla="*/ 72363 w 542719"/>
                  <a:gd name="connsiteY3" fmla="*/ 9868 h 269715"/>
                  <a:gd name="connsiteX4" fmla="*/ 105255 w 542719"/>
                  <a:gd name="connsiteY4" fmla="*/ 19735 h 269715"/>
                  <a:gd name="connsiteX5" fmla="*/ 134857 w 542719"/>
                  <a:gd name="connsiteY5" fmla="*/ 32892 h 269715"/>
                  <a:gd name="connsiteX6" fmla="*/ 148014 w 542719"/>
                  <a:gd name="connsiteY6" fmla="*/ 39470 h 269715"/>
                  <a:gd name="connsiteX7" fmla="*/ 157882 w 542719"/>
                  <a:gd name="connsiteY7" fmla="*/ 42760 h 269715"/>
                  <a:gd name="connsiteX8" fmla="*/ 174328 w 542719"/>
                  <a:gd name="connsiteY8" fmla="*/ 59206 h 269715"/>
                  <a:gd name="connsiteX9" fmla="*/ 273004 w 542719"/>
                  <a:gd name="connsiteY9" fmla="*/ 72363 h 269715"/>
                  <a:gd name="connsiteX10" fmla="*/ 289450 w 542719"/>
                  <a:gd name="connsiteY10" fmla="*/ 75652 h 269715"/>
                  <a:gd name="connsiteX11" fmla="*/ 309186 w 542719"/>
                  <a:gd name="connsiteY11" fmla="*/ 82230 h 269715"/>
                  <a:gd name="connsiteX12" fmla="*/ 328921 w 542719"/>
                  <a:gd name="connsiteY12" fmla="*/ 88809 h 269715"/>
                  <a:gd name="connsiteX13" fmla="*/ 342078 w 542719"/>
                  <a:gd name="connsiteY13" fmla="*/ 95387 h 269715"/>
                  <a:gd name="connsiteX14" fmla="*/ 351945 w 542719"/>
                  <a:gd name="connsiteY14" fmla="*/ 98676 h 269715"/>
                  <a:gd name="connsiteX15" fmla="*/ 361813 w 542719"/>
                  <a:gd name="connsiteY15" fmla="*/ 105255 h 269715"/>
                  <a:gd name="connsiteX16" fmla="*/ 374970 w 542719"/>
                  <a:gd name="connsiteY16" fmla="*/ 111833 h 269715"/>
                  <a:gd name="connsiteX17" fmla="*/ 384837 w 542719"/>
                  <a:gd name="connsiteY17" fmla="*/ 131568 h 269715"/>
                  <a:gd name="connsiteX18" fmla="*/ 391416 w 542719"/>
                  <a:gd name="connsiteY18" fmla="*/ 138147 h 269715"/>
                  <a:gd name="connsiteX19" fmla="*/ 397994 w 542719"/>
                  <a:gd name="connsiteY19" fmla="*/ 148014 h 269715"/>
                  <a:gd name="connsiteX20" fmla="*/ 401283 w 542719"/>
                  <a:gd name="connsiteY20" fmla="*/ 171039 h 269715"/>
                  <a:gd name="connsiteX21" fmla="*/ 394705 w 542719"/>
                  <a:gd name="connsiteY21" fmla="*/ 226955 h 269715"/>
                  <a:gd name="connsiteX22" fmla="*/ 424307 w 542719"/>
                  <a:gd name="connsiteY22" fmla="*/ 256558 h 269715"/>
                  <a:gd name="connsiteX23" fmla="*/ 486802 w 542719"/>
                  <a:gd name="connsiteY23" fmla="*/ 263137 h 269715"/>
                  <a:gd name="connsiteX24" fmla="*/ 536141 w 542719"/>
                  <a:gd name="connsiteY24" fmla="*/ 266426 h 269715"/>
                  <a:gd name="connsiteX25" fmla="*/ 542719 w 542719"/>
                  <a:gd name="connsiteY25" fmla="*/ 269715 h 269715"/>
                  <a:gd name="connsiteX0" fmla="*/ 0 w 536141"/>
                  <a:gd name="connsiteY0" fmla="*/ 0 h 266426"/>
                  <a:gd name="connsiteX1" fmla="*/ 16446 w 536141"/>
                  <a:gd name="connsiteY1" fmla="*/ 3289 h 266426"/>
                  <a:gd name="connsiteX2" fmla="*/ 26314 w 536141"/>
                  <a:gd name="connsiteY2" fmla="*/ 6578 h 266426"/>
                  <a:gd name="connsiteX3" fmla="*/ 72363 w 536141"/>
                  <a:gd name="connsiteY3" fmla="*/ 9868 h 266426"/>
                  <a:gd name="connsiteX4" fmla="*/ 105255 w 536141"/>
                  <a:gd name="connsiteY4" fmla="*/ 19735 h 266426"/>
                  <a:gd name="connsiteX5" fmla="*/ 134857 w 536141"/>
                  <a:gd name="connsiteY5" fmla="*/ 32892 h 266426"/>
                  <a:gd name="connsiteX6" fmla="*/ 148014 w 536141"/>
                  <a:gd name="connsiteY6" fmla="*/ 39470 h 266426"/>
                  <a:gd name="connsiteX7" fmla="*/ 157882 w 536141"/>
                  <a:gd name="connsiteY7" fmla="*/ 42760 h 266426"/>
                  <a:gd name="connsiteX8" fmla="*/ 174328 w 536141"/>
                  <a:gd name="connsiteY8" fmla="*/ 59206 h 266426"/>
                  <a:gd name="connsiteX9" fmla="*/ 273004 w 536141"/>
                  <a:gd name="connsiteY9" fmla="*/ 72363 h 266426"/>
                  <a:gd name="connsiteX10" fmla="*/ 289450 w 536141"/>
                  <a:gd name="connsiteY10" fmla="*/ 75652 h 266426"/>
                  <a:gd name="connsiteX11" fmla="*/ 309186 w 536141"/>
                  <a:gd name="connsiteY11" fmla="*/ 82230 h 266426"/>
                  <a:gd name="connsiteX12" fmla="*/ 328921 w 536141"/>
                  <a:gd name="connsiteY12" fmla="*/ 88809 h 266426"/>
                  <a:gd name="connsiteX13" fmla="*/ 342078 w 536141"/>
                  <a:gd name="connsiteY13" fmla="*/ 95387 h 266426"/>
                  <a:gd name="connsiteX14" fmla="*/ 351945 w 536141"/>
                  <a:gd name="connsiteY14" fmla="*/ 98676 h 266426"/>
                  <a:gd name="connsiteX15" fmla="*/ 361813 w 536141"/>
                  <a:gd name="connsiteY15" fmla="*/ 105255 h 266426"/>
                  <a:gd name="connsiteX16" fmla="*/ 374970 w 536141"/>
                  <a:gd name="connsiteY16" fmla="*/ 111833 h 266426"/>
                  <a:gd name="connsiteX17" fmla="*/ 384837 w 536141"/>
                  <a:gd name="connsiteY17" fmla="*/ 131568 h 266426"/>
                  <a:gd name="connsiteX18" fmla="*/ 391416 w 536141"/>
                  <a:gd name="connsiteY18" fmla="*/ 138147 h 266426"/>
                  <a:gd name="connsiteX19" fmla="*/ 397994 w 536141"/>
                  <a:gd name="connsiteY19" fmla="*/ 148014 h 266426"/>
                  <a:gd name="connsiteX20" fmla="*/ 401283 w 536141"/>
                  <a:gd name="connsiteY20" fmla="*/ 171039 h 266426"/>
                  <a:gd name="connsiteX21" fmla="*/ 394705 w 536141"/>
                  <a:gd name="connsiteY21" fmla="*/ 226955 h 266426"/>
                  <a:gd name="connsiteX22" fmla="*/ 424307 w 536141"/>
                  <a:gd name="connsiteY22" fmla="*/ 256558 h 266426"/>
                  <a:gd name="connsiteX23" fmla="*/ 486802 w 536141"/>
                  <a:gd name="connsiteY23" fmla="*/ 263137 h 266426"/>
                  <a:gd name="connsiteX24" fmla="*/ 536141 w 536141"/>
                  <a:gd name="connsiteY24" fmla="*/ 266426 h 266426"/>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74328 w 549298"/>
                  <a:gd name="connsiteY8" fmla="*/ 59206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0907 w 549298"/>
                  <a:gd name="connsiteY8" fmla="*/ 69074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184196 w 549298"/>
                  <a:gd name="connsiteY8" fmla="*/ 82231 h 263179"/>
                  <a:gd name="connsiteX9" fmla="*/ 273004 w 549298"/>
                  <a:gd name="connsiteY9" fmla="*/ 72363 h 263179"/>
                  <a:gd name="connsiteX10" fmla="*/ 289450 w 549298"/>
                  <a:gd name="connsiteY10" fmla="*/ 75652 h 263179"/>
                  <a:gd name="connsiteX11" fmla="*/ 309186 w 549298"/>
                  <a:gd name="connsiteY11" fmla="*/ 82230 h 263179"/>
                  <a:gd name="connsiteX12" fmla="*/ 328921 w 549298"/>
                  <a:gd name="connsiteY12" fmla="*/ 88809 h 263179"/>
                  <a:gd name="connsiteX13" fmla="*/ 342078 w 549298"/>
                  <a:gd name="connsiteY13" fmla="*/ 95387 h 263179"/>
                  <a:gd name="connsiteX14" fmla="*/ 351945 w 549298"/>
                  <a:gd name="connsiteY14" fmla="*/ 98676 h 263179"/>
                  <a:gd name="connsiteX15" fmla="*/ 361813 w 549298"/>
                  <a:gd name="connsiteY15" fmla="*/ 105255 h 263179"/>
                  <a:gd name="connsiteX16" fmla="*/ 374970 w 549298"/>
                  <a:gd name="connsiteY16" fmla="*/ 111833 h 263179"/>
                  <a:gd name="connsiteX17" fmla="*/ 384837 w 549298"/>
                  <a:gd name="connsiteY17" fmla="*/ 131568 h 263179"/>
                  <a:gd name="connsiteX18" fmla="*/ 391416 w 549298"/>
                  <a:gd name="connsiteY18" fmla="*/ 138147 h 263179"/>
                  <a:gd name="connsiteX19" fmla="*/ 397994 w 549298"/>
                  <a:gd name="connsiteY19" fmla="*/ 148014 h 263179"/>
                  <a:gd name="connsiteX20" fmla="*/ 401283 w 549298"/>
                  <a:gd name="connsiteY20" fmla="*/ 171039 h 263179"/>
                  <a:gd name="connsiteX21" fmla="*/ 394705 w 549298"/>
                  <a:gd name="connsiteY21" fmla="*/ 226955 h 263179"/>
                  <a:gd name="connsiteX22" fmla="*/ 424307 w 549298"/>
                  <a:gd name="connsiteY22" fmla="*/ 256558 h 263179"/>
                  <a:gd name="connsiteX23" fmla="*/ 486802 w 549298"/>
                  <a:gd name="connsiteY23" fmla="*/ 263137 h 263179"/>
                  <a:gd name="connsiteX24" fmla="*/ 549298 w 549298"/>
                  <a:gd name="connsiteY24" fmla="*/ 259848 h 263179"/>
                  <a:gd name="connsiteX0" fmla="*/ 0 w 549298"/>
                  <a:gd name="connsiteY0" fmla="*/ 0 h 263179"/>
                  <a:gd name="connsiteX1" fmla="*/ 16446 w 549298"/>
                  <a:gd name="connsiteY1" fmla="*/ 3289 h 263179"/>
                  <a:gd name="connsiteX2" fmla="*/ 26314 w 549298"/>
                  <a:gd name="connsiteY2" fmla="*/ 6578 h 263179"/>
                  <a:gd name="connsiteX3" fmla="*/ 72363 w 549298"/>
                  <a:gd name="connsiteY3" fmla="*/ 9868 h 263179"/>
                  <a:gd name="connsiteX4" fmla="*/ 105255 w 549298"/>
                  <a:gd name="connsiteY4" fmla="*/ 19735 h 263179"/>
                  <a:gd name="connsiteX5" fmla="*/ 134857 w 549298"/>
                  <a:gd name="connsiteY5" fmla="*/ 32892 h 263179"/>
                  <a:gd name="connsiteX6" fmla="*/ 148014 w 549298"/>
                  <a:gd name="connsiteY6" fmla="*/ 39470 h 263179"/>
                  <a:gd name="connsiteX7" fmla="*/ 157882 w 549298"/>
                  <a:gd name="connsiteY7" fmla="*/ 42760 h 263179"/>
                  <a:gd name="connsiteX8" fmla="*/ 273004 w 549298"/>
                  <a:gd name="connsiteY8" fmla="*/ 72363 h 263179"/>
                  <a:gd name="connsiteX9" fmla="*/ 289450 w 549298"/>
                  <a:gd name="connsiteY9" fmla="*/ 75652 h 263179"/>
                  <a:gd name="connsiteX10" fmla="*/ 309186 w 549298"/>
                  <a:gd name="connsiteY10" fmla="*/ 82230 h 263179"/>
                  <a:gd name="connsiteX11" fmla="*/ 328921 w 549298"/>
                  <a:gd name="connsiteY11" fmla="*/ 88809 h 263179"/>
                  <a:gd name="connsiteX12" fmla="*/ 342078 w 549298"/>
                  <a:gd name="connsiteY12" fmla="*/ 95387 h 263179"/>
                  <a:gd name="connsiteX13" fmla="*/ 351945 w 549298"/>
                  <a:gd name="connsiteY13" fmla="*/ 98676 h 263179"/>
                  <a:gd name="connsiteX14" fmla="*/ 361813 w 549298"/>
                  <a:gd name="connsiteY14" fmla="*/ 105255 h 263179"/>
                  <a:gd name="connsiteX15" fmla="*/ 374970 w 549298"/>
                  <a:gd name="connsiteY15" fmla="*/ 111833 h 263179"/>
                  <a:gd name="connsiteX16" fmla="*/ 384837 w 549298"/>
                  <a:gd name="connsiteY16" fmla="*/ 131568 h 263179"/>
                  <a:gd name="connsiteX17" fmla="*/ 391416 w 549298"/>
                  <a:gd name="connsiteY17" fmla="*/ 138147 h 263179"/>
                  <a:gd name="connsiteX18" fmla="*/ 397994 w 549298"/>
                  <a:gd name="connsiteY18" fmla="*/ 148014 h 263179"/>
                  <a:gd name="connsiteX19" fmla="*/ 401283 w 549298"/>
                  <a:gd name="connsiteY19" fmla="*/ 171039 h 263179"/>
                  <a:gd name="connsiteX20" fmla="*/ 394705 w 549298"/>
                  <a:gd name="connsiteY20" fmla="*/ 226955 h 263179"/>
                  <a:gd name="connsiteX21" fmla="*/ 424307 w 549298"/>
                  <a:gd name="connsiteY21" fmla="*/ 256558 h 263179"/>
                  <a:gd name="connsiteX22" fmla="*/ 486802 w 549298"/>
                  <a:gd name="connsiteY22" fmla="*/ 263137 h 263179"/>
                  <a:gd name="connsiteX23" fmla="*/ 549298 w 549298"/>
                  <a:gd name="connsiteY23" fmla="*/ 259848 h 263179"/>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05255 w 549298"/>
                  <a:gd name="connsiteY4" fmla="*/ 19848 h 263292"/>
                  <a:gd name="connsiteX5" fmla="*/ 134857 w 549298"/>
                  <a:gd name="connsiteY5" fmla="*/ 33005 h 263292"/>
                  <a:gd name="connsiteX6" fmla="*/ 148014 w 549298"/>
                  <a:gd name="connsiteY6" fmla="*/ 39583 h 263292"/>
                  <a:gd name="connsiteX7" fmla="*/ 157882 w 549298"/>
                  <a:gd name="connsiteY7" fmla="*/ 42873 h 263292"/>
                  <a:gd name="connsiteX8" fmla="*/ 273004 w 549298"/>
                  <a:gd name="connsiteY8" fmla="*/ 72476 h 263292"/>
                  <a:gd name="connsiteX9" fmla="*/ 289450 w 549298"/>
                  <a:gd name="connsiteY9" fmla="*/ 75765 h 263292"/>
                  <a:gd name="connsiteX10" fmla="*/ 309186 w 549298"/>
                  <a:gd name="connsiteY10" fmla="*/ 82343 h 263292"/>
                  <a:gd name="connsiteX11" fmla="*/ 328921 w 549298"/>
                  <a:gd name="connsiteY11" fmla="*/ 88922 h 263292"/>
                  <a:gd name="connsiteX12" fmla="*/ 342078 w 549298"/>
                  <a:gd name="connsiteY12" fmla="*/ 95500 h 263292"/>
                  <a:gd name="connsiteX13" fmla="*/ 351945 w 549298"/>
                  <a:gd name="connsiteY13" fmla="*/ 98789 h 263292"/>
                  <a:gd name="connsiteX14" fmla="*/ 361813 w 549298"/>
                  <a:gd name="connsiteY14" fmla="*/ 105368 h 263292"/>
                  <a:gd name="connsiteX15" fmla="*/ 374970 w 549298"/>
                  <a:gd name="connsiteY15" fmla="*/ 111946 h 263292"/>
                  <a:gd name="connsiteX16" fmla="*/ 384837 w 549298"/>
                  <a:gd name="connsiteY16" fmla="*/ 131681 h 263292"/>
                  <a:gd name="connsiteX17" fmla="*/ 391416 w 549298"/>
                  <a:gd name="connsiteY17" fmla="*/ 138260 h 263292"/>
                  <a:gd name="connsiteX18" fmla="*/ 397994 w 549298"/>
                  <a:gd name="connsiteY18" fmla="*/ 148127 h 263292"/>
                  <a:gd name="connsiteX19" fmla="*/ 401283 w 549298"/>
                  <a:gd name="connsiteY19" fmla="*/ 171152 h 263292"/>
                  <a:gd name="connsiteX20" fmla="*/ 394705 w 549298"/>
                  <a:gd name="connsiteY20" fmla="*/ 227068 h 263292"/>
                  <a:gd name="connsiteX21" fmla="*/ 424307 w 549298"/>
                  <a:gd name="connsiteY21" fmla="*/ 256671 h 263292"/>
                  <a:gd name="connsiteX22" fmla="*/ 486802 w 549298"/>
                  <a:gd name="connsiteY22" fmla="*/ 263250 h 263292"/>
                  <a:gd name="connsiteX23" fmla="*/ 549298 w 549298"/>
                  <a:gd name="connsiteY23"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157882 w 549298"/>
                  <a:gd name="connsiteY6" fmla="*/ 42873 h 263292"/>
                  <a:gd name="connsiteX7" fmla="*/ 273004 w 549298"/>
                  <a:gd name="connsiteY7" fmla="*/ 72476 h 263292"/>
                  <a:gd name="connsiteX8" fmla="*/ 289450 w 549298"/>
                  <a:gd name="connsiteY8" fmla="*/ 75765 h 263292"/>
                  <a:gd name="connsiteX9" fmla="*/ 309186 w 549298"/>
                  <a:gd name="connsiteY9" fmla="*/ 82343 h 263292"/>
                  <a:gd name="connsiteX10" fmla="*/ 328921 w 549298"/>
                  <a:gd name="connsiteY10" fmla="*/ 88922 h 263292"/>
                  <a:gd name="connsiteX11" fmla="*/ 342078 w 549298"/>
                  <a:gd name="connsiteY11" fmla="*/ 95500 h 263292"/>
                  <a:gd name="connsiteX12" fmla="*/ 351945 w 549298"/>
                  <a:gd name="connsiteY12" fmla="*/ 98789 h 263292"/>
                  <a:gd name="connsiteX13" fmla="*/ 361813 w 549298"/>
                  <a:gd name="connsiteY13" fmla="*/ 105368 h 263292"/>
                  <a:gd name="connsiteX14" fmla="*/ 374970 w 549298"/>
                  <a:gd name="connsiteY14" fmla="*/ 111946 h 263292"/>
                  <a:gd name="connsiteX15" fmla="*/ 384837 w 549298"/>
                  <a:gd name="connsiteY15" fmla="*/ 131681 h 263292"/>
                  <a:gd name="connsiteX16" fmla="*/ 391416 w 549298"/>
                  <a:gd name="connsiteY16" fmla="*/ 138260 h 263292"/>
                  <a:gd name="connsiteX17" fmla="*/ 397994 w 549298"/>
                  <a:gd name="connsiteY17" fmla="*/ 148127 h 263292"/>
                  <a:gd name="connsiteX18" fmla="*/ 401283 w 549298"/>
                  <a:gd name="connsiteY18" fmla="*/ 171152 h 263292"/>
                  <a:gd name="connsiteX19" fmla="*/ 394705 w 549298"/>
                  <a:gd name="connsiteY19" fmla="*/ 227068 h 263292"/>
                  <a:gd name="connsiteX20" fmla="*/ 424307 w 549298"/>
                  <a:gd name="connsiteY20" fmla="*/ 256671 h 263292"/>
                  <a:gd name="connsiteX21" fmla="*/ 486802 w 549298"/>
                  <a:gd name="connsiteY21" fmla="*/ 263250 h 263292"/>
                  <a:gd name="connsiteX22" fmla="*/ 549298 w 549298"/>
                  <a:gd name="connsiteY22"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48014 w 549298"/>
                  <a:gd name="connsiteY5" fmla="*/ 39583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49298"/>
                  <a:gd name="connsiteY0" fmla="*/ 113 h 263292"/>
                  <a:gd name="connsiteX1" fmla="*/ 16446 w 549298"/>
                  <a:gd name="connsiteY1" fmla="*/ 3402 h 263292"/>
                  <a:gd name="connsiteX2" fmla="*/ 26314 w 549298"/>
                  <a:gd name="connsiteY2" fmla="*/ 6691 h 263292"/>
                  <a:gd name="connsiteX3" fmla="*/ 82231 w 549298"/>
                  <a:gd name="connsiteY3" fmla="*/ 114 h 263292"/>
                  <a:gd name="connsiteX4" fmla="*/ 134857 w 549298"/>
                  <a:gd name="connsiteY4" fmla="*/ 33005 h 263292"/>
                  <a:gd name="connsiteX5" fmla="*/ 177617 w 549298"/>
                  <a:gd name="connsiteY5" fmla="*/ 52740 h 263292"/>
                  <a:gd name="connsiteX6" fmla="*/ 273004 w 549298"/>
                  <a:gd name="connsiteY6" fmla="*/ 72476 h 263292"/>
                  <a:gd name="connsiteX7" fmla="*/ 289450 w 549298"/>
                  <a:gd name="connsiteY7" fmla="*/ 75765 h 263292"/>
                  <a:gd name="connsiteX8" fmla="*/ 309186 w 549298"/>
                  <a:gd name="connsiteY8" fmla="*/ 82343 h 263292"/>
                  <a:gd name="connsiteX9" fmla="*/ 328921 w 549298"/>
                  <a:gd name="connsiteY9" fmla="*/ 88922 h 263292"/>
                  <a:gd name="connsiteX10" fmla="*/ 342078 w 549298"/>
                  <a:gd name="connsiteY10" fmla="*/ 95500 h 263292"/>
                  <a:gd name="connsiteX11" fmla="*/ 351945 w 549298"/>
                  <a:gd name="connsiteY11" fmla="*/ 98789 h 263292"/>
                  <a:gd name="connsiteX12" fmla="*/ 361813 w 549298"/>
                  <a:gd name="connsiteY12" fmla="*/ 105368 h 263292"/>
                  <a:gd name="connsiteX13" fmla="*/ 374970 w 549298"/>
                  <a:gd name="connsiteY13" fmla="*/ 111946 h 263292"/>
                  <a:gd name="connsiteX14" fmla="*/ 384837 w 549298"/>
                  <a:gd name="connsiteY14" fmla="*/ 131681 h 263292"/>
                  <a:gd name="connsiteX15" fmla="*/ 391416 w 549298"/>
                  <a:gd name="connsiteY15" fmla="*/ 138260 h 263292"/>
                  <a:gd name="connsiteX16" fmla="*/ 397994 w 549298"/>
                  <a:gd name="connsiteY16" fmla="*/ 148127 h 263292"/>
                  <a:gd name="connsiteX17" fmla="*/ 401283 w 549298"/>
                  <a:gd name="connsiteY17" fmla="*/ 171152 h 263292"/>
                  <a:gd name="connsiteX18" fmla="*/ 394705 w 549298"/>
                  <a:gd name="connsiteY18" fmla="*/ 227068 h 263292"/>
                  <a:gd name="connsiteX19" fmla="*/ 424307 w 549298"/>
                  <a:gd name="connsiteY19" fmla="*/ 256671 h 263292"/>
                  <a:gd name="connsiteX20" fmla="*/ 486802 w 549298"/>
                  <a:gd name="connsiteY20" fmla="*/ 263250 h 263292"/>
                  <a:gd name="connsiteX21" fmla="*/ 549298 w 549298"/>
                  <a:gd name="connsiteY21" fmla="*/ 259961 h 263292"/>
                  <a:gd name="connsiteX0" fmla="*/ 0 w 559166"/>
                  <a:gd name="connsiteY0" fmla="*/ 113 h 263292"/>
                  <a:gd name="connsiteX1" fmla="*/ 16446 w 559166"/>
                  <a:gd name="connsiteY1" fmla="*/ 3402 h 263292"/>
                  <a:gd name="connsiteX2" fmla="*/ 26314 w 559166"/>
                  <a:gd name="connsiteY2" fmla="*/ 6691 h 263292"/>
                  <a:gd name="connsiteX3" fmla="*/ 82231 w 559166"/>
                  <a:gd name="connsiteY3" fmla="*/ 114 h 263292"/>
                  <a:gd name="connsiteX4" fmla="*/ 134857 w 559166"/>
                  <a:gd name="connsiteY4" fmla="*/ 33005 h 263292"/>
                  <a:gd name="connsiteX5" fmla="*/ 177617 w 559166"/>
                  <a:gd name="connsiteY5" fmla="*/ 52740 h 263292"/>
                  <a:gd name="connsiteX6" fmla="*/ 273004 w 559166"/>
                  <a:gd name="connsiteY6" fmla="*/ 72476 h 263292"/>
                  <a:gd name="connsiteX7" fmla="*/ 289450 w 559166"/>
                  <a:gd name="connsiteY7" fmla="*/ 75765 h 263292"/>
                  <a:gd name="connsiteX8" fmla="*/ 309186 w 559166"/>
                  <a:gd name="connsiteY8" fmla="*/ 82343 h 263292"/>
                  <a:gd name="connsiteX9" fmla="*/ 328921 w 559166"/>
                  <a:gd name="connsiteY9" fmla="*/ 88922 h 263292"/>
                  <a:gd name="connsiteX10" fmla="*/ 342078 w 559166"/>
                  <a:gd name="connsiteY10" fmla="*/ 95500 h 263292"/>
                  <a:gd name="connsiteX11" fmla="*/ 351945 w 559166"/>
                  <a:gd name="connsiteY11" fmla="*/ 98789 h 263292"/>
                  <a:gd name="connsiteX12" fmla="*/ 361813 w 559166"/>
                  <a:gd name="connsiteY12" fmla="*/ 105368 h 263292"/>
                  <a:gd name="connsiteX13" fmla="*/ 374970 w 559166"/>
                  <a:gd name="connsiteY13" fmla="*/ 111946 h 263292"/>
                  <a:gd name="connsiteX14" fmla="*/ 384837 w 559166"/>
                  <a:gd name="connsiteY14" fmla="*/ 131681 h 263292"/>
                  <a:gd name="connsiteX15" fmla="*/ 391416 w 559166"/>
                  <a:gd name="connsiteY15" fmla="*/ 138260 h 263292"/>
                  <a:gd name="connsiteX16" fmla="*/ 397994 w 559166"/>
                  <a:gd name="connsiteY16" fmla="*/ 148127 h 263292"/>
                  <a:gd name="connsiteX17" fmla="*/ 401283 w 559166"/>
                  <a:gd name="connsiteY17" fmla="*/ 171152 h 263292"/>
                  <a:gd name="connsiteX18" fmla="*/ 394705 w 559166"/>
                  <a:gd name="connsiteY18" fmla="*/ 227068 h 263292"/>
                  <a:gd name="connsiteX19" fmla="*/ 424307 w 559166"/>
                  <a:gd name="connsiteY19" fmla="*/ 256671 h 263292"/>
                  <a:gd name="connsiteX20" fmla="*/ 486802 w 559166"/>
                  <a:gd name="connsiteY20" fmla="*/ 263250 h 263292"/>
                  <a:gd name="connsiteX21" fmla="*/ 559166 w 559166"/>
                  <a:gd name="connsiteY21" fmla="*/ 259961 h 263292"/>
                  <a:gd name="connsiteX0" fmla="*/ 0 w 564029"/>
                  <a:gd name="connsiteY0" fmla="*/ 113 h 284281"/>
                  <a:gd name="connsiteX1" fmla="*/ 16446 w 564029"/>
                  <a:gd name="connsiteY1" fmla="*/ 3402 h 284281"/>
                  <a:gd name="connsiteX2" fmla="*/ 26314 w 564029"/>
                  <a:gd name="connsiteY2" fmla="*/ 6691 h 284281"/>
                  <a:gd name="connsiteX3" fmla="*/ 82231 w 564029"/>
                  <a:gd name="connsiteY3" fmla="*/ 114 h 284281"/>
                  <a:gd name="connsiteX4" fmla="*/ 134857 w 564029"/>
                  <a:gd name="connsiteY4" fmla="*/ 33005 h 284281"/>
                  <a:gd name="connsiteX5" fmla="*/ 177617 w 564029"/>
                  <a:gd name="connsiteY5" fmla="*/ 52740 h 284281"/>
                  <a:gd name="connsiteX6" fmla="*/ 273004 w 564029"/>
                  <a:gd name="connsiteY6" fmla="*/ 72476 h 284281"/>
                  <a:gd name="connsiteX7" fmla="*/ 289450 w 564029"/>
                  <a:gd name="connsiteY7" fmla="*/ 75765 h 284281"/>
                  <a:gd name="connsiteX8" fmla="*/ 309186 w 564029"/>
                  <a:gd name="connsiteY8" fmla="*/ 82343 h 284281"/>
                  <a:gd name="connsiteX9" fmla="*/ 328921 w 564029"/>
                  <a:gd name="connsiteY9" fmla="*/ 88922 h 284281"/>
                  <a:gd name="connsiteX10" fmla="*/ 342078 w 564029"/>
                  <a:gd name="connsiteY10" fmla="*/ 95500 h 284281"/>
                  <a:gd name="connsiteX11" fmla="*/ 351945 w 564029"/>
                  <a:gd name="connsiteY11" fmla="*/ 98789 h 284281"/>
                  <a:gd name="connsiteX12" fmla="*/ 361813 w 564029"/>
                  <a:gd name="connsiteY12" fmla="*/ 105368 h 284281"/>
                  <a:gd name="connsiteX13" fmla="*/ 374970 w 564029"/>
                  <a:gd name="connsiteY13" fmla="*/ 111946 h 284281"/>
                  <a:gd name="connsiteX14" fmla="*/ 384837 w 564029"/>
                  <a:gd name="connsiteY14" fmla="*/ 131681 h 284281"/>
                  <a:gd name="connsiteX15" fmla="*/ 391416 w 564029"/>
                  <a:gd name="connsiteY15" fmla="*/ 138260 h 284281"/>
                  <a:gd name="connsiteX16" fmla="*/ 397994 w 564029"/>
                  <a:gd name="connsiteY16" fmla="*/ 148127 h 284281"/>
                  <a:gd name="connsiteX17" fmla="*/ 401283 w 564029"/>
                  <a:gd name="connsiteY17" fmla="*/ 171152 h 284281"/>
                  <a:gd name="connsiteX18" fmla="*/ 394705 w 564029"/>
                  <a:gd name="connsiteY18" fmla="*/ 227068 h 284281"/>
                  <a:gd name="connsiteX19" fmla="*/ 424307 w 564029"/>
                  <a:gd name="connsiteY19" fmla="*/ 256671 h 284281"/>
                  <a:gd name="connsiteX20" fmla="*/ 486802 w 564029"/>
                  <a:gd name="connsiteY20" fmla="*/ 263250 h 284281"/>
                  <a:gd name="connsiteX21" fmla="*/ 564029 w 564029"/>
                  <a:gd name="connsiteY21" fmla="*/ 284281 h 284281"/>
                  <a:gd name="connsiteX0" fmla="*/ 0 w 583485"/>
                  <a:gd name="connsiteY0" fmla="*/ 113 h 274553"/>
                  <a:gd name="connsiteX1" fmla="*/ 16446 w 583485"/>
                  <a:gd name="connsiteY1" fmla="*/ 3402 h 274553"/>
                  <a:gd name="connsiteX2" fmla="*/ 26314 w 583485"/>
                  <a:gd name="connsiteY2" fmla="*/ 6691 h 274553"/>
                  <a:gd name="connsiteX3" fmla="*/ 82231 w 583485"/>
                  <a:gd name="connsiteY3" fmla="*/ 114 h 274553"/>
                  <a:gd name="connsiteX4" fmla="*/ 134857 w 583485"/>
                  <a:gd name="connsiteY4" fmla="*/ 33005 h 274553"/>
                  <a:gd name="connsiteX5" fmla="*/ 177617 w 583485"/>
                  <a:gd name="connsiteY5" fmla="*/ 52740 h 274553"/>
                  <a:gd name="connsiteX6" fmla="*/ 273004 w 583485"/>
                  <a:gd name="connsiteY6" fmla="*/ 72476 h 274553"/>
                  <a:gd name="connsiteX7" fmla="*/ 289450 w 583485"/>
                  <a:gd name="connsiteY7" fmla="*/ 75765 h 274553"/>
                  <a:gd name="connsiteX8" fmla="*/ 309186 w 583485"/>
                  <a:gd name="connsiteY8" fmla="*/ 82343 h 274553"/>
                  <a:gd name="connsiteX9" fmla="*/ 328921 w 583485"/>
                  <a:gd name="connsiteY9" fmla="*/ 88922 h 274553"/>
                  <a:gd name="connsiteX10" fmla="*/ 342078 w 583485"/>
                  <a:gd name="connsiteY10" fmla="*/ 95500 h 274553"/>
                  <a:gd name="connsiteX11" fmla="*/ 351945 w 583485"/>
                  <a:gd name="connsiteY11" fmla="*/ 98789 h 274553"/>
                  <a:gd name="connsiteX12" fmla="*/ 361813 w 583485"/>
                  <a:gd name="connsiteY12" fmla="*/ 105368 h 274553"/>
                  <a:gd name="connsiteX13" fmla="*/ 374970 w 583485"/>
                  <a:gd name="connsiteY13" fmla="*/ 111946 h 274553"/>
                  <a:gd name="connsiteX14" fmla="*/ 384837 w 583485"/>
                  <a:gd name="connsiteY14" fmla="*/ 131681 h 274553"/>
                  <a:gd name="connsiteX15" fmla="*/ 391416 w 583485"/>
                  <a:gd name="connsiteY15" fmla="*/ 138260 h 274553"/>
                  <a:gd name="connsiteX16" fmla="*/ 397994 w 583485"/>
                  <a:gd name="connsiteY16" fmla="*/ 148127 h 274553"/>
                  <a:gd name="connsiteX17" fmla="*/ 401283 w 583485"/>
                  <a:gd name="connsiteY17" fmla="*/ 171152 h 274553"/>
                  <a:gd name="connsiteX18" fmla="*/ 394705 w 583485"/>
                  <a:gd name="connsiteY18" fmla="*/ 227068 h 274553"/>
                  <a:gd name="connsiteX19" fmla="*/ 424307 w 583485"/>
                  <a:gd name="connsiteY19" fmla="*/ 256671 h 274553"/>
                  <a:gd name="connsiteX20" fmla="*/ 486802 w 583485"/>
                  <a:gd name="connsiteY20" fmla="*/ 263250 h 274553"/>
                  <a:gd name="connsiteX21" fmla="*/ 583485 w 583485"/>
                  <a:gd name="connsiteY21" fmla="*/ 274553 h 274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583485" h="274553">
                    <a:moveTo>
                      <a:pt x="0" y="113"/>
                    </a:moveTo>
                    <a:cubicBezTo>
                      <a:pt x="5482" y="1209"/>
                      <a:pt x="11022" y="2046"/>
                      <a:pt x="16446" y="3402"/>
                    </a:cubicBezTo>
                    <a:cubicBezTo>
                      <a:pt x="19810" y="4243"/>
                      <a:pt x="15350" y="7239"/>
                      <a:pt x="26314" y="6691"/>
                    </a:cubicBezTo>
                    <a:cubicBezTo>
                      <a:pt x="37278" y="6143"/>
                      <a:pt x="66881" y="-983"/>
                      <a:pt x="82231" y="114"/>
                    </a:cubicBezTo>
                    <a:cubicBezTo>
                      <a:pt x="100321" y="4500"/>
                      <a:pt x="118959" y="24234"/>
                      <a:pt x="134857" y="33005"/>
                    </a:cubicBezTo>
                    <a:cubicBezTo>
                      <a:pt x="150755" y="41776"/>
                      <a:pt x="154593" y="46162"/>
                      <a:pt x="177617" y="52740"/>
                    </a:cubicBezTo>
                    <a:cubicBezTo>
                      <a:pt x="200641" y="59318"/>
                      <a:pt x="249431" y="66446"/>
                      <a:pt x="273004" y="72476"/>
                    </a:cubicBezTo>
                    <a:cubicBezTo>
                      <a:pt x="278486" y="73572"/>
                      <a:pt x="284056" y="74294"/>
                      <a:pt x="289450" y="75765"/>
                    </a:cubicBezTo>
                    <a:cubicBezTo>
                      <a:pt x="296140" y="77589"/>
                      <a:pt x="302607" y="80150"/>
                      <a:pt x="309186" y="82343"/>
                    </a:cubicBezTo>
                    <a:lnTo>
                      <a:pt x="328921" y="88922"/>
                    </a:lnTo>
                    <a:cubicBezTo>
                      <a:pt x="333573" y="90473"/>
                      <a:pt x="337571" y="93569"/>
                      <a:pt x="342078" y="95500"/>
                    </a:cubicBezTo>
                    <a:cubicBezTo>
                      <a:pt x="345265" y="96866"/>
                      <a:pt x="348656" y="97693"/>
                      <a:pt x="351945" y="98789"/>
                    </a:cubicBezTo>
                    <a:cubicBezTo>
                      <a:pt x="355234" y="100982"/>
                      <a:pt x="358381" y="103407"/>
                      <a:pt x="361813" y="105368"/>
                    </a:cubicBezTo>
                    <a:cubicBezTo>
                      <a:pt x="366070" y="107801"/>
                      <a:pt x="371203" y="108807"/>
                      <a:pt x="374970" y="111946"/>
                    </a:cubicBezTo>
                    <a:cubicBezTo>
                      <a:pt x="384950" y="120263"/>
                      <a:pt x="379000" y="121954"/>
                      <a:pt x="384837" y="131681"/>
                    </a:cubicBezTo>
                    <a:cubicBezTo>
                      <a:pt x="386433" y="134340"/>
                      <a:pt x="389479" y="135838"/>
                      <a:pt x="391416" y="138260"/>
                    </a:cubicBezTo>
                    <a:cubicBezTo>
                      <a:pt x="393885" y="141347"/>
                      <a:pt x="395801" y="144838"/>
                      <a:pt x="397994" y="148127"/>
                    </a:cubicBezTo>
                    <a:cubicBezTo>
                      <a:pt x="399090" y="155802"/>
                      <a:pt x="401831" y="157995"/>
                      <a:pt x="401283" y="171152"/>
                    </a:cubicBezTo>
                    <a:cubicBezTo>
                      <a:pt x="400735" y="184309"/>
                      <a:pt x="390868" y="212815"/>
                      <a:pt x="394705" y="227068"/>
                    </a:cubicBezTo>
                    <a:cubicBezTo>
                      <a:pt x="398542" y="241321"/>
                      <a:pt x="408958" y="250641"/>
                      <a:pt x="424307" y="256671"/>
                    </a:cubicBezTo>
                    <a:cubicBezTo>
                      <a:pt x="439657" y="262701"/>
                      <a:pt x="460272" y="260270"/>
                      <a:pt x="486802" y="263250"/>
                    </a:cubicBezTo>
                    <a:lnTo>
                      <a:pt x="583485" y="274553"/>
                    </a:ln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7" name="Freeform 26"/>
              <p:cNvSpPr/>
              <p:nvPr/>
            </p:nvSpPr>
            <p:spPr bwMode="auto">
              <a:xfrm>
                <a:off x="6910442" y="2440592"/>
                <a:ext cx="102151" cy="753237"/>
              </a:xfrm>
              <a:custGeom>
                <a:avLst/>
                <a:gdLst>
                  <a:gd name="connsiteX0" fmla="*/ 6764 w 102151"/>
                  <a:gd name="connsiteY0" fmla="*/ 0 h 749948"/>
                  <a:gd name="connsiteX1" fmla="*/ 10053 w 102151"/>
                  <a:gd name="connsiteY1" fmla="*/ 85520 h 749948"/>
                  <a:gd name="connsiteX2" fmla="*/ 16631 w 102151"/>
                  <a:gd name="connsiteY2" fmla="*/ 124990 h 749948"/>
                  <a:gd name="connsiteX3" fmla="*/ 19921 w 102151"/>
                  <a:gd name="connsiteY3" fmla="*/ 171039 h 749948"/>
                  <a:gd name="connsiteX4" fmla="*/ 26499 w 102151"/>
                  <a:gd name="connsiteY4" fmla="*/ 190775 h 749948"/>
                  <a:gd name="connsiteX5" fmla="*/ 36367 w 102151"/>
                  <a:gd name="connsiteY5" fmla="*/ 200642 h 749948"/>
                  <a:gd name="connsiteX6" fmla="*/ 42945 w 102151"/>
                  <a:gd name="connsiteY6" fmla="*/ 220377 h 749948"/>
                  <a:gd name="connsiteX7" fmla="*/ 49523 w 102151"/>
                  <a:gd name="connsiteY7" fmla="*/ 296029 h 749948"/>
                  <a:gd name="connsiteX8" fmla="*/ 52813 w 102151"/>
                  <a:gd name="connsiteY8" fmla="*/ 358524 h 749948"/>
                  <a:gd name="connsiteX9" fmla="*/ 56102 w 102151"/>
                  <a:gd name="connsiteY9" fmla="*/ 368392 h 749948"/>
                  <a:gd name="connsiteX10" fmla="*/ 59391 w 102151"/>
                  <a:gd name="connsiteY10" fmla="*/ 394705 h 749948"/>
                  <a:gd name="connsiteX11" fmla="*/ 56102 w 102151"/>
                  <a:gd name="connsiteY11" fmla="*/ 450622 h 749948"/>
                  <a:gd name="connsiteX12" fmla="*/ 39656 w 102151"/>
                  <a:gd name="connsiteY12" fmla="*/ 453911 h 749948"/>
                  <a:gd name="connsiteX13" fmla="*/ 13342 w 102151"/>
                  <a:gd name="connsiteY13" fmla="*/ 457200 h 749948"/>
                  <a:gd name="connsiteX14" fmla="*/ 3475 w 102151"/>
                  <a:gd name="connsiteY14" fmla="*/ 463779 h 749948"/>
                  <a:gd name="connsiteX15" fmla="*/ 185 w 102151"/>
                  <a:gd name="connsiteY15" fmla="*/ 473646 h 749948"/>
                  <a:gd name="connsiteX16" fmla="*/ 3475 w 102151"/>
                  <a:gd name="connsiteY16" fmla="*/ 522985 h 749948"/>
                  <a:gd name="connsiteX17" fmla="*/ 16631 w 102151"/>
                  <a:gd name="connsiteY17" fmla="*/ 529563 h 749948"/>
                  <a:gd name="connsiteX18" fmla="*/ 29788 w 102151"/>
                  <a:gd name="connsiteY18" fmla="*/ 546009 h 749948"/>
                  <a:gd name="connsiteX19" fmla="*/ 36367 w 102151"/>
                  <a:gd name="connsiteY19" fmla="*/ 565744 h 749948"/>
                  <a:gd name="connsiteX20" fmla="*/ 42945 w 102151"/>
                  <a:gd name="connsiteY20" fmla="*/ 588769 h 749948"/>
                  <a:gd name="connsiteX21" fmla="*/ 46234 w 102151"/>
                  <a:gd name="connsiteY21" fmla="*/ 598636 h 749948"/>
                  <a:gd name="connsiteX22" fmla="*/ 59391 w 102151"/>
                  <a:gd name="connsiteY22" fmla="*/ 651264 h 749948"/>
                  <a:gd name="connsiteX23" fmla="*/ 65970 w 102151"/>
                  <a:gd name="connsiteY23" fmla="*/ 661131 h 749948"/>
                  <a:gd name="connsiteX24" fmla="*/ 69259 w 102151"/>
                  <a:gd name="connsiteY24" fmla="*/ 670999 h 749948"/>
                  <a:gd name="connsiteX25" fmla="*/ 75837 w 102151"/>
                  <a:gd name="connsiteY25" fmla="*/ 707180 h 749948"/>
                  <a:gd name="connsiteX26" fmla="*/ 79126 w 102151"/>
                  <a:gd name="connsiteY26" fmla="*/ 717048 h 749948"/>
                  <a:gd name="connsiteX27" fmla="*/ 92283 w 102151"/>
                  <a:gd name="connsiteY27" fmla="*/ 730205 h 749948"/>
                  <a:gd name="connsiteX28" fmla="*/ 102151 w 102151"/>
                  <a:gd name="connsiteY28" fmla="*/ 749940 h 749948"/>
                  <a:gd name="connsiteX0" fmla="*/ 6764 w 102151"/>
                  <a:gd name="connsiteY0" fmla="*/ 0 h 753237"/>
                  <a:gd name="connsiteX1" fmla="*/ 10053 w 102151"/>
                  <a:gd name="connsiteY1" fmla="*/ 88809 h 753237"/>
                  <a:gd name="connsiteX2" fmla="*/ 16631 w 102151"/>
                  <a:gd name="connsiteY2" fmla="*/ 128279 h 753237"/>
                  <a:gd name="connsiteX3" fmla="*/ 19921 w 102151"/>
                  <a:gd name="connsiteY3" fmla="*/ 174328 h 753237"/>
                  <a:gd name="connsiteX4" fmla="*/ 26499 w 102151"/>
                  <a:gd name="connsiteY4" fmla="*/ 194064 h 753237"/>
                  <a:gd name="connsiteX5" fmla="*/ 36367 w 102151"/>
                  <a:gd name="connsiteY5" fmla="*/ 203931 h 753237"/>
                  <a:gd name="connsiteX6" fmla="*/ 42945 w 102151"/>
                  <a:gd name="connsiteY6" fmla="*/ 223666 h 753237"/>
                  <a:gd name="connsiteX7" fmla="*/ 49523 w 102151"/>
                  <a:gd name="connsiteY7" fmla="*/ 299318 h 753237"/>
                  <a:gd name="connsiteX8" fmla="*/ 52813 w 102151"/>
                  <a:gd name="connsiteY8" fmla="*/ 361813 h 753237"/>
                  <a:gd name="connsiteX9" fmla="*/ 56102 w 102151"/>
                  <a:gd name="connsiteY9" fmla="*/ 371681 h 753237"/>
                  <a:gd name="connsiteX10" fmla="*/ 59391 w 102151"/>
                  <a:gd name="connsiteY10" fmla="*/ 397994 h 753237"/>
                  <a:gd name="connsiteX11" fmla="*/ 56102 w 102151"/>
                  <a:gd name="connsiteY11" fmla="*/ 453911 h 753237"/>
                  <a:gd name="connsiteX12" fmla="*/ 39656 w 102151"/>
                  <a:gd name="connsiteY12" fmla="*/ 457200 h 753237"/>
                  <a:gd name="connsiteX13" fmla="*/ 13342 w 102151"/>
                  <a:gd name="connsiteY13" fmla="*/ 460489 h 753237"/>
                  <a:gd name="connsiteX14" fmla="*/ 3475 w 102151"/>
                  <a:gd name="connsiteY14" fmla="*/ 467068 h 753237"/>
                  <a:gd name="connsiteX15" fmla="*/ 185 w 102151"/>
                  <a:gd name="connsiteY15" fmla="*/ 476935 h 753237"/>
                  <a:gd name="connsiteX16" fmla="*/ 3475 w 102151"/>
                  <a:gd name="connsiteY16" fmla="*/ 526274 h 753237"/>
                  <a:gd name="connsiteX17" fmla="*/ 16631 w 102151"/>
                  <a:gd name="connsiteY17" fmla="*/ 532852 h 753237"/>
                  <a:gd name="connsiteX18" fmla="*/ 29788 w 102151"/>
                  <a:gd name="connsiteY18" fmla="*/ 549298 h 753237"/>
                  <a:gd name="connsiteX19" fmla="*/ 36367 w 102151"/>
                  <a:gd name="connsiteY19" fmla="*/ 569033 h 753237"/>
                  <a:gd name="connsiteX20" fmla="*/ 42945 w 102151"/>
                  <a:gd name="connsiteY20" fmla="*/ 592058 h 753237"/>
                  <a:gd name="connsiteX21" fmla="*/ 46234 w 102151"/>
                  <a:gd name="connsiteY21" fmla="*/ 601925 h 753237"/>
                  <a:gd name="connsiteX22" fmla="*/ 59391 w 102151"/>
                  <a:gd name="connsiteY22" fmla="*/ 654553 h 753237"/>
                  <a:gd name="connsiteX23" fmla="*/ 65970 w 102151"/>
                  <a:gd name="connsiteY23" fmla="*/ 664420 h 753237"/>
                  <a:gd name="connsiteX24" fmla="*/ 69259 w 102151"/>
                  <a:gd name="connsiteY24" fmla="*/ 674288 h 753237"/>
                  <a:gd name="connsiteX25" fmla="*/ 75837 w 102151"/>
                  <a:gd name="connsiteY25" fmla="*/ 710469 h 753237"/>
                  <a:gd name="connsiteX26" fmla="*/ 79126 w 102151"/>
                  <a:gd name="connsiteY26" fmla="*/ 720337 h 753237"/>
                  <a:gd name="connsiteX27" fmla="*/ 92283 w 102151"/>
                  <a:gd name="connsiteY27" fmla="*/ 733494 h 753237"/>
                  <a:gd name="connsiteX28" fmla="*/ 102151 w 102151"/>
                  <a:gd name="connsiteY28" fmla="*/ 753229 h 7532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02151" h="753237">
                    <a:moveTo>
                      <a:pt x="6764" y="0"/>
                    </a:moveTo>
                    <a:cubicBezTo>
                      <a:pt x="7860" y="28507"/>
                      <a:pt x="8409" y="67429"/>
                      <a:pt x="10053" y="88809"/>
                    </a:cubicBezTo>
                    <a:cubicBezTo>
                      <a:pt x="11698" y="110189"/>
                      <a:pt x="10954" y="111248"/>
                      <a:pt x="16631" y="128279"/>
                    </a:cubicBezTo>
                    <a:cubicBezTo>
                      <a:pt x="17728" y="143629"/>
                      <a:pt x="17638" y="159109"/>
                      <a:pt x="19921" y="174328"/>
                    </a:cubicBezTo>
                    <a:cubicBezTo>
                      <a:pt x="20950" y="181186"/>
                      <a:pt x="21595" y="189161"/>
                      <a:pt x="26499" y="194064"/>
                    </a:cubicBezTo>
                    <a:lnTo>
                      <a:pt x="36367" y="203931"/>
                    </a:lnTo>
                    <a:cubicBezTo>
                      <a:pt x="38560" y="210509"/>
                      <a:pt x="42599" y="216741"/>
                      <a:pt x="42945" y="223666"/>
                    </a:cubicBezTo>
                    <a:cubicBezTo>
                      <a:pt x="46407" y="292914"/>
                      <a:pt x="39291" y="268622"/>
                      <a:pt x="49523" y="299318"/>
                    </a:cubicBezTo>
                    <a:cubicBezTo>
                      <a:pt x="50620" y="320150"/>
                      <a:pt x="50924" y="341038"/>
                      <a:pt x="52813" y="361813"/>
                    </a:cubicBezTo>
                    <a:cubicBezTo>
                      <a:pt x="53127" y="365266"/>
                      <a:pt x="55482" y="368270"/>
                      <a:pt x="56102" y="371681"/>
                    </a:cubicBezTo>
                    <a:cubicBezTo>
                      <a:pt x="57683" y="380378"/>
                      <a:pt x="58295" y="389223"/>
                      <a:pt x="59391" y="397994"/>
                    </a:cubicBezTo>
                    <a:cubicBezTo>
                      <a:pt x="58295" y="416633"/>
                      <a:pt x="62006" y="436198"/>
                      <a:pt x="56102" y="453911"/>
                    </a:cubicBezTo>
                    <a:cubicBezTo>
                      <a:pt x="54334" y="459215"/>
                      <a:pt x="45182" y="456350"/>
                      <a:pt x="39656" y="457200"/>
                    </a:cubicBezTo>
                    <a:cubicBezTo>
                      <a:pt x="30919" y="458544"/>
                      <a:pt x="22113" y="459393"/>
                      <a:pt x="13342" y="460489"/>
                    </a:cubicBezTo>
                    <a:cubicBezTo>
                      <a:pt x="10053" y="462682"/>
                      <a:pt x="5944" y="463981"/>
                      <a:pt x="3475" y="467068"/>
                    </a:cubicBezTo>
                    <a:cubicBezTo>
                      <a:pt x="1309" y="469775"/>
                      <a:pt x="185" y="473468"/>
                      <a:pt x="185" y="476935"/>
                    </a:cubicBezTo>
                    <a:cubicBezTo>
                      <a:pt x="185" y="493418"/>
                      <a:pt x="-1176" y="510461"/>
                      <a:pt x="3475" y="526274"/>
                    </a:cubicBezTo>
                    <a:cubicBezTo>
                      <a:pt x="4858" y="530978"/>
                      <a:pt x="12551" y="530132"/>
                      <a:pt x="16631" y="532852"/>
                    </a:cubicBezTo>
                    <a:cubicBezTo>
                      <a:pt x="20950" y="535731"/>
                      <a:pt x="27935" y="545128"/>
                      <a:pt x="29788" y="549298"/>
                    </a:cubicBezTo>
                    <a:cubicBezTo>
                      <a:pt x="32604" y="555635"/>
                      <a:pt x="34174" y="562455"/>
                      <a:pt x="36367" y="569033"/>
                    </a:cubicBezTo>
                    <a:cubicBezTo>
                      <a:pt x="44248" y="592677"/>
                      <a:pt x="34691" y="563168"/>
                      <a:pt x="42945" y="592058"/>
                    </a:cubicBezTo>
                    <a:cubicBezTo>
                      <a:pt x="43897" y="595392"/>
                      <a:pt x="45454" y="598547"/>
                      <a:pt x="46234" y="601925"/>
                    </a:cubicBezTo>
                    <a:cubicBezTo>
                      <a:pt x="47404" y="606996"/>
                      <a:pt x="53475" y="645681"/>
                      <a:pt x="59391" y="654553"/>
                    </a:cubicBezTo>
                    <a:lnTo>
                      <a:pt x="65970" y="664420"/>
                    </a:lnTo>
                    <a:cubicBezTo>
                      <a:pt x="67066" y="667709"/>
                      <a:pt x="68579" y="670888"/>
                      <a:pt x="69259" y="674288"/>
                    </a:cubicBezTo>
                    <a:cubicBezTo>
                      <a:pt x="75470" y="705345"/>
                      <a:pt x="69337" y="687716"/>
                      <a:pt x="75837" y="710469"/>
                    </a:cubicBezTo>
                    <a:cubicBezTo>
                      <a:pt x="76789" y="713803"/>
                      <a:pt x="77111" y="717516"/>
                      <a:pt x="79126" y="720337"/>
                    </a:cubicBezTo>
                    <a:cubicBezTo>
                      <a:pt x="82731" y="725384"/>
                      <a:pt x="92283" y="733494"/>
                      <a:pt x="92283" y="733494"/>
                    </a:cubicBezTo>
                    <a:cubicBezTo>
                      <a:pt x="99209" y="754269"/>
                      <a:pt x="91928" y="753229"/>
                      <a:pt x="102151" y="753229"/>
                    </a:cubicBezTo>
                  </a:path>
                </a:pathLst>
              </a:custGeom>
              <a:noFill/>
              <a:ln w="76200">
                <a:solidFill>
                  <a:srgbClr val="0033CC"/>
                </a:solidFill>
                <a:headEnd type="none" w="med" len="med"/>
                <a:tailEnd type="none" w="med" len="med"/>
              </a:ln>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9" name="Freeform 28"/>
              <p:cNvSpPr/>
              <p:nvPr/>
            </p:nvSpPr>
            <p:spPr bwMode="auto">
              <a:xfrm>
                <a:off x="7006014" y="3187243"/>
                <a:ext cx="230245" cy="365103"/>
              </a:xfrm>
              <a:custGeom>
                <a:avLst/>
                <a:gdLst>
                  <a:gd name="connsiteX0" fmla="*/ 0 w 230245"/>
                  <a:gd name="connsiteY0" fmla="*/ 6579 h 365103"/>
                  <a:gd name="connsiteX1" fmla="*/ 16446 w 230245"/>
                  <a:gd name="connsiteY1" fmla="*/ 13157 h 365103"/>
                  <a:gd name="connsiteX2" fmla="*/ 32892 w 230245"/>
                  <a:gd name="connsiteY2" fmla="*/ 16446 h 365103"/>
                  <a:gd name="connsiteX3" fmla="*/ 42760 w 230245"/>
                  <a:gd name="connsiteY3" fmla="*/ 19736 h 365103"/>
                  <a:gd name="connsiteX4" fmla="*/ 62495 w 230245"/>
                  <a:gd name="connsiteY4" fmla="*/ 16446 h 365103"/>
                  <a:gd name="connsiteX5" fmla="*/ 85520 w 230245"/>
                  <a:gd name="connsiteY5" fmla="*/ 6579 h 365103"/>
                  <a:gd name="connsiteX6" fmla="*/ 115122 w 230245"/>
                  <a:gd name="connsiteY6" fmla="*/ 0 h 365103"/>
                  <a:gd name="connsiteX7" fmla="*/ 154593 w 230245"/>
                  <a:gd name="connsiteY7" fmla="*/ 6579 h 365103"/>
                  <a:gd name="connsiteX8" fmla="*/ 164461 w 230245"/>
                  <a:gd name="connsiteY8" fmla="*/ 13157 h 365103"/>
                  <a:gd name="connsiteX9" fmla="*/ 171039 w 230245"/>
                  <a:gd name="connsiteY9" fmla="*/ 23025 h 365103"/>
                  <a:gd name="connsiteX10" fmla="*/ 174328 w 230245"/>
                  <a:gd name="connsiteY10" fmla="*/ 32892 h 365103"/>
                  <a:gd name="connsiteX11" fmla="*/ 194063 w 230245"/>
                  <a:gd name="connsiteY11" fmla="*/ 46049 h 365103"/>
                  <a:gd name="connsiteX12" fmla="*/ 210510 w 230245"/>
                  <a:gd name="connsiteY12" fmla="*/ 62495 h 365103"/>
                  <a:gd name="connsiteX13" fmla="*/ 217088 w 230245"/>
                  <a:gd name="connsiteY13" fmla="*/ 69074 h 365103"/>
                  <a:gd name="connsiteX14" fmla="*/ 230245 w 230245"/>
                  <a:gd name="connsiteY14" fmla="*/ 88809 h 365103"/>
                  <a:gd name="connsiteX15" fmla="*/ 226956 w 230245"/>
                  <a:gd name="connsiteY15" fmla="*/ 187485 h 365103"/>
                  <a:gd name="connsiteX16" fmla="*/ 220377 w 230245"/>
                  <a:gd name="connsiteY16" fmla="*/ 197353 h 365103"/>
                  <a:gd name="connsiteX17" fmla="*/ 213799 w 230245"/>
                  <a:gd name="connsiteY17" fmla="*/ 217088 h 365103"/>
                  <a:gd name="connsiteX18" fmla="*/ 203931 w 230245"/>
                  <a:gd name="connsiteY18" fmla="*/ 246691 h 365103"/>
                  <a:gd name="connsiteX19" fmla="*/ 200642 w 230245"/>
                  <a:gd name="connsiteY19" fmla="*/ 259848 h 365103"/>
                  <a:gd name="connsiteX20" fmla="*/ 194063 w 230245"/>
                  <a:gd name="connsiteY20" fmla="*/ 269715 h 365103"/>
                  <a:gd name="connsiteX21" fmla="*/ 187485 w 230245"/>
                  <a:gd name="connsiteY21" fmla="*/ 289451 h 365103"/>
                  <a:gd name="connsiteX22" fmla="*/ 180907 w 230245"/>
                  <a:gd name="connsiteY22" fmla="*/ 328921 h 365103"/>
                  <a:gd name="connsiteX23" fmla="*/ 177617 w 230245"/>
                  <a:gd name="connsiteY23" fmla="*/ 345367 h 365103"/>
                  <a:gd name="connsiteX24" fmla="*/ 171039 w 230245"/>
                  <a:gd name="connsiteY24" fmla="*/ 355235 h 365103"/>
                  <a:gd name="connsiteX25" fmla="*/ 161171 w 230245"/>
                  <a:gd name="connsiteY25" fmla="*/ 365103 h 365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30245" h="365103">
                    <a:moveTo>
                      <a:pt x="0" y="6579"/>
                    </a:moveTo>
                    <a:cubicBezTo>
                      <a:pt x="5482" y="8772"/>
                      <a:pt x="10791" y="11461"/>
                      <a:pt x="16446" y="13157"/>
                    </a:cubicBezTo>
                    <a:cubicBezTo>
                      <a:pt x="21801" y="14763"/>
                      <a:pt x="27468" y="15090"/>
                      <a:pt x="32892" y="16446"/>
                    </a:cubicBezTo>
                    <a:cubicBezTo>
                      <a:pt x="36256" y="17287"/>
                      <a:pt x="39471" y="18639"/>
                      <a:pt x="42760" y="19736"/>
                    </a:cubicBezTo>
                    <a:cubicBezTo>
                      <a:pt x="49338" y="18639"/>
                      <a:pt x="55985" y="17893"/>
                      <a:pt x="62495" y="16446"/>
                    </a:cubicBezTo>
                    <a:cubicBezTo>
                      <a:pt x="73178" y="14072"/>
                      <a:pt x="74688" y="11221"/>
                      <a:pt x="85520" y="6579"/>
                    </a:cubicBezTo>
                    <a:cubicBezTo>
                      <a:pt x="95825" y="2163"/>
                      <a:pt x="103295" y="1972"/>
                      <a:pt x="115122" y="0"/>
                    </a:cubicBezTo>
                    <a:cubicBezTo>
                      <a:pt x="118536" y="488"/>
                      <a:pt x="148676" y="4360"/>
                      <a:pt x="154593" y="6579"/>
                    </a:cubicBezTo>
                    <a:cubicBezTo>
                      <a:pt x="158294" y="7967"/>
                      <a:pt x="161172" y="10964"/>
                      <a:pt x="164461" y="13157"/>
                    </a:cubicBezTo>
                    <a:cubicBezTo>
                      <a:pt x="166654" y="16446"/>
                      <a:pt x="169271" y="19489"/>
                      <a:pt x="171039" y="23025"/>
                    </a:cubicBezTo>
                    <a:cubicBezTo>
                      <a:pt x="172589" y="26126"/>
                      <a:pt x="171877" y="30441"/>
                      <a:pt x="174328" y="32892"/>
                    </a:cubicBezTo>
                    <a:cubicBezTo>
                      <a:pt x="179919" y="38483"/>
                      <a:pt x="188472" y="40459"/>
                      <a:pt x="194063" y="46049"/>
                    </a:cubicBezTo>
                    <a:lnTo>
                      <a:pt x="210510" y="62495"/>
                    </a:lnTo>
                    <a:lnTo>
                      <a:pt x="217088" y="69074"/>
                    </a:lnTo>
                    <a:cubicBezTo>
                      <a:pt x="222678" y="74665"/>
                      <a:pt x="230245" y="88809"/>
                      <a:pt x="230245" y="88809"/>
                    </a:cubicBezTo>
                    <a:cubicBezTo>
                      <a:pt x="229149" y="121701"/>
                      <a:pt x="229936" y="154710"/>
                      <a:pt x="226956" y="187485"/>
                    </a:cubicBezTo>
                    <a:cubicBezTo>
                      <a:pt x="226598" y="191422"/>
                      <a:pt x="221983" y="193740"/>
                      <a:pt x="220377" y="197353"/>
                    </a:cubicBezTo>
                    <a:cubicBezTo>
                      <a:pt x="217561" y="203689"/>
                      <a:pt x="215992" y="210510"/>
                      <a:pt x="213799" y="217088"/>
                    </a:cubicBezTo>
                    <a:lnTo>
                      <a:pt x="203931" y="246691"/>
                    </a:lnTo>
                    <a:cubicBezTo>
                      <a:pt x="202502" y="250980"/>
                      <a:pt x="202423" y="255693"/>
                      <a:pt x="200642" y="259848"/>
                    </a:cubicBezTo>
                    <a:cubicBezTo>
                      <a:pt x="199085" y="263481"/>
                      <a:pt x="196256" y="266426"/>
                      <a:pt x="194063" y="269715"/>
                    </a:cubicBezTo>
                    <a:lnTo>
                      <a:pt x="187485" y="289451"/>
                    </a:lnTo>
                    <a:cubicBezTo>
                      <a:pt x="183267" y="302105"/>
                      <a:pt x="183100" y="315764"/>
                      <a:pt x="180907" y="328921"/>
                    </a:cubicBezTo>
                    <a:cubicBezTo>
                      <a:pt x="179988" y="334436"/>
                      <a:pt x="179580" y="340132"/>
                      <a:pt x="177617" y="345367"/>
                    </a:cubicBezTo>
                    <a:cubicBezTo>
                      <a:pt x="176229" y="349068"/>
                      <a:pt x="173570" y="352198"/>
                      <a:pt x="171039" y="355235"/>
                    </a:cubicBezTo>
                    <a:cubicBezTo>
                      <a:pt x="168061" y="358809"/>
                      <a:pt x="161171" y="365103"/>
                      <a:pt x="161171" y="365103"/>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sp>
        <p:nvSpPr>
          <p:cNvPr id="1027" name="Freeform 1026"/>
          <p:cNvSpPr/>
          <p:nvPr/>
        </p:nvSpPr>
        <p:spPr bwMode="auto">
          <a:xfrm>
            <a:off x="7249416" y="3216846"/>
            <a:ext cx="118411" cy="72363"/>
          </a:xfrm>
          <a:custGeom>
            <a:avLst/>
            <a:gdLst>
              <a:gd name="connsiteX0" fmla="*/ 118411 w 118411"/>
              <a:gd name="connsiteY0" fmla="*/ 0 h 72363"/>
              <a:gd name="connsiteX1" fmla="*/ 101965 w 118411"/>
              <a:gd name="connsiteY1" fmla="*/ 23025 h 72363"/>
              <a:gd name="connsiteX2" fmla="*/ 78941 w 118411"/>
              <a:gd name="connsiteY2" fmla="*/ 36181 h 72363"/>
              <a:gd name="connsiteX3" fmla="*/ 59206 w 118411"/>
              <a:gd name="connsiteY3" fmla="*/ 42760 h 72363"/>
              <a:gd name="connsiteX4" fmla="*/ 49338 w 118411"/>
              <a:gd name="connsiteY4" fmla="*/ 49338 h 72363"/>
              <a:gd name="connsiteX5" fmla="*/ 19735 w 118411"/>
              <a:gd name="connsiteY5" fmla="*/ 59206 h 72363"/>
              <a:gd name="connsiteX6" fmla="*/ 0 w 118411"/>
              <a:gd name="connsiteY6" fmla="*/ 72363 h 72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8411" h="72363">
                <a:moveTo>
                  <a:pt x="118411" y="0"/>
                </a:moveTo>
                <a:cubicBezTo>
                  <a:pt x="112228" y="10306"/>
                  <a:pt x="110503" y="16194"/>
                  <a:pt x="101965" y="23025"/>
                </a:cubicBezTo>
                <a:cubicBezTo>
                  <a:pt x="96030" y="27773"/>
                  <a:pt x="85695" y="33479"/>
                  <a:pt x="78941" y="36181"/>
                </a:cubicBezTo>
                <a:cubicBezTo>
                  <a:pt x="72503" y="38756"/>
                  <a:pt x="65784" y="40567"/>
                  <a:pt x="59206" y="42760"/>
                </a:cubicBezTo>
                <a:cubicBezTo>
                  <a:pt x="55456" y="44010"/>
                  <a:pt x="52950" y="47732"/>
                  <a:pt x="49338" y="49338"/>
                </a:cubicBezTo>
                <a:cubicBezTo>
                  <a:pt x="49324" y="49344"/>
                  <a:pt x="24676" y="57559"/>
                  <a:pt x="19735" y="59206"/>
                </a:cubicBezTo>
                <a:cubicBezTo>
                  <a:pt x="12234" y="61706"/>
                  <a:pt x="0" y="72363"/>
                  <a:pt x="0" y="72363"/>
                </a:cubicBezTo>
              </a:path>
            </a:pathLst>
          </a:custGeom>
          <a:noFill/>
          <a:ln w="38100">
            <a:solidFill>
              <a:schemeClr val="accent2">
                <a:lumMod val="90000"/>
              </a:schemeClr>
            </a:solidFill>
            <a:headEnd type="none" w="med" len="med"/>
            <a:tailEnd type="stealth" w="med" len="med"/>
          </a:ln>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nvGrpSpPr>
          <p:cNvPr id="30" name="CRA Freeform"/>
          <p:cNvGrpSpPr/>
          <p:nvPr/>
        </p:nvGrpSpPr>
        <p:grpSpPr>
          <a:xfrm>
            <a:off x="5101563" y="2519534"/>
            <a:ext cx="3427355" cy="897954"/>
            <a:chOff x="5101563" y="2519534"/>
            <a:chExt cx="3427355" cy="897954"/>
          </a:xfrm>
          <a:effectLst>
            <a:outerShdw dist="50800" dir="5400000" algn="ctr" rotWithShape="0">
              <a:schemeClr val="tx1"/>
            </a:outerShdw>
          </a:effectLst>
        </p:grpSpPr>
        <p:sp>
          <p:nvSpPr>
            <p:cNvPr id="1028" name="Freeform 1027"/>
            <p:cNvSpPr/>
            <p:nvPr/>
          </p:nvSpPr>
          <p:spPr bwMode="auto">
            <a:xfrm>
              <a:off x="7239548" y="3213557"/>
              <a:ext cx="148015" cy="203931"/>
            </a:xfrm>
            <a:custGeom>
              <a:avLst/>
              <a:gdLst>
                <a:gd name="connsiteX0" fmla="*/ 148015 w 148015"/>
                <a:gd name="connsiteY0" fmla="*/ 0 h 203931"/>
                <a:gd name="connsiteX1" fmla="*/ 141436 w 148015"/>
                <a:gd name="connsiteY1" fmla="*/ 32892 h 203931"/>
                <a:gd name="connsiteX2" fmla="*/ 134858 w 148015"/>
                <a:gd name="connsiteY2" fmla="*/ 42760 h 203931"/>
                <a:gd name="connsiteX3" fmla="*/ 118412 w 148015"/>
                <a:gd name="connsiteY3" fmla="*/ 59206 h 203931"/>
                <a:gd name="connsiteX4" fmla="*/ 111833 w 148015"/>
                <a:gd name="connsiteY4" fmla="*/ 65784 h 203931"/>
                <a:gd name="connsiteX5" fmla="*/ 101966 w 148015"/>
                <a:gd name="connsiteY5" fmla="*/ 75652 h 203931"/>
                <a:gd name="connsiteX6" fmla="*/ 82230 w 148015"/>
                <a:gd name="connsiteY6" fmla="*/ 85519 h 203931"/>
                <a:gd name="connsiteX7" fmla="*/ 62495 w 148015"/>
                <a:gd name="connsiteY7" fmla="*/ 92098 h 203931"/>
                <a:gd name="connsiteX8" fmla="*/ 59206 w 148015"/>
                <a:gd name="connsiteY8" fmla="*/ 101965 h 203931"/>
                <a:gd name="connsiteX9" fmla="*/ 55917 w 148015"/>
                <a:gd name="connsiteY9" fmla="*/ 151303 h 203931"/>
                <a:gd name="connsiteX10" fmla="*/ 46049 w 148015"/>
                <a:gd name="connsiteY10" fmla="*/ 154593 h 203931"/>
                <a:gd name="connsiteX11" fmla="*/ 36181 w 148015"/>
                <a:gd name="connsiteY11" fmla="*/ 161171 h 203931"/>
                <a:gd name="connsiteX12" fmla="*/ 32892 w 148015"/>
                <a:gd name="connsiteY12" fmla="*/ 171039 h 203931"/>
                <a:gd name="connsiteX13" fmla="*/ 23025 w 148015"/>
                <a:gd name="connsiteY13" fmla="*/ 177617 h 203931"/>
                <a:gd name="connsiteX14" fmla="*/ 16446 w 148015"/>
                <a:gd name="connsiteY14" fmla="*/ 184196 h 203931"/>
                <a:gd name="connsiteX15" fmla="*/ 9868 w 148015"/>
                <a:gd name="connsiteY15" fmla="*/ 194063 h 203931"/>
                <a:gd name="connsiteX16" fmla="*/ 0 w 148015"/>
                <a:gd name="connsiteY16" fmla="*/ 203931 h 203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48015" h="203931">
                  <a:moveTo>
                    <a:pt x="148015" y="0"/>
                  </a:moveTo>
                  <a:cubicBezTo>
                    <a:pt x="146803" y="8482"/>
                    <a:pt x="146028" y="23708"/>
                    <a:pt x="141436" y="32892"/>
                  </a:cubicBezTo>
                  <a:cubicBezTo>
                    <a:pt x="139668" y="36428"/>
                    <a:pt x="137461" y="39785"/>
                    <a:pt x="134858" y="42760"/>
                  </a:cubicBezTo>
                  <a:cubicBezTo>
                    <a:pt x="129753" y="48595"/>
                    <a:pt x="123894" y="53724"/>
                    <a:pt x="118412" y="59206"/>
                  </a:cubicBezTo>
                  <a:lnTo>
                    <a:pt x="111833" y="65784"/>
                  </a:lnTo>
                  <a:cubicBezTo>
                    <a:pt x="108544" y="69073"/>
                    <a:pt x="106379" y="74181"/>
                    <a:pt x="101966" y="75652"/>
                  </a:cubicBezTo>
                  <a:cubicBezTo>
                    <a:pt x="65992" y="87642"/>
                    <a:pt x="120472" y="68522"/>
                    <a:pt x="82230" y="85519"/>
                  </a:cubicBezTo>
                  <a:cubicBezTo>
                    <a:pt x="75893" y="88335"/>
                    <a:pt x="62495" y="92098"/>
                    <a:pt x="62495" y="92098"/>
                  </a:cubicBezTo>
                  <a:cubicBezTo>
                    <a:pt x="61399" y="95387"/>
                    <a:pt x="59589" y="98519"/>
                    <a:pt x="59206" y="101965"/>
                  </a:cubicBezTo>
                  <a:cubicBezTo>
                    <a:pt x="57386" y="118347"/>
                    <a:pt x="59915" y="135313"/>
                    <a:pt x="55917" y="151303"/>
                  </a:cubicBezTo>
                  <a:cubicBezTo>
                    <a:pt x="55076" y="154667"/>
                    <a:pt x="49150" y="153042"/>
                    <a:pt x="46049" y="154593"/>
                  </a:cubicBezTo>
                  <a:cubicBezTo>
                    <a:pt x="42513" y="156361"/>
                    <a:pt x="39470" y="158978"/>
                    <a:pt x="36181" y="161171"/>
                  </a:cubicBezTo>
                  <a:cubicBezTo>
                    <a:pt x="35085" y="164460"/>
                    <a:pt x="35058" y="168331"/>
                    <a:pt x="32892" y="171039"/>
                  </a:cubicBezTo>
                  <a:cubicBezTo>
                    <a:pt x="30423" y="174126"/>
                    <a:pt x="26112" y="175148"/>
                    <a:pt x="23025" y="177617"/>
                  </a:cubicBezTo>
                  <a:cubicBezTo>
                    <a:pt x="20603" y="179554"/>
                    <a:pt x="18383" y="181774"/>
                    <a:pt x="16446" y="184196"/>
                  </a:cubicBezTo>
                  <a:cubicBezTo>
                    <a:pt x="13977" y="187283"/>
                    <a:pt x="12399" y="191026"/>
                    <a:pt x="9868" y="194063"/>
                  </a:cubicBezTo>
                  <a:cubicBezTo>
                    <a:pt x="6890" y="197637"/>
                    <a:pt x="0" y="203931"/>
                    <a:pt x="0" y="20393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5" name="Freeform 1024"/>
            <p:cNvSpPr/>
            <p:nvPr/>
          </p:nvSpPr>
          <p:spPr bwMode="auto">
            <a:xfrm>
              <a:off x="6160688" y="2736621"/>
              <a:ext cx="2368230" cy="476936"/>
            </a:xfrm>
            <a:custGeom>
              <a:avLst/>
              <a:gdLst>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38627 w 2378098"/>
                <a:gd name="connsiteY5" fmla="*/ 82230 h 467068"/>
                <a:gd name="connsiteX6" fmla="*/ 2318892 w 2378098"/>
                <a:gd name="connsiteY6" fmla="*/ 95387 h 467068"/>
                <a:gd name="connsiteX7" fmla="*/ 2309024 w 2378098"/>
                <a:gd name="connsiteY7" fmla="*/ 98676 h 467068"/>
                <a:gd name="connsiteX8" fmla="*/ 2302446 w 2378098"/>
                <a:gd name="connsiteY8" fmla="*/ 118412 h 467068"/>
                <a:gd name="connsiteX9" fmla="*/ 2292578 w 2378098"/>
                <a:gd name="connsiteY9" fmla="*/ 124990 h 467068"/>
                <a:gd name="connsiteX10" fmla="*/ 2286000 w 2378098"/>
                <a:gd name="connsiteY10" fmla="*/ 131569 h 467068"/>
                <a:gd name="connsiteX11" fmla="*/ 2272843 w 2378098"/>
                <a:gd name="connsiteY11" fmla="*/ 138147 h 467068"/>
                <a:gd name="connsiteX12" fmla="*/ 2239951 w 2378098"/>
                <a:gd name="connsiteY12" fmla="*/ 148015 h 467068"/>
                <a:gd name="connsiteX13" fmla="*/ 2216926 w 2378098"/>
                <a:gd name="connsiteY13" fmla="*/ 151304 h 467068"/>
                <a:gd name="connsiteX14" fmla="*/ 2187324 w 2378098"/>
                <a:gd name="connsiteY14" fmla="*/ 157882 h 467068"/>
                <a:gd name="connsiteX15" fmla="*/ 2167588 w 2378098"/>
                <a:gd name="connsiteY15" fmla="*/ 164461 h 467068"/>
                <a:gd name="connsiteX16" fmla="*/ 2151142 w 2378098"/>
                <a:gd name="connsiteY16" fmla="*/ 167750 h 467068"/>
                <a:gd name="connsiteX17" fmla="*/ 2137985 w 2378098"/>
                <a:gd name="connsiteY17" fmla="*/ 171039 h 467068"/>
                <a:gd name="connsiteX18" fmla="*/ 2121539 w 2378098"/>
                <a:gd name="connsiteY18" fmla="*/ 174328 h 467068"/>
                <a:gd name="connsiteX19" fmla="*/ 2111672 w 2378098"/>
                <a:gd name="connsiteY19" fmla="*/ 177617 h 467068"/>
                <a:gd name="connsiteX20" fmla="*/ 1993260 w 2378098"/>
                <a:gd name="connsiteY20" fmla="*/ 180907 h 467068"/>
                <a:gd name="connsiteX21" fmla="*/ 1960368 w 2378098"/>
                <a:gd name="connsiteY21" fmla="*/ 184196 h 467068"/>
                <a:gd name="connsiteX22" fmla="*/ 1950500 w 2378098"/>
                <a:gd name="connsiteY22" fmla="*/ 187485 h 467068"/>
                <a:gd name="connsiteX23" fmla="*/ 1934054 w 2378098"/>
                <a:gd name="connsiteY23" fmla="*/ 203931 h 467068"/>
                <a:gd name="connsiteX24" fmla="*/ 1907741 w 2378098"/>
                <a:gd name="connsiteY24" fmla="*/ 226956 h 467068"/>
                <a:gd name="connsiteX25" fmla="*/ 1901162 w 2378098"/>
                <a:gd name="connsiteY25" fmla="*/ 236823 h 467068"/>
                <a:gd name="connsiteX26" fmla="*/ 1881427 w 2378098"/>
                <a:gd name="connsiteY26" fmla="*/ 253269 h 467068"/>
                <a:gd name="connsiteX27" fmla="*/ 1874849 w 2378098"/>
                <a:gd name="connsiteY27" fmla="*/ 259848 h 467068"/>
                <a:gd name="connsiteX28" fmla="*/ 1855113 w 2378098"/>
                <a:gd name="connsiteY28" fmla="*/ 266426 h 467068"/>
                <a:gd name="connsiteX29" fmla="*/ 1815643 w 2378098"/>
                <a:gd name="connsiteY29" fmla="*/ 273005 h 467068"/>
                <a:gd name="connsiteX30" fmla="*/ 1782751 w 2378098"/>
                <a:gd name="connsiteY30" fmla="*/ 282872 h 467068"/>
                <a:gd name="connsiteX31" fmla="*/ 1772883 w 2378098"/>
                <a:gd name="connsiteY31" fmla="*/ 286161 h 467068"/>
                <a:gd name="connsiteX32" fmla="*/ 1739991 w 2378098"/>
                <a:gd name="connsiteY32" fmla="*/ 289451 h 467068"/>
                <a:gd name="connsiteX33" fmla="*/ 1710388 w 2378098"/>
                <a:gd name="connsiteY33" fmla="*/ 299318 h 467068"/>
                <a:gd name="connsiteX34" fmla="*/ 1697231 w 2378098"/>
                <a:gd name="connsiteY34" fmla="*/ 302607 h 467068"/>
                <a:gd name="connsiteX35" fmla="*/ 1684075 w 2378098"/>
                <a:gd name="connsiteY35" fmla="*/ 309186 h 467068"/>
                <a:gd name="connsiteX36" fmla="*/ 1664339 w 2378098"/>
                <a:gd name="connsiteY36" fmla="*/ 315764 h 467068"/>
                <a:gd name="connsiteX37" fmla="*/ 1641315 w 2378098"/>
                <a:gd name="connsiteY37" fmla="*/ 322343 h 467068"/>
                <a:gd name="connsiteX38" fmla="*/ 1608423 w 2378098"/>
                <a:gd name="connsiteY38" fmla="*/ 328921 h 467068"/>
                <a:gd name="connsiteX39" fmla="*/ 1582109 w 2378098"/>
                <a:gd name="connsiteY39" fmla="*/ 332210 h 467068"/>
                <a:gd name="connsiteX40" fmla="*/ 1568952 w 2378098"/>
                <a:gd name="connsiteY40" fmla="*/ 335499 h 467068"/>
                <a:gd name="connsiteX41" fmla="*/ 1470276 w 2378098"/>
                <a:gd name="connsiteY41" fmla="*/ 342078 h 467068"/>
                <a:gd name="connsiteX42" fmla="*/ 1450541 w 2378098"/>
                <a:gd name="connsiteY42" fmla="*/ 355235 h 467068"/>
                <a:gd name="connsiteX43" fmla="*/ 1437384 w 2378098"/>
                <a:gd name="connsiteY43" fmla="*/ 368392 h 467068"/>
                <a:gd name="connsiteX44" fmla="*/ 1417649 w 2378098"/>
                <a:gd name="connsiteY44" fmla="*/ 378259 h 467068"/>
                <a:gd name="connsiteX45" fmla="*/ 1407781 w 2378098"/>
                <a:gd name="connsiteY45" fmla="*/ 388127 h 467068"/>
                <a:gd name="connsiteX46" fmla="*/ 1397913 w 2378098"/>
                <a:gd name="connsiteY46" fmla="*/ 391416 h 467068"/>
                <a:gd name="connsiteX47" fmla="*/ 1374889 w 2378098"/>
                <a:gd name="connsiteY47" fmla="*/ 401284 h 467068"/>
                <a:gd name="connsiteX48" fmla="*/ 1368311 w 2378098"/>
                <a:gd name="connsiteY48" fmla="*/ 411151 h 467068"/>
                <a:gd name="connsiteX49" fmla="*/ 1358443 w 2378098"/>
                <a:gd name="connsiteY49" fmla="*/ 414440 h 467068"/>
                <a:gd name="connsiteX50" fmla="*/ 1341997 w 2378098"/>
                <a:gd name="connsiteY50" fmla="*/ 417730 h 467068"/>
                <a:gd name="connsiteX51" fmla="*/ 1328840 w 2378098"/>
                <a:gd name="connsiteY51" fmla="*/ 421019 h 467068"/>
                <a:gd name="connsiteX52" fmla="*/ 1309105 w 2378098"/>
                <a:gd name="connsiteY52" fmla="*/ 434176 h 467068"/>
                <a:gd name="connsiteX53" fmla="*/ 1276213 w 2378098"/>
                <a:gd name="connsiteY53" fmla="*/ 444043 h 467068"/>
                <a:gd name="connsiteX54" fmla="*/ 1266345 w 2378098"/>
                <a:gd name="connsiteY54" fmla="*/ 447333 h 467068"/>
                <a:gd name="connsiteX55" fmla="*/ 1236742 w 2378098"/>
                <a:gd name="connsiteY55" fmla="*/ 463779 h 467068"/>
                <a:gd name="connsiteX56" fmla="*/ 1223585 w 2378098"/>
                <a:gd name="connsiteY56" fmla="*/ 467068 h 467068"/>
                <a:gd name="connsiteX57" fmla="*/ 1098595 w 2378098"/>
                <a:gd name="connsiteY57" fmla="*/ 463779 h 467068"/>
                <a:gd name="connsiteX58" fmla="*/ 1088728 w 2378098"/>
                <a:gd name="connsiteY58" fmla="*/ 457200 h 467068"/>
                <a:gd name="connsiteX59" fmla="*/ 1068993 w 2378098"/>
                <a:gd name="connsiteY59" fmla="*/ 450622 h 467068"/>
                <a:gd name="connsiteX60" fmla="*/ 1045968 w 2378098"/>
                <a:gd name="connsiteY60" fmla="*/ 444043 h 467068"/>
                <a:gd name="connsiteX61" fmla="*/ 1036100 w 2378098"/>
                <a:gd name="connsiteY61" fmla="*/ 437465 h 467068"/>
                <a:gd name="connsiteX62" fmla="*/ 1016365 w 2378098"/>
                <a:gd name="connsiteY62" fmla="*/ 430887 h 467068"/>
                <a:gd name="connsiteX63" fmla="*/ 1009787 w 2378098"/>
                <a:gd name="connsiteY63" fmla="*/ 424308 h 467068"/>
                <a:gd name="connsiteX64" fmla="*/ 990052 w 2378098"/>
                <a:gd name="connsiteY64" fmla="*/ 417730 h 467068"/>
                <a:gd name="connsiteX65" fmla="*/ 967027 w 2378098"/>
                <a:gd name="connsiteY65" fmla="*/ 421019 h 467068"/>
                <a:gd name="connsiteX66" fmla="*/ 953870 w 2378098"/>
                <a:gd name="connsiteY66" fmla="*/ 424308 h 467068"/>
                <a:gd name="connsiteX67" fmla="*/ 759807 w 2378098"/>
                <a:gd name="connsiteY67" fmla="*/ 430887 h 467068"/>
                <a:gd name="connsiteX68" fmla="*/ 697312 w 2378098"/>
                <a:gd name="connsiteY68" fmla="*/ 437465 h 467068"/>
                <a:gd name="connsiteX69" fmla="*/ 677577 w 2378098"/>
                <a:gd name="connsiteY69" fmla="*/ 440754 h 467068"/>
                <a:gd name="connsiteX70" fmla="*/ 522984 w 2378098"/>
                <a:gd name="connsiteY70" fmla="*/ 437465 h 467068"/>
                <a:gd name="connsiteX71" fmla="*/ 503249 w 2378098"/>
                <a:gd name="connsiteY71" fmla="*/ 430887 h 467068"/>
                <a:gd name="connsiteX72" fmla="*/ 490092 w 2378098"/>
                <a:gd name="connsiteY72" fmla="*/ 427597 h 467068"/>
                <a:gd name="connsiteX73" fmla="*/ 430886 w 2378098"/>
                <a:gd name="connsiteY73" fmla="*/ 430887 h 467068"/>
                <a:gd name="connsiteX74" fmla="*/ 421018 w 2378098"/>
                <a:gd name="connsiteY74" fmla="*/ 434176 h 467068"/>
                <a:gd name="connsiteX75" fmla="*/ 384837 w 2378098"/>
                <a:gd name="connsiteY75" fmla="*/ 444043 h 467068"/>
                <a:gd name="connsiteX76" fmla="*/ 365102 w 2378098"/>
                <a:gd name="connsiteY76" fmla="*/ 447333 h 467068"/>
                <a:gd name="connsiteX77" fmla="*/ 335499 w 2378098"/>
                <a:gd name="connsiteY77" fmla="*/ 457200 h 467068"/>
                <a:gd name="connsiteX78" fmla="*/ 282872 w 2378098"/>
                <a:gd name="connsiteY78" fmla="*/ 453911 h 467068"/>
                <a:gd name="connsiteX79" fmla="*/ 273004 w 2378098"/>
                <a:gd name="connsiteY79" fmla="*/ 450622 h 467068"/>
                <a:gd name="connsiteX80" fmla="*/ 266426 w 2378098"/>
                <a:gd name="connsiteY80" fmla="*/ 444043 h 467068"/>
                <a:gd name="connsiteX81" fmla="*/ 246690 w 2378098"/>
                <a:gd name="connsiteY81" fmla="*/ 437465 h 467068"/>
                <a:gd name="connsiteX82" fmla="*/ 236823 w 2378098"/>
                <a:gd name="connsiteY82" fmla="*/ 434176 h 467068"/>
                <a:gd name="connsiteX83" fmla="*/ 226955 w 2378098"/>
                <a:gd name="connsiteY83" fmla="*/ 430887 h 467068"/>
                <a:gd name="connsiteX84" fmla="*/ 138147 w 2378098"/>
                <a:gd name="connsiteY84" fmla="*/ 427597 h 467068"/>
                <a:gd name="connsiteX85" fmla="*/ 85519 w 2378098"/>
                <a:gd name="connsiteY85" fmla="*/ 430887 h 467068"/>
                <a:gd name="connsiteX86" fmla="*/ 69073 w 2378098"/>
                <a:gd name="connsiteY86" fmla="*/ 434176 h 467068"/>
                <a:gd name="connsiteX87" fmla="*/ 0 w 2378098"/>
                <a:gd name="connsiteY87"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51784 w 2378098"/>
                <a:gd name="connsiteY4" fmla="*/ 65784 h 467068"/>
                <a:gd name="connsiteX5" fmla="*/ 2318892 w 2378098"/>
                <a:gd name="connsiteY5" fmla="*/ 95387 h 467068"/>
                <a:gd name="connsiteX6" fmla="*/ 2309024 w 2378098"/>
                <a:gd name="connsiteY6" fmla="*/ 98676 h 467068"/>
                <a:gd name="connsiteX7" fmla="*/ 2302446 w 2378098"/>
                <a:gd name="connsiteY7" fmla="*/ 118412 h 467068"/>
                <a:gd name="connsiteX8" fmla="*/ 2292578 w 2378098"/>
                <a:gd name="connsiteY8" fmla="*/ 124990 h 467068"/>
                <a:gd name="connsiteX9" fmla="*/ 2286000 w 2378098"/>
                <a:gd name="connsiteY9" fmla="*/ 131569 h 467068"/>
                <a:gd name="connsiteX10" fmla="*/ 2272843 w 2378098"/>
                <a:gd name="connsiteY10" fmla="*/ 138147 h 467068"/>
                <a:gd name="connsiteX11" fmla="*/ 2239951 w 2378098"/>
                <a:gd name="connsiteY11" fmla="*/ 148015 h 467068"/>
                <a:gd name="connsiteX12" fmla="*/ 2216926 w 2378098"/>
                <a:gd name="connsiteY12" fmla="*/ 151304 h 467068"/>
                <a:gd name="connsiteX13" fmla="*/ 2187324 w 2378098"/>
                <a:gd name="connsiteY13" fmla="*/ 157882 h 467068"/>
                <a:gd name="connsiteX14" fmla="*/ 2167588 w 2378098"/>
                <a:gd name="connsiteY14" fmla="*/ 164461 h 467068"/>
                <a:gd name="connsiteX15" fmla="*/ 2151142 w 2378098"/>
                <a:gd name="connsiteY15" fmla="*/ 167750 h 467068"/>
                <a:gd name="connsiteX16" fmla="*/ 2137985 w 2378098"/>
                <a:gd name="connsiteY16" fmla="*/ 171039 h 467068"/>
                <a:gd name="connsiteX17" fmla="*/ 2121539 w 2378098"/>
                <a:gd name="connsiteY17" fmla="*/ 174328 h 467068"/>
                <a:gd name="connsiteX18" fmla="*/ 2111672 w 2378098"/>
                <a:gd name="connsiteY18" fmla="*/ 177617 h 467068"/>
                <a:gd name="connsiteX19" fmla="*/ 1993260 w 2378098"/>
                <a:gd name="connsiteY19" fmla="*/ 180907 h 467068"/>
                <a:gd name="connsiteX20" fmla="*/ 1960368 w 2378098"/>
                <a:gd name="connsiteY20" fmla="*/ 184196 h 467068"/>
                <a:gd name="connsiteX21" fmla="*/ 1950500 w 2378098"/>
                <a:gd name="connsiteY21" fmla="*/ 187485 h 467068"/>
                <a:gd name="connsiteX22" fmla="*/ 1934054 w 2378098"/>
                <a:gd name="connsiteY22" fmla="*/ 203931 h 467068"/>
                <a:gd name="connsiteX23" fmla="*/ 1907741 w 2378098"/>
                <a:gd name="connsiteY23" fmla="*/ 226956 h 467068"/>
                <a:gd name="connsiteX24" fmla="*/ 1901162 w 2378098"/>
                <a:gd name="connsiteY24" fmla="*/ 236823 h 467068"/>
                <a:gd name="connsiteX25" fmla="*/ 1881427 w 2378098"/>
                <a:gd name="connsiteY25" fmla="*/ 253269 h 467068"/>
                <a:gd name="connsiteX26" fmla="*/ 1874849 w 2378098"/>
                <a:gd name="connsiteY26" fmla="*/ 259848 h 467068"/>
                <a:gd name="connsiteX27" fmla="*/ 1855113 w 2378098"/>
                <a:gd name="connsiteY27" fmla="*/ 266426 h 467068"/>
                <a:gd name="connsiteX28" fmla="*/ 1815643 w 2378098"/>
                <a:gd name="connsiteY28" fmla="*/ 273005 h 467068"/>
                <a:gd name="connsiteX29" fmla="*/ 1782751 w 2378098"/>
                <a:gd name="connsiteY29" fmla="*/ 282872 h 467068"/>
                <a:gd name="connsiteX30" fmla="*/ 1772883 w 2378098"/>
                <a:gd name="connsiteY30" fmla="*/ 286161 h 467068"/>
                <a:gd name="connsiteX31" fmla="*/ 1739991 w 2378098"/>
                <a:gd name="connsiteY31" fmla="*/ 289451 h 467068"/>
                <a:gd name="connsiteX32" fmla="*/ 1710388 w 2378098"/>
                <a:gd name="connsiteY32" fmla="*/ 299318 h 467068"/>
                <a:gd name="connsiteX33" fmla="*/ 1697231 w 2378098"/>
                <a:gd name="connsiteY33" fmla="*/ 302607 h 467068"/>
                <a:gd name="connsiteX34" fmla="*/ 1684075 w 2378098"/>
                <a:gd name="connsiteY34" fmla="*/ 309186 h 467068"/>
                <a:gd name="connsiteX35" fmla="*/ 1664339 w 2378098"/>
                <a:gd name="connsiteY35" fmla="*/ 315764 h 467068"/>
                <a:gd name="connsiteX36" fmla="*/ 1641315 w 2378098"/>
                <a:gd name="connsiteY36" fmla="*/ 322343 h 467068"/>
                <a:gd name="connsiteX37" fmla="*/ 1608423 w 2378098"/>
                <a:gd name="connsiteY37" fmla="*/ 328921 h 467068"/>
                <a:gd name="connsiteX38" fmla="*/ 1582109 w 2378098"/>
                <a:gd name="connsiteY38" fmla="*/ 332210 h 467068"/>
                <a:gd name="connsiteX39" fmla="*/ 1568952 w 2378098"/>
                <a:gd name="connsiteY39" fmla="*/ 335499 h 467068"/>
                <a:gd name="connsiteX40" fmla="*/ 1470276 w 2378098"/>
                <a:gd name="connsiteY40" fmla="*/ 342078 h 467068"/>
                <a:gd name="connsiteX41" fmla="*/ 1450541 w 2378098"/>
                <a:gd name="connsiteY41" fmla="*/ 355235 h 467068"/>
                <a:gd name="connsiteX42" fmla="*/ 1437384 w 2378098"/>
                <a:gd name="connsiteY42" fmla="*/ 368392 h 467068"/>
                <a:gd name="connsiteX43" fmla="*/ 1417649 w 2378098"/>
                <a:gd name="connsiteY43" fmla="*/ 378259 h 467068"/>
                <a:gd name="connsiteX44" fmla="*/ 1407781 w 2378098"/>
                <a:gd name="connsiteY44" fmla="*/ 388127 h 467068"/>
                <a:gd name="connsiteX45" fmla="*/ 1397913 w 2378098"/>
                <a:gd name="connsiteY45" fmla="*/ 391416 h 467068"/>
                <a:gd name="connsiteX46" fmla="*/ 1374889 w 2378098"/>
                <a:gd name="connsiteY46" fmla="*/ 401284 h 467068"/>
                <a:gd name="connsiteX47" fmla="*/ 1368311 w 2378098"/>
                <a:gd name="connsiteY47" fmla="*/ 411151 h 467068"/>
                <a:gd name="connsiteX48" fmla="*/ 1358443 w 2378098"/>
                <a:gd name="connsiteY48" fmla="*/ 414440 h 467068"/>
                <a:gd name="connsiteX49" fmla="*/ 1341997 w 2378098"/>
                <a:gd name="connsiteY49" fmla="*/ 417730 h 467068"/>
                <a:gd name="connsiteX50" fmla="*/ 1328840 w 2378098"/>
                <a:gd name="connsiteY50" fmla="*/ 421019 h 467068"/>
                <a:gd name="connsiteX51" fmla="*/ 1309105 w 2378098"/>
                <a:gd name="connsiteY51" fmla="*/ 434176 h 467068"/>
                <a:gd name="connsiteX52" fmla="*/ 1276213 w 2378098"/>
                <a:gd name="connsiteY52" fmla="*/ 444043 h 467068"/>
                <a:gd name="connsiteX53" fmla="*/ 1266345 w 2378098"/>
                <a:gd name="connsiteY53" fmla="*/ 447333 h 467068"/>
                <a:gd name="connsiteX54" fmla="*/ 1236742 w 2378098"/>
                <a:gd name="connsiteY54" fmla="*/ 463779 h 467068"/>
                <a:gd name="connsiteX55" fmla="*/ 1223585 w 2378098"/>
                <a:gd name="connsiteY55" fmla="*/ 467068 h 467068"/>
                <a:gd name="connsiteX56" fmla="*/ 1098595 w 2378098"/>
                <a:gd name="connsiteY56" fmla="*/ 463779 h 467068"/>
                <a:gd name="connsiteX57" fmla="*/ 1088728 w 2378098"/>
                <a:gd name="connsiteY57" fmla="*/ 457200 h 467068"/>
                <a:gd name="connsiteX58" fmla="*/ 1068993 w 2378098"/>
                <a:gd name="connsiteY58" fmla="*/ 450622 h 467068"/>
                <a:gd name="connsiteX59" fmla="*/ 1045968 w 2378098"/>
                <a:gd name="connsiteY59" fmla="*/ 444043 h 467068"/>
                <a:gd name="connsiteX60" fmla="*/ 1036100 w 2378098"/>
                <a:gd name="connsiteY60" fmla="*/ 437465 h 467068"/>
                <a:gd name="connsiteX61" fmla="*/ 1016365 w 2378098"/>
                <a:gd name="connsiteY61" fmla="*/ 430887 h 467068"/>
                <a:gd name="connsiteX62" fmla="*/ 1009787 w 2378098"/>
                <a:gd name="connsiteY62" fmla="*/ 424308 h 467068"/>
                <a:gd name="connsiteX63" fmla="*/ 990052 w 2378098"/>
                <a:gd name="connsiteY63" fmla="*/ 417730 h 467068"/>
                <a:gd name="connsiteX64" fmla="*/ 967027 w 2378098"/>
                <a:gd name="connsiteY64" fmla="*/ 421019 h 467068"/>
                <a:gd name="connsiteX65" fmla="*/ 953870 w 2378098"/>
                <a:gd name="connsiteY65" fmla="*/ 424308 h 467068"/>
                <a:gd name="connsiteX66" fmla="*/ 759807 w 2378098"/>
                <a:gd name="connsiteY66" fmla="*/ 430887 h 467068"/>
                <a:gd name="connsiteX67" fmla="*/ 697312 w 2378098"/>
                <a:gd name="connsiteY67" fmla="*/ 437465 h 467068"/>
                <a:gd name="connsiteX68" fmla="*/ 677577 w 2378098"/>
                <a:gd name="connsiteY68" fmla="*/ 440754 h 467068"/>
                <a:gd name="connsiteX69" fmla="*/ 522984 w 2378098"/>
                <a:gd name="connsiteY69" fmla="*/ 437465 h 467068"/>
                <a:gd name="connsiteX70" fmla="*/ 503249 w 2378098"/>
                <a:gd name="connsiteY70" fmla="*/ 430887 h 467068"/>
                <a:gd name="connsiteX71" fmla="*/ 490092 w 2378098"/>
                <a:gd name="connsiteY71" fmla="*/ 427597 h 467068"/>
                <a:gd name="connsiteX72" fmla="*/ 430886 w 2378098"/>
                <a:gd name="connsiteY72" fmla="*/ 430887 h 467068"/>
                <a:gd name="connsiteX73" fmla="*/ 421018 w 2378098"/>
                <a:gd name="connsiteY73" fmla="*/ 434176 h 467068"/>
                <a:gd name="connsiteX74" fmla="*/ 384837 w 2378098"/>
                <a:gd name="connsiteY74" fmla="*/ 444043 h 467068"/>
                <a:gd name="connsiteX75" fmla="*/ 365102 w 2378098"/>
                <a:gd name="connsiteY75" fmla="*/ 447333 h 467068"/>
                <a:gd name="connsiteX76" fmla="*/ 335499 w 2378098"/>
                <a:gd name="connsiteY76" fmla="*/ 457200 h 467068"/>
                <a:gd name="connsiteX77" fmla="*/ 282872 w 2378098"/>
                <a:gd name="connsiteY77" fmla="*/ 453911 h 467068"/>
                <a:gd name="connsiteX78" fmla="*/ 273004 w 2378098"/>
                <a:gd name="connsiteY78" fmla="*/ 450622 h 467068"/>
                <a:gd name="connsiteX79" fmla="*/ 266426 w 2378098"/>
                <a:gd name="connsiteY79" fmla="*/ 444043 h 467068"/>
                <a:gd name="connsiteX80" fmla="*/ 246690 w 2378098"/>
                <a:gd name="connsiteY80" fmla="*/ 437465 h 467068"/>
                <a:gd name="connsiteX81" fmla="*/ 236823 w 2378098"/>
                <a:gd name="connsiteY81" fmla="*/ 434176 h 467068"/>
                <a:gd name="connsiteX82" fmla="*/ 226955 w 2378098"/>
                <a:gd name="connsiteY82" fmla="*/ 430887 h 467068"/>
                <a:gd name="connsiteX83" fmla="*/ 138147 w 2378098"/>
                <a:gd name="connsiteY83" fmla="*/ 427597 h 467068"/>
                <a:gd name="connsiteX84" fmla="*/ 85519 w 2378098"/>
                <a:gd name="connsiteY84" fmla="*/ 430887 h 467068"/>
                <a:gd name="connsiteX85" fmla="*/ 69073 w 2378098"/>
                <a:gd name="connsiteY85" fmla="*/ 434176 h 467068"/>
                <a:gd name="connsiteX86" fmla="*/ 0 w 2378098"/>
                <a:gd name="connsiteY86"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55073 w 2378098"/>
                <a:gd name="connsiteY3" fmla="*/ 55917 h 467068"/>
                <a:gd name="connsiteX4" fmla="*/ 2318892 w 2378098"/>
                <a:gd name="connsiteY4" fmla="*/ 95387 h 467068"/>
                <a:gd name="connsiteX5" fmla="*/ 2309024 w 2378098"/>
                <a:gd name="connsiteY5" fmla="*/ 98676 h 467068"/>
                <a:gd name="connsiteX6" fmla="*/ 2302446 w 2378098"/>
                <a:gd name="connsiteY6" fmla="*/ 118412 h 467068"/>
                <a:gd name="connsiteX7" fmla="*/ 2292578 w 2378098"/>
                <a:gd name="connsiteY7" fmla="*/ 124990 h 467068"/>
                <a:gd name="connsiteX8" fmla="*/ 2286000 w 2378098"/>
                <a:gd name="connsiteY8" fmla="*/ 131569 h 467068"/>
                <a:gd name="connsiteX9" fmla="*/ 2272843 w 2378098"/>
                <a:gd name="connsiteY9" fmla="*/ 138147 h 467068"/>
                <a:gd name="connsiteX10" fmla="*/ 2239951 w 2378098"/>
                <a:gd name="connsiteY10" fmla="*/ 148015 h 467068"/>
                <a:gd name="connsiteX11" fmla="*/ 2216926 w 2378098"/>
                <a:gd name="connsiteY11" fmla="*/ 151304 h 467068"/>
                <a:gd name="connsiteX12" fmla="*/ 2187324 w 2378098"/>
                <a:gd name="connsiteY12" fmla="*/ 157882 h 467068"/>
                <a:gd name="connsiteX13" fmla="*/ 2167588 w 2378098"/>
                <a:gd name="connsiteY13" fmla="*/ 164461 h 467068"/>
                <a:gd name="connsiteX14" fmla="*/ 2151142 w 2378098"/>
                <a:gd name="connsiteY14" fmla="*/ 167750 h 467068"/>
                <a:gd name="connsiteX15" fmla="*/ 2137985 w 2378098"/>
                <a:gd name="connsiteY15" fmla="*/ 171039 h 467068"/>
                <a:gd name="connsiteX16" fmla="*/ 2121539 w 2378098"/>
                <a:gd name="connsiteY16" fmla="*/ 174328 h 467068"/>
                <a:gd name="connsiteX17" fmla="*/ 2111672 w 2378098"/>
                <a:gd name="connsiteY17" fmla="*/ 177617 h 467068"/>
                <a:gd name="connsiteX18" fmla="*/ 1993260 w 2378098"/>
                <a:gd name="connsiteY18" fmla="*/ 180907 h 467068"/>
                <a:gd name="connsiteX19" fmla="*/ 1960368 w 2378098"/>
                <a:gd name="connsiteY19" fmla="*/ 184196 h 467068"/>
                <a:gd name="connsiteX20" fmla="*/ 1950500 w 2378098"/>
                <a:gd name="connsiteY20" fmla="*/ 187485 h 467068"/>
                <a:gd name="connsiteX21" fmla="*/ 1934054 w 2378098"/>
                <a:gd name="connsiteY21" fmla="*/ 203931 h 467068"/>
                <a:gd name="connsiteX22" fmla="*/ 1907741 w 2378098"/>
                <a:gd name="connsiteY22" fmla="*/ 226956 h 467068"/>
                <a:gd name="connsiteX23" fmla="*/ 1901162 w 2378098"/>
                <a:gd name="connsiteY23" fmla="*/ 236823 h 467068"/>
                <a:gd name="connsiteX24" fmla="*/ 1881427 w 2378098"/>
                <a:gd name="connsiteY24" fmla="*/ 253269 h 467068"/>
                <a:gd name="connsiteX25" fmla="*/ 1874849 w 2378098"/>
                <a:gd name="connsiteY25" fmla="*/ 259848 h 467068"/>
                <a:gd name="connsiteX26" fmla="*/ 1855113 w 2378098"/>
                <a:gd name="connsiteY26" fmla="*/ 266426 h 467068"/>
                <a:gd name="connsiteX27" fmla="*/ 1815643 w 2378098"/>
                <a:gd name="connsiteY27" fmla="*/ 273005 h 467068"/>
                <a:gd name="connsiteX28" fmla="*/ 1782751 w 2378098"/>
                <a:gd name="connsiteY28" fmla="*/ 282872 h 467068"/>
                <a:gd name="connsiteX29" fmla="*/ 1772883 w 2378098"/>
                <a:gd name="connsiteY29" fmla="*/ 286161 h 467068"/>
                <a:gd name="connsiteX30" fmla="*/ 1739991 w 2378098"/>
                <a:gd name="connsiteY30" fmla="*/ 289451 h 467068"/>
                <a:gd name="connsiteX31" fmla="*/ 1710388 w 2378098"/>
                <a:gd name="connsiteY31" fmla="*/ 299318 h 467068"/>
                <a:gd name="connsiteX32" fmla="*/ 1697231 w 2378098"/>
                <a:gd name="connsiteY32" fmla="*/ 302607 h 467068"/>
                <a:gd name="connsiteX33" fmla="*/ 1684075 w 2378098"/>
                <a:gd name="connsiteY33" fmla="*/ 309186 h 467068"/>
                <a:gd name="connsiteX34" fmla="*/ 1664339 w 2378098"/>
                <a:gd name="connsiteY34" fmla="*/ 315764 h 467068"/>
                <a:gd name="connsiteX35" fmla="*/ 1641315 w 2378098"/>
                <a:gd name="connsiteY35" fmla="*/ 322343 h 467068"/>
                <a:gd name="connsiteX36" fmla="*/ 1608423 w 2378098"/>
                <a:gd name="connsiteY36" fmla="*/ 328921 h 467068"/>
                <a:gd name="connsiteX37" fmla="*/ 1582109 w 2378098"/>
                <a:gd name="connsiteY37" fmla="*/ 332210 h 467068"/>
                <a:gd name="connsiteX38" fmla="*/ 1568952 w 2378098"/>
                <a:gd name="connsiteY38" fmla="*/ 335499 h 467068"/>
                <a:gd name="connsiteX39" fmla="*/ 1470276 w 2378098"/>
                <a:gd name="connsiteY39" fmla="*/ 342078 h 467068"/>
                <a:gd name="connsiteX40" fmla="*/ 1450541 w 2378098"/>
                <a:gd name="connsiteY40" fmla="*/ 355235 h 467068"/>
                <a:gd name="connsiteX41" fmla="*/ 1437384 w 2378098"/>
                <a:gd name="connsiteY41" fmla="*/ 368392 h 467068"/>
                <a:gd name="connsiteX42" fmla="*/ 1417649 w 2378098"/>
                <a:gd name="connsiteY42" fmla="*/ 378259 h 467068"/>
                <a:gd name="connsiteX43" fmla="*/ 1407781 w 2378098"/>
                <a:gd name="connsiteY43" fmla="*/ 388127 h 467068"/>
                <a:gd name="connsiteX44" fmla="*/ 1397913 w 2378098"/>
                <a:gd name="connsiteY44" fmla="*/ 391416 h 467068"/>
                <a:gd name="connsiteX45" fmla="*/ 1374889 w 2378098"/>
                <a:gd name="connsiteY45" fmla="*/ 401284 h 467068"/>
                <a:gd name="connsiteX46" fmla="*/ 1368311 w 2378098"/>
                <a:gd name="connsiteY46" fmla="*/ 411151 h 467068"/>
                <a:gd name="connsiteX47" fmla="*/ 1358443 w 2378098"/>
                <a:gd name="connsiteY47" fmla="*/ 414440 h 467068"/>
                <a:gd name="connsiteX48" fmla="*/ 1341997 w 2378098"/>
                <a:gd name="connsiteY48" fmla="*/ 417730 h 467068"/>
                <a:gd name="connsiteX49" fmla="*/ 1328840 w 2378098"/>
                <a:gd name="connsiteY49" fmla="*/ 421019 h 467068"/>
                <a:gd name="connsiteX50" fmla="*/ 1309105 w 2378098"/>
                <a:gd name="connsiteY50" fmla="*/ 434176 h 467068"/>
                <a:gd name="connsiteX51" fmla="*/ 1276213 w 2378098"/>
                <a:gd name="connsiteY51" fmla="*/ 444043 h 467068"/>
                <a:gd name="connsiteX52" fmla="*/ 1266345 w 2378098"/>
                <a:gd name="connsiteY52" fmla="*/ 447333 h 467068"/>
                <a:gd name="connsiteX53" fmla="*/ 1236742 w 2378098"/>
                <a:gd name="connsiteY53" fmla="*/ 463779 h 467068"/>
                <a:gd name="connsiteX54" fmla="*/ 1223585 w 2378098"/>
                <a:gd name="connsiteY54" fmla="*/ 467068 h 467068"/>
                <a:gd name="connsiteX55" fmla="*/ 1098595 w 2378098"/>
                <a:gd name="connsiteY55" fmla="*/ 463779 h 467068"/>
                <a:gd name="connsiteX56" fmla="*/ 1088728 w 2378098"/>
                <a:gd name="connsiteY56" fmla="*/ 457200 h 467068"/>
                <a:gd name="connsiteX57" fmla="*/ 1068993 w 2378098"/>
                <a:gd name="connsiteY57" fmla="*/ 450622 h 467068"/>
                <a:gd name="connsiteX58" fmla="*/ 1045968 w 2378098"/>
                <a:gd name="connsiteY58" fmla="*/ 444043 h 467068"/>
                <a:gd name="connsiteX59" fmla="*/ 1036100 w 2378098"/>
                <a:gd name="connsiteY59" fmla="*/ 437465 h 467068"/>
                <a:gd name="connsiteX60" fmla="*/ 1016365 w 2378098"/>
                <a:gd name="connsiteY60" fmla="*/ 430887 h 467068"/>
                <a:gd name="connsiteX61" fmla="*/ 1009787 w 2378098"/>
                <a:gd name="connsiteY61" fmla="*/ 424308 h 467068"/>
                <a:gd name="connsiteX62" fmla="*/ 990052 w 2378098"/>
                <a:gd name="connsiteY62" fmla="*/ 417730 h 467068"/>
                <a:gd name="connsiteX63" fmla="*/ 967027 w 2378098"/>
                <a:gd name="connsiteY63" fmla="*/ 421019 h 467068"/>
                <a:gd name="connsiteX64" fmla="*/ 953870 w 2378098"/>
                <a:gd name="connsiteY64" fmla="*/ 424308 h 467068"/>
                <a:gd name="connsiteX65" fmla="*/ 759807 w 2378098"/>
                <a:gd name="connsiteY65" fmla="*/ 430887 h 467068"/>
                <a:gd name="connsiteX66" fmla="*/ 697312 w 2378098"/>
                <a:gd name="connsiteY66" fmla="*/ 437465 h 467068"/>
                <a:gd name="connsiteX67" fmla="*/ 677577 w 2378098"/>
                <a:gd name="connsiteY67" fmla="*/ 440754 h 467068"/>
                <a:gd name="connsiteX68" fmla="*/ 522984 w 2378098"/>
                <a:gd name="connsiteY68" fmla="*/ 437465 h 467068"/>
                <a:gd name="connsiteX69" fmla="*/ 503249 w 2378098"/>
                <a:gd name="connsiteY69" fmla="*/ 430887 h 467068"/>
                <a:gd name="connsiteX70" fmla="*/ 490092 w 2378098"/>
                <a:gd name="connsiteY70" fmla="*/ 427597 h 467068"/>
                <a:gd name="connsiteX71" fmla="*/ 430886 w 2378098"/>
                <a:gd name="connsiteY71" fmla="*/ 430887 h 467068"/>
                <a:gd name="connsiteX72" fmla="*/ 421018 w 2378098"/>
                <a:gd name="connsiteY72" fmla="*/ 434176 h 467068"/>
                <a:gd name="connsiteX73" fmla="*/ 384837 w 2378098"/>
                <a:gd name="connsiteY73" fmla="*/ 444043 h 467068"/>
                <a:gd name="connsiteX74" fmla="*/ 365102 w 2378098"/>
                <a:gd name="connsiteY74" fmla="*/ 447333 h 467068"/>
                <a:gd name="connsiteX75" fmla="*/ 335499 w 2378098"/>
                <a:gd name="connsiteY75" fmla="*/ 457200 h 467068"/>
                <a:gd name="connsiteX76" fmla="*/ 282872 w 2378098"/>
                <a:gd name="connsiteY76" fmla="*/ 453911 h 467068"/>
                <a:gd name="connsiteX77" fmla="*/ 273004 w 2378098"/>
                <a:gd name="connsiteY77" fmla="*/ 450622 h 467068"/>
                <a:gd name="connsiteX78" fmla="*/ 266426 w 2378098"/>
                <a:gd name="connsiteY78" fmla="*/ 444043 h 467068"/>
                <a:gd name="connsiteX79" fmla="*/ 246690 w 2378098"/>
                <a:gd name="connsiteY79" fmla="*/ 437465 h 467068"/>
                <a:gd name="connsiteX80" fmla="*/ 236823 w 2378098"/>
                <a:gd name="connsiteY80" fmla="*/ 434176 h 467068"/>
                <a:gd name="connsiteX81" fmla="*/ 226955 w 2378098"/>
                <a:gd name="connsiteY81" fmla="*/ 430887 h 467068"/>
                <a:gd name="connsiteX82" fmla="*/ 138147 w 2378098"/>
                <a:gd name="connsiteY82" fmla="*/ 427597 h 467068"/>
                <a:gd name="connsiteX83" fmla="*/ 85519 w 2378098"/>
                <a:gd name="connsiteY83" fmla="*/ 430887 h 467068"/>
                <a:gd name="connsiteX84" fmla="*/ 69073 w 2378098"/>
                <a:gd name="connsiteY84" fmla="*/ 434176 h 467068"/>
                <a:gd name="connsiteX85" fmla="*/ 0 w 2378098"/>
                <a:gd name="connsiteY85" fmla="*/ 434176 h 467068"/>
                <a:gd name="connsiteX0" fmla="*/ 2378098 w 2378098"/>
                <a:gd name="connsiteY0" fmla="*/ 0 h 467068"/>
                <a:gd name="connsiteX1" fmla="*/ 2371519 w 2378098"/>
                <a:gd name="connsiteY1" fmla="*/ 16446 h 467068"/>
                <a:gd name="connsiteX2" fmla="*/ 2361652 w 2378098"/>
                <a:gd name="connsiteY2" fmla="*/ 46049 h 467068"/>
                <a:gd name="connsiteX3" fmla="*/ 2318892 w 2378098"/>
                <a:gd name="connsiteY3" fmla="*/ 95387 h 467068"/>
                <a:gd name="connsiteX4" fmla="*/ 2309024 w 2378098"/>
                <a:gd name="connsiteY4" fmla="*/ 98676 h 467068"/>
                <a:gd name="connsiteX5" fmla="*/ 2302446 w 2378098"/>
                <a:gd name="connsiteY5" fmla="*/ 118412 h 467068"/>
                <a:gd name="connsiteX6" fmla="*/ 2292578 w 2378098"/>
                <a:gd name="connsiteY6" fmla="*/ 124990 h 467068"/>
                <a:gd name="connsiteX7" fmla="*/ 2286000 w 2378098"/>
                <a:gd name="connsiteY7" fmla="*/ 131569 h 467068"/>
                <a:gd name="connsiteX8" fmla="*/ 2272843 w 2378098"/>
                <a:gd name="connsiteY8" fmla="*/ 138147 h 467068"/>
                <a:gd name="connsiteX9" fmla="*/ 2239951 w 2378098"/>
                <a:gd name="connsiteY9" fmla="*/ 148015 h 467068"/>
                <a:gd name="connsiteX10" fmla="*/ 2216926 w 2378098"/>
                <a:gd name="connsiteY10" fmla="*/ 151304 h 467068"/>
                <a:gd name="connsiteX11" fmla="*/ 2187324 w 2378098"/>
                <a:gd name="connsiteY11" fmla="*/ 157882 h 467068"/>
                <a:gd name="connsiteX12" fmla="*/ 2167588 w 2378098"/>
                <a:gd name="connsiteY12" fmla="*/ 164461 h 467068"/>
                <a:gd name="connsiteX13" fmla="*/ 2151142 w 2378098"/>
                <a:gd name="connsiteY13" fmla="*/ 167750 h 467068"/>
                <a:gd name="connsiteX14" fmla="*/ 2137985 w 2378098"/>
                <a:gd name="connsiteY14" fmla="*/ 171039 h 467068"/>
                <a:gd name="connsiteX15" fmla="*/ 2121539 w 2378098"/>
                <a:gd name="connsiteY15" fmla="*/ 174328 h 467068"/>
                <a:gd name="connsiteX16" fmla="*/ 2111672 w 2378098"/>
                <a:gd name="connsiteY16" fmla="*/ 177617 h 467068"/>
                <a:gd name="connsiteX17" fmla="*/ 1993260 w 2378098"/>
                <a:gd name="connsiteY17" fmla="*/ 180907 h 467068"/>
                <a:gd name="connsiteX18" fmla="*/ 1960368 w 2378098"/>
                <a:gd name="connsiteY18" fmla="*/ 184196 h 467068"/>
                <a:gd name="connsiteX19" fmla="*/ 1950500 w 2378098"/>
                <a:gd name="connsiteY19" fmla="*/ 187485 h 467068"/>
                <a:gd name="connsiteX20" fmla="*/ 1934054 w 2378098"/>
                <a:gd name="connsiteY20" fmla="*/ 203931 h 467068"/>
                <a:gd name="connsiteX21" fmla="*/ 1907741 w 2378098"/>
                <a:gd name="connsiteY21" fmla="*/ 226956 h 467068"/>
                <a:gd name="connsiteX22" fmla="*/ 1901162 w 2378098"/>
                <a:gd name="connsiteY22" fmla="*/ 236823 h 467068"/>
                <a:gd name="connsiteX23" fmla="*/ 1881427 w 2378098"/>
                <a:gd name="connsiteY23" fmla="*/ 253269 h 467068"/>
                <a:gd name="connsiteX24" fmla="*/ 1874849 w 2378098"/>
                <a:gd name="connsiteY24" fmla="*/ 259848 h 467068"/>
                <a:gd name="connsiteX25" fmla="*/ 1855113 w 2378098"/>
                <a:gd name="connsiteY25" fmla="*/ 266426 h 467068"/>
                <a:gd name="connsiteX26" fmla="*/ 1815643 w 2378098"/>
                <a:gd name="connsiteY26" fmla="*/ 273005 h 467068"/>
                <a:gd name="connsiteX27" fmla="*/ 1782751 w 2378098"/>
                <a:gd name="connsiteY27" fmla="*/ 282872 h 467068"/>
                <a:gd name="connsiteX28" fmla="*/ 1772883 w 2378098"/>
                <a:gd name="connsiteY28" fmla="*/ 286161 h 467068"/>
                <a:gd name="connsiteX29" fmla="*/ 1739991 w 2378098"/>
                <a:gd name="connsiteY29" fmla="*/ 289451 h 467068"/>
                <a:gd name="connsiteX30" fmla="*/ 1710388 w 2378098"/>
                <a:gd name="connsiteY30" fmla="*/ 299318 h 467068"/>
                <a:gd name="connsiteX31" fmla="*/ 1697231 w 2378098"/>
                <a:gd name="connsiteY31" fmla="*/ 302607 h 467068"/>
                <a:gd name="connsiteX32" fmla="*/ 1684075 w 2378098"/>
                <a:gd name="connsiteY32" fmla="*/ 309186 h 467068"/>
                <a:gd name="connsiteX33" fmla="*/ 1664339 w 2378098"/>
                <a:gd name="connsiteY33" fmla="*/ 315764 h 467068"/>
                <a:gd name="connsiteX34" fmla="*/ 1641315 w 2378098"/>
                <a:gd name="connsiteY34" fmla="*/ 322343 h 467068"/>
                <a:gd name="connsiteX35" fmla="*/ 1608423 w 2378098"/>
                <a:gd name="connsiteY35" fmla="*/ 328921 h 467068"/>
                <a:gd name="connsiteX36" fmla="*/ 1582109 w 2378098"/>
                <a:gd name="connsiteY36" fmla="*/ 332210 h 467068"/>
                <a:gd name="connsiteX37" fmla="*/ 1568952 w 2378098"/>
                <a:gd name="connsiteY37" fmla="*/ 335499 h 467068"/>
                <a:gd name="connsiteX38" fmla="*/ 1470276 w 2378098"/>
                <a:gd name="connsiteY38" fmla="*/ 342078 h 467068"/>
                <a:gd name="connsiteX39" fmla="*/ 1450541 w 2378098"/>
                <a:gd name="connsiteY39" fmla="*/ 355235 h 467068"/>
                <a:gd name="connsiteX40" fmla="*/ 1437384 w 2378098"/>
                <a:gd name="connsiteY40" fmla="*/ 368392 h 467068"/>
                <a:gd name="connsiteX41" fmla="*/ 1417649 w 2378098"/>
                <a:gd name="connsiteY41" fmla="*/ 378259 h 467068"/>
                <a:gd name="connsiteX42" fmla="*/ 1407781 w 2378098"/>
                <a:gd name="connsiteY42" fmla="*/ 388127 h 467068"/>
                <a:gd name="connsiteX43" fmla="*/ 1397913 w 2378098"/>
                <a:gd name="connsiteY43" fmla="*/ 391416 h 467068"/>
                <a:gd name="connsiteX44" fmla="*/ 1374889 w 2378098"/>
                <a:gd name="connsiteY44" fmla="*/ 401284 h 467068"/>
                <a:gd name="connsiteX45" fmla="*/ 1368311 w 2378098"/>
                <a:gd name="connsiteY45" fmla="*/ 411151 h 467068"/>
                <a:gd name="connsiteX46" fmla="*/ 1358443 w 2378098"/>
                <a:gd name="connsiteY46" fmla="*/ 414440 h 467068"/>
                <a:gd name="connsiteX47" fmla="*/ 1341997 w 2378098"/>
                <a:gd name="connsiteY47" fmla="*/ 417730 h 467068"/>
                <a:gd name="connsiteX48" fmla="*/ 1328840 w 2378098"/>
                <a:gd name="connsiteY48" fmla="*/ 421019 h 467068"/>
                <a:gd name="connsiteX49" fmla="*/ 1309105 w 2378098"/>
                <a:gd name="connsiteY49" fmla="*/ 434176 h 467068"/>
                <a:gd name="connsiteX50" fmla="*/ 1276213 w 2378098"/>
                <a:gd name="connsiteY50" fmla="*/ 444043 h 467068"/>
                <a:gd name="connsiteX51" fmla="*/ 1266345 w 2378098"/>
                <a:gd name="connsiteY51" fmla="*/ 447333 h 467068"/>
                <a:gd name="connsiteX52" fmla="*/ 1236742 w 2378098"/>
                <a:gd name="connsiteY52" fmla="*/ 463779 h 467068"/>
                <a:gd name="connsiteX53" fmla="*/ 1223585 w 2378098"/>
                <a:gd name="connsiteY53" fmla="*/ 467068 h 467068"/>
                <a:gd name="connsiteX54" fmla="*/ 1098595 w 2378098"/>
                <a:gd name="connsiteY54" fmla="*/ 463779 h 467068"/>
                <a:gd name="connsiteX55" fmla="*/ 1088728 w 2378098"/>
                <a:gd name="connsiteY55" fmla="*/ 457200 h 467068"/>
                <a:gd name="connsiteX56" fmla="*/ 1068993 w 2378098"/>
                <a:gd name="connsiteY56" fmla="*/ 450622 h 467068"/>
                <a:gd name="connsiteX57" fmla="*/ 1045968 w 2378098"/>
                <a:gd name="connsiteY57" fmla="*/ 444043 h 467068"/>
                <a:gd name="connsiteX58" fmla="*/ 1036100 w 2378098"/>
                <a:gd name="connsiteY58" fmla="*/ 437465 h 467068"/>
                <a:gd name="connsiteX59" fmla="*/ 1016365 w 2378098"/>
                <a:gd name="connsiteY59" fmla="*/ 430887 h 467068"/>
                <a:gd name="connsiteX60" fmla="*/ 1009787 w 2378098"/>
                <a:gd name="connsiteY60" fmla="*/ 424308 h 467068"/>
                <a:gd name="connsiteX61" fmla="*/ 990052 w 2378098"/>
                <a:gd name="connsiteY61" fmla="*/ 417730 h 467068"/>
                <a:gd name="connsiteX62" fmla="*/ 967027 w 2378098"/>
                <a:gd name="connsiteY62" fmla="*/ 421019 h 467068"/>
                <a:gd name="connsiteX63" fmla="*/ 953870 w 2378098"/>
                <a:gd name="connsiteY63" fmla="*/ 424308 h 467068"/>
                <a:gd name="connsiteX64" fmla="*/ 759807 w 2378098"/>
                <a:gd name="connsiteY64" fmla="*/ 430887 h 467068"/>
                <a:gd name="connsiteX65" fmla="*/ 697312 w 2378098"/>
                <a:gd name="connsiteY65" fmla="*/ 437465 h 467068"/>
                <a:gd name="connsiteX66" fmla="*/ 677577 w 2378098"/>
                <a:gd name="connsiteY66" fmla="*/ 440754 h 467068"/>
                <a:gd name="connsiteX67" fmla="*/ 522984 w 2378098"/>
                <a:gd name="connsiteY67" fmla="*/ 437465 h 467068"/>
                <a:gd name="connsiteX68" fmla="*/ 503249 w 2378098"/>
                <a:gd name="connsiteY68" fmla="*/ 430887 h 467068"/>
                <a:gd name="connsiteX69" fmla="*/ 490092 w 2378098"/>
                <a:gd name="connsiteY69" fmla="*/ 427597 h 467068"/>
                <a:gd name="connsiteX70" fmla="*/ 430886 w 2378098"/>
                <a:gd name="connsiteY70" fmla="*/ 430887 h 467068"/>
                <a:gd name="connsiteX71" fmla="*/ 421018 w 2378098"/>
                <a:gd name="connsiteY71" fmla="*/ 434176 h 467068"/>
                <a:gd name="connsiteX72" fmla="*/ 384837 w 2378098"/>
                <a:gd name="connsiteY72" fmla="*/ 444043 h 467068"/>
                <a:gd name="connsiteX73" fmla="*/ 365102 w 2378098"/>
                <a:gd name="connsiteY73" fmla="*/ 447333 h 467068"/>
                <a:gd name="connsiteX74" fmla="*/ 335499 w 2378098"/>
                <a:gd name="connsiteY74" fmla="*/ 457200 h 467068"/>
                <a:gd name="connsiteX75" fmla="*/ 282872 w 2378098"/>
                <a:gd name="connsiteY75" fmla="*/ 453911 h 467068"/>
                <a:gd name="connsiteX76" fmla="*/ 273004 w 2378098"/>
                <a:gd name="connsiteY76" fmla="*/ 450622 h 467068"/>
                <a:gd name="connsiteX77" fmla="*/ 266426 w 2378098"/>
                <a:gd name="connsiteY77" fmla="*/ 444043 h 467068"/>
                <a:gd name="connsiteX78" fmla="*/ 246690 w 2378098"/>
                <a:gd name="connsiteY78" fmla="*/ 437465 h 467068"/>
                <a:gd name="connsiteX79" fmla="*/ 236823 w 2378098"/>
                <a:gd name="connsiteY79" fmla="*/ 434176 h 467068"/>
                <a:gd name="connsiteX80" fmla="*/ 226955 w 2378098"/>
                <a:gd name="connsiteY80" fmla="*/ 430887 h 467068"/>
                <a:gd name="connsiteX81" fmla="*/ 138147 w 2378098"/>
                <a:gd name="connsiteY81" fmla="*/ 427597 h 467068"/>
                <a:gd name="connsiteX82" fmla="*/ 85519 w 2378098"/>
                <a:gd name="connsiteY82" fmla="*/ 430887 h 467068"/>
                <a:gd name="connsiteX83" fmla="*/ 69073 w 2378098"/>
                <a:gd name="connsiteY83" fmla="*/ 434176 h 467068"/>
                <a:gd name="connsiteX84" fmla="*/ 0 w 2378098"/>
                <a:gd name="connsiteY84" fmla="*/ 434176 h 467068"/>
                <a:gd name="connsiteX0" fmla="*/ 2378098 w 2378098"/>
                <a:gd name="connsiteY0" fmla="*/ 0 h 467068"/>
                <a:gd name="connsiteX1" fmla="*/ 2371519 w 2378098"/>
                <a:gd name="connsiteY1" fmla="*/ 16446 h 467068"/>
                <a:gd name="connsiteX2" fmla="*/ 2318892 w 2378098"/>
                <a:gd name="connsiteY2" fmla="*/ 95387 h 467068"/>
                <a:gd name="connsiteX3" fmla="*/ 2309024 w 2378098"/>
                <a:gd name="connsiteY3" fmla="*/ 98676 h 467068"/>
                <a:gd name="connsiteX4" fmla="*/ 2302446 w 2378098"/>
                <a:gd name="connsiteY4" fmla="*/ 118412 h 467068"/>
                <a:gd name="connsiteX5" fmla="*/ 2292578 w 2378098"/>
                <a:gd name="connsiteY5" fmla="*/ 124990 h 467068"/>
                <a:gd name="connsiteX6" fmla="*/ 2286000 w 2378098"/>
                <a:gd name="connsiteY6" fmla="*/ 131569 h 467068"/>
                <a:gd name="connsiteX7" fmla="*/ 2272843 w 2378098"/>
                <a:gd name="connsiteY7" fmla="*/ 138147 h 467068"/>
                <a:gd name="connsiteX8" fmla="*/ 2239951 w 2378098"/>
                <a:gd name="connsiteY8" fmla="*/ 148015 h 467068"/>
                <a:gd name="connsiteX9" fmla="*/ 2216926 w 2378098"/>
                <a:gd name="connsiteY9" fmla="*/ 151304 h 467068"/>
                <a:gd name="connsiteX10" fmla="*/ 2187324 w 2378098"/>
                <a:gd name="connsiteY10" fmla="*/ 157882 h 467068"/>
                <a:gd name="connsiteX11" fmla="*/ 2167588 w 2378098"/>
                <a:gd name="connsiteY11" fmla="*/ 164461 h 467068"/>
                <a:gd name="connsiteX12" fmla="*/ 2151142 w 2378098"/>
                <a:gd name="connsiteY12" fmla="*/ 167750 h 467068"/>
                <a:gd name="connsiteX13" fmla="*/ 2137985 w 2378098"/>
                <a:gd name="connsiteY13" fmla="*/ 171039 h 467068"/>
                <a:gd name="connsiteX14" fmla="*/ 2121539 w 2378098"/>
                <a:gd name="connsiteY14" fmla="*/ 174328 h 467068"/>
                <a:gd name="connsiteX15" fmla="*/ 2111672 w 2378098"/>
                <a:gd name="connsiteY15" fmla="*/ 177617 h 467068"/>
                <a:gd name="connsiteX16" fmla="*/ 1993260 w 2378098"/>
                <a:gd name="connsiteY16" fmla="*/ 180907 h 467068"/>
                <a:gd name="connsiteX17" fmla="*/ 1960368 w 2378098"/>
                <a:gd name="connsiteY17" fmla="*/ 184196 h 467068"/>
                <a:gd name="connsiteX18" fmla="*/ 1950500 w 2378098"/>
                <a:gd name="connsiteY18" fmla="*/ 187485 h 467068"/>
                <a:gd name="connsiteX19" fmla="*/ 1934054 w 2378098"/>
                <a:gd name="connsiteY19" fmla="*/ 203931 h 467068"/>
                <a:gd name="connsiteX20" fmla="*/ 1907741 w 2378098"/>
                <a:gd name="connsiteY20" fmla="*/ 226956 h 467068"/>
                <a:gd name="connsiteX21" fmla="*/ 1901162 w 2378098"/>
                <a:gd name="connsiteY21" fmla="*/ 236823 h 467068"/>
                <a:gd name="connsiteX22" fmla="*/ 1881427 w 2378098"/>
                <a:gd name="connsiteY22" fmla="*/ 253269 h 467068"/>
                <a:gd name="connsiteX23" fmla="*/ 1874849 w 2378098"/>
                <a:gd name="connsiteY23" fmla="*/ 259848 h 467068"/>
                <a:gd name="connsiteX24" fmla="*/ 1855113 w 2378098"/>
                <a:gd name="connsiteY24" fmla="*/ 266426 h 467068"/>
                <a:gd name="connsiteX25" fmla="*/ 1815643 w 2378098"/>
                <a:gd name="connsiteY25" fmla="*/ 273005 h 467068"/>
                <a:gd name="connsiteX26" fmla="*/ 1782751 w 2378098"/>
                <a:gd name="connsiteY26" fmla="*/ 282872 h 467068"/>
                <a:gd name="connsiteX27" fmla="*/ 1772883 w 2378098"/>
                <a:gd name="connsiteY27" fmla="*/ 286161 h 467068"/>
                <a:gd name="connsiteX28" fmla="*/ 1739991 w 2378098"/>
                <a:gd name="connsiteY28" fmla="*/ 289451 h 467068"/>
                <a:gd name="connsiteX29" fmla="*/ 1710388 w 2378098"/>
                <a:gd name="connsiteY29" fmla="*/ 299318 h 467068"/>
                <a:gd name="connsiteX30" fmla="*/ 1697231 w 2378098"/>
                <a:gd name="connsiteY30" fmla="*/ 302607 h 467068"/>
                <a:gd name="connsiteX31" fmla="*/ 1684075 w 2378098"/>
                <a:gd name="connsiteY31" fmla="*/ 309186 h 467068"/>
                <a:gd name="connsiteX32" fmla="*/ 1664339 w 2378098"/>
                <a:gd name="connsiteY32" fmla="*/ 315764 h 467068"/>
                <a:gd name="connsiteX33" fmla="*/ 1641315 w 2378098"/>
                <a:gd name="connsiteY33" fmla="*/ 322343 h 467068"/>
                <a:gd name="connsiteX34" fmla="*/ 1608423 w 2378098"/>
                <a:gd name="connsiteY34" fmla="*/ 328921 h 467068"/>
                <a:gd name="connsiteX35" fmla="*/ 1582109 w 2378098"/>
                <a:gd name="connsiteY35" fmla="*/ 332210 h 467068"/>
                <a:gd name="connsiteX36" fmla="*/ 1568952 w 2378098"/>
                <a:gd name="connsiteY36" fmla="*/ 335499 h 467068"/>
                <a:gd name="connsiteX37" fmla="*/ 1470276 w 2378098"/>
                <a:gd name="connsiteY37" fmla="*/ 342078 h 467068"/>
                <a:gd name="connsiteX38" fmla="*/ 1450541 w 2378098"/>
                <a:gd name="connsiteY38" fmla="*/ 355235 h 467068"/>
                <a:gd name="connsiteX39" fmla="*/ 1437384 w 2378098"/>
                <a:gd name="connsiteY39" fmla="*/ 368392 h 467068"/>
                <a:gd name="connsiteX40" fmla="*/ 1417649 w 2378098"/>
                <a:gd name="connsiteY40" fmla="*/ 378259 h 467068"/>
                <a:gd name="connsiteX41" fmla="*/ 1407781 w 2378098"/>
                <a:gd name="connsiteY41" fmla="*/ 388127 h 467068"/>
                <a:gd name="connsiteX42" fmla="*/ 1397913 w 2378098"/>
                <a:gd name="connsiteY42" fmla="*/ 391416 h 467068"/>
                <a:gd name="connsiteX43" fmla="*/ 1374889 w 2378098"/>
                <a:gd name="connsiteY43" fmla="*/ 401284 h 467068"/>
                <a:gd name="connsiteX44" fmla="*/ 1368311 w 2378098"/>
                <a:gd name="connsiteY44" fmla="*/ 411151 h 467068"/>
                <a:gd name="connsiteX45" fmla="*/ 1358443 w 2378098"/>
                <a:gd name="connsiteY45" fmla="*/ 414440 h 467068"/>
                <a:gd name="connsiteX46" fmla="*/ 1341997 w 2378098"/>
                <a:gd name="connsiteY46" fmla="*/ 417730 h 467068"/>
                <a:gd name="connsiteX47" fmla="*/ 1328840 w 2378098"/>
                <a:gd name="connsiteY47" fmla="*/ 421019 h 467068"/>
                <a:gd name="connsiteX48" fmla="*/ 1309105 w 2378098"/>
                <a:gd name="connsiteY48" fmla="*/ 434176 h 467068"/>
                <a:gd name="connsiteX49" fmla="*/ 1276213 w 2378098"/>
                <a:gd name="connsiteY49" fmla="*/ 444043 h 467068"/>
                <a:gd name="connsiteX50" fmla="*/ 1266345 w 2378098"/>
                <a:gd name="connsiteY50" fmla="*/ 447333 h 467068"/>
                <a:gd name="connsiteX51" fmla="*/ 1236742 w 2378098"/>
                <a:gd name="connsiteY51" fmla="*/ 463779 h 467068"/>
                <a:gd name="connsiteX52" fmla="*/ 1223585 w 2378098"/>
                <a:gd name="connsiteY52" fmla="*/ 467068 h 467068"/>
                <a:gd name="connsiteX53" fmla="*/ 1098595 w 2378098"/>
                <a:gd name="connsiteY53" fmla="*/ 463779 h 467068"/>
                <a:gd name="connsiteX54" fmla="*/ 1088728 w 2378098"/>
                <a:gd name="connsiteY54" fmla="*/ 457200 h 467068"/>
                <a:gd name="connsiteX55" fmla="*/ 1068993 w 2378098"/>
                <a:gd name="connsiteY55" fmla="*/ 450622 h 467068"/>
                <a:gd name="connsiteX56" fmla="*/ 1045968 w 2378098"/>
                <a:gd name="connsiteY56" fmla="*/ 444043 h 467068"/>
                <a:gd name="connsiteX57" fmla="*/ 1036100 w 2378098"/>
                <a:gd name="connsiteY57" fmla="*/ 437465 h 467068"/>
                <a:gd name="connsiteX58" fmla="*/ 1016365 w 2378098"/>
                <a:gd name="connsiteY58" fmla="*/ 430887 h 467068"/>
                <a:gd name="connsiteX59" fmla="*/ 1009787 w 2378098"/>
                <a:gd name="connsiteY59" fmla="*/ 424308 h 467068"/>
                <a:gd name="connsiteX60" fmla="*/ 990052 w 2378098"/>
                <a:gd name="connsiteY60" fmla="*/ 417730 h 467068"/>
                <a:gd name="connsiteX61" fmla="*/ 967027 w 2378098"/>
                <a:gd name="connsiteY61" fmla="*/ 421019 h 467068"/>
                <a:gd name="connsiteX62" fmla="*/ 953870 w 2378098"/>
                <a:gd name="connsiteY62" fmla="*/ 424308 h 467068"/>
                <a:gd name="connsiteX63" fmla="*/ 759807 w 2378098"/>
                <a:gd name="connsiteY63" fmla="*/ 430887 h 467068"/>
                <a:gd name="connsiteX64" fmla="*/ 697312 w 2378098"/>
                <a:gd name="connsiteY64" fmla="*/ 437465 h 467068"/>
                <a:gd name="connsiteX65" fmla="*/ 677577 w 2378098"/>
                <a:gd name="connsiteY65" fmla="*/ 440754 h 467068"/>
                <a:gd name="connsiteX66" fmla="*/ 522984 w 2378098"/>
                <a:gd name="connsiteY66" fmla="*/ 437465 h 467068"/>
                <a:gd name="connsiteX67" fmla="*/ 503249 w 2378098"/>
                <a:gd name="connsiteY67" fmla="*/ 430887 h 467068"/>
                <a:gd name="connsiteX68" fmla="*/ 490092 w 2378098"/>
                <a:gd name="connsiteY68" fmla="*/ 427597 h 467068"/>
                <a:gd name="connsiteX69" fmla="*/ 430886 w 2378098"/>
                <a:gd name="connsiteY69" fmla="*/ 430887 h 467068"/>
                <a:gd name="connsiteX70" fmla="*/ 421018 w 2378098"/>
                <a:gd name="connsiteY70" fmla="*/ 434176 h 467068"/>
                <a:gd name="connsiteX71" fmla="*/ 384837 w 2378098"/>
                <a:gd name="connsiteY71" fmla="*/ 444043 h 467068"/>
                <a:gd name="connsiteX72" fmla="*/ 365102 w 2378098"/>
                <a:gd name="connsiteY72" fmla="*/ 447333 h 467068"/>
                <a:gd name="connsiteX73" fmla="*/ 335499 w 2378098"/>
                <a:gd name="connsiteY73" fmla="*/ 457200 h 467068"/>
                <a:gd name="connsiteX74" fmla="*/ 282872 w 2378098"/>
                <a:gd name="connsiteY74" fmla="*/ 453911 h 467068"/>
                <a:gd name="connsiteX75" fmla="*/ 273004 w 2378098"/>
                <a:gd name="connsiteY75" fmla="*/ 450622 h 467068"/>
                <a:gd name="connsiteX76" fmla="*/ 266426 w 2378098"/>
                <a:gd name="connsiteY76" fmla="*/ 444043 h 467068"/>
                <a:gd name="connsiteX77" fmla="*/ 246690 w 2378098"/>
                <a:gd name="connsiteY77" fmla="*/ 437465 h 467068"/>
                <a:gd name="connsiteX78" fmla="*/ 236823 w 2378098"/>
                <a:gd name="connsiteY78" fmla="*/ 434176 h 467068"/>
                <a:gd name="connsiteX79" fmla="*/ 226955 w 2378098"/>
                <a:gd name="connsiteY79" fmla="*/ 430887 h 467068"/>
                <a:gd name="connsiteX80" fmla="*/ 138147 w 2378098"/>
                <a:gd name="connsiteY80" fmla="*/ 427597 h 467068"/>
                <a:gd name="connsiteX81" fmla="*/ 85519 w 2378098"/>
                <a:gd name="connsiteY81" fmla="*/ 430887 h 467068"/>
                <a:gd name="connsiteX82" fmla="*/ 69073 w 2378098"/>
                <a:gd name="connsiteY82" fmla="*/ 434176 h 467068"/>
                <a:gd name="connsiteX83" fmla="*/ 0 w 2378098"/>
                <a:gd name="connsiteY83" fmla="*/ 434176 h 467068"/>
                <a:gd name="connsiteX0" fmla="*/ 2378098 w 2378098"/>
                <a:gd name="connsiteY0" fmla="*/ 0 h 467068"/>
                <a:gd name="connsiteX1" fmla="*/ 2318892 w 2378098"/>
                <a:gd name="connsiteY1" fmla="*/ 95387 h 467068"/>
                <a:gd name="connsiteX2" fmla="*/ 2309024 w 2378098"/>
                <a:gd name="connsiteY2" fmla="*/ 98676 h 467068"/>
                <a:gd name="connsiteX3" fmla="*/ 2302446 w 2378098"/>
                <a:gd name="connsiteY3" fmla="*/ 118412 h 467068"/>
                <a:gd name="connsiteX4" fmla="*/ 2292578 w 2378098"/>
                <a:gd name="connsiteY4" fmla="*/ 124990 h 467068"/>
                <a:gd name="connsiteX5" fmla="*/ 2286000 w 2378098"/>
                <a:gd name="connsiteY5" fmla="*/ 131569 h 467068"/>
                <a:gd name="connsiteX6" fmla="*/ 2272843 w 2378098"/>
                <a:gd name="connsiteY6" fmla="*/ 138147 h 467068"/>
                <a:gd name="connsiteX7" fmla="*/ 2239951 w 2378098"/>
                <a:gd name="connsiteY7" fmla="*/ 148015 h 467068"/>
                <a:gd name="connsiteX8" fmla="*/ 2216926 w 2378098"/>
                <a:gd name="connsiteY8" fmla="*/ 151304 h 467068"/>
                <a:gd name="connsiteX9" fmla="*/ 2187324 w 2378098"/>
                <a:gd name="connsiteY9" fmla="*/ 157882 h 467068"/>
                <a:gd name="connsiteX10" fmla="*/ 2167588 w 2378098"/>
                <a:gd name="connsiteY10" fmla="*/ 164461 h 467068"/>
                <a:gd name="connsiteX11" fmla="*/ 2151142 w 2378098"/>
                <a:gd name="connsiteY11" fmla="*/ 167750 h 467068"/>
                <a:gd name="connsiteX12" fmla="*/ 2137985 w 2378098"/>
                <a:gd name="connsiteY12" fmla="*/ 171039 h 467068"/>
                <a:gd name="connsiteX13" fmla="*/ 2121539 w 2378098"/>
                <a:gd name="connsiteY13" fmla="*/ 174328 h 467068"/>
                <a:gd name="connsiteX14" fmla="*/ 2111672 w 2378098"/>
                <a:gd name="connsiteY14" fmla="*/ 177617 h 467068"/>
                <a:gd name="connsiteX15" fmla="*/ 1993260 w 2378098"/>
                <a:gd name="connsiteY15" fmla="*/ 180907 h 467068"/>
                <a:gd name="connsiteX16" fmla="*/ 1960368 w 2378098"/>
                <a:gd name="connsiteY16" fmla="*/ 184196 h 467068"/>
                <a:gd name="connsiteX17" fmla="*/ 1950500 w 2378098"/>
                <a:gd name="connsiteY17" fmla="*/ 187485 h 467068"/>
                <a:gd name="connsiteX18" fmla="*/ 1934054 w 2378098"/>
                <a:gd name="connsiteY18" fmla="*/ 203931 h 467068"/>
                <a:gd name="connsiteX19" fmla="*/ 1907741 w 2378098"/>
                <a:gd name="connsiteY19" fmla="*/ 226956 h 467068"/>
                <a:gd name="connsiteX20" fmla="*/ 1901162 w 2378098"/>
                <a:gd name="connsiteY20" fmla="*/ 236823 h 467068"/>
                <a:gd name="connsiteX21" fmla="*/ 1881427 w 2378098"/>
                <a:gd name="connsiteY21" fmla="*/ 253269 h 467068"/>
                <a:gd name="connsiteX22" fmla="*/ 1874849 w 2378098"/>
                <a:gd name="connsiteY22" fmla="*/ 259848 h 467068"/>
                <a:gd name="connsiteX23" fmla="*/ 1855113 w 2378098"/>
                <a:gd name="connsiteY23" fmla="*/ 266426 h 467068"/>
                <a:gd name="connsiteX24" fmla="*/ 1815643 w 2378098"/>
                <a:gd name="connsiteY24" fmla="*/ 273005 h 467068"/>
                <a:gd name="connsiteX25" fmla="*/ 1782751 w 2378098"/>
                <a:gd name="connsiteY25" fmla="*/ 282872 h 467068"/>
                <a:gd name="connsiteX26" fmla="*/ 1772883 w 2378098"/>
                <a:gd name="connsiteY26" fmla="*/ 286161 h 467068"/>
                <a:gd name="connsiteX27" fmla="*/ 1739991 w 2378098"/>
                <a:gd name="connsiteY27" fmla="*/ 289451 h 467068"/>
                <a:gd name="connsiteX28" fmla="*/ 1710388 w 2378098"/>
                <a:gd name="connsiteY28" fmla="*/ 299318 h 467068"/>
                <a:gd name="connsiteX29" fmla="*/ 1697231 w 2378098"/>
                <a:gd name="connsiteY29" fmla="*/ 302607 h 467068"/>
                <a:gd name="connsiteX30" fmla="*/ 1684075 w 2378098"/>
                <a:gd name="connsiteY30" fmla="*/ 309186 h 467068"/>
                <a:gd name="connsiteX31" fmla="*/ 1664339 w 2378098"/>
                <a:gd name="connsiteY31" fmla="*/ 315764 h 467068"/>
                <a:gd name="connsiteX32" fmla="*/ 1641315 w 2378098"/>
                <a:gd name="connsiteY32" fmla="*/ 322343 h 467068"/>
                <a:gd name="connsiteX33" fmla="*/ 1608423 w 2378098"/>
                <a:gd name="connsiteY33" fmla="*/ 328921 h 467068"/>
                <a:gd name="connsiteX34" fmla="*/ 1582109 w 2378098"/>
                <a:gd name="connsiteY34" fmla="*/ 332210 h 467068"/>
                <a:gd name="connsiteX35" fmla="*/ 1568952 w 2378098"/>
                <a:gd name="connsiteY35" fmla="*/ 335499 h 467068"/>
                <a:gd name="connsiteX36" fmla="*/ 1470276 w 2378098"/>
                <a:gd name="connsiteY36" fmla="*/ 342078 h 467068"/>
                <a:gd name="connsiteX37" fmla="*/ 1450541 w 2378098"/>
                <a:gd name="connsiteY37" fmla="*/ 355235 h 467068"/>
                <a:gd name="connsiteX38" fmla="*/ 1437384 w 2378098"/>
                <a:gd name="connsiteY38" fmla="*/ 368392 h 467068"/>
                <a:gd name="connsiteX39" fmla="*/ 1417649 w 2378098"/>
                <a:gd name="connsiteY39" fmla="*/ 378259 h 467068"/>
                <a:gd name="connsiteX40" fmla="*/ 1407781 w 2378098"/>
                <a:gd name="connsiteY40" fmla="*/ 388127 h 467068"/>
                <a:gd name="connsiteX41" fmla="*/ 1397913 w 2378098"/>
                <a:gd name="connsiteY41" fmla="*/ 391416 h 467068"/>
                <a:gd name="connsiteX42" fmla="*/ 1374889 w 2378098"/>
                <a:gd name="connsiteY42" fmla="*/ 401284 h 467068"/>
                <a:gd name="connsiteX43" fmla="*/ 1368311 w 2378098"/>
                <a:gd name="connsiteY43" fmla="*/ 411151 h 467068"/>
                <a:gd name="connsiteX44" fmla="*/ 1358443 w 2378098"/>
                <a:gd name="connsiteY44" fmla="*/ 414440 h 467068"/>
                <a:gd name="connsiteX45" fmla="*/ 1341997 w 2378098"/>
                <a:gd name="connsiteY45" fmla="*/ 417730 h 467068"/>
                <a:gd name="connsiteX46" fmla="*/ 1328840 w 2378098"/>
                <a:gd name="connsiteY46" fmla="*/ 421019 h 467068"/>
                <a:gd name="connsiteX47" fmla="*/ 1309105 w 2378098"/>
                <a:gd name="connsiteY47" fmla="*/ 434176 h 467068"/>
                <a:gd name="connsiteX48" fmla="*/ 1276213 w 2378098"/>
                <a:gd name="connsiteY48" fmla="*/ 444043 h 467068"/>
                <a:gd name="connsiteX49" fmla="*/ 1266345 w 2378098"/>
                <a:gd name="connsiteY49" fmla="*/ 447333 h 467068"/>
                <a:gd name="connsiteX50" fmla="*/ 1236742 w 2378098"/>
                <a:gd name="connsiteY50" fmla="*/ 463779 h 467068"/>
                <a:gd name="connsiteX51" fmla="*/ 1223585 w 2378098"/>
                <a:gd name="connsiteY51" fmla="*/ 467068 h 467068"/>
                <a:gd name="connsiteX52" fmla="*/ 1098595 w 2378098"/>
                <a:gd name="connsiteY52" fmla="*/ 463779 h 467068"/>
                <a:gd name="connsiteX53" fmla="*/ 1088728 w 2378098"/>
                <a:gd name="connsiteY53" fmla="*/ 457200 h 467068"/>
                <a:gd name="connsiteX54" fmla="*/ 1068993 w 2378098"/>
                <a:gd name="connsiteY54" fmla="*/ 450622 h 467068"/>
                <a:gd name="connsiteX55" fmla="*/ 1045968 w 2378098"/>
                <a:gd name="connsiteY55" fmla="*/ 444043 h 467068"/>
                <a:gd name="connsiteX56" fmla="*/ 1036100 w 2378098"/>
                <a:gd name="connsiteY56" fmla="*/ 437465 h 467068"/>
                <a:gd name="connsiteX57" fmla="*/ 1016365 w 2378098"/>
                <a:gd name="connsiteY57" fmla="*/ 430887 h 467068"/>
                <a:gd name="connsiteX58" fmla="*/ 1009787 w 2378098"/>
                <a:gd name="connsiteY58" fmla="*/ 424308 h 467068"/>
                <a:gd name="connsiteX59" fmla="*/ 990052 w 2378098"/>
                <a:gd name="connsiteY59" fmla="*/ 417730 h 467068"/>
                <a:gd name="connsiteX60" fmla="*/ 967027 w 2378098"/>
                <a:gd name="connsiteY60" fmla="*/ 421019 h 467068"/>
                <a:gd name="connsiteX61" fmla="*/ 953870 w 2378098"/>
                <a:gd name="connsiteY61" fmla="*/ 424308 h 467068"/>
                <a:gd name="connsiteX62" fmla="*/ 759807 w 2378098"/>
                <a:gd name="connsiteY62" fmla="*/ 430887 h 467068"/>
                <a:gd name="connsiteX63" fmla="*/ 697312 w 2378098"/>
                <a:gd name="connsiteY63" fmla="*/ 437465 h 467068"/>
                <a:gd name="connsiteX64" fmla="*/ 677577 w 2378098"/>
                <a:gd name="connsiteY64" fmla="*/ 440754 h 467068"/>
                <a:gd name="connsiteX65" fmla="*/ 522984 w 2378098"/>
                <a:gd name="connsiteY65" fmla="*/ 437465 h 467068"/>
                <a:gd name="connsiteX66" fmla="*/ 503249 w 2378098"/>
                <a:gd name="connsiteY66" fmla="*/ 430887 h 467068"/>
                <a:gd name="connsiteX67" fmla="*/ 490092 w 2378098"/>
                <a:gd name="connsiteY67" fmla="*/ 427597 h 467068"/>
                <a:gd name="connsiteX68" fmla="*/ 430886 w 2378098"/>
                <a:gd name="connsiteY68" fmla="*/ 430887 h 467068"/>
                <a:gd name="connsiteX69" fmla="*/ 421018 w 2378098"/>
                <a:gd name="connsiteY69" fmla="*/ 434176 h 467068"/>
                <a:gd name="connsiteX70" fmla="*/ 384837 w 2378098"/>
                <a:gd name="connsiteY70" fmla="*/ 444043 h 467068"/>
                <a:gd name="connsiteX71" fmla="*/ 365102 w 2378098"/>
                <a:gd name="connsiteY71" fmla="*/ 447333 h 467068"/>
                <a:gd name="connsiteX72" fmla="*/ 335499 w 2378098"/>
                <a:gd name="connsiteY72" fmla="*/ 457200 h 467068"/>
                <a:gd name="connsiteX73" fmla="*/ 282872 w 2378098"/>
                <a:gd name="connsiteY73" fmla="*/ 453911 h 467068"/>
                <a:gd name="connsiteX74" fmla="*/ 273004 w 2378098"/>
                <a:gd name="connsiteY74" fmla="*/ 450622 h 467068"/>
                <a:gd name="connsiteX75" fmla="*/ 266426 w 2378098"/>
                <a:gd name="connsiteY75" fmla="*/ 444043 h 467068"/>
                <a:gd name="connsiteX76" fmla="*/ 246690 w 2378098"/>
                <a:gd name="connsiteY76" fmla="*/ 437465 h 467068"/>
                <a:gd name="connsiteX77" fmla="*/ 236823 w 2378098"/>
                <a:gd name="connsiteY77" fmla="*/ 434176 h 467068"/>
                <a:gd name="connsiteX78" fmla="*/ 226955 w 2378098"/>
                <a:gd name="connsiteY78" fmla="*/ 430887 h 467068"/>
                <a:gd name="connsiteX79" fmla="*/ 138147 w 2378098"/>
                <a:gd name="connsiteY79" fmla="*/ 427597 h 467068"/>
                <a:gd name="connsiteX80" fmla="*/ 85519 w 2378098"/>
                <a:gd name="connsiteY80" fmla="*/ 430887 h 467068"/>
                <a:gd name="connsiteX81" fmla="*/ 69073 w 2378098"/>
                <a:gd name="connsiteY81" fmla="*/ 434176 h 467068"/>
                <a:gd name="connsiteX82" fmla="*/ 0 w 2378098"/>
                <a:gd name="connsiteY82"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92578 w 2378098"/>
                <a:gd name="connsiteY3" fmla="*/ 124990 h 467068"/>
                <a:gd name="connsiteX4" fmla="*/ 2286000 w 2378098"/>
                <a:gd name="connsiteY4" fmla="*/ 131569 h 467068"/>
                <a:gd name="connsiteX5" fmla="*/ 2272843 w 2378098"/>
                <a:gd name="connsiteY5" fmla="*/ 138147 h 467068"/>
                <a:gd name="connsiteX6" fmla="*/ 2239951 w 2378098"/>
                <a:gd name="connsiteY6" fmla="*/ 148015 h 467068"/>
                <a:gd name="connsiteX7" fmla="*/ 2216926 w 2378098"/>
                <a:gd name="connsiteY7" fmla="*/ 151304 h 467068"/>
                <a:gd name="connsiteX8" fmla="*/ 2187324 w 2378098"/>
                <a:gd name="connsiteY8" fmla="*/ 157882 h 467068"/>
                <a:gd name="connsiteX9" fmla="*/ 2167588 w 2378098"/>
                <a:gd name="connsiteY9" fmla="*/ 164461 h 467068"/>
                <a:gd name="connsiteX10" fmla="*/ 2151142 w 2378098"/>
                <a:gd name="connsiteY10" fmla="*/ 167750 h 467068"/>
                <a:gd name="connsiteX11" fmla="*/ 2137985 w 2378098"/>
                <a:gd name="connsiteY11" fmla="*/ 171039 h 467068"/>
                <a:gd name="connsiteX12" fmla="*/ 2121539 w 2378098"/>
                <a:gd name="connsiteY12" fmla="*/ 174328 h 467068"/>
                <a:gd name="connsiteX13" fmla="*/ 2111672 w 2378098"/>
                <a:gd name="connsiteY13" fmla="*/ 177617 h 467068"/>
                <a:gd name="connsiteX14" fmla="*/ 1993260 w 2378098"/>
                <a:gd name="connsiteY14" fmla="*/ 180907 h 467068"/>
                <a:gd name="connsiteX15" fmla="*/ 1960368 w 2378098"/>
                <a:gd name="connsiteY15" fmla="*/ 184196 h 467068"/>
                <a:gd name="connsiteX16" fmla="*/ 1950500 w 2378098"/>
                <a:gd name="connsiteY16" fmla="*/ 187485 h 467068"/>
                <a:gd name="connsiteX17" fmla="*/ 1934054 w 2378098"/>
                <a:gd name="connsiteY17" fmla="*/ 203931 h 467068"/>
                <a:gd name="connsiteX18" fmla="*/ 1907741 w 2378098"/>
                <a:gd name="connsiteY18" fmla="*/ 226956 h 467068"/>
                <a:gd name="connsiteX19" fmla="*/ 1901162 w 2378098"/>
                <a:gd name="connsiteY19" fmla="*/ 236823 h 467068"/>
                <a:gd name="connsiteX20" fmla="*/ 1881427 w 2378098"/>
                <a:gd name="connsiteY20" fmla="*/ 253269 h 467068"/>
                <a:gd name="connsiteX21" fmla="*/ 1874849 w 2378098"/>
                <a:gd name="connsiteY21" fmla="*/ 259848 h 467068"/>
                <a:gd name="connsiteX22" fmla="*/ 1855113 w 2378098"/>
                <a:gd name="connsiteY22" fmla="*/ 266426 h 467068"/>
                <a:gd name="connsiteX23" fmla="*/ 1815643 w 2378098"/>
                <a:gd name="connsiteY23" fmla="*/ 273005 h 467068"/>
                <a:gd name="connsiteX24" fmla="*/ 1782751 w 2378098"/>
                <a:gd name="connsiteY24" fmla="*/ 282872 h 467068"/>
                <a:gd name="connsiteX25" fmla="*/ 1772883 w 2378098"/>
                <a:gd name="connsiteY25" fmla="*/ 286161 h 467068"/>
                <a:gd name="connsiteX26" fmla="*/ 1739991 w 2378098"/>
                <a:gd name="connsiteY26" fmla="*/ 289451 h 467068"/>
                <a:gd name="connsiteX27" fmla="*/ 1710388 w 2378098"/>
                <a:gd name="connsiteY27" fmla="*/ 299318 h 467068"/>
                <a:gd name="connsiteX28" fmla="*/ 1697231 w 2378098"/>
                <a:gd name="connsiteY28" fmla="*/ 302607 h 467068"/>
                <a:gd name="connsiteX29" fmla="*/ 1684075 w 2378098"/>
                <a:gd name="connsiteY29" fmla="*/ 309186 h 467068"/>
                <a:gd name="connsiteX30" fmla="*/ 1664339 w 2378098"/>
                <a:gd name="connsiteY30" fmla="*/ 315764 h 467068"/>
                <a:gd name="connsiteX31" fmla="*/ 1641315 w 2378098"/>
                <a:gd name="connsiteY31" fmla="*/ 322343 h 467068"/>
                <a:gd name="connsiteX32" fmla="*/ 1608423 w 2378098"/>
                <a:gd name="connsiteY32" fmla="*/ 328921 h 467068"/>
                <a:gd name="connsiteX33" fmla="*/ 1582109 w 2378098"/>
                <a:gd name="connsiteY33" fmla="*/ 332210 h 467068"/>
                <a:gd name="connsiteX34" fmla="*/ 1568952 w 2378098"/>
                <a:gd name="connsiteY34" fmla="*/ 335499 h 467068"/>
                <a:gd name="connsiteX35" fmla="*/ 1470276 w 2378098"/>
                <a:gd name="connsiteY35" fmla="*/ 342078 h 467068"/>
                <a:gd name="connsiteX36" fmla="*/ 1450541 w 2378098"/>
                <a:gd name="connsiteY36" fmla="*/ 355235 h 467068"/>
                <a:gd name="connsiteX37" fmla="*/ 1437384 w 2378098"/>
                <a:gd name="connsiteY37" fmla="*/ 368392 h 467068"/>
                <a:gd name="connsiteX38" fmla="*/ 1417649 w 2378098"/>
                <a:gd name="connsiteY38" fmla="*/ 378259 h 467068"/>
                <a:gd name="connsiteX39" fmla="*/ 1407781 w 2378098"/>
                <a:gd name="connsiteY39" fmla="*/ 388127 h 467068"/>
                <a:gd name="connsiteX40" fmla="*/ 1397913 w 2378098"/>
                <a:gd name="connsiteY40" fmla="*/ 391416 h 467068"/>
                <a:gd name="connsiteX41" fmla="*/ 1374889 w 2378098"/>
                <a:gd name="connsiteY41" fmla="*/ 401284 h 467068"/>
                <a:gd name="connsiteX42" fmla="*/ 1368311 w 2378098"/>
                <a:gd name="connsiteY42" fmla="*/ 411151 h 467068"/>
                <a:gd name="connsiteX43" fmla="*/ 1358443 w 2378098"/>
                <a:gd name="connsiteY43" fmla="*/ 414440 h 467068"/>
                <a:gd name="connsiteX44" fmla="*/ 1341997 w 2378098"/>
                <a:gd name="connsiteY44" fmla="*/ 417730 h 467068"/>
                <a:gd name="connsiteX45" fmla="*/ 1328840 w 2378098"/>
                <a:gd name="connsiteY45" fmla="*/ 421019 h 467068"/>
                <a:gd name="connsiteX46" fmla="*/ 1309105 w 2378098"/>
                <a:gd name="connsiteY46" fmla="*/ 434176 h 467068"/>
                <a:gd name="connsiteX47" fmla="*/ 1276213 w 2378098"/>
                <a:gd name="connsiteY47" fmla="*/ 444043 h 467068"/>
                <a:gd name="connsiteX48" fmla="*/ 1266345 w 2378098"/>
                <a:gd name="connsiteY48" fmla="*/ 447333 h 467068"/>
                <a:gd name="connsiteX49" fmla="*/ 1236742 w 2378098"/>
                <a:gd name="connsiteY49" fmla="*/ 463779 h 467068"/>
                <a:gd name="connsiteX50" fmla="*/ 1223585 w 2378098"/>
                <a:gd name="connsiteY50" fmla="*/ 467068 h 467068"/>
                <a:gd name="connsiteX51" fmla="*/ 1098595 w 2378098"/>
                <a:gd name="connsiteY51" fmla="*/ 463779 h 467068"/>
                <a:gd name="connsiteX52" fmla="*/ 1088728 w 2378098"/>
                <a:gd name="connsiteY52" fmla="*/ 457200 h 467068"/>
                <a:gd name="connsiteX53" fmla="*/ 1068993 w 2378098"/>
                <a:gd name="connsiteY53" fmla="*/ 450622 h 467068"/>
                <a:gd name="connsiteX54" fmla="*/ 1045968 w 2378098"/>
                <a:gd name="connsiteY54" fmla="*/ 444043 h 467068"/>
                <a:gd name="connsiteX55" fmla="*/ 1036100 w 2378098"/>
                <a:gd name="connsiteY55" fmla="*/ 437465 h 467068"/>
                <a:gd name="connsiteX56" fmla="*/ 1016365 w 2378098"/>
                <a:gd name="connsiteY56" fmla="*/ 430887 h 467068"/>
                <a:gd name="connsiteX57" fmla="*/ 1009787 w 2378098"/>
                <a:gd name="connsiteY57" fmla="*/ 424308 h 467068"/>
                <a:gd name="connsiteX58" fmla="*/ 990052 w 2378098"/>
                <a:gd name="connsiteY58" fmla="*/ 417730 h 467068"/>
                <a:gd name="connsiteX59" fmla="*/ 967027 w 2378098"/>
                <a:gd name="connsiteY59" fmla="*/ 421019 h 467068"/>
                <a:gd name="connsiteX60" fmla="*/ 953870 w 2378098"/>
                <a:gd name="connsiteY60" fmla="*/ 424308 h 467068"/>
                <a:gd name="connsiteX61" fmla="*/ 759807 w 2378098"/>
                <a:gd name="connsiteY61" fmla="*/ 430887 h 467068"/>
                <a:gd name="connsiteX62" fmla="*/ 697312 w 2378098"/>
                <a:gd name="connsiteY62" fmla="*/ 437465 h 467068"/>
                <a:gd name="connsiteX63" fmla="*/ 677577 w 2378098"/>
                <a:gd name="connsiteY63" fmla="*/ 440754 h 467068"/>
                <a:gd name="connsiteX64" fmla="*/ 522984 w 2378098"/>
                <a:gd name="connsiteY64" fmla="*/ 437465 h 467068"/>
                <a:gd name="connsiteX65" fmla="*/ 503249 w 2378098"/>
                <a:gd name="connsiteY65" fmla="*/ 430887 h 467068"/>
                <a:gd name="connsiteX66" fmla="*/ 490092 w 2378098"/>
                <a:gd name="connsiteY66" fmla="*/ 427597 h 467068"/>
                <a:gd name="connsiteX67" fmla="*/ 430886 w 2378098"/>
                <a:gd name="connsiteY67" fmla="*/ 430887 h 467068"/>
                <a:gd name="connsiteX68" fmla="*/ 421018 w 2378098"/>
                <a:gd name="connsiteY68" fmla="*/ 434176 h 467068"/>
                <a:gd name="connsiteX69" fmla="*/ 384837 w 2378098"/>
                <a:gd name="connsiteY69" fmla="*/ 444043 h 467068"/>
                <a:gd name="connsiteX70" fmla="*/ 365102 w 2378098"/>
                <a:gd name="connsiteY70" fmla="*/ 447333 h 467068"/>
                <a:gd name="connsiteX71" fmla="*/ 335499 w 2378098"/>
                <a:gd name="connsiteY71" fmla="*/ 457200 h 467068"/>
                <a:gd name="connsiteX72" fmla="*/ 282872 w 2378098"/>
                <a:gd name="connsiteY72" fmla="*/ 453911 h 467068"/>
                <a:gd name="connsiteX73" fmla="*/ 273004 w 2378098"/>
                <a:gd name="connsiteY73" fmla="*/ 450622 h 467068"/>
                <a:gd name="connsiteX74" fmla="*/ 266426 w 2378098"/>
                <a:gd name="connsiteY74" fmla="*/ 444043 h 467068"/>
                <a:gd name="connsiteX75" fmla="*/ 246690 w 2378098"/>
                <a:gd name="connsiteY75" fmla="*/ 437465 h 467068"/>
                <a:gd name="connsiteX76" fmla="*/ 236823 w 2378098"/>
                <a:gd name="connsiteY76" fmla="*/ 434176 h 467068"/>
                <a:gd name="connsiteX77" fmla="*/ 226955 w 2378098"/>
                <a:gd name="connsiteY77" fmla="*/ 430887 h 467068"/>
                <a:gd name="connsiteX78" fmla="*/ 138147 w 2378098"/>
                <a:gd name="connsiteY78" fmla="*/ 427597 h 467068"/>
                <a:gd name="connsiteX79" fmla="*/ 85519 w 2378098"/>
                <a:gd name="connsiteY79" fmla="*/ 430887 h 467068"/>
                <a:gd name="connsiteX80" fmla="*/ 69073 w 2378098"/>
                <a:gd name="connsiteY80" fmla="*/ 434176 h 467068"/>
                <a:gd name="connsiteX81" fmla="*/ 0 w 2378098"/>
                <a:gd name="connsiteY81" fmla="*/ 434176 h 467068"/>
                <a:gd name="connsiteX0" fmla="*/ 2378098 w 2378098"/>
                <a:gd name="connsiteY0" fmla="*/ 0 h 467068"/>
                <a:gd name="connsiteX1" fmla="*/ 2318892 w 2378098"/>
                <a:gd name="connsiteY1" fmla="*/ 95387 h 467068"/>
                <a:gd name="connsiteX2" fmla="*/ 2302446 w 2378098"/>
                <a:gd name="connsiteY2" fmla="*/ 118412 h 467068"/>
                <a:gd name="connsiteX3" fmla="*/ 2286000 w 2378098"/>
                <a:gd name="connsiteY3" fmla="*/ 131569 h 467068"/>
                <a:gd name="connsiteX4" fmla="*/ 2272843 w 2378098"/>
                <a:gd name="connsiteY4" fmla="*/ 138147 h 467068"/>
                <a:gd name="connsiteX5" fmla="*/ 2239951 w 2378098"/>
                <a:gd name="connsiteY5" fmla="*/ 148015 h 467068"/>
                <a:gd name="connsiteX6" fmla="*/ 2216926 w 2378098"/>
                <a:gd name="connsiteY6" fmla="*/ 151304 h 467068"/>
                <a:gd name="connsiteX7" fmla="*/ 2187324 w 2378098"/>
                <a:gd name="connsiteY7" fmla="*/ 157882 h 467068"/>
                <a:gd name="connsiteX8" fmla="*/ 2167588 w 2378098"/>
                <a:gd name="connsiteY8" fmla="*/ 164461 h 467068"/>
                <a:gd name="connsiteX9" fmla="*/ 2151142 w 2378098"/>
                <a:gd name="connsiteY9" fmla="*/ 167750 h 467068"/>
                <a:gd name="connsiteX10" fmla="*/ 2137985 w 2378098"/>
                <a:gd name="connsiteY10" fmla="*/ 171039 h 467068"/>
                <a:gd name="connsiteX11" fmla="*/ 2121539 w 2378098"/>
                <a:gd name="connsiteY11" fmla="*/ 174328 h 467068"/>
                <a:gd name="connsiteX12" fmla="*/ 2111672 w 2378098"/>
                <a:gd name="connsiteY12" fmla="*/ 177617 h 467068"/>
                <a:gd name="connsiteX13" fmla="*/ 1993260 w 2378098"/>
                <a:gd name="connsiteY13" fmla="*/ 180907 h 467068"/>
                <a:gd name="connsiteX14" fmla="*/ 1960368 w 2378098"/>
                <a:gd name="connsiteY14" fmla="*/ 184196 h 467068"/>
                <a:gd name="connsiteX15" fmla="*/ 1950500 w 2378098"/>
                <a:gd name="connsiteY15" fmla="*/ 187485 h 467068"/>
                <a:gd name="connsiteX16" fmla="*/ 1934054 w 2378098"/>
                <a:gd name="connsiteY16" fmla="*/ 203931 h 467068"/>
                <a:gd name="connsiteX17" fmla="*/ 1907741 w 2378098"/>
                <a:gd name="connsiteY17" fmla="*/ 226956 h 467068"/>
                <a:gd name="connsiteX18" fmla="*/ 1901162 w 2378098"/>
                <a:gd name="connsiteY18" fmla="*/ 236823 h 467068"/>
                <a:gd name="connsiteX19" fmla="*/ 1881427 w 2378098"/>
                <a:gd name="connsiteY19" fmla="*/ 253269 h 467068"/>
                <a:gd name="connsiteX20" fmla="*/ 1874849 w 2378098"/>
                <a:gd name="connsiteY20" fmla="*/ 259848 h 467068"/>
                <a:gd name="connsiteX21" fmla="*/ 1855113 w 2378098"/>
                <a:gd name="connsiteY21" fmla="*/ 266426 h 467068"/>
                <a:gd name="connsiteX22" fmla="*/ 1815643 w 2378098"/>
                <a:gd name="connsiteY22" fmla="*/ 273005 h 467068"/>
                <a:gd name="connsiteX23" fmla="*/ 1782751 w 2378098"/>
                <a:gd name="connsiteY23" fmla="*/ 282872 h 467068"/>
                <a:gd name="connsiteX24" fmla="*/ 1772883 w 2378098"/>
                <a:gd name="connsiteY24" fmla="*/ 286161 h 467068"/>
                <a:gd name="connsiteX25" fmla="*/ 1739991 w 2378098"/>
                <a:gd name="connsiteY25" fmla="*/ 289451 h 467068"/>
                <a:gd name="connsiteX26" fmla="*/ 1710388 w 2378098"/>
                <a:gd name="connsiteY26" fmla="*/ 299318 h 467068"/>
                <a:gd name="connsiteX27" fmla="*/ 1697231 w 2378098"/>
                <a:gd name="connsiteY27" fmla="*/ 302607 h 467068"/>
                <a:gd name="connsiteX28" fmla="*/ 1684075 w 2378098"/>
                <a:gd name="connsiteY28" fmla="*/ 309186 h 467068"/>
                <a:gd name="connsiteX29" fmla="*/ 1664339 w 2378098"/>
                <a:gd name="connsiteY29" fmla="*/ 315764 h 467068"/>
                <a:gd name="connsiteX30" fmla="*/ 1641315 w 2378098"/>
                <a:gd name="connsiteY30" fmla="*/ 322343 h 467068"/>
                <a:gd name="connsiteX31" fmla="*/ 1608423 w 2378098"/>
                <a:gd name="connsiteY31" fmla="*/ 328921 h 467068"/>
                <a:gd name="connsiteX32" fmla="*/ 1582109 w 2378098"/>
                <a:gd name="connsiteY32" fmla="*/ 332210 h 467068"/>
                <a:gd name="connsiteX33" fmla="*/ 1568952 w 2378098"/>
                <a:gd name="connsiteY33" fmla="*/ 335499 h 467068"/>
                <a:gd name="connsiteX34" fmla="*/ 1470276 w 2378098"/>
                <a:gd name="connsiteY34" fmla="*/ 342078 h 467068"/>
                <a:gd name="connsiteX35" fmla="*/ 1450541 w 2378098"/>
                <a:gd name="connsiteY35" fmla="*/ 355235 h 467068"/>
                <a:gd name="connsiteX36" fmla="*/ 1437384 w 2378098"/>
                <a:gd name="connsiteY36" fmla="*/ 368392 h 467068"/>
                <a:gd name="connsiteX37" fmla="*/ 1417649 w 2378098"/>
                <a:gd name="connsiteY37" fmla="*/ 378259 h 467068"/>
                <a:gd name="connsiteX38" fmla="*/ 1407781 w 2378098"/>
                <a:gd name="connsiteY38" fmla="*/ 388127 h 467068"/>
                <a:gd name="connsiteX39" fmla="*/ 1397913 w 2378098"/>
                <a:gd name="connsiteY39" fmla="*/ 391416 h 467068"/>
                <a:gd name="connsiteX40" fmla="*/ 1374889 w 2378098"/>
                <a:gd name="connsiteY40" fmla="*/ 401284 h 467068"/>
                <a:gd name="connsiteX41" fmla="*/ 1368311 w 2378098"/>
                <a:gd name="connsiteY41" fmla="*/ 411151 h 467068"/>
                <a:gd name="connsiteX42" fmla="*/ 1358443 w 2378098"/>
                <a:gd name="connsiteY42" fmla="*/ 414440 h 467068"/>
                <a:gd name="connsiteX43" fmla="*/ 1341997 w 2378098"/>
                <a:gd name="connsiteY43" fmla="*/ 417730 h 467068"/>
                <a:gd name="connsiteX44" fmla="*/ 1328840 w 2378098"/>
                <a:gd name="connsiteY44" fmla="*/ 421019 h 467068"/>
                <a:gd name="connsiteX45" fmla="*/ 1309105 w 2378098"/>
                <a:gd name="connsiteY45" fmla="*/ 434176 h 467068"/>
                <a:gd name="connsiteX46" fmla="*/ 1276213 w 2378098"/>
                <a:gd name="connsiteY46" fmla="*/ 444043 h 467068"/>
                <a:gd name="connsiteX47" fmla="*/ 1266345 w 2378098"/>
                <a:gd name="connsiteY47" fmla="*/ 447333 h 467068"/>
                <a:gd name="connsiteX48" fmla="*/ 1236742 w 2378098"/>
                <a:gd name="connsiteY48" fmla="*/ 463779 h 467068"/>
                <a:gd name="connsiteX49" fmla="*/ 1223585 w 2378098"/>
                <a:gd name="connsiteY49" fmla="*/ 467068 h 467068"/>
                <a:gd name="connsiteX50" fmla="*/ 1098595 w 2378098"/>
                <a:gd name="connsiteY50" fmla="*/ 463779 h 467068"/>
                <a:gd name="connsiteX51" fmla="*/ 1088728 w 2378098"/>
                <a:gd name="connsiteY51" fmla="*/ 457200 h 467068"/>
                <a:gd name="connsiteX52" fmla="*/ 1068993 w 2378098"/>
                <a:gd name="connsiteY52" fmla="*/ 450622 h 467068"/>
                <a:gd name="connsiteX53" fmla="*/ 1045968 w 2378098"/>
                <a:gd name="connsiteY53" fmla="*/ 444043 h 467068"/>
                <a:gd name="connsiteX54" fmla="*/ 1036100 w 2378098"/>
                <a:gd name="connsiteY54" fmla="*/ 437465 h 467068"/>
                <a:gd name="connsiteX55" fmla="*/ 1016365 w 2378098"/>
                <a:gd name="connsiteY55" fmla="*/ 430887 h 467068"/>
                <a:gd name="connsiteX56" fmla="*/ 1009787 w 2378098"/>
                <a:gd name="connsiteY56" fmla="*/ 424308 h 467068"/>
                <a:gd name="connsiteX57" fmla="*/ 990052 w 2378098"/>
                <a:gd name="connsiteY57" fmla="*/ 417730 h 467068"/>
                <a:gd name="connsiteX58" fmla="*/ 967027 w 2378098"/>
                <a:gd name="connsiteY58" fmla="*/ 421019 h 467068"/>
                <a:gd name="connsiteX59" fmla="*/ 953870 w 2378098"/>
                <a:gd name="connsiteY59" fmla="*/ 424308 h 467068"/>
                <a:gd name="connsiteX60" fmla="*/ 759807 w 2378098"/>
                <a:gd name="connsiteY60" fmla="*/ 430887 h 467068"/>
                <a:gd name="connsiteX61" fmla="*/ 697312 w 2378098"/>
                <a:gd name="connsiteY61" fmla="*/ 437465 h 467068"/>
                <a:gd name="connsiteX62" fmla="*/ 677577 w 2378098"/>
                <a:gd name="connsiteY62" fmla="*/ 440754 h 467068"/>
                <a:gd name="connsiteX63" fmla="*/ 522984 w 2378098"/>
                <a:gd name="connsiteY63" fmla="*/ 437465 h 467068"/>
                <a:gd name="connsiteX64" fmla="*/ 503249 w 2378098"/>
                <a:gd name="connsiteY64" fmla="*/ 430887 h 467068"/>
                <a:gd name="connsiteX65" fmla="*/ 490092 w 2378098"/>
                <a:gd name="connsiteY65" fmla="*/ 427597 h 467068"/>
                <a:gd name="connsiteX66" fmla="*/ 430886 w 2378098"/>
                <a:gd name="connsiteY66" fmla="*/ 430887 h 467068"/>
                <a:gd name="connsiteX67" fmla="*/ 421018 w 2378098"/>
                <a:gd name="connsiteY67" fmla="*/ 434176 h 467068"/>
                <a:gd name="connsiteX68" fmla="*/ 384837 w 2378098"/>
                <a:gd name="connsiteY68" fmla="*/ 444043 h 467068"/>
                <a:gd name="connsiteX69" fmla="*/ 365102 w 2378098"/>
                <a:gd name="connsiteY69" fmla="*/ 447333 h 467068"/>
                <a:gd name="connsiteX70" fmla="*/ 335499 w 2378098"/>
                <a:gd name="connsiteY70" fmla="*/ 457200 h 467068"/>
                <a:gd name="connsiteX71" fmla="*/ 282872 w 2378098"/>
                <a:gd name="connsiteY71" fmla="*/ 453911 h 467068"/>
                <a:gd name="connsiteX72" fmla="*/ 273004 w 2378098"/>
                <a:gd name="connsiteY72" fmla="*/ 450622 h 467068"/>
                <a:gd name="connsiteX73" fmla="*/ 266426 w 2378098"/>
                <a:gd name="connsiteY73" fmla="*/ 444043 h 467068"/>
                <a:gd name="connsiteX74" fmla="*/ 246690 w 2378098"/>
                <a:gd name="connsiteY74" fmla="*/ 437465 h 467068"/>
                <a:gd name="connsiteX75" fmla="*/ 236823 w 2378098"/>
                <a:gd name="connsiteY75" fmla="*/ 434176 h 467068"/>
                <a:gd name="connsiteX76" fmla="*/ 226955 w 2378098"/>
                <a:gd name="connsiteY76" fmla="*/ 430887 h 467068"/>
                <a:gd name="connsiteX77" fmla="*/ 138147 w 2378098"/>
                <a:gd name="connsiteY77" fmla="*/ 427597 h 467068"/>
                <a:gd name="connsiteX78" fmla="*/ 85519 w 2378098"/>
                <a:gd name="connsiteY78" fmla="*/ 430887 h 467068"/>
                <a:gd name="connsiteX79" fmla="*/ 69073 w 2378098"/>
                <a:gd name="connsiteY79" fmla="*/ 434176 h 467068"/>
                <a:gd name="connsiteX80" fmla="*/ 0 w 2378098"/>
                <a:gd name="connsiteY80" fmla="*/ 434176 h 467068"/>
                <a:gd name="connsiteX0" fmla="*/ 2378098 w 2378098"/>
                <a:gd name="connsiteY0" fmla="*/ 0 h 467068"/>
                <a:gd name="connsiteX1" fmla="*/ 2302446 w 2378098"/>
                <a:gd name="connsiteY1" fmla="*/ 118412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78098 w 2378098"/>
                <a:gd name="connsiteY0" fmla="*/ 0 h 467068"/>
                <a:gd name="connsiteX1" fmla="*/ 2289290 w 2378098"/>
                <a:gd name="connsiteY1" fmla="*/ 115123 h 467068"/>
                <a:gd name="connsiteX2" fmla="*/ 2286000 w 2378098"/>
                <a:gd name="connsiteY2" fmla="*/ 131569 h 467068"/>
                <a:gd name="connsiteX3" fmla="*/ 2272843 w 2378098"/>
                <a:gd name="connsiteY3" fmla="*/ 138147 h 467068"/>
                <a:gd name="connsiteX4" fmla="*/ 2239951 w 2378098"/>
                <a:gd name="connsiteY4" fmla="*/ 148015 h 467068"/>
                <a:gd name="connsiteX5" fmla="*/ 2216926 w 2378098"/>
                <a:gd name="connsiteY5" fmla="*/ 151304 h 467068"/>
                <a:gd name="connsiteX6" fmla="*/ 2187324 w 2378098"/>
                <a:gd name="connsiteY6" fmla="*/ 157882 h 467068"/>
                <a:gd name="connsiteX7" fmla="*/ 2167588 w 2378098"/>
                <a:gd name="connsiteY7" fmla="*/ 164461 h 467068"/>
                <a:gd name="connsiteX8" fmla="*/ 2151142 w 2378098"/>
                <a:gd name="connsiteY8" fmla="*/ 167750 h 467068"/>
                <a:gd name="connsiteX9" fmla="*/ 2137985 w 2378098"/>
                <a:gd name="connsiteY9" fmla="*/ 171039 h 467068"/>
                <a:gd name="connsiteX10" fmla="*/ 2121539 w 2378098"/>
                <a:gd name="connsiteY10" fmla="*/ 174328 h 467068"/>
                <a:gd name="connsiteX11" fmla="*/ 2111672 w 2378098"/>
                <a:gd name="connsiteY11" fmla="*/ 177617 h 467068"/>
                <a:gd name="connsiteX12" fmla="*/ 1993260 w 2378098"/>
                <a:gd name="connsiteY12" fmla="*/ 180907 h 467068"/>
                <a:gd name="connsiteX13" fmla="*/ 1960368 w 2378098"/>
                <a:gd name="connsiteY13" fmla="*/ 184196 h 467068"/>
                <a:gd name="connsiteX14" fmla="*/ 1950500 w 2378098"/>
                <a:gd name="connsiteY14" fmla="*/ 187485 h 467068"/>
                <a:gd name="connsiteX15" fmla="*/ 1934054 w 2378098"/>
                <a:gd name="connsiteY15" fmla="*/ 203931 h 467068"/>
                <a:gd name="connsiteX16" fmla="*/ 1907741 w 2378098"/>
                <a:gd name="connsiteY16" fmla="*/ 226956 h 467068"/>
                <a:gd name="connsiteX17" fmla="*/ 1901162 w 2378098"/>
                <a:gd name="connsiteY17" fmla="*/ 236823 h 467068"/>
                <a:gd name="connsiteX18" fmla="*/ 1881427 w 2378098"/>
                <a:gd name="connsiteY18" fmla="*/ 253269 h 467068"/>
                <a:gd name="connsiteX19" fmla="*/ 1874849 w 2378098"/>
                <a:gd name="connsiteY19" fmla="*/ 259848 h 467068"/>
                <a:gd name="connsiteX20" fmla="*/ 1855113 w 2378098"/>
                <a:gd name="connsiteY20" fmla="*/ 266426 h 467068"/>
                <a:gd name="connsiteX21" fmla="*/ 1815643 w 2378098"/>
                <a:gd name="connsiteY21" fmla="*/ 273005 h 467068"/>
                <a:gd name="connsiteX22" fmla="*/ 1782751 w 2378098"/>
                <a:gd name="connsiteY22" fmla="*/ 282872 h 467068"/>
                <a:gd name="connsiteX23" fmla="*/ 1772883 w 2378098"/>
                <a:gd name="connsiteY23" fmla="*/ 286161 h 467068"/>
                <a:gd name="connsiteX24" fmla="*/ 1739991 w 2378098"/>
                <a:gd name="connsiteY24" fmla="*/ 289451 h 467068"/>
                <a:gd name="connsiteX25" fmla="*/ 1710388 w 2378098"/>
                <a:gd name="connsiteY25" fmla="*/ 299318 h 467068"/>
                <a:gd name="connsiteX26" fmla="*/ 1697231 w 2378098"/>
                <a:gd name="connsiteY26" fmla="*/ 302607 h 467068"/>
                <a:gd name="connsiteX27" fmla="*/ 1684075 w 2378098"/>
                <a:gd name="connsiteY27" fmla="*/ 309186 h 467068"/>
                <a:gd name="connsiteX28" fmla="*/ 1664339 w 2378098"/>
                <a:gd name="connsiteY28" fmla="*/ 315764 h 467068"/>
                <a:gd name="connsiteX29" fmla="*/ 1641315 w 2378098"/>
                <a:gd name="connsiteY29" fmla="*/ 322343 h 467068"/>
                <a:gd name="connsiteX30" fmla="*/ 1608423 w 2378098"/>
                <a:gd name="connsiteY30" fmla="*/ 328921 h 467068"/>
                <a:gd name="connsiteX31" fmla="*/ 1582109 w 2378098"/>
                <a:gd name="connsiteY31" fmla="*/ 332210 h 467068"/>
                <a:gd name="connsiteX32" fmla="*/ 1568952 w 2378098"/>
                <a:gd name="connsiteY32" fmla="*/ 335499 h 467068"/>
                <a:gd name="connsiteX33" fmla="*/ 1470276 w 2378098"/>
                <a:gd name="connsiteY33" fmla="*/ 342078 h 467068"/>
                <a:gd name="connsiteX34" fmla="*/ 1450541 w 2378098"/>
                <a:gd name="connsiteY34" fmla="*/ 355235 h 467068"/>
                <a:gd name="connsiteX35" fmla="*/ 1437384 w 2378098"/>
                <a:gd name="connsiteY35" fmla="*/ 368392 h 467068"/>
                <a:gd name="connsiteX36" fmla="*/ 1417649 w 2378098"/>
                <a:gd name="connsiteY36" fmla="*/ 378259 h 467068"/>
                <a:gd name="connsiteX37" fmla="*/ 1407781 w 2378098"/>
                <a:gd name="connsiteY37" fmla="*/ 388127 h 467068"/>
                <a:gd name="connsiteX38" fmla="*/ 1397913 w 2378098"/>
                <a:gd name="connsiteY38" fmla="*/ 391416 h 467068"/>
                <a:gd name="connsiteX39" fmla="*/ 1374889 w 2378098"/>
                <a:gd name="connsiteY39" fmla="*/ 401284 h 467068"/>
                <a:gd name="connsiteX40" fmla="*/ 1368311 w 2378098"/>
                <a:gd name="connsiteY40" fmla="*/ 411151 h 467068"/>
                <a:gd name="connsiteX41" fmla="*/ 1358443 w 2378098"/>
                <a:gd name="connsiteY41" fmla="*/ 414440 h 467068"/>
                <a:gd name="connsiteX42" fmla="*/ 1341997 w 2378098"/>
                <a:gd name="connsiteY42" fmla="*/ 417730 h 467068"/>
                <a:gd name="connsiteX43" fmla="*/ 1328840 w 2378098"/>
                <a:gd name="connsiteY43" fmla="*/ 421019 h 467068"/>
                <a:gd name="connsiteX44" fmla="*/ 1309105 w 2378098"/>
                <a:gd name="connsiteY44" fmla="*/ 434176 h 467068"/>
                <a:gd name="connsiteX45" fmla="*/ 1276213 w 2378098"/>
                <a:gd name="connsiteY45" fmla="*/ 444043 h 467068"/>
                <a:gd name="connsiteX46" fmla="*/ 1266345 w 2378098"/>
                <a:gd name="connsiteY46" fmla="*/ 447333 h 467068"/>
                <a:gd name="connsiteX47" fmla="*/ 1236742 w 2378098"/>
                <a:gd name="connsiteY47" fmla="*/ 463779 h 467068"/>
                <a:gd name="connsiteX48" fmla="*/ 1223585 w 2378098"/>
                <a:gd name="connsiteY48" fmla="*/ 467068 h 467068"/>
                <a:gd name="connsiteX49" fmla="*/ 1098595 w 2378098"/>
                <a:gd name="connsiteY49" fmla="*/ 463779 h 467068"/>
                <a:gd name="connsiteX50" fmla="*/ 1088728 w 2378098"/>
                <a:gd name="connsiteY50" fmla="*/ 457200 h 467068"/>
                <a:gd name="connsiteX51" fmla="*/ 1068993 w 2378098"/>
                <a:gd name="connsiteY51" fmla="*/ 450622 h 467068"/>
                <a:gd name="connsiteX52" fmla="*/ 1045968 w 2378098"/>
                <a:gd name="connsiteY52" fmla="*/ 444043 h 467068"/>
                <a:gd name="connsiteX53" fmla="*/ 1036100 w 2378098"/>
                <a:gd name="connsiteY53" fmla="*/ 437465 h 467068"/>
                <a:gd name="connsiteX54" fmla="*/ 1016365 w 2378098"/>
                <a:gd name="connsiteY54" fmla="*/ 430887 h 467068"/>
                <a:gd name="connsiteX55" fmla="*/ 1009787 w 2378098"/>
                <a:gd name="connsiteY55" fmla="*/ 424308 h 467068"/>
                <a:gd name="connsiteX56" fmla="*/ 990052 w 2378098"/>
                <a:gd name="connsiteY56" fmla="*/ 417730 h 467068"/>
                <a:gd name="connsiteX57" fmla="*/ 967027 w 2378098"/>
                <a:gd name="connsiteY57" fmla="*/ 421019 h 467068"/>
                <a:gd name="connsiteX58" fmla="*/ 953870 w 2378098"/>
                <a:gd name="connsiteY58" fmla="*/ 424308 h 467068"/>
                <a:gd name="connsiteX59" fmla="*/ 759807 w 2378098"/>
                <a:gd name="connsiteY59" fmla="*/ 430887 h 467068"/>
                <a:gd name="connsiteX60" fmla="*/ 697312 w 2378098"/>
                <a:gd name="connsiteY60" fmla="*/ 437465 h 467068"/>
                <a:gd name="connsiteX61" fmla="*/ 677577 w 2378098"/>
                <a:gd name="connsiteY61" fmla="*/ 440754 h 467068"/>
                <a:gd name="connsiteX62" fmla="*/ 522984 w 2378098"/>
                <a:gd name="connsiteY62" fmla="*/ 437465 h 467068"/>
                <a:gd name="connsiteX63" fmla="*/ 503249 w 2378098"/>
                <a:gd name="connsiteY63" fmla="*/ 430887 h 467068"/>
                <a:gd name="connsiteX64" fmla="*/ 490092 w 2378098"/>
                <a:gd name="connsiteY64" fmla="*/ 427597 h 467068"/>
                <a:gd name="connsiteX65" fmla="*/ 430886 w 2378098"/>
                <a:gd name="connsiteY65" fmla="*/ 430887 h 467068"/>
                <a:gd name="connsiteX66" fmla="*/ 421018 w 2378098"/>
                <a:gd name="connsiteY66" fmla="*/ 434176 h 467068"/>
                <a:gd name="connsiteX67" fmla="*/ 384837 w 2378098"/>
                <a:gd name="connsiteY67" fmla="*/ 444043 h 467068"/>
                <a:gd name="connsiteX68" fmla="*/ 365102 w 2378098"/>
                <a:gd name="connsiteY68" fmla="*/ 447333 h 467068"/>
                <a:gd name="connsiteX69" fmla="*/ 335499 w 2378098"/>
                <a:gd name="connsiteY69" fmla="*/ 457200 h 467068"/>
                <a:gd name="connsiteX70" fmla="*/ 282872 w 2378098"/>
                <a:gd name="connsiteY70" fmla="*/ 453911 h 467068"/>
                <a:gd name="connsiteX71" fmla="*/ 273004 w 2378098"/>
                <a:gd name="connsiteY71" fmla="*/ 450622 h 467068"/>
                <a:gd name="connsiteX72" fmla="*/ 266426 w 2378098"/>
                <a:gd name="connsiteY72" fmla="*/ 444043 h 467068"/>
                <a:gd name="connsiteX73" fmla="*/ 246690 w 2378098"/>
                <a:gd name="connsiteY73" fmla="*/ 437465 h 467068"/>
                <a:gd name="connsiteX74" fmla="*/ 236823 w 2378098"/>
                <a:gd name="connsiteY74" fmla="*/ 434176 h 467068"/>
                <a:gd name="connsiteX75" fmla="*/ 226955 w 2378098"/>
                <a:gd name="connsiteY75" fmla="*/ 430887 h 467068"/>
                <a:gd name="connsiteX76" fmla="*/ 138147 w 2378098"/>
                <a:gd name="connsiteY76" fmla="*/ 427597 h 467068"/>
                <a:gd name="connsiteX77" fmla="*/ 85519 w 2378098"/>
                <a:gd name="connsiteY77" fmla="*/ 430887 h 467068"/>
                <a:gd name="connsiteX78" fmla="*/ 69073 w 2378098"/>
                <a:gd name="connsiteY78" fmla="*/ 434176 h 467068"/>
                <a:gd name="connsiteX79" fmla="*/ 0 w 2378098"/>
                <a:gd name="connsiteY79" fmla="*/ 434176 h 467068"/>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111672 w 2368230"/>
                <a:gd name="connsiteY11" fmla="*/ 187485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121539 w 2368230"/>
                <a:gd name="connsiteY10" fmla="*/ 184196 h 476936"/>
                <a:gd name="connsiteX11" fmla="*/ 2091937 w 2368230"/>
                <a:gd name="connsiteY11" fmla="*/ 177617 h 476936"/>
                <a:gd name="connsiteX12" fmla="*/ 1993260 w 2368230"/>
                <a:gd name="connsiteY12" fmla="*/ 190775 h 476936"/>
                <a:gd name="connsiteX13" fmla="*/ 1960368 w 2368230"/>
                <a:gd name="connsiteY13" fmla="*/ 194064 h 476936"/>
                <a:gd name="connsiteX14" fmla="*/ 1950500 w 2368230"/>
                <a:gd name="connsiteY14" fmla="*/ 197353 h 476936"/>
                <a:gd name="connsiteX15" fmla="*/ 1934054 w 2368230"/>
                <a:gd name="connsiteY15" fmla="*/ 213799 h 476936"/>
                <a:gd name="connsiteX16" fmla="*/ 1907741 w 2368230"/>
                <a:gd name="connsiteY16" fmla="*/ 236824 h 476936"/>
                <a:gd name="connsiteX17" fmla="*/ 1901162 w 2368230"/>
                <a:gd name="connsiteY17" fmla="*/ 246691 h 476936"/>
                <a:gd name="connsiteX18" fmla="*/ 1881427 w 2368230"/>
                <a:gd name="connsiteY18" fmla="*/ 263137 h 476936"/>
                <a:gd name="connsiteX19" fmla="*/ 1874849 w 2368230"/>
                <a:gd name="connsiteY19" fmla="*/ 269716 h 476936"/>
                <a:gd name="connsiteX20" fmla="*/ 1855113 w 2368230"/>
                <a:gd name="connsiteY20" fmla="*/ 276294 h 476936"/>
                <a:gd name="connsiteX21" fmla="*/ 1815643 w 2368230"/>
                <a:gd name="connsiteY21" fmla="*/ 282873 h 476936"/>
                <a:gd name="connsiteX22" fmla="*/ 1782751 w 2368230"/>
                <a:gd name="connsiteY22" fmla="*/ 292740 h 476936"/>
                <a:gd name="connsiteX23" fmla="*/ 1772883 w 2368230"/>
                <a:gd name="connsiteY23" fmla="*/ 296029 h 476936"/>
                <a:gd name="connsiteX24" fmla="*/ 1739991 w 2368230"/>
                <a:gd name="connsiteY24" fmla="*/ 299319 h 476936"/>
                <a:gd name="connsiteX25" fmla="*/ 1710388 w 2368230"/>
                <a:gd name="connsiteY25" fmla="*/ 309186 h 476936"/>
                <a:gd name="connsiteX26" fmla="*/ 1697231 w 2368230"/>
                <a:gd name="connsiteY26" fmla="*/ 312475 h 476936"/>
                <a:gd name="connsiteX27" fmla="*/ 1684075 w 2368230"/>
                <a:gd name="connsiteY27" fmla="*/ 319054 h 476936"/>
                <a:gd name="connsiteX28" fmla="*/ 1664339 w 2368230"/>
                <a:gd name="connsiteY28" fmla="*/ 325632 h 476936"/>
                <a:gd name="connsiteX29" fmla="*/ 1641315 w 2368230"/>
                <a:gd name="connsiteY29" fmla="*/ 332211 h 476936"/>
                <a:gd name="connsiteX30" fmla="*/ 1608423 w 2368230"/>
                <a:gd name="connsiteY30" fmla="*/ 338789 h 476936"/>
                <a:gd name="connsiteX31" fmla="*/ 1582109 w 2368230"/>
                <a:gd name="connsiteY31" fmla="*/ 342078 h 476936"/>
                <a:gd name="connsiteX32" fmla="*/ 1568952 w 2368230"/>
                <a:gd name="connsiteY32" fmla="*/ 345367 h 476936"/>
                <a:gd name="connsiteX33" fmla="*/ 1470276 w 2368230"/>
                <a:gd name="connsiteY33" fmla="*/ 351946 h 476936"/>
                <a:gd name="connsiteX34" fmla="*/ 1450541 w 2368230"/>
                <a:gd name="connsiteY34" fmla="*/ 365103 h 476936"/>
                <a:gd name="connsiteX35" fmla="*/ 1437384 w 2368230"/>
                <a:gd name="connsiteY35" fmla="*/ 378260 h 476936"/>
                <a:gd name="connsiteX36" fmla="*/ 1417649 w 2368230"/>
                <a:gd name="connsiteY36" fmla="*/ 388127 h 476936"/>
                <a:gd name="connsiteX37" fmla="*/ 1407781 w 2368230"/>
                <a:gd name="connsiteY37" fmla="*/ 397995 h 476936"/>
                <a:gd name="connsiteX38" fmla="*/ 1397913 w 2368230"/>
                <a:gd name="connsiteY38" fmla="*/ 401284 h 476936"/>
                <a:gd name="connsiteX39" fmla="*/ 1374889 w 2368230"/>
                <a:gd name="connsiteY39" fmla="*/ 411152 h 476936"/>
                <a:gd name="connsiteX40" fmla="*/ 1368311 w 2368230"/>
                <a:gd name="connsiteY40" fmla="*/ 421019 h 476936"/>
                <a:gd name="connsiteX41" fmla="*/ 1358443 w 2368230"/>
                <a:gd name="connsiteY41" fmla="*/ 424308 h 476936"/>
                <a:gd name="connsiteX42" fmla="*/ 1341997 w 2368230"/>
                <a:gd name="connsiteY42" fmla="*/ 427598 h 476936"/>
                <a:gd name="connsiteX43" fmla="*/ 1328840 w 2368230"/>
                <a:gd name="connsiteY43" fmla="*/ 430887 h 476936"/>
                <a:gd name="connsiteX44" fmla="*/ 1309105 w 2368230"/>
                <a:gd name="connsiteY44" fmla="*/ 444044 h 476936"/>
                <a:gd name="connsiteX45" fmla="*/ 1276213 w 2368230"/>
                <a:gd name="connsiteY45" fmla="*/ 453911 h 476936"/>
                <a:gd name="connsiteX46" fmla="*/ 1266345 w 2368230"/>
                <a:gd name="connsiteY46" fmla="*/ 457201 h 476936"/>
                <a:gd name="connsiteX47" fmla="*/ 1236742 w 2368230"/>
                <a:gd name="connsiteY47" fmla="*/ 473647 h 476936"/>
                <a:gd name="connsiteX48" fmla="*/ 1223585 w 2368230"/>
                <a:gd name="connsiteY48" fmla="*/ 476936 h 476936"/>
                <a:gd name="connsiteX49" fmla="*/ 1098595 w 2368230"/>
                <a:gd name="connsiteY49" fmla="*/ 473647 h 476936"/>
                <a:gd name="connsiteX50" fmla="*/ 1088728 w 2368230"/>
                <a:gd name="connsiteY50" fmla="*/ 467068 h 476936"/>
                <a:gd name="connsiteX51" fmla="*/ 1068993 w 2368230"/>
                <a:gd name="connsiteY51" fmla="*/ 460490 h 476936"/>
                <a:gd name="connsiteX52" fmla="*/ 1045968 w 2368230"/>
                <a:gd name="connsiteY52" fmla="*/ 453911 h 476936"/>
                <a:gd name="connsiteX53" fmla="*/ 1036100 w 2368230"/>
                <a:gd name="connsiteY53" fmla="*/ 447333 h 476936"/>
                <a:gd name="connsiteX54" fmla="*/ 1016365 w 2368230"/>
                <a:gd name="connsiteY54" fmla="*/ 440755 h 476936"/>
                <a:gd name="connsiteX55" fmla="*/ 1009787 w 2368230"/>
                <a:gd name="connsiteY55" fmla="*/ 434176 h 476936"/>
                <a:gd name="connsiteX56" fmla="*/ 990052 w 2368230"/>
                <a:gd name="connsiteY56" fmla="*/ 427598 h 476936"/>
                <a:gd name="connsiteX57" fmla="*/ 967027 w 2368230"/>
                <a:gd name="connsiteY57" fmla="*/ 430887 h 476936"/>
                <a:gd name="connsiteX58" fmla="*/ 953870 w 2368230"/>
                <a:gd name="connsiteY58" fmla="*/ 434176 h 476936"/>
                <a:gd name="connsiteX59" fmla="*/ 759807 w 2368230"/>
                <a:gd name="connsiteY59" fmla="*/ 440755 h 476936"/>
                <a:gd name="connsiteX60" fmla="*/ 697312 w 2368230"/>
                <a:gd name="connsiteY60" fmla="*/ 447333 h 476936"/>
                <a:gd name="connsiteX61" fmla="*/ 677577 w 2368230"/>
                <a:gd name="connsiteY61" fmla="*/ 450622 h 476936"/>
                <a:gd name="connsiteX62" fmla="*/ 522984 w 2368230"/>
                <a:gd name="connsiteY62" fmla="*/ 447333 h 476936"/>
                <a:gd name="connsiteX63" fmla="*/ 503249 w 2368230"/>
                <a:gd name="connsiteY63" fmla="*/ 440755 h 476936"/>
                <a:gd name="connsiteX64" fmla="*/ 490092 w 2368230"/>
                <a:gd name="connsiteY64" fmla="*/ 437465 h 476936"/>
                <a:gd name="connsiteX65" fmla="*/ 430886 w 2368230"/>
                <a:gd name="connsiteY65" fmla="*/ 440755 h 476936"/>
                <a:gd name="connsiteX66" fmla="*/ 421018 w 2368230"/>
                <a:gd name="connsiteY66" fmla="*/ 444044 h 476936"/>
                <a:gd name="connsiteX67" fmla="*/ 384837 w 2368230"/>
                <a:gd name="connsiteY67" fmla="*/ 453911 h 476936"/>
                <a:gd name="connsiteX68" fmla="*/ 365102 w 2368230"/>
                <a:gd name="connsiteY68" fmla="*/ 457201 h 476936"/>
                <a:gd name="connsiteX69" fmla="*/ 335499 w 2368230"/>
                <a:gd name="connsiteY69" fmla="*/ 467068 h 476936"/>
                <a:gd name="connsiteX70" fmla="*/ 282872 w 2368230"/>
                <a:gd name="connsiteY70" fmla="*/ 463779 h 476936"/>
                <a:gd name="connsiteX71" fmla="*/ 273004 w 2368230"/>
                <a:gd name="connsiteY71" fmla="*/ 460490 h 476936"/>
                <a:gd name="connsiteX72" fmla="*/ 266426 w 2368230"/>
                <a:gd name="connsiteY72" fmla="*/ 453911 h 476936"/>
                <a:gd name="connsiteX73" fmla="*/ 246690 w 2368230"/>
                <a:gd name="connsiteY73" fmla="*/ 447333 h 476936"/>
                <a:gd name="connsiteX74" fmla="*/ 236823 w 2368230"/>
                <a:gd name="connsiteY74" fmla="*/ 444044 h 476936"/>
                <a:gd name="connsiteX75" fmla="*/ 226955 w 2368230"/>
                <a:gd name="connsiteY75" fmla="*/ 440755 h 476936"/>
                <a:gd name="connsiteX76" fmla="*/ 138147 w 2368230"/>
                <a:gd name="connsiteY76" fmla="*/ 437465 h 476936"/>
                <a:gd name="connsiteX77" fmla="*/ 85519 w 2368230"/>
                <a:gd name="connsiteY77" fmla="*/ 440755 h 476936"/>
                <a:gd name="connsiteX78" fmla="*/ 69073 w 2368230"/>
                <a:gd name="connsiteY78" fmla="*/ 444044 h 476936"/>
                <a:gd name="connsiteX79" fmla="*/ 0 w 2368230"/>
                <a:gd name="connsiteY7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137985 w 2368230"/>
                <a:gd name="connsiteY9" fmla="*/ 180907 h 476936"/>
                <a:gd name="connsiteX10" fmla="*/ 2091937 w 2368230"/>
                <a:gd name="connsiteY10" fmla="*/ 177617 h 476936"/>
                <a:gd name="connsiteX11" fmla="*/ 1993260 w 2368230"/>
                <a:gd name="connsiteY11" fmla="*/ 190775 h 476936"/>
                <a:gd name="connsiteX12" fmla="*/ 1960368 w 2368230"/>
                <a:gd name="connsiteY12" fmla="*/ 194064 h 476936"/>
                <a:gd name="connsiteX13" fmla="*/ 1950500 w 2368230"/>
                <a:gd name="connsiteY13" fmla="*/ 197353 h 476936"/>
                <a:gd name="connsiteX14" fmla="*/ 1934054 w 2368230"/>
                <a:gd name="connsiteY14" fmla="*/ 213799 h 476936"/>
                <a:gd name="connsiteX15" fmla="*/ 1907741 w 2368230"/>
                <a:gd name="connsiteY15" fmla="*/ 236824 h 476936"/>
                <a:gd name="connsiteX16" fmla="*/ 1901162 w 2368230"/>
                <a:gd name="connsiteY16" fmla="*/ 246691 h 476936"/>
                <a:gd name="connsiteX17" fmla="*/ 1881427 w 2368230"/>
                <a:gd name="connsiteY17" fmla="*/ 263137 h 476936"/>
                <a:gd name="connsiteX18" fmla="*/ 1874849 w 2368230"/>
                <a:gd name="connsiteY18" fmla="*/ 269716 h 476936"/>
                <a:gd name="connsiteX19" fmla="*/ 1855113 w 2368230"/>
                <a:gd name="connsiteY19" fmla="*/ 276294 h 476936"/>
                <a:gd name="connsiteX20" fmla="*/ 1815643 w 2368230"/>
                <a:gd name="connsiteY20" fmla="*/ 282873 h 476936"/>
                <a:gd name="connsiteX21" fmla="*/ 1782751 w 2368230"/>
                <a:gd name="connsiteY21" fmla="*/ 292740 h 476936"/>
                <a:gd name="connsiteX22" fmla="*/ 1772883 w 2368230"/>
                <a:gd name="connsiteY22" fmla="*/ 296029 h 476936"/>
                <a:gd name="connsiteX23" fmla="*/ 1739991 w 2368230"/>
                <a:gd name="connsiteY23" fmla="*/ 299319 h 476936"/>
                <a:gd name="connsiteX24" fmla="*/ 1710388 w 2368230"/>
                <a:gd name="connsiteY24" fmla="*/ 309186 h 476936"/>
                <a:gd name="connsiteX25" fmla="*/ 1697231 w 2368230"/>
                <a:gd name="connsiteY25" fmla="*/ 312475 h 476936"/>
                <a:gd name="connsiteX26" fmla="*/ 1684075 w 2368230"/>
                <a:gd name="connsiteY26" fmla="*/ 319054 h 476936"/>
                <a:gd name="connsiteX27" fmla="*/ 1664339 w 2368230"/>
                <a:gd name="connsiteY27" fmla="*/ 325632 h 476936"/>
                <a:gd name="connsiteX28" fmla="*/ 1641315 w 2368230"/>
                <a:gd name="connsiteY28" fmla="*/ 332211 h 476936"/>
                <a:gd name="connsiteX29" fmla="*/ 1608423 w 2368230"/>
                <a:gd name="connsiteY29" fmla="*/ 338789 h 476936"/>
                <a:gd name="connsiteX30" fmla="*/ 1582109 w 2368230"/>
                <a:gd name="connsiteY30" fmla="*/ 342078 h 476936"/>
                <a:gd name="connsiteX31" fmla="*/ 1568952 w 2368230"/>
                <a:gd name="connsiteY31" fmla="*/ 345367 h 476936"/>
                <a:gd name="connsiteX32" fmla="*/ 1470276 w 2368230"/>
                <a:gd name="connsiteY32" fmla="*/ 351946 h 476936"/>
                <a:gd name="connsiteX33" fmla="*/ 1450541 w 2368230"/>
                <a:gd name="connsiteY33" fmla="*/ 365103 h 476936"/>
                <a:gd name="connsiteX34" fmla="*/ 1437384 w 2368230"/>
                <a:gd name="connsiteY34" fmla="*/ 378260 h 476936"/>
                <a:gd name="connsiteX35" fmla="*/ 1417649 w 2368230"/>
                <a:gd name="connsiteY35" fmla="*/ 388127 h 476936"/>
                <a:gd name="connsiteX36" fmla="*/ 1407781 w 2368230"/>
                <a:gd name="connsiteY36" fmla="*/ 397995 h 476936"/>
                <a:gd name="connsiteX37" fmla="*/ 1397913 w 2368230"/>
                <a:gd name="connsiteY37" fmla="*/ 401284 h 476936"/>
                <a:gd name="connsiteX38" fmla="*/ 1374889 w 2368230"/>
                <a:gd name="connsiteY38" fmla="*/ 411152 h 476936"/>
                <a:gd name="connsiteX39" fmla="*/ 1368311 w 2368230"/>
                <a:gd name="connsiteY39" fmla="*/ 421019 h 476936"/>
                <a:gd name="connsiteX40" fmla="*/ 1358443 w 2368230"/>
                <a:gd name="connsiteY40" fmla="*/ 424308 h 476936"/>
                <a:gd name="connsiteX41" fmla="*/ 1341997 w 2368230"/>
                <a:gd name="connsiteY41" fmla="*/ 427598 h 476936"/>
                <a:gd name="connsiteX42" fmla="*/ 1328840 w 2368230"/>
                <a:gd name="connsiteY42" fmla="*/ 430887 h 476936"/>
                <a:gd name="connsiteX43" fmla="*/ 1309105 w 2368230"/>
                <a:gd name="connsiteY43" fmla="*/ 444044 h 476936"/>
                <a:gd name="connsiteX44" fmla="*/ 1276213 w 2368230"/>
                <a:gd name="connsiteY44" fmla="*/ 453911 h 476936"/>
                <a:gd name="connsiteX45" fmla="*/ 1266345 w 2368230"/>
                <a:gd name="connsiteY45" fmla="*/ 457201 h 476936"/>
                <a:gd name="connsiteX46" fmla="*/ 1236742 w 2368230"/>
                <a:gd name="connsiteY46" fmla="*/ 473647 h 476936"/>
                <a:gd name="connsiteX47" fmla="*/ 1223585 w 2368230"/>
                <a:gd name="connsiteY47" fmla="*/ 476936 h 476936"/>
                <a:gd name="connsiteX48" fmla="*/ 1098595 w 2368230"/>
                <a:gd name="connsiteY48" fmla="*/ 473647 h 476936"/>
                <a:gd name="connsiteX49" fmla="*/ 1088728 w 2368230"/>
                <a:gd name="connsiteY49" fmla="*/ 467068 h 476936"/>
                <a:gd name="connsiteX50" fmla="*/ 1068993 w 2368230"/>
                <a:gd name="connsiteY50" fmla="*/ 460490 h 476936"/>
                <a:gd name="connsiteX51" fmla="*/ 1045968 w 2368230"/>
                <a:gd name="connsiteY51" fmla="*/ 453911 h 476936"/>
                <a:gd name="connsiteX52" fmla="*/ 1036100 w 2368230"/>
                <a:gd name="connsiteY52" fmla="*/ 447333 h 476936"/>
                <a:gd name="connsiteX53" fmla="*/ 1016365 w 2368230"/>
                <a:gd name="connsiteY53" fmla="*/ 440755 h 476936"/>
                <a:gd name="connsiteX54" fmla="*/ 1009787 w 2368230"/>
                <a:gd name="connsiteY54" fmla="*/ 434176 h 476936"/>
                <a:gd name="connsiteX55" fmla="*/ 990052 w 2368230"/>
                <a:gd name="connsiteY55" fmla="*/ 427598 h 476936"/>
                <a:gd name="connsiteX56" fmla="*/ 967027 w 2368230"/>
                <a:gd name="connsiteY56" fmla="*/ 430887 h 476936"/>
                <a:gd name="connsiteX57" fmla="*/ 953870 w 2368230"/>
                <a:gd name="connsiteY57" fmla="*/ 434176 h 476936"/>
                <a:gd name="connsiteX58" fmla="*/ 759807 w 2368230"/>
                <a:gd name="connsiteY58" fmla="*/ 440755 h 476936"/>
                <a:gd name="connsiteX59" fmla="*/ 697312 w 2368230"/>
                <a:gd name="connsiteY59" fmla="*/ 447333 h 476936"/>
                <a:gd name="connsiteX60" fmla="*/ 677577 w 2368230"/>
                <a:gd name="connsiteY60" fmla="*/ 450622 h 476936"/>
                <a:gd name="connsiteX61" fmla="*/ 522984 w 2368230"/>
                <a:gd name="connsiteY61" fmla="*/ 447333 h 476936"/>
                <a:gd name="connsiteX62" fmla="*/ 503249 w 2368230"/>
                <a:gd name="connsiteY62" fmla="*/ 440755 h 476936"/>
                <a:gd name="connsiteX63" fmla="*/ 490092 w 2368230"/>
                <a:gd name="connsiteY63" fmla="*/ 437465 h 476936"/>
                <a:gd name="connsiteX64" fmla="*/ 430886 w 2368230"/>
                <a:gd name="connsiteY64" fmla="*/ 440755 h 476936"/>
                <a:gd name="connsiteX65" fmla="*/ 421018 w 2368230"/>
                <a:gd name="connsiteY65" fmla="*/ 444044 h 476936"/>
                <a:gd name="connsiteX66" fmla="*/ 384837 w 2368230"/>
                <a:gd name="connsiteY66" fmla="*/ 453911 h 476936"/>
                <a:gd name="connsiteX67" fmla="*/ 365102 w 2368230"/>
                <a:gd name="connsiteY67" fmla="*/ 457201 h 476936"/>
                <a:gd name="connsiteX68" fmla="*/ 335499 w 2368230"/>
                <a:gd name="connsiteY68" fmla="*/ 467068 h 476936"/>
                <a:gd name="connsiteX69" fmla="*/ 282872 w 2368230"/>
                <a:gd name="connsiteY69" fmla="*/ 463779 h 476936"/>
                <a:gd name="connsiteX70" fmla="*/ 273004 w 2368230"/>
                <a:gd name="connsiteY70" fmla="*/ 460490 h 476936"/>
                <a:gd name="connsiteX71" fmla="*/ 266426 w 2368230"/>
                <a:gd name="connsiteY71" fmla="*/ 453911 h 476936"/>
                <a:gd name="connsiteX72" fmla="*/ 246690 w 2368230"/>
                <a:gd name="connsiteY72" fmla="*/ 447333 h 476936"/>
                <a:gd name="connsiteX73" fmla="*/ 236823 w 2368230"/>
                <a:gd name="connsiteY73" fmla="*/ 444044 h 476936"/>
                <a:gd name="connsiteX74" fmla="*/ 226955 w 2368230"/>
                <a:gd name="connsiteY74" fmla="*/ 440755 h 476936"/>
                <a:gd name="connsiteX75" fmla="*/ 138147 w 2368230"/>
                <a:gd name="connsiteY75" fmla="*/ 437465 h 476936"/>
                <a:gd name="connsiteX76" fmla="*/ 85519 w 2368230"/>
                <a:gd name="connsiteY76" fmla="*/ 440755 h 476936"/>
                <a:gd name="connsiteX77" fmla="*/ 69073 w 2368230"/>
                <a:gd name="connsiteY77" fmla="*/ 444044 h 476936"/>
                <a:gd name="connsiteX78" fmla="*/ 0 w 2368230"/>
                <a:gd name="connsiteY7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87324 w 2368230"/>
                <a:gd name="connsiteY6" fmla="*/ 167750 h 476936"/>
                <a:gd name="connsiteX7" fmla="*/ 2167588 w 2368230"/>
                <a:gd name="connsiteY7" fmla="*/ 174329 h 476936"/>
                <a:gd name="connsiteX8" fmla="*/ 2151142 w 2368230"/>
                <a:gd name="connsiteY8" fmla="*/ 177618 h 476936"/>
                <a:gd name="connsiteX9" fmla="*/ 2091937 w 2368230"/>
                <a:gd name="connsiteY9" fmla="*/ 177617 h 476936"/>
                <a:gd name="connsiteX10" fmla="*/ 1993260 w 2368230"/>
                <a:gd name="connsiteY10" fmla="*/ 190775 h 476936"/>
                <a:gd name="connsiteX11" fmla="*/ 1960368 w 2368230"/>
                <a:gd name="connsiteY11" fmla="*/ 194064 h 476936"/>
                <a:gd name="connsiteX12" fmla="*/ 1950500 w 2368230"/>
                <a:gd name="connsiteY12" fmla="*/ 197353 h 476936"/>
                <a:gd name="connsiteX13" fmla="*/ 1934054 w 2368230"/>
                <a:gd name="connsiteY13" fmla="*/ 213799 h 476936"/>
                <a:gd name="connsiteX14" fmla="*/ 1907741 w 2368230"/>
                <a:gd name="connsiteY14" fmla="*/ 236824 h 476936"/>
                <a:gd name="connsiteX15" fmla="*/ 1901162 w 2368230"/>
                <a:gd name="connsiteY15" fmla="*/ 246691 h 476936"/>
                <a:gd name="connsiteX16" fmla="*/ 1881427 w 2368230"/>
                <a:gd name="connsiteY16" fmla="*/ 263137 h 476936"/>
                <a:gd name="connsiteX17" fmla="*/ 1874849 w 2368230"/>
                <a:gd name="connsiteY17" fmla="*/ 269716 h 476936"/>
                <a:gd name="connsiteX18" fmla="*/ 1855113 w 2368230"/>
                <a:gd name="connsiteY18" fmla="*/ 276294 h 476936"/>
                <a:gd name="connsiteX19" fmla="*/ 1815643 w 2368230"/>
                <a:gd name="connsiteY19" fmla="*/ 282873 h 476936"/>
                <a:gd name="connsiteX20" fmla="*/ 1782751 w 2368230"/>
                <a:gd name="connsiteY20" fmla="*/ 292740 h 476936"/>
                <a:gd name="connsiteX21" fmla="*/ 1772883 w 2368230"/>
                <a:gd name="connsiteY21" fmla="*/ 296029 h 476936"/>
                <a:gd name="connsiteX22" fmla="*/ 1739991 w 2368230"/>
                <a:gd name="connsiteY22" fmla="*/ 299319 h 476936"/>
                <a:gd name="connsiteX23" fmla="*/ 1710388 w 2368230"/>
                <a:gd name="connsiteY23" fmla="*/ 309186 h 476936"/>
                <a:gd name="connsiteX24" fmla="*/ 1697231 w 2368230"/>
                <a:gd name="connsiteY24" fmla="*/ 312475 h 476936"/>
                <a:gd name="connsiteX25" fmla="*/ 1684075 w 2368230"/>
                <a:gd name="connsiteY25" fmla="*/ 319054 h 476936"/>
                <a:gd name="connsiteX26" fmla="*/ 1664339 w 2368230"/>
                <a:gd name="connsiteY26" fmla="*/ 325632 h 476936"/>
                <a:gd name="connsiteX27" fmla="*/ 1641315 w 2368230"/>
                <a:gd name="connsiteY27" fmla="*/ 332211 h 476936"/>
                <a:gd name="connsiteX28" fmla="*/ 1608423 w 2368230"/>
                <a:gd name="connsiteY28" fmla="*/ 338789 h 476936"/>
                <a:gd name="connsiteX29" fmla="*/ 1582109 w 2368230"/>
                <a:gd name="connsiteY29" fmla="*/ 342078 h 476936"/>
                <a:gd name="connsiteX30" fmla="*/ 1568952 w 2368230"/>
                <a:gd name="connsiteY30" fmla="*/ 345367 h 476936"/>
                <a:gd name="connsiteX31" fmla="*/ 1470276 w 2368230"/>
                <a:gd name="connsiteY31" fmla="*/ 351946 h 476936"/>
                <a:gd name="connsiteX32" fmla="*/ 1450541 w 2368230"/>
                <a:gd name="connsiteY32" fmla="*/ 365103 h 476936"/>
                <a:gd name="connsiteX33" fmla="*/ 1437384 w 2368230"/>
                <a:gd name="connsiteY33" fmla="*/ 378260 h 476936"/>
                <a:gd name="connsiteX34" fmla="*/ 1417649 w 2368230"/>
                <a:gd name="connsiteY34" fmla="*/ 388127 h 476936"/>
                <a:gd name="connsiteX35" fmla="*/ 1407781 w 2368230"/>
                <a:gd name="connsiteY35" fmla="*/ 397995 h 476936"/>
                <a:gd name="connsiteX36" fmla="*/ 1397913 w 2368230"/>
                <a:gd name="connsiteY36" fmla="*/ 401284 h 476936"/>
                <a:gd name="connsiteX37" fmla="*/ 1374889 w 2368230"/>
                <a:gd name="connsiteY37" fmla="*/ 411152 h 476936"/>
                <a:gd name="connsiteX38" fmla="*/ 1368311 w 2368230"/>
                <a:gd name="connsiteY38" fmla="*/ 421019 h 476936"/>
                <a:gd name="connsiteX39" fmla="*/ 1358443 w 2368230"/>
                <a:gd name="connsiteY39" fmla="*/ 424308 h 476936"/>
                <a:gd name="connsiteX40" fmla="*/ 1341997 w 2368230"/>
                <a:gd name="connsiteY40" fmla="*/ 427598 h 476936"/>
                <a:gd name="connsiteX41" fmla="*/ 1328840 w 2368230"/>
                <a:gd name="connsiteY41" fmla="*/ 430887 h 476936"/>
                <a:gd name="connsiteX42" fmla="*/ 1309105 w 2368230"/>
                <a:gd name="connsiteY42" fmla="*/ 444044 h 476936"/>
                <a:gd name="connsiteX43" fmla="*/ 1276213 w 2368230"/>
                <a:gd name="connsiteY43" fmla="*/ 453911 h 476936"/>
                <a:gd name="connsiteX44" fmla="*/ 1266345 w 2368230"/>
                <a:gd name="connsiteY44" fmla="*/ 457201 h 476936"/>
                <a:gd name="connsiteX45" fmla="*/ 1236742 w 2368230"/>
                <a:gd name="connsiteY45" fmla="*/ 473647 h 476936"/>
                <a:gd name="connsiteX46" fmla="*/ 1223585 w 2368230"/>
                <a:gd name="connsiteY46" fmla="*/ 476936 h 476936"/>
                <a:gd name="connsiteX47" fmla="*/ 1098595 w 2368230"/>
                <a:gd name="connsiteY47" fmla="*/ 473647 h 476936"/>
                <a:gd name="connsiteX48" fmla="*/ 1088728 w 2368230"/>
                <a:gd name="connsiteY48" fmla="*/ 467068 h 476936"/>
                <a:gd name="connsiteX49" fmla="*/ 1068993 w 2368230"/>
                <a:gd name="connsiteY49" fmla="*/ 460490 h 476936"/>
                <a:gd name="connsiteX50" fmla="*/ 1045968 w 2368230"/>
                <a:gd name="connsiteY50" fmla="*/ 453911 h 476936"/>
                <a:gd name="connsiteX51" fmla="*/ 1036100 w 2368230"/>
                <a:gd name="connsiteY51" fmla="*/ 447333 h 476936"/>
                <a:gd name="connsiteX52" fmla="*/ 1016365 w 2368230"/>
                <a:gd name="connsiteY52" fmla="*/ 440755 h 476936"/>
                <a:gd name="connsiteX53" fmla="*/ 1009787 w 2368230"/>
                <a:gd name="connsiteY53" fmla="*/ 434176 h 476936"/>
                <a:gd name="connsiteX54" fmla="*/ 990052 w 2368230"/>
                <a:gd name="connsiteY54" fmla="*/ 427598 h 476936"/>
                <a:gd name="connsiteX55" fmla="*/ 967027 w 2368230"/>
                <a:gd name="connsiteY55" fmla="*/ 430887 h 476936"/>
                <a:gd name="connsiteX56" fmla="*/ 953870 w 2368230"/>
                <a:gd name="connsiteY56" fmla="*/ 434176 h 476936"/>
                <a:gd name="connsiteX57" fmla="*/ 759807 w 2368230"/>
                <a:gd name="connsiteY57" fmla="*/ 440755 h 476936"/>
                <a:gd name="connsiteX58" fmla="*/ 697312 w 2368230"/>
                <a:gd name="connsiteY58" fmla="*/ 447333 h 476936"/>
                <a:gd name="connsiteX59" fmla="*/ 677577 w 2368230"/>
                <a:gd name="connsiteY59" fmla="*/ 450622 h 476936"/>
                <a:gd name="connsiteX60" fmla="*/ 522984 w 2368230"/>
                <a:gd name="connsiteY60" fmla="*/ 447333 h 476936"/>
                <a:gd name="connsiteX61" fmla="*/ 503249 w 2368230"/>
                <a:gd name="connsiteY61" fmla="*/ 440755 h 476936"/>
                <a:gd name="connsiteX62" fmla="*/ 490092 w 2368230"/>
                <a:gd name="connsiteY62" fmla="*/ 437465 h 476936"/>
                <a:gd name="connsiteX63" fmla="*/ 430886 w 2368230"/>
                <a:gd name="connsiteY63" fmla="*/ 440755 h 476936"/>
                <a:gd name="connsiteX64" fmla="*/ 421018 w 2368230"/>
                <a:gd name="connsiteY64" fmla="*/ 444044 h 476936"/>
                <a:gd name="connsiteX65" fmla="*/ 384837 w 2368230"/>
                <a:gd name="connsiteY65" fmla="*/ 453911 h 476936"/>
                <a:gd name="connsiteX66" fmla="*/ 365102 w 2368230"/>
                <a:gd name="connsiteY66" fmla="*/ 457201 h 476936"/>
                <a:gd name="connsiteX67" fmla="*/ 335499 w 2368230"/>
                <a:gd name="connsiteY67" fmla="*/ 467068 h 476936"/>
                <a:gd name="connsiteX68" fmla="*/ 282872 w 2368230"/>
                <a:gd name="connsiteY68" fmla="*/ 463779 h 476936"/>
                <a:gd name="connsiteX69" fmla="*/ 273004 w 2368230"/>
                <a:gd name="connsiteY69" fmla="*/ 460490 h 476936"/>
                <a:gd name="connsiteX70" fmla="*/ 266426 w 2368230"/>
                <a:gd name="connsiteY70" fmla="*/ 453911 h 476936"/>
                <a:gd name="connsiteX71" fmla="*/ 246690 w 2368230"/>
                <a:gd name="connsiteY71" fmla="*/ 447333 h 476936"/>
                <a:gd name="connsiteX72" fmla="*/ 236823 w 2368230"/>
                <a:gd name="connsiteY72" fmla="*/ 444044 h 476936"/>
                <a:gd name="connsiteX73" fmla="*/ 226955 w 2368230"/>
                <a:gd name="connsiteY73" fmla="*/ 440755 h 476936"/>
                <a:gd name="connsiteX74" fmla="*/ 138147 w 2368230"/>
                <a:gd name="connsiteY74" fmla="*/ 437465 h 476936"/>
                <a:gd name="connsiteX75" fmla="*/ 85519 w 2368230"/>
                <a:gd name="connsiteY75" fmla="*/ 440755 h 476936"/>
                <a:gd name="connsiteX76" fmla="*/ 69073 w 2368230"/>
                <a:gd name="connsiteY76" fmla="*/ 444044 h 476936"/>
                <a:gd name="connsiteX77" fmla="*/ 0 w 2368230"/>
                <a:gd name="connsiteY7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91937 w 2368230"/>
                <a:gd name="connsiteY8" fmla="*/ 177617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93260 w 2368230"/>
                <a:gd name="connsiteY9" fmla="*/ 190775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76814 w 2368230"/>
                <a:gd name="connsiteY9" fmla="*/ 180907 h 476936"/>
                <a:gd name="connsiteX10" fmla="*/ 1960368 w 2368230"/>
                <a:gd name="connsiteY10" fmla="*/ 194064 h 476936"/>
                <a:gd name="connsiteX11" fmla="*/ 1950500 w 2368230"/>
                <a:gd name="connsiteY11" fmla="*/ 197353 h 476936"/>
                <a:gd name="connsiteX12" fmla="*/ 1934054 w 2368230"/>
                <a:gd name="connsiteY12" fmla="*/ 213799 h 476936"/>
                <a:gd name="connsiteX13" fmla="*/ 1907741 w 2368230"/>
                <a:gd name="connsiteY13" fmla="*/ 236824 h 476936"/>
                <a:gd name="connsiteX14" fmla="*/ 1901162 w 2368230"/>
                <a:gd name="connsiteY14" fmla="*/ 246691 h 476936"/>
                <a:gd name="connsiteX15" fmla="*/ 1881427 w 2368230"/>
                <a:gd name="connsiteY15" fmla="*/ 263137 h 476936"/>
                <a:gd name="connsiteX16" fmla="*/ 1874849 w 2368230"/>
                <a:gd name="connsiteY16" fmla="*/ 269716 h 476936"/>
                <a:gd name="connsiteX17" fmla="*/ 1855113 w 2368230"/>
                <a:gd name="connsiteY17" fmla="*/ 276294 h 476936"/>
                <a:gd name="connsiteX18" fmla="*/ 1815643 w 2368230"/>
                <a:gd name="connsiteY18" fmla="*/ 282873 h 476936"/>
                <a:gd name="connsiteX19" fmla="*/ 1782751 w 2368230"/>
                <a:gd name="connsiteY19" fmla="*/ 292740 h 476936"/>
                <a:gd name="connsiteX20" fmla="*/ 1772883 w 2368230"/>
                <a:gd name="connsiteY20" fmla="*/ 296029 h 476936"/>
                <a:gd name="connsiteX21" fmla="*/ 1739991 w 2368230"/>
                <a:gd name="connsiteY21" fmla="*/ 299319 h 476936"/>
                <a:gd name="connsiteX22" fmla="*/ 1710388 w 2368230"/>
                <a:gd name="connsiteY22" fmla="*/ 309186 h 476936"/>
                <a:gd name="connsiteX23" fmla="*/ 1697231 w 2368230"/>
                <a:gd name="connsiteY23" fmla="*/ 312475 h 476936"/>
                <a:gd name="connsiteX24" fmla="*/ 1684075 w 2368230"/>
                <a:gd name="connsiteY24" fmla="*/ 319054 h 476936"/>
                <a:gd name="connsiteX25" fmla="*/ 1664339 w 2368230"/>
                <a:gd name="connsiteY25" fmla="*/ 325632 h 476936"/>
                <a:gd name="connsiteX26" fmla="*/ 1641315 w 2368230"/>
                <a:gd name="connsiteY26" fmla="*/ 332211 h 476936"/>
                <a:gd name="connsiteX27" fmla="*/ 1608423 w 2368230"/>
                <a:gd name="connsiteY27" fmla="*/ 338789 h 476936"/>
                <a:gd name="connsiteX28" fmla="*/ 1582109 w 2368230"/>
                <a:gd name="connsiteY28" fmla="*/ 342078 h 476936"/>
                <a:gd name="connsiteX29" fmla="*/ 1568952 w 2368230"/>
                <a:gd name="connsiteY29" fmla="*/ 345367 h 476936"/>
                <a:gd name="connsiteX30" fmla="*/ 1470276 w 2368230"/>
                <a:gd name="connsiteY30" fmla="*/ 351946 h 476936"/>
                <a:gd name="connsiteX31" fmla="*/ 1450541 w 2368230"/>
                <a:gd name="connsiteY31" fmla="*/ 365103 h 476936"/>
                <a:gd name="connsiteX32" fmla="*/ 1437384 w 2368230"/>
                <a:gd name="connsiteY32" fmla="*/ 378260 h 476936"/>
                <a:gd name="connsiteX33" fmla="*/ 1417649 w 2368230"/>
                <a:gd name="connsiteY33" fmla="*/ 388127 h 476936"/>
                <a:gd name="connsiteX34" fmla="*/ 1407781 w 2368230"/>
                <a:gd name="connsiteY34" fmla="*/ 397995 h 476936"/>
                <a:gd name="connsiteX35" fmla="*/ 1397913 w 2368230"/>
                <a:gd name="connsiteY35" fmla="*/ 401284 h 476936"/>
                <a:gd name="connsiteX36" fmla="*/ 1374889 w 2368230"/>
                <a:gd name="connsiteY36" fmla="*/ 411152 h 476936"/>
                <a:gd name="connsiteX37" fmla="*/ 1368311 w 2368230"/>
                <a:gd name="connsiteY37" fmla="*/ 421019 h 476936"/>
                <a:gd name="connsiteX38" fmla="*/ 1358443 w 2368230"/>
                <a:gd name="connsiteY38" fmla="*/ 424308 h 476936"/>
                <a:gd name="connsiteX39" fmla="*/ 1341997 w 2368230"/>
                <a:gd name="connsiteY39" fmla="*/ 427598 h 476936"/>
                <a:gd name="connsiteX40" fmla="*/ 1328840 w 2368230"/>
                <a:gd name="connsiteY40" fmla="*/ 430887 h 476936"/>
                <a:gd name="connsiteX41" fmla="*/ 1309105 w 2368230"/>
                <a:gd name="connsiteY41" fmla="*/ 444044 h 476936"/>
                <a:gd name="connsiteX42" fmla="*/ 1276213 w 2368230"/>
                <a:gd name="connsiteY42" fmla="*/ 453911 h 476936"/>
                <a:gd name="connsiteX43" fmla="*/ 1266345 w 2368230"/>
                <a:gd name="connsiteY43" fmla="*/ 457201 h 476936"/>
                <a:gd name="connsiteX44" fmla="*/ 1236742 w 2368230"/>
                <a:gd name="connsiteY44" fmla="*/ 473647 h 476936"/>
                <a:gd name="connsiteX45" fmla="*/ 1223585 w 2368230"/>
                <a:gd name="connsiteY45" fmla="*/ 476936 h 476936"/>
                <a:gd name="connsiteX46" fmla="*/ 1098595 w 2368230"/>
                <a:gd name="connsiteY46" fmla="*/ 473647 h 476936"/>
                <a:gd name="connsiteX47" fmla="*/ 1088728 w 2368230"/>
                <a:gd name="connsiteY47" fmla="*/ 467068 h 476936"/>
                <a:gd name="connsiteX48" fmla="*/ 1068993 w 2368230"/>
                <a:gd name="connsiteY48" fmla="*/ 460490 h 476936"/>
                <a:gd name="connsiteX49" fmla="*/ 1045968 w 2368230"/>
                <a:gd name="connsiteY49" fmla="*/ 453911 h 476936"/>
                <a:gd name="connsiteX50" fmla="*/ 1036100 w 2368230"/>
                <a:gd name="connsiteY50" fmla="*/ 447333 h 476936"/>
                <a:gd name="connsiteX51" fmla="*/ 1016365 w 2368230"/>
                <a:gd name="connsiteY51" fmla="*/ 440755 h 476936"/>
                <a:gd name="connsiteX52" fmla="*/ 1009787 w 2368230"/>
                <a:gd name="connsiteY52" fmla="*/ 434176 h 476936"/>
                <a:gd name="connsiteX53" fmla="*/ 990052 w 2368230"/>
                <a:gd name="connsiteY53" fmla="*/ 427598 h 476936"/>
                <a:gd name="connsiteX54" fmla="*/ 967027 w 2368230"/>
                <a:gd name="connsiteY54" fmla="*/ 430887 h 476936"/>
                <a:gd name="connsiteX55" fmla="*/ 953870 w 2368230"/>
                <a:gd name="connsiteY55" fmla="*/ 434176 h 476936"/>
                <a:gd name="connsiteX56" fmla="*/ 759807 w 2368230"/>
                <a:gd name="connsiteY56" fmla="*/ 440755 h 476936"/>
                <a:gd name="connsiteX57" fmla="*/ 697312 w 2368230"/>
                <a:gd name="connsiteY57" fmla="*/ 447333 h 476936"/>
                <a:gd name="connsiteX58" fmla="*/ 677577 w 2368230"/>
                <a:gd name="connsiteY58" fmla="*/ 450622 h 476936"/>
                <a:gd name="connsiteX59" fmla="*/ 522984 w 2368230"/>
                <a:gd name="connsiteY59" fmla="*/ 447333 h 476936"/>
                <a:gd name="connsiteX60" fmla="*/ 503249 w 2368230"/>
                <a:gd name="connsiteY60" fmla="*/ 440755 h 476936"/>
                <a:gd name="connsiteX61" fmla="*/ 490092 w 2368230"/>
                <a:gd name="connsiteY61" fmla="*/ 437465 h 476936"/>
                <a:gd name="connsiteX62" fmla="*/ 430886 w 2368230"/>
                <a:gd name="connsiteY62" fmla="*/ 440755 h 476936"/>
                <a:gd name="connsiteX63" fmla="*/ 421018 w 2368230"/>
                <a:gd name="connsiteY63" fmla="*/ 444044 h 476936"/>
                <a:gd name="connsiteX64" fmla="*/ 384837 w 2368230"/>
                <a:gd name="connsiteY64" fmla="*/ 453911 h 476936"/>
                <a:gd name="connsiteX65" fmla="*/ 365102 w 2368230"/>
                <a:gd name="connsiteY65" fmla="*/ 457201 h 476936"/>
                <a:gd name="connsiteX66" fmla="*/ 335499 w 2368230"/>
                <a:gd name="connsiteY66" fmla="*/ 467068 h 476936"/>
                <a:gd name="connsiteX67" fmla="*/ 282872 w 2368230"/>
                <a:gd name="connsiteY67" fmla="*/ 463779 h 476936"/>
                <a:gd name="connsiteX68" fmla="*/ 273004 w 2368230"/>
                <a:gd name="connsiteY68" fmla="*/ 460490 h 476936"/>
                <a:gd name="connsiteX69" fmla="*/ 266426 w 2368230"/>
                <a:gd name="connsiteY69" fmla="*/ 453911 h 476936"/>
                <a:gd name="connsiteX70" fmla="*/ 246690 w 2368230"/>
                <a:gd name="connsiteY70" fmla="*/ 447333 h 476936"/>
                <a:gd name="connsiteX71" fmla="*/ 236823 w 2368230"/>
                <a:gd name="connsiteY71" fmla="*/ 444044 h 476936"/>
                <a:gd name="connsiteX72" fmla="*/ 226955 w 2368230"/>
                <a:gd name="connsiteY72" fmla="*/ 440755 h 476936"/>
                <a:gd name="connsiteX73" fmla="*/ 138147 w 2368230"/>
                <a:gd name="connsiteY73" fmla="*/ 437465 h 476936"/>
                <a:gd name="connsiteX74" fmla="*/ 85519 w 2368230"/>
                <a:gd name="connsiteY74" fmla="*/ 440755 h 476936"/>
                <a:gd name="connsiteX75" fmla="*/ 69073 w 2368230"/>
                <a:gd name="connsiteY75" fmla="*/ 444044 h 476936"/>
                <a:gd name="connsiteX76" fmla="*/ 0 w 2368230"/>
                <a:gd name="connsiteY7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50500 w 2368230"/>
                <a:gd name="connsiteY10" fmla="*/ 197353 h 476936"/>
                <a:gd name="connsiteX11" fmla="*/ 1934054 w 2368230"/>
                <a:gd name="connsiteY11" fmla="*/ 213799 h 476936"/>
                <a:gd name="connsiteX12" fmla="*/ 1907741 w 2368230"/>
                <a:gd name="connsiteY12" fmla="*/ 236824 h 476936"/>
                <a:gd name="connsiteX13" fmla="*/ 1901162 w 2368230"/>
                <a:gd name="connsiteY13" fmla="*/ 246691 h 476936"/>
                <a:gd name="connsiteX14" fmla="*/ 1881427 w 2368230"/>
                <a:gd name="connsiteY14" fmla="*/ 263137 h 476936"/>
                <a:gd name="connsiteX15" fmla="*/ 1874849 w 2368230"/>
                <a:gd name="connsiteY15" fmla="*/ 269716 h 476936"/>
                <a:gd name="connsiteX16" fmla="*/ 1855113 w 2368230"/>
                <a:gd name="connsiteY16" fmla="*/ 276294 h 476936"/>
                <a:gd name="connsiteX17" fmla="*/ 1815643 w 2368230"/>
                <a:gd name="connsiteY17" fmla="*/ 282873 h 476936"/>
                <a:gd name="connsiteX18" fmla="*/ 1782751 w 2368230"/>
                <a:gd name="connsiteY18" fmla="*/ 292740 h 476936"/>
                <a:gd name="connsiteX19" fmla="*/ 1772883 w 2368230"/>
                <a:gd name="connsiteY19" fmla="*/ 296029 h 476936"/>
                <a:gd name="connsiteX20" fmla="*/ 1739991 w 2368230"/>
                <a:gd name="connsiteY20" fmla="*/ 299319 h 476936"/>
                <a:gd name="connsiteX21" fmla="*/ 1710388 w 2368230"/>
                <a:gd name="connsiteY21" fmla="*/ 309186 h 476936"/>
                <a:gd name="connsiteX22" fmla="*/ 1697231 w 2368230"/>
                <a:gd name="connsiteY22" fmla="*/ 312475 h 476936"/>
                <a:gd name="connsiteX23" fmla="*/ 1684075 w 2368230"/>
                <a:gd name="connsiteY23" fmla="*/ 319054 h 476936"/>
                <a:gd name="connsiteX24" fmla="*/ 1664339 w 2368230"/>
                <a:gd name="connsiteY24" fmla="*/ 325632 h 476936"/>
                <a:gd name="connsiteX25" fmla="*/ 1641315 w 2368230"/>
                <a:gd name="connsiteY25" fmla="*/ 332211 h 476936"/>
                <a:gd name="connsiteX26" fmla="*/ 1608423 w 2368230"/>
                <a:gd name="connsiteY26" fmla="*/ 338789 h 476936"/>
                <a:gd name="connsiteX27" fmla="*/ 1582109 w 2368230"/>
                <a:gd name="connsiteY27" fmla="*/ 342078 h 476936"/>
                <a:gd name="connsiteX28" fmla="*/ 1568952 w 2368230"/>
                <a:gd name="connsiteY28" fmla="*/ 345367 h 476936"/>
                <a:gd name="connsiteX29" fmla="*/ 1470276 w 2368230"/>
                <a:gd name="connsiteY29" fmla="*/ 351946 h 476936"/>
                <a:gd name="connsiteX30" fmla="*/ 1450541 w 2368230"/>
                <a:gd name="connsiteY30" fmla="*/ 365103 h 476936"/>
                <a:gd name="connsiteX31" fmla="*/ 1437384 w 2368230"/>
                <a:gd name="connsiteY31" fmla="*/ 378260 h 476936"/>
                <a:gd name="connsiteX32" fmla="*/ 1417649 w 2368230"/>
                <a:gd name="connsiteY32" fmla="*/ 388127 h 476936"/>
                <a:gd name="connsiteX33" fmla="*/ 1407781 w 2368230"/>
                <a:gd name="connsiteY33" fmla="*/ 397995 h 476936"/>
                <a:gd name="connsiteX34" fmla="*/ 1397913 w 2368230"/>
                <a:gd name="connsiteY34" fmla="*/ 401284 h 476936"/>
                <a:gd name="connsiteX35" fmla="*/ 1374889 w 2368230"/>
                <a:gd name="connsiteY35" fmla="*/ 411152 h 476936"/>
                <a:gd name="connsiteX36" fmla="*/ 1368311 w 2368230"/>
                <a:gd name="connsiteY36" fmla="*/ 421019 h 476936"/>
                <a:gd name="connsiteX37" fmla="*/ 1358443 w 2368230"/>
                <a:gd name="connsiteY37" fmla="*/ 424308 h 476936"/>
                <a:gd name="connsiteX38" fmla="*/ 1341997 w 2368230"/>
                <a:gd name="connsiteY38" fmla="*/ 427598 h 476936"/>
                <a:gd name="connsiteX39" fmla="*/ 1328840 w 2368230"/>
                <a:gd name="connsiteY39" fmla="*/ 430887 h 476936"/>
                <a:gd name="connsiteX40" fmla="*/ 1309105 w 2368230"/>
                <a:gd name="connsiteY40" fmla="*/ 444044 h 476936"/>
                <a:gd name="connsiteX41" fmla="*/ 1276213 w 2368230"/>
                <a:gd name="connsiteY41" fmla="*/ 453911 h 476936"/>
                <a:gd name="connsiteX42" fmla="*/ 1266345 w 2368230"/>
                <a:gd name="connsiteY42" fmla="*/ 457201 h 476936"/>
                <a:gd name="connsiteX43" fmla="*/ 1236742 w 2368230"/>
                <a:gd name="connsiteY43" fmla="*/ 473647 h 476936"/>
                <a:gd name="connsiteX44" fmla="*/ 1223585 w 2368230"/>
                <a:gd name="connsiteY44" fmla="*/ 476936 h 476936"/>
                <a:gd name="connsiteX45" fmla="*/ 1098595 w 2368230"/>
                <a:gd name="connsiteY45" fmla="*/ 473647 h 476936"/>
                <a:gd name="connsiteX46" fmla="*/ 1088728 w 2368230"/>
                <a:gd name="connsiteY46" fmla="*/ 467068 h 476936"/>
                <a:gd name="connsiteX47" fmla="*/ 1068993 w 2368230"/>
                <a:gd name="connsiteY47" fmla="*/ 460490 h 476936"/>
                <a:gd name="connsiteX48" fmla="*/ 1045968 w 2368230"/>
                <a:gd name="connsiteY48" fmla="*/ 453911 h 476936"/>
                <a:gd name="connsiteX49" fmla="*/ 1036100 w 2368230"/>
                <a:gd name="connsiteY49" fmla="*/ 447333 h 476936"/>
                <a:gd name="connsiteX50" fmla="*/ 1016365 w 2368230"/>
                <a:gd name="connsiteY50" fmla="*/ 440755 h 476936"/>
                <a:gd name="connsiteX51" fmla="*/ 1009787 w 2368230"/>
                <a:gd name="connsiteY51" fmla="*/ 434176 h 476936"/>
                <a:gd name="connsiteX52" fmla="*/ 990052 w 2368230"/>
                <a:gd name="connsiteY52" fmla="*/ 427598 h 476936"/>
                <a:gd name="connsiteX53" fmla="*/ 967027 w 2368230"/>
                <a:gd name="connsiteY53" fmla="*/ 430887 h 476936"/>
                <a:gd name="connsiteX54" fmla="*/ 953870 w 2368230"/>
                <a:gd name="connsiteY54" fmla="*/ 434176 h 476936"/>
                <a:gd name="connsiteX55" fmla="*/ 759807 w 2368230"/>
                <a:gd name="connsiteY55" fmla="*/ 440755 h 476936"/>
                <a:gd name="connsiteX56" fmla="*/ 697312 w 2368230"/>
                <a:gd name="connsiteY56" fmla="*/ 447333 h 476936"/>
                <a:gd name="connsiteX57" fmla="*/ 677577 w 2368230"/>
                <a:gd name="connsiteY57" fmla="*/ 450622 h 476936"/>
                <a:gd name="connsiteX58" fmla="*/ 522984 w 2368230"/>
                <a:gd name="connsiteY58" fmla="*/ 447333 h 476936"/>
                <a:gd name="connsiteX59" fmla="*/ 503249 w 2368230"/>
                <a:gd name="connsiteY59" fmla="*/ 440755 h 476936"/>
                <a:gd name="connsiteX60" fmla="*/ 490092 w 2368230"/>
                <a:gd name="connsiteY60" fmla="*/ 437465 h 476936"/>
                <a:gd name="connsiteX61" fmla="*/ 430886 w 2368230"/>
                <a:gd name="connsiteY61" fmla="*/ 440755 h 476936"/>
                <a:gd name="connsiteX62" fmla="*/ 421018 w 2368230"/>
                <a:gd name="connsiteY62" fmla="*/ 444044 h 476936"/>
                <a:gd name="connsiteX63" fmla="*/ 384837 w 2368230"/>
                <a:gd name="connsiteY63" fmla="*/ 453911 h 476936"/>
                <a:gd name="connsiteX64" fmla="*/ 365102 w 2368230"/>
                <a:gd name="connsiteY64" fmla="*/ 457201 h 476936"/>
                <a:gd name="connsiteX65" fmla="*/ 335499 w 2368230"/>
                <a:gd name="connsiteY65" fmla="*/ 467068 h 476936"/>
                <a:gd name="connsiteX66" fmla="*/ 282872 w 2368230"/>
                <a:gd name="connsiteY66" fmla="*/ 463779 h 476936"/>
                <a:gd name="connsiteX67" fmla="*/ 273004 w 2368230"/>
                <a:gd name="connsiteY67" fmla="*/ 460490 h 476936"/>
                <a:gd name="connsiteX68" fmla="*/ 266426 w 2368230"/>
                <a:gd name="connsiteY68" fmla="*/ 453911 h 476936"/>
                <a:gd name="connsiteX69" fmla="*/ 246690 w 2368230"/>
                <a:gd name="connsiteY69" fmla="*/ 447333 h 476936"/>
                <a:gd name="connsiteX70" fmla="*/ 236823 w 2368230"/>
                <a:gd name="connsiteY70" fmla="*/ 444044 h 476936"/>
                <a:gd name="connsiteX71" fmla="*/ 226955 w 2368230"/>
                <a:gd name="connsiteY71" fmla="*/ 440755 h 476936"/>
                <a:gd name="connsiteX72" fmla="*/ 138147 w 2368230"/>
                <a:gd name="connsiteY72" fmla="*/ 437465 h 476936"/>
                <a:gd name="connsiteX73" fmla="*/ 85519 w 2368230"/>
                <a:gd name="connsiteY73" fmla="*/ 440755 h 476936"/>
                <a:gd name="connsiteX74" fmla="*/ 69073 w 2368230"/>
                <a:gd name="connsiteY74" fmla="*/ 444044 h 476936"/>
                <a:gd name="connsiteX75" fmla="*/ 0 w 2368230"/>
                <a:gd name="connsiteY7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34054 w 2368230"/>
                <a:gd name="connsiteY10" fmla="*/ 213799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60368 w 2368230"/>
                <a:gd name="connsiteY9" fmla="*/ 194064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901162 w 2368230"/>
                <a:gd name="connsiteY12" fmla="*/ 246691 h 476936"/>
                <a:gd name="connsiteX13" fmla="*/ 1881427 w 2368230"/>
                <a:gd name="connsiteY13" fmla="*/ 263137 h 476936"/>
                <a:gd name="connsiteX14" fmla="*/ 1874849 w 2368230"/>
                <a:gd name="connsiteY14" fmla="*/ 269716 h 476936"/>
                <a:gd name="connsiteX15" fmla="*/ 1855113 w 2368230"/>
                <a:gd name="connsiteY15" fmla="*/ 276294 h 476936"/>
                <a:gd name="connsiteX16" fmla="*/ 1815643 w 2368230"/>
                <a:gd name="connsiteY16" fmla="*/ 282873 h 476936"/>
                <a:gd name="connsiteX17" fmla="*/ 1782751 w 2368230"/>
                <a:gd name="connsiteY17" fmla="*/ 292740 h 476936"/>
                <a:gd name="connsiteX18" fmla="*/ 1772883 w 2368230"/>
                <a:gd name="connsiteY18" fmla="*/ 296029 h 476936"/>
                <a:gd name="connsiteX19" fmla="*/ 1739991 w 2368230"/>
                <a:gd name="connsiteY19" fmla="*/ 299319 h 476936"/>
                <a:gd name="connsiteX20" fmla="*/ 1710388 w 2368230"/>
                <a:gd name="connsiteY20" fmla="*/ 309186 h 476936"/>
                <a:gd name="connsiteX21" fmla="*/ 1697231 w 2368230"/>
                <a:gd name="connsiteY21" fmla="*/ 312475 h 476936"/>
                <a:gd name="connsiteX22" fmla="*/ 1684075 w 2368230"/>
                <a:gd name="connsiteY22" fmla="*/ 319054 h 476936"/>
                <a:gd name="connsiteX23" fmla="*/ 1664339 w 2368230"/>
                <a:gd name="connsiteY23" fmla="*/ 325632 h 476936"/>
                <a:gd name="connsiteX24" fmla="*/ 1641315 w 2368230"/>
                <a:gd name="connsiteY24" fmla="*/ 332211 h 476936"/>
                <a:gd name="connsiteX25" fmla="*/ 1608423 w 2368230"/>
                <a:gd name="connsiteY25" fmla="*/ 338789 h 476936"/>
                <a:gd name="connsiteX26" fmla="*/ 1582109 w 2368230"/>
                <a:gd name="connsiteY26" fmla="*/ 342078 h 476936"/>
                <a:gd name="connsiteX27" fmla="*/ 1568952 w 2368230"/>
                <a:gd name="connsiteY27" fmla="*/ 345367 h 476936"/>
                <a:gd name="connsiteX28" fmla="*/ 1470276 w 2368230"/>
                <a:gd name="connsiteY28" fmla="*/ 351946 h 476936"/>
                <a:gd name="connsiteX29" fmla="*/ 1450541 w 2368230"/>
                <a:gd name="connsiteY29" fmla="*/ 365103 h 476936"/>
                <a:gd name="connsiteX30" fmla="*/ 1437384 w 2368230"/>
                <a:gd name="connsiteY30" fmla="*/ 378260 h 476936"/>
                <a:gd name="connsiteX31" fmla="*/ 1417649 w 2368230"/>
                <a:gd name="connsiteY31" fmla="*/ 388127 h 476936"/>
                <a:gd name="connsiteX32" fmla="*/ 1407781 w 2368230"/>
                <a:gd name="connsiteY32" fmla="*/ 397995 h 476936"/>
                <a:gd name="connsiteX33" fmla="*/ 1397913 w 2368230"/>
                <a:gd name="connsiteY33" fmla="*/ 401284 h 476936"/>
                <a:gd name="connsiteX34" fmla="*/ 1374889 w 2368230"/>
                <a:gd name="connsiteY34" fmla="*/ 411152 h 476936"/>
                <a:gd name="connsiteX35" fmla="*/ 1368311 w 2368230"/>
                <a:gd name="connsiteY35" fmla="*/ 421019 h 476936"/>
                <a:gd name="connsiteX36" fmla="*/ 1358443 w 2368230"/>
                <a:gd name="connsiteY36" fmla="*/ 424308 h 476936"/>
                <a:gd name="connsiteX37" fmla="*/ 1341997 w 2368230"/>
                <a:gd name="connsiteY37" fmla="*/ 427598 h 476936"/>
                <a:gd name="connsiteX38" fmla="*/ 1328840 w 2368230"/>
                <a:gd name="connsiteY38" fmla="*/ 430887 h 476936"/>
                <a:gd name="connsiteX39" fmla="*/ 1309105 w 2368230"/>
                <a:gd name="connsiteY39" fmla="*/ 444044 h 476936"/>
                <a:gd name="connsiteX40" fmla="*/ 1276213 w 2368230"/>
                <a:gd name="connsiteY40" fmla="*/ 453911 h 476936"/>
                <a:gd name="connsiteX41" fmla="*/ 1266345 w 2368230"/>
                <a:gd name="connsiteY41" fmla="*/ 457201 h 476936"/>
                <a:gd name="connsiteX42" fmla="*/ 1236742 w 2368230"/>
                <a:gd name="connsiteY42" fmla="*/ 473647 h 476936"/>
                <a:gd name="connsiteX43" fmla="*/ 1223585 w 2368230"/>
                <a:gd name="connsiteY43" fmla="*/ 476936 h 476936"/>
                <a:gd name="connsiteX44" fmla="*/ 1098595 w 2368230"/>
                <a:gd name="connsiteY44" fmla="*/ 473647 h 476936"/>
                <a:gd name="connsiteX45" fmla="*/ 1088728 w 2368230"/>
                <a:gd name="connsiteY45" fmla="*/ 467068 h 476936"/>
                <a:gd name="connsiteX46" fmla="*/ 1068993 w 2368230"/>
                <a:gd name="connsiteY46" fmla="*/ 460490 h 476936"/>
                <a:gd name="connsiteX47" fmla="*/ 1045968 w 2368230"/>
                <a:gd name="connsiteY47" fmla="*/ 453911 h 476936"/>
                <a:gd name="connsiteX48" fmla="*/ 1036100 w 2368230"/>
                <a:gd name="connsiteY48" fmla="*/ 447333 h 476936"/>
                <a:gd name="connsiteX49" fmla="*/ 1016365 w 2368230"/>
                <a:gd name="connsiteY49" fmla="*/ 440755 h 476936"/>
                <a:gd name="connsiteX50" fmla="*/ 1009787 w 2368230"/>
                <a:gd name="connsiteY50" fmla="*/ 434176 h 476936"/>
                <a:gd name="connsiteX51" fmla="*/ 990052 w 2368230"/>
                <a:gd name="connsiteY51" fmla="*/ 427598 h 476936"/>
                <a:gd name="connsiteX52" fmla="*/ 967027 w 2368230"/>
                <a:gd name="connsiteY52" fmla="*/ 430887 h 476936"/>
                <a:gd name="connsiteX53" fmla="*/ 953870 w 2368230"/>
                <a:gd name="connsiteY53" fmla="*/ 434176 h 476936"/>
                <a:gd name="connsiteX54" fmla="*/ 759807 w 2368230"/>
                <a:gd name="connsiteY54" fmla="*/ 440755 h 476936"/>
                <a:gd name="connsiteX55" fmla="*/ 697312 w 2368230"/>
                <a:gd name="connsiteY55" fmla="*/ 447333 h 476936"/>
                <a:gd name="connsiteX56" fmla="*/ 677577 w 2368230"/>
                <a:gd name="connsiteY56" fmla="*/ 450622 h 476936"/>
                <a:gd name="connsiteX57" fmla="*/ 522984 w 2368230"/>
                <a:gd name="connsiteY57" fmla="*/ 447333 h 476936"/>
                <a:gd name="connsiteX58" fmla="*/ 503249 w 2368230"/>
                <a:gd name="connsiteY58" fmla="*/ 440755 h 476936"/>
                <a:gd name="connsiteX59" fmla="*/ 490092 w 2368230"/>
                <a:gd name="connsiteY59" fmla="*/ 437465 h 476936"/>
                <a:gd name="connsiteX60" fmla="*/ 430886 w 2368230"/>
                <a:gd name="connsiteY60" fmla="*/ 440755 h 476936"/>
                <a:gd name="connsiteX61" fmla="*/ 421018 w 2368230"/>
                <a:gd name="connsiteY61" fmla="*/ 444044 h 476936"/>
                <a:gd name="connsiteX62" fmla="*/ 384837 w 2368230"/>
                <a:gd name="connsiteY62" fmla="*/ 453911 h 476936"/>
                <a:gd name="connsiteX63" fmla="*/ 365102 w 2368230"/>
                <a:gd name="connsiteY63" fmla="*/ 457201 h 476936"/>
                <a:gd name="connsiteX64" fmla="*/ 335499 w 2368230"/>
                <a:gd name="connsiteY64" fmla="*/ 467068 h 476936"/>
                <a:gd name="connsiteX65" fmla="*/ 282872 w 2368230"/>
                <a:gd name="connsiteY65" fmla="*/ 463779 h 476936"/>
                <a:gd name="connsiteX66" fmla="*/ 273004 w 2368230"/>
                <a:gd name="connsiteY66" fmla="*/ 460490 h 476936"/>
                <a:gd name="connsiteX67" fmla="*/ 266426 w 2368230"/>
                <a:gd name="connsiteY67" fmla="*/ 453911 h 476936"/>
                <a:gd name="connsiteX68" fmla="*/ 246690 w 2368230"/>
                <a:gd name="connsiteY68" fmla="*/ 447333 h 476936"/>
                <a:gd name="connsiteX69" fmla="*/ 236823 w 2368230"/>
                <a:gd name="connsiteY69" fmla="*/ 444044 h 476936"/>
                <a:gd name="connsiteX70" fmla="*/ 226955 w 2368230"/>
                <a:gd name="connsiteY70" fmla="*/ 440755 h 476936"/>
                <a:gd name="connsiteX71" fmla="*/ 138147 w 2368230"/>
                <a:gd name="connsiteY71" fmla="*/ 437465 h 476936"/>
                <a:gd name="connsiteX72" fmla="*/ 85519 w 2368230"/>
                <a:gd name="connsiteY72" fmla="*/ 440755 h 476936"/>
                <a:gd name="connsiteX73" fmla="*/ 69073 w 2368230"/>
                <a:gd name="connsiteY73" fmla="*/ 444044 h 476936"/>
                <a:gd name="connsiteX74" fmla="*/ 0 w 2368230"/>
                <a:gd name="connsiteY7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74849 w 2368230"/>
                <a:gd name="connsiteY13" fmla="*/ 269716 h 476936"/>
                <a:gd name="connsiteX14" fmla="*/ 1855113 w 2368230"/>
                <a:gd name="connsiteY14" fmla="*/ 276294 h 476936"/>
                <a:gd name="connsiteX15" fmla="*/ 1815643 w 2368230"/>
                <a:gd name="connsiteY15" fmla="*/ 282873 h 476936"/>
                <a:gd name="connsiteX16" fmla="*/ 1782751 w 2368230"/>
                <a:gd name="connsiteY16" fmla="*/ 292740 h 476936"/>
                <a:gd name="connsiteX17" fmla="*/ 1772883 w 2368230"/>
                <a:gd name="connsiteY17" fmla="*/ 296029 h 476936"/>
                <a:gd name="connsiteX18" fmla="*/ 1739991 w 2368230"/>
                <a:gd name="connsiteY18" fmla="*/ 299319 h 476936"/>
                <a:gd name="connsiteX19" fmla="*/ 1710388 w 2368230"/>
                <a:gd name="connsiteY19" fmla="*/ 309186 h 476936"/>
                <a:gd name="connsiteX20" fmla="*/ 1697231 w 2368230"/>
                <a:gd name="connsiteY20" fmla="*/ 312475 h 476936"/>
                <a:gd name="connsiteX21" fmla="*/ 1684075 w 2368230"/>
                <a:gd name="connsiteY21" fmla="*/ 319054 h 476936"/>
                <a:gd name="connsiteX22" fmla="*/ 1664339 w 2368230"/>
                <a:gd name="connsiteY22" fmla="*/ 325632 h 476936"/>
                <a:gd name="connsiteX23" fmla="*/ 1641315 w 2368230"/>
                <a:gd name="connsiteY23" fmla="*/ 332211 h 476936"/>
                <a:gd name="connsiteX24" fmla="*/ 1608423 w 2368230"/>
                <a:gd name="connsiteY24" fmla="*/ 338789 h 476936"/>
                <a:gd name="connsiteX25" fmla="*/ 1582109 w 2368230"/>
                <a:gd name="connsiteY25" fmla="*/ 342078 h 476936"/>
                <a:gd name="connsiteX26" fmla="*/ 1568952 w 2368230"/>
                <a:gd name="connsiteY26" fmla="*/ 345367 h 476936"/>
                <a:gd name="connsiteX27" fmla="*/ 1470276 w 2368230"/>
                <a:gd name="connsiteY27" fmla="*/ 351946 h 476936"/>
                <a:gd name="connsiteX28" fmla="*/ 1450541 w 2368230"/>
                <a:gd name="connsiteY28" fmla="*/ 365103 h 476936"/>
                <a:gd name="connsiteX29" fmla="*/ 1437384 w 2368230"/>
                <a:gd name="connsiteY29" fmla="*/ 378260 h 476936"/>
                <a:gd name="connsiteX30" fmla="*/ 1417649 w 2368230"/>
                <a:gd name="connsiteY30" fmla="*/ 388127 h 476936"/>
                <a:gd name="connsiteX31" fmla="*/ 1407781 w 2368230"/>
                <a:gd name="connsiteY31" fmla="*/ 397995 h 476936"/>
                <a:gd name="connsiteX32" fmla="*/ 1397913 w 2368230"/>
                <a:gd name="connsiteY32" fmla="*/ 401284 h 476936"/>
                <a:gd name="connsiteX33" fmla="*/ 1374889 w 2368230"/>
                <a:gd name="connsiteY33" fmla="*/ 411152 h 476936"/>
                <a:gd name="connsiteX34" fmla="*/ 1368311 w 2368230"/>
                <a:gd name="connsiteY34" fmla="*/ 421019 h 476936"/>
                <a:gd name="connsiteX35" fmla="*/ 1358443 w 2368230"/>
                <a:gd name="connsiteY35" fmla="*/ 424308 h 476936"/>
                <a:gd name="connsiteX36" fmla="*/ 1341997 w 2368230"/>
                <a:gd name="connsiteY36" fmla="*/ 427598 h 476936"/>
                <a:gd name="connsiteX37" fmla="*/ 1328840 w 2368230"/>
                <a:gd name="connsiteY37" fmla="*/ 430887 h 476936"/>
                <a:gd name="connsiteX38" fmla="*/ 1309105 w 2368230"/>
                <a:gd name="connsiteY38" fmla="*/ 444044 h 476936"/>
                <a:gd name="connsiteX39" fmla="*/ 1276213 w 2368230"/>
                <a:gd name="connsiteY39" fmla="*/ 453911 h 476936"/>
                <a:gd name="connsiteX40" fmla="*/ 1266345 w 2368230"/>
                <a:gd name="connsiteY40" fmla="*/ 457201 h 476936"/>
                <a:gd name="connsiteX41" fmla="*/ 1236742 w 2368230"/>
                <a:gd name="connsiteY41" fmla="*/ 473647 h 476936"/>
                <a:gd name="connsiteX42" fmla="*/ 1223585 w 2368230"/>
                <a:gd name="connsiteY42" fmla="*/ 476936 h 476936"/>
                <a:gd name="connsiteX43" fmla="*/ 1098595 w 2368230"/>
                <a:gd name="connsiteY43" fmla="*/ 473647 h 476936"/>
                <a:gd name="connsiteX44" fmla="*/ 1088728 w 2368230"/>
                <a:gd name="connsiteY44" fmla="*/ 467068 h 476936"/>
                <a:gd name="connsiteX45" fmla="*/ 1068993 w 2368230"/>
                <a:gd name="connsiteY45" fmla="*/ 460490 h 476936"/>
                <a:gd name="connsiteX46" fmla="*/ 1045968 w 2368230"/>
                <a:gd name="connsiteY46" fmla="*/ 453911 h 476936"/>
                <a:gd name="connsiteX47" fmla="*/ 1036100 w 2368230"/>
                <a:gd name="connsiteY47" fmla="*/ 447333 h 476936"/>
                <a:gd name="connsiteX48" fmla="*/ 1016365 w 2368230"/>
                <a:gd name="connsiteY48" fmla="*/ 440755 h 476936"/>
                <a:gd name="connsiteX49" fmla="*/ 1009787 w 2368230"/>
                <a:gd name="connsiteY49" fmla="*/ 434176 h 476936"/>
                <a:gd name="connsiteX50" fmla="*/ 990052 w 2368230"/>
                <a:gd name="connsiteY50" fmla="*/ 427598 h 476936"/>
                <a:gd name="connsiteX51" fmla="*/ 967027 w 2368230"/>
                <a:gd name="connsiteY51" fmla="*/ 430887 h 476936"/>
                <a:gd name="connsiteX52" fmla="*/ 953870 w 2368230"/>
                <a:gd name="connsiteY52" fmla="*/ 434176 h 476936"/>
                <a:gd name="connsiteX53" fmla="*/ 759807 w 2368230"/>
                <a:gd name="connsiteY53" fmla="*/ 440755 h 476936"/>
                <a:gd name="connsiteX54" fmla="*/ 697312 w 2368230"/>
                <a:gd name="connsiteY54" fmla="*/ 447333 h 476936"/>
                <a:gd name="connsiteX55" fmla="*/ 677577 w 2368230"/>
                <a:gd name="connsiteY55" fmla="*/ 450622 h 476936"/>
                <a:gd name="connsiteX56" fmla="*/ 522984 w 2368230"/>
                <a:gd name="connsiteY56" fmla="*/ 447333 h 476936"/>
                <a:gd name="connsiteX57" fmla="*/ 503249 w 2368230"/>
                <a:gd name="connsiteY57" fmla="*/ 440755 h 476936"/>
                <a:gd name="connsiteX58" fmla="*/ 490092 w 2368230"/>
                <a:gd name="connsiteY58" fmla="*/ 437465 h 476936"/>
                <a:gd name="connsiteX59" fmla="*/ 430886 w 2368230"/>
                <a:gd name="connsiteY59" fmla="*/ 440755 h 476936"/>
                <a:gd name="connsiteX60" fmla="*/ 421018 w 2368230"/>
                <a:gd name="connsiteY60" fmla="*/ 444044 h 476936"/>
                <a:gd name="connsiteX61" fmla="*/ 384837 w 2368230"/>
                <a:gd name="connsiteY61" fmla="*/ 453911 h 476936"/>
                <a:gd name="connsiteX62" fmla="*/ 365102 w 2368230"/>
                <a:gd name="connsiteY62" fmla="*/ 457201 h 476936"/>
                <a:gd name="connsiteX63" fmla="*/ 335499 w 2368230"/>
                <a:gd name="connsiteY63" fmla="*/ 467068 h 476936"/>
                <a:gd name="connsiteX64" fmla="*/ 282872 w 2368230"/>
                <a:gd name="connsiteY64" fmla="*/ 463779 h 476936"/>
                <a:gd name="connsiteX65" fmla="*/ 273004 w 2368230"/>
                <a:gd name="connsiteY65" fmla="*/ 460490 h 476936"/>
                <a:gd name="connsiteX66" fmla="*/ 266426 w 2368230"/>
                <a:gd name="connsiteY66" fmla="*/ 453911 h 476936"/>
                <a:gd name="connsiteX67" fmla="*/ 246690 w 2368230"/>
                <a:gd name="connsiteY67" fmla="*/ 447333 h 476936"/>
                <a:gd name="connsiteX68" fmla="*/ 236823 w 2368230"/>
                <a:gd name="connsiteY68" fmla="*/ 444044 h 476936"/>
                <a:gd name="connsiteX69" fmla="*/ 226955 w 2368230"/>
                <a:gd name="connsiteY69" fmla="*/ 440755 h 476936"/>
                <a:gd name="connsiteX70" fmla="*/ 138147 w 2368230"/>
                <a:gd name="connsiteY70" fmla="*/ 437465 h 476936"/>
                <a:gd name="connsiteX71" fmla="*/ 85519 w 2368230"/>
                <a:gd name="connsiteY71" fmla="*/ 440755 h 476936"/>
                <a:gd name="connsiteX72" fmla="*/ 69073 w 2368230"/>
                <a:gd name="connsiteY72" fmla="*/ 444044 h 476936"/>
                <a:gd name="connsiteX73" fmla="*/ 0 w 2368230"/>
                <a:gd name="connsiteY7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81427 w 2368230"/>
                <a:gd name="connsiteY12" fmla="*/ 263137 h 476936"/>
                <a:gd name="connsiteX13" fmla="*/ 1855113 w 2368230"/>
                <a:gd name="connsiteY13" fmla="*/ 276294 h 476936"/>
                <a:gd name="connsiteX14" fmla="*/ 1815643 w 2368230"/>
                <a:gd name="connsiteY14" fmla="*/ 282873 h 476936"/>
                <a:gd name="connsiteX15" fmla="*/ 1782751 w 2368230"/>
                <a:gd name="connsiteY15" fmla="*/ 292740 h 476936"/>
                <a:gd name="connsiteX16" fmla="*/ 1772883 w 2368230"/>
                <a:gd name="connsiteY16" fmla="*/ 296029 h 476936"/>
                <a:gd name="connsiteX17" fmla="*/ 1739991 w 2368230"/>
                <a:gd name="connsiteY17" fmla="*/ 299319 h 476936"/>
                <a:gd name="connsiteX18" fmla="*/ 1710388 w 2368230"/>
                <a:gd name="connsiteY18" fmla="*/ 309186 h 476936"/>
                <a:gd name="connsiteX19" fmla="*/ 1697231 w 2368230"/>
                <a:gd name="connsiteY19" fmla="*/ 312475 h 476936"/>
                <a:gd name="connsiteX20" fmla="*/ 1684075 w 2368230"/>
                <a:gd name="connsiteY20" fmla="*/ 319054 h 476936"/>
                <a:gd name="connsiteX21" fmla="*/ 1664339 w 2368230"/>
                <a:gd name="connsiteY21" fmla="*/ 325632 h 476936"/>
                <a:gd name="connsiteX22" fmla="*/ 1641315 w 2368230"/>
                <a:gd name="connsiteY22" fmla="*/ 332211 h 476936"/>
                <a:gd name="connsiteX23" fmla="*/ 1608423 w 2368230"/>
                <a:gd name="connsiteY23" fmla="*/ 338789 h 476936"/>
                <a:gd name="connsiteX24" fmla="*/ 1582109 w 2368230"/>
                <a:gd name="connsiteY24" fmla="*/ 342078 h 476936"/>
                <a:gd name="connsiteX25" fmla="*/ 1568952 w 2368230"/>
                <a:gd name="connsiteY25" fmla="*/ 345367 h 476936"/>
                <a:gd name="connsiteX26" fmla="*/ 1470276 w 2368230"/>
                <a:gd name="connsiteY26" fmla="*/ 351946 h 476936"/>
                <a:gd name="connsiteX27" fmla="*/ 1450541 w 2368230"/>
                <a:gd name="connsiteY27" fmla="*/ 365103 h 476936"/>
                <a:gd name="connsiteX28" fmla="*/ 1437384 w 2368230"/>
                <a:gd name="connsiteY28" fmla="*/ 378260 h 476936"/>
                <a:gd name="connsiteX29" fmla="*/ 1417649 w 2368230"/>
                <a:gd name="connsiteY29" fmla="*/ 388127 h 476936"/>
                <a:gd name="connsiteX30" fmla="*/ 1407781 w 2368230"/>
                <a:gd name="connsiteY30" fmla="*/ 397995 h 476936"/>
                <a:gd name="connsiteX31" fmla="*/ 1397913 w 2368230"/>
                <a:gd name="connsiteY31" fmla="*/ 401284 h 476936"/>
                <a:gd name="connsiteX32" fmla="*/ 1374889 w 2368230"/>
                <a:gd name="connsiteY32" fmla="*/ 411152 h 476936"/>
                <a:gd name="connsiteX33" fmla="*/ 1368311 w 2368230"/>
                <a:gd name="connsiteY33" fmla="*/ 421019 h 476936"/>
                <a:gd name="connsiteX34" fmla="*/ 1358443 w 2368230"/>
                <a:gd name="connsiteY34" fmla="*/ 424308 h 476936"/>
                <a:gd name="connsiteX35" fmla="*/ 1341997 w 2368230"/>
                <a:gd name="connsiteY35" fmla="*/ 427598 h 476936"/>
                <a:gd name="connsiteX36" fmla="*/ 1328840 w 2368230"/>
                <a:gd name="connsiteY36" fmla="*/ 430887 h 476936"/>
                <a:gd name="connsiteX37" fmla="*/ 1309105 w 2368230"/>
                <a:gd name="connsiteY37" fmla="*/ 444044 h 476936"/>
                <a:gd name="connsiteX38" fmla="*/ 1276213 w 2368230"/>
                <a:gd name="connsiteY38" fmla="*/ 453911 h 476936"/>
                <a:gd name="connsiteX39" fmla="*/ 1266345 w 2368230"/>
                <a:gd name="connsiteY39" fmla="*/ 457201 h 476936"/>
                <a:gd name="connsiteX40" fmla="*/ 1236742 w 2368230"/>
                <a:gd name="connsiteY40" fmla="*/ 473647 h 476936"/>
                <a:gd name="connsiteX41" fmla="*/ 1223585 w 2368230"/>
                <a:gd name="connsiteY41" fmla="*/ 476936 h 476936"/>
                <a:gd name="connsiteX42" fmla="*/ 1098595 w 2368230"/>
                <a:gd name="connsiteY42" fmla="*/ 473647 h 476936"/>
                <a:gd name="connsiteX43" fmla="*/ 1088728 w 2368230"/>
                <a:gd name="connsiteY43" fmla="*/ 467068 h 476936"/>
                <a:gd name="connsiteX44" fmla="*/ 1068993 w 2368230"/>
                <a:gd name="connsiteY44" fmla="*/ 460490 h 476936"/>
                <a:gd name="connsiteX45" fmla="*/ 1045968 w 2368230"/>
                <a:gd name="connsiteY45" fmla="*/ 453911 h 476936"/>
                <a:gd name="connsiteX46" fmla="*/ 1036100 w 2368230"/>
                <a:gd name="connsiteY46" fmla="*/ 447333 h 476936"/>
                <a:gd name="connsiteX47" fmla="*/ 1016365 w 2368230"/>
                <a:gd name="connsiteY47" fmla="*/ 440755 h 476936"/>
                <a:gd name="connsiteX48" fmla="*/ 1009787 w 2368230"/>
                <a:gd name="connsiteY48" fmla="*/ 434176 h 476936"/>
                <a:gd name="connsiteX49" fmla="*/ 990052 w 2368230"/>
                <a:gd name="connsiteY49" fmla="*/ 427598 h 476936"/>
                <a:gd name="connsiteX50" fmla="*/ 967027 w 2368230"/>
                <a:gd name="connsiteY50" fmla="*/ 430887 h 476936"/>
                <a:gd name="connsiteX51" fmla="*/ 953870 w 2368230"/>
                <a:gd name="connsiteY51" fmla="*/ 434176 h 476936"/>
                <a:gd name="connsiteX52" fmla="*/ 759807 w 2368230"/>
                <a:gd name="connsiteY52" fmla="*/ 440755 h 476936"/>
                <a:gd name="connsiteX53" fmla="*/ 697312 w 2368230"/>
                <a:gd name="connsiteY53" fmla="*/ 447333 h 476936"/>
                <a:gd name="connsiteX54" fmla="*/ 677577 w 2368230"/>
                <a:gd name="connsiteY54" fmla="*/ 450622 h 476936"/>
                <a:gd name="connsiteX55" fmla="*/ 522984 w 2368230"/>
                <a:gd name="connsiteY55" fmla="*/ 447333 h 476936"/>
                <a:gd name="connsiteX56" fmla="*/ 503249 w 2368230"/>
                <a:gd name="connsiteY56" fmla="*/ 440755 h 476936"/>
                <a:gd name="connsiteX57" fmla="*/ 490092 w 2368230"/>
                <a:gd name="connsiteY57" fmla="*/ 437465 h 476936"/>
                <a:gd name="connsiteX58" fmla="*/ 430886 w 2368230"/>
                <a:gd name="connsiteY58" fmla="*/ 440755 h 476936"/>
                <a:gd name="connsiteX59" fmla="*/ 421018 w 2368230"/>
                <a:gd name="connsiteY59" fmla="*/ 444044 h 476936"/>
                <a:gd name="connsiteX60" fmla="*/ 384837 w 2368230"/>
                <a:gd name="connsiteY60" fmla="*/ 453911 h 476936"/>
                <a:gd name="connsiteX61" fmla="*/ 365102 w 2368230"/>
                <a:gd name="connsiteY61" fmla="*/ 457201 h 476936"/>
                <a:gd name="connsiteX62" fmla="*/ 335499 w 2368230"/>
                <a:gd name="connsiteY62" fmla="*/ 467068 h 476936"/>
                <a:gd name="connsiteX63" fmla="*/ 282872 w 2368230"/>
                <a:gd name="connsiteY63" fmla="*/ 463779 h 476936"/>
                <a:gd name="connsiteX64" fmla="*/ 273004 w 2368230"/>
                <a:gd name="connsiteY64" fmla="*/ 460490 h 476936"/>
                <a:gd name="connsiteX65" fmla="*/ 266426 w 2368230"/>
                <a:gd name="connsiteY65" fmla="*/ 453911 h 476936"/>
                <a:gd name="connsiteX66" fmla="*/ 246690 w 2368230"/>
                <a:gd name="connsiteY66" fmla="*/ 447333 h 476936"/>
                <a:gd name="connsiteX67" fmla="*/ 236823 w 2368230"/>
                <a:gd name="connsiteY67" fmla="*/ 444044 h 476936"/>
                <a:gd name="connsiteX68" fmla="*/ 226955 w 2368230"/>
                <a:gd name="connsiteY68" fmla="*/ 440755 h 476936"/>
                <a:gd name="connsiteX69" fmla="*/ 138147 w 2368230"/>
                <a:gd name="connsiteY69" fmla="*/ 437465 h 476936"/>
                <a:gd name="connsiteX70" fmla="*/ 85519 w 2368230"/>
                <a:gd name="connsiteY70" fmla="*/ 440755 h 476936"/>
                <a:gd name="connsiteX71" fmla="*/ 69073 w 2368230"/>
                <a:gd name="connsiteY71" fmla="*/ 444044 h 476936"/>
                <a:gd name="connsiteX72" fmla="*/ 0 w 2368230"/>
                <a:gd name="connsiteY7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907741 w 2368230"/>
                <a:gd name="connsiteY11" fmla="*/ 236824 h 476936"/>
                <a:gd name="connsiteX12" fmla="*/ 1855113 w 2368230"/>
                <a:gd name="connsiteY12" fmla="*/ 276294 h 476936"/>
                <a:gd name="connsiteX13" fmla="*/ 1815643 w 2368230"/>
                <a:gd name="connsiteY13" fmla="*/ 282873 h 476936"/>
                <a:gd name="connsiteX14" fmla="*/ 1782751 w 2368230"/>
                <a:gd name="connsiteY14" fmla="*/ 292740 h 476936"/>
                <a:gd name="connsiteX15" fmla="*/ 1772883 w 2368230"/>
                <a:gd name="connsiteY15" fmla="*/ 296029 h 476936"/>
                <a:gd name="connsiteX16" fmla="*/ 1739991 w 2368230"/>
                <a:gd name="connsiteY16" fmla="*/ 299319 h 476936"/>
                <a:gd name="connsiteX17" fmla="*/ 1710388 w 2368230"/>
                <a:gd name="connsiteY17" fmla="*/ 309186 h 476936"/>
                <a:gd name="connsiteX18" fmla="*/ 1697231 w 2368230"/>
                <a:gd name="connsiteY18" fmla="*/ 312475 h 476936"/>
                <a:gd name="connsiteX19" fmla="*/ 1684075 w 2368230"/>
                <a:gd name="connsiteY19" fmla="*/ 319054 h 476936"/>
                <a:gd name="connsiteX20" fmla="*/ 1664339 w 2368230"/>
                <a:gd name="connsiteY20" fmla="*/ 325632 h 476936"/>
                <a:gd name="connsiteX21" fmla="*/ 1641315 w 2368230"/>
                <a:gd name="connsiteY21" fmla="*/ 332211 h 476936"/>
                <a:gd name="connsiteX22" fmla="*/ 1608423 w 2368230"/>
                <a:gd name="connsiteY22" fmla="*/ 338789 h 476936"/>
                <a:gd name="connsiteX23" fmla="*/ 1582109 w 2368230"/>
                <a:gd name="connsiteY23" fmla="*/ 342078 h 476936"/>
                <a:gd name="connsiteX24" fmla="*/ 1568952 w 2368230"/>
                <a:gd name="connsiteY24" fmla="*/ 345367 h 476936"/>
                <a:gd name="connsiteX25" fmla="*/ 1470276 w 2368230"/>
                <a:gd name="connsiteY25" fmla="*/ 351946 h 476936"/>
                <a:gd name="connsiteX26" fmla="*/ 1450541 w 2368230"/>
                <a:gd name="connsiteY26" fmla="*/ 365103 h 476936"/>
                <a:gd name="connsiteX27" fmla="*/ 1437384 w 2368230"/>
                <a:gd name="connsiteY27" fmla="*/ 378260 h 476936"/>
                <a:gd name="connsiteX28" fmla="*/ 1417649 w 2368230"/>
                <a:gd name="connsiteY28" fmla="*/ 388127 h 476936"/>
                <a:gd name="connsiteX29" fmla="*/ 1407781 w 2368230"/>
                <a:gd name="connsiteY29" fmla="*/ 397995 h 476936"/>
                <a:gd name="connsiteX30" fmla="*/ 1397913 w 2368230"/>
                <a:gd name="connsiteY30" fmla="*/ 401284 h 476936"/>
                <a:gd name="connsiteX31" fmla="*/ 1374889 w 2368230"/>
                <a:gd name="connsiteY31" fmla="*/ 411152 h 476936"/>
                <a:gd name="connsiteX32" fmla="*/ 1368311 w 2368230"/>
                <a:gd name="connsiteY32" fmla="*/ 421019 h 476936"/>
                <a:gd name="connsiteX33" fmla="*/ 1358443 w 2368230"/>
                <a:gd name="connsiteY33" fmla="*/ 424308 h 476936"/>
                <a:gd name="connsiteX34" fmla="*/ 1341997 w 2368230"/>
                <a:gd name="connsiteY34" fmla="*/ 427598 h 476936"/>
                <a:gd name="connsiteX35" fmla="*/ 1328840 w 2368230"/>
                <a:gd name="connsiteY35" fmla="*/ 430887 h 476936"/>
                <a:gd name="connsiteX36" fmla="*/ 1309105 w 2368230"/>
                <a:gd name="connsiteY36" fmla="*/ 444044 h 476936"/>
                <a:gd name="connsiteX37" fmla="*/ 1276213 w 2368230"/>
                <a:gd name="connsiteY37" fmla="*/ 453911 h 476936"/>
                <a:gd name="connsiteX38" fmla="*/ 1266345 w 2368230"/>
                <a:gd name="connsiteY38" fmla="*/ 457201 h 476936"/>
                <a:gd name="connsiteX39" fmla="*/ 1236742 w 2368230"/>
                <a:gd name="connsiteY39" fmla="*/ 473647 h 476936"/>
                <a:gd name="connsiteX40" fmla="*/ 1223585 w 2368230"/>
                <a:gd name="connsiteY40" fmla="*/ 476936 h 476936"/>
                <a:gd name="connsiteX41" fmla="*/ 1098595 w 2368230"/>
                <a:gd name="connsiteY41" fmla="*/ 473647 h 476936"/>
                <a:gd name="connsiteX42" fmla="*/ 1088728 w 2368230"/>
                <a:gd name="connsiteY42" fmla="*/ 467068 h 476936"/>
                <a:gd name="connsiteX43" fmla="*/ 1068993 w 2368230"/>
                <a:gd name="connsiteY43" fmla="*/ 460490 h 476936"/>
                <a:gd name="connsiteX44" fmla="*/ 1045968 w 2368230"/>
                <a:gd name="connsiteY44" fmla="*/ 453911 h 476936"/>
                <a:gd name="connsiteX45" fmla="*/ 1036100 w 2368230"/>
                <a:gd name="connsiteY45" fmla="*/ 447333 h 476936"/>
                <a:gd name="connsiteX46" fmla="*/ 1016365 w 2368230"/>
                <a:gd name="connsiteY46" fmla="*/ 440755 h 476936"/>
                <a:gd name="connsiteX47" fmla="*/ 1009787 w 2368230"/>
                <a:gd name="connsiteY47" fmla="*/ 434176 h 476936"/>
                <a:gd name="connsiteX48" fmla="*/ 990052 w 2368230"/>
                <a:gd name="connsiteY48" fmla="*/ 427598 h 476936"/>
                <a:gd name="connsiteX49" fmla="*/ 967027 w 2368230"/>
                <a:gd name="connsiteY49" fmla="*/ 430887 h 476936"/>
                <a:gd name="connsiteX50" fmla="*/ 953870 w 2368230"/>
                <a:gd name="connsiteY50" fmla="*/ 434176 h 476936"/>
                <a:gd name="connsiteX51" fmla="*/ 759807 w 2368230"/>
                <a:gd name="connsiteY51" fmla="*/ 440755 h 476936"/>
                <a:gd name="connsiteX52" fmla="*/ 697312 w 2368230"/>
                <a:gd name="connsiteY52" fmla="*/ 447333 h 476936"/>
                <a:gd name="connsiteX53" fmla="*/ 677577 w 2368230"/>
                <a:gd name="connsiteY53" fmla="*/ 450622 h 476936"/>
                <a:gd name="connsiteX54" fmla="*/ 522984 w 2368230"/>
                <a:gd name="connsiteY54" fmla="*/ 447333 h 476936"/>
                <a:gd name="connsiteX55" fmla="*/ 503249 w 2368230"/>
                <a:gd name="connsiteY55" fmla="*/ 440755 h 476936"/>
                <a:gd name="connsiteX56" fmla="*/ 490092 w 2368230"/>
                <a:gd name="connsiteY56" fmla="*/ 437465 h 476936"/>
                <a:gd name="connsiteX57" fmla="*/ 430886 w 2368230"/>
                <a:gd name="connsiteY57" fmla="*/ 440755 h 476936"/>
                <a:gd name="connsiteX58" fmla="*/ 421018 w 2368230"/>
                <a:gd name="connsiteY58" fmla="*/ 444044 h 476936"/>
                <a:gd name="connsiteX59" fmla="*/ 384837 w 2368230"/>
                <a:gd name="connsiteY59" fmla="*/ 453911 h 476936"/>
                <a:gd name="connsiteX60" fmla="*/ 365102 w 2368230"/>
                <a:gd name="connsiteY60" fmla="*/ 457201 h 476936"/>
                <a:gd name="connsiteX61" fmla="*/ 335499 w 2368230"/>
                <a:gd name="connsiteY61" fmla="*/ 467068 h 476936"/>
                <a:gd name="connsiteX62" fmla="*/ 282872 w 2368230"/>
                <a:gd name="connsiteY62" fmla="*/ 463779 h 476936"/>
                <a:gd name="connsiteX63" fmla="*/ 273004 w 2368230"/>
                <a:gd name="connsiteY63" fmla="*/ 460490 h 476936"/>
                <a:gd name="connsiteX64" fmla="*/ 266426 w 2368230"/>
                <a:gd name="connsiteY64" fmla="*/ 453911 h 476936"/>
                <a:gd name="connsiteX65" fmla="*/ 246690 w 2368230"/>
                <a:gd name="connsiteY65" fmla="*/ 447333 h 476936"/>
                <a:gd name="connsiteX66" fmla="*/ 236823 w 2368230"/>
                <a:gd name="connsiteY66" fmla="*/ 444044 h 476936"/>
                <a:gd name="connsiteX67" fmla="*/ 226955 w 2368230"/>
                <a:gd name="connsiteY67" fmla="*/ 440755 h 476936"/>
                <a:gd name="connsiteX68" fmla="*/ 138147 w 2368230"/>
                <a:gd name="connsiteY68" fmla="*/ 437465 h 476936"/>
                <a:gd name="connsiteX69" fmla="*/ 85519 w 2368230"/>
                <a:gd name="connsiteY69" fmla="*/ 440755 h 476936"/>
                <a:gd name="connsiteX70" fmla="*/ 69073 w 2368230"/>
                <a:gd name="connsiteY70" fmla="*/ 444044 h 476936"/>
                <a:gd name="connsiteX71" fmla="*/ 0 w 2368230"/>
                <a:gd name="connsiteY7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55113 w 2368230"/>
                <a:gd name="connsiteY11" fmla="*/ 276294 h 476936"/>
                <a:gd name="connsiteX12" fmla="*/ 1815643 w 2368230"/>
                <a:gd name="connsiteY12" fmla="*/ 282873 h 476936"/>
                <a:gd name="connsiteX13" fmla="*/ 1782751 w 2368230"/>
                <a:gd name="connsiteY13" fmla="*/ 292740 h 476936"/>
                <a:gd name="connsiteX14" fmla="*/ 1772883 w 2368230"/>
                <a:gd name="connsiteY14" fmla="*/ 296029 h 476936"/>
                <a:gd name="connsiteX15" fmla="*/ 1739991 w 2368230"/>
                <a:gd name="connsiteY15" fmla="*/ 299319 h 476936"/>
                <a:gd name="connsiteX16" fmla="*/ 1710388 w 2368230"/>
                <a:gd name="connsiteY16" fmla="*/ 309186 h 476936"/>
                <a:gd name="connsiteX17" fmla="*/ 1697231 w 2368230"/>
                <a:gd name="connsiteY17" fmla="*/ 312475 h 476936"/>
                <a:gd name="connsiteX18" fmla="*/ 1684075 w 2368230"/>
                <a:gd name="connsiteY18" fmla="*/ 319054 h 476936"/>
                <a:gd name="connsiteX19" fmla="*/ 1664339 w 2368230"/>
                <a:gd name="connsiteY19" fmla="*/ 325632 h 476936"/>
                <a:gd name="connsiteX20" fmla="*/ 1641315 w 2368230"/>
                <a:gd name="connsiteY20" fmla="*/ 332211 h 476936"/>
                <a:gd name="connsiteX21" fmla="*/ 1608423 w 2368230"/>
                <a:gd name="connsiteY21" fmla="*/ 338789 h 476936"/>
                <a:gd name="connsiteX22" fmla="*/ 1582109 w 2368230"/>
                <a:gd name="connsiteY22" fmla="*/ 342078 h 476936"/>
                <a:gd name="connsiteX23" fmla="*/ 1568952 w 2368230"/>
                <a:gd name="connsiteY23" fmla="*/ 345367 h 476936"/>
                <a:gd name="connsiteX24" fmla="*/ 1470276 w 2368230"/>
                <a:gd name="connsiteY24" fmla="*/ 351946 h 476936"/>
                <a:gd name="connsiteX25" fmla="*/ 1450541 w 2368230"/>
                <a:gd name="connsiteY25" fmla="*/ 365103 h 476936"/>
                <a:gd name="connsiteX26" fmla="*/ 1437384 w 2368230"/>
                <a:gd name="connsiteY26" fmla="*/ 378260 h 476936"/>
                <a:gd name="connsiteX27" fmla="*/ 1417649 w 2368230"/>
                <a:gd name="connsiteY27" fmla="*/ 388127 h 476936"/>
                <a:gd name="connsiteX28" fmla="*/ 1407781 w 2368230"/>
                <a:gd name="connsiteY28" fmla="*/ 397995 h 476936"/>
                <a:gd name="connsiteX29" fmla="*/ 1397913 w 2368230"/>
                <a:gd name="connsiteY29" fmla="*/ 401284 h 476936"/>
                <a:gd name="connsiteX30" fmla="*/ 1374889 w 2368230"/>
                <a:gd name="connsiteY30" fmla="*/ 411152 h 476936"/>
                <a:gd name="connsiteX31" fmla="*/ 1368311 w 2368230"/>
                <a:gd name="connsiteY31" fmla="*/ 421019 h 476936"/>
                <a:gd name="connsiteX32" fmla="*/ 1358443 w 2368230"/>
                <a:gd name="connsiteY32" fmla="*/ 424308 h 476936"/>
                <a:gd name="connsiteX33" fmla="*/ 1341997 w 2368230"/>
                <a:gd name="connsiteY33" fmla="*/ 427598 h 476936"/>
                <a:gd name="connsiteX34" fmla="*/ 1328840 w 2368230"/>
                <a:gd name="connsiteY34" fmla="*/ 430887 h 476936"/>
                <a:gd name="connsiteX35" fmla="*/ 1309105 w 2368230"/>
                <a:gd name="connsiteY35" fmla="*/ 444044 h 476936"/>
                <a:gd name="connsiteX36" fmla="*/ 1276213 w 2368230"/>
                <a:gd name="connsiteY36" fmla="*/ 453911 h 476936"/>
                <a:gd name="connsiteX37" fmla="*/ 1266345 w 2368230"/>
                <a:gd name="connsiteY37" fmla="*/ 457201 h 476936"/>
                <a:gd name="connsiteX38" fmla="*/ 1236742 w 2368230"/>
                <a:gd name="connsiteY38" fmla="*/ 473647 h 476936"/>
                <a:gd name="connsiteX39" fmla="*/ 1223585 w 2368230"/>
                <a:gd name="connsiteY39" fmla="*/ 476936 h 476936"/>
                <a:gd name="connsiteX40" fmla="*/ 1098595 w 2368230"/>
                <a:gd name="connsiteY40" fmla="*/ 473647 h 476936"/>
                <a:gd name="connsiteX41" fmla="*/ 1088728 w 2368230"/>
                <a:gd name="connsiteY41" fmla="*/ 467068 h 476936"/>
                <a:gd name="connsiteX42" fmla="*/ 1068993 w 2368230"/>
                <a:gd name="connsiteY42" fmla="*/ 460490 h 476936"/>
                <a:gd name="connsiteX43" fmla="*/ 1045968 w 2368230"/>
                <a:gd name="connsiteY43" fmla="*/ 453911 h 476936"/>
                <a:gd name="connsiteX44" fmla="*/ 1036100 w 2368230"/>
                <a:gd name="connsiteY44" fmla="*/ 447333 h 476936"/>
                <a:gd name="connsiteX45" fmla="*/ 1016365 w 2368230"/>
                <a:gd name="connsiteY45" fmla="*/ 440755 h 476936"/>
                <a:gd name="connsiteX46" fmla="*/ 1009787 w 2368230"/>
                <a:gd name="connsiteY46" fmla="*/ 434176 h 476936"/>
                <a:gd name="connsiteX47" fmla="*/ 990052 w 2368230"/>
                <a:gd name="connsiteY47" fmla="*/ 427598 h 476936"/>
                <a:gd name="connsiteX48" fmla="*/ 967027 w 2368230"/>
                <a:gd name="connsiteY48" fmla="*/ 430887 h 476936"/>
                <a:gd name="connsiteX49" fmla="*/ 953870 w 2368230"/>
                <a:gd name="connsiteY49" fmla="*/ 434176 h 476936"/>
                <a:gd name="connsiteX50" fmla="*/ 759807 w 2368230"/>
                <a:gd name="connsiteY50" fmla="*/ 440755 h 476936"/>
                <a:gd name="connsiteX51" fmla="*/ 697312 w 2368230"/>
                <a:gd name="connsiteY51" fmla="*/ 447333 h 476936"/>
                <a:gd name="connsiteX52" fmla="*/ 677577 w 2368230"/>
                <a:gd name="connsiteY52" fmla="*/ 450622 h 476936"/>
                <a:gd name="connsiteX53" fmla="*/ 522984 w 2368230"/>
                <a:gd name="connsiteY53" fmla="*/ 447333 h 476936"/>
                <a:gd name="connsiteX54" fmla="*/ 503249 w 2368230"/>
                <a:gd name="connsiteY54" fmla="*/ 440755 h 476936"/>
                <a:gd name="connsiteX55" fmla="*/ 490092 w 2368230"/>
                <a:gd name="connsiteY55" fmla="*/ 437465 h 476936"/>
                <a:gd name="connsiteX56" fmla="*/ 430886 w 2368230"/>
                <a:gd name="connsiteY56" fmla="*/ 440755 h 476936"/>
                <a:gd name="connsiteX57" fmla="*/ 421018 w 2368230"/>
                <a:gd name="connsiteY57" fmla="*/ 444044 h 476936"/>
                <a:gd name="connsiteX58" fmla="*/ 384837 w 2368230"/>
                <a:gd name="connsiteY58" fmla="*/ 453911 h 476936"/>
                <a:gd name="connsiteX59" fmla="*/ 365102 w 2368230"/>
                <a:gd name="connsiteY59" fmla="*/ 457201 h 476936"/>
                <a:gd name="connsiteX60" fmla="*/ 335499 w 2368230"/>
                <a:gd name="connsiteY60" fmla="*/ 467068 h 476936"/>
                <a:gd name="connsiteX61" fmla="*/ 282872 w 2368230"/>
                <a:gd name="connsiteY61" fmla="*/ 463779 h 476936"/>
                <a:gd name="connsiteX62" fmla="*/ 273004 w 2368230"/>
                <a:gd name="connsiteY62" fmla="*/ 460490 h 476936"/>
                <a:gd name="connsiteX63" fmla="*/ 266426 w 2368230"/>
                <a:gd name="connsiteY63" fmla="*/ 453911 h 476936"/>
                <a:gd name="connsiteX64" fmla="*/ 246690 w 2368230"/>
                <a:gd name="connsiteY64" fmla="*/ 447333 h 476936"/>
                <a:gd name="connsiteX65" fmla="*/ 236823 w 2368230"/>
                <a:gd name="connsiteY65" fmla="*/ 444044 h 476936"/>
                <a:gd name="connsiteX66" fmla="*/ 226955 w 2368230"/>
                <a:gd name="connsiteY66" fmla="*/ 440755 h 476936"/>
                <a:gd name="connsiteX67" fmla="*/ 138147 w 2368230"/>
                <a:gd name="connsiteY67" fmla="*/ 437465 h 476936"/>
                <a:gd name="connsiteX68" fmla="*/ 85519 w 2368230"/>
                <a:gd name="connsiteY68" fmla="*/ 440755 h 476936"/>
                <a:gd name="connsiteX69" fmla="*/ 69073 w 2368230"/>
                <a:gd name="connsiteY69" fmla="*/ 444044 h 476936"/>
                <a:gd name="connsiteX70" fmla="*/ 0 w 2368230"/>
                <a:gd name="connsiteY7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815643 w 2368230"/>
                <a:gd name="connsiteY11" fmla="*/ 282873 h 476936"/>
                <a:gd name="connsiteX12" fmla="*/ 1782751 w 2368230"/>
                <a:gd name="connsiteY12" fmla="*/ 292740 h 476936"/>
                <a:gd name="connsiteX13" fmla="*/ 1772883 w 2368230"/>
                <a:gd name="connsiteY13" fmla="*/ 296029 h 476936"/>
                <a:gd name="connsiteX14" fmla="*/ 1739991 w 2368230"/>
                <a:gd name="connsiteY14" fmla="*/ 299319 h 476936"/>
                <a:gd name="connsiteX15" fmla="*/ 1710388 w 2368230"/>
                <a:gd name="connsiteY15" fmla="*/ 309186 h 476936"/>
                <a:gd name="connsiteX16" fmla="*/ 1697231 w 2368230"/>
                <a:gd name="connsiteY16" fmla="*/ 312475 h 476936"/>
                <a:gd name="connsiteX17" fmla="*/ 1684075 w 2368230"/>
                <a:gd name="connsiteY17" fmla="*/ 319054 h 476936"/>
                <a:gd name="connsiteX18" fmla="*/ 1664339 w 2368230"/>
                <a:gd name="connsiteY18" fmla="*/ 325632 h 476936"/>
                <a:gd name="connsiteX19" fmla="*/ 1641315 w 2368230"/>
                <a:gd name="connsiteY19" fmla="*/ 332211 h 476936"/>
                <a:gd name="connsiteX20" fmla="*/ 1608423 w 2368230"/>
                <a:gd name="connsiteY20" fmla="*/ 338789 h 476936"/>
                <a:gd name="connsiteX21" fmla="*/ 1582109 w 2368230"/>
                <a:gd name="connsiteY21" fmla="*/ 342078 h 476936"/>
                <a:gd name="connsiteX22" fmla="*/ 1568952 w 2368230"/>
                <a:gd name="connsiteY22" fmla="*/ 345367 h 476936"/>
                <a:gd name="connsiteX23" fmla="*/ 1470276 w 2368230"/>
                <a:gd name="connsiteY23" fmla="*/ 351946 h 476936"/>
                <a:gd name="connsiteX24" fmla="*/ 1450541 w 2368230"/>
                <a:gd name="connsiteY24" fmla="*/ 365103 h 476936"/>
                <a:gd name="connsiteX25" fmla="*/ 1437384 w 2368230"/>
                <a:gd name="connsiteY25" fmla="*/ 378260 h 476936"/>
                <a:gd name="connsiteX26" fmla="*/ 1417649 w 2368230"/>
                <a:gd name="connsiteY26" fmla="*/ 388127 h 476936"/>
                <a:gd name="connsiteX27" fmla="*/ 1407781 w 2368230"/>
                <a:gd name="connsiteY27" fmla="*/ 397995 h 476936"/>
                <a:gd name="connsiteX28" fmla="*/ 1397913 w 2368230"/>
                <a:gd name="connsiteY28" fmla="*/ 401284 h 476936"/>
                <a:gd name="connsiteX29" fmla="*/ 1374889 w 2368230"/>
                <a:gd name="connsiteY29" fmla="*/ 411152 h 476936"/>
                <a:gd name="connsiteX30" fmla="*/ 1368311 w 2368230"/>
                <a:gd name="connsiteY30" fmla="*/ 421019 h 476936"/>
                <a:gd name="connsiteX31" fmla="*/ 1358443 w 2368230"/>
                <a:gd name="connsiteY31" fmla="*/ 424308 h 476936"/>
                <a:gd name="connsiteX32" fmla="*/ 1341997 w 2368230"/>
                <a:gd name="connsiteY32" fmla="*/ 427598 h 476936"/>
                <a:gd name="connsiteX33" fmla="*/ 1328840 w 2368230"/>
                <a:gd name="connsiteY33" fmla="*/ 430887 h 476936"/>
                <a:gd name="connsiteX34" fmla="*/ 1309105 w 2368230"/>
                <a:gd name="connsiteY34" fmla="*/ 444044 h 476936"/>
                <a:gd name="connsiteX35" fmla="*/ 1276213 w 2368230"/>
                <a:gd name="connsiteY35" fmla="*/ 453911 h 476936"/>
                <a:gd name="connsiteX36" fmla="*/ 1266345 w 2368230"/>
                <a:gd name="connsiteY36" fmla="*/ 457201 h 476936"/>
                <a:gd name="connsiteX37" fmla="*/ 1236742 w 2368230"/>
                <a:gd name="connsiteY37" fmla="*/ 473647 h 476936"/>
                <a:gd name="connsiteX38" fmla="*/ 1223585 w 2368230"/>
                <a:gd name="connsiteY38" fmla="*/ 476936 h 476936"/>
                <a:gd name="connsiteX39" fmla="*/ 1098595 w 2368230"/>
                <a:gd name="connsiteY39" fmla="*/ 473647 h 476936"/>
                <a:gd name="connsiteX40" fmla="*/ 1088728 w 2368230"/>
                <a:gd name="connsiteY40" fmla="*/ 467068 h 476936"/>
                <a:gd name="connsiteX41" fmla="*/ 1068993 w 2368230"/>
                <a:gd name="connsiteY41" fmla="*/ 460490 h 476936"/>
                <a:gd name="connsiteX42" fmla="*/ 1045968 w 2368230"/>
                <a:gd name="connsiteY42" fmla="*/ 453911 h 476936"/>
                <a:gd name="connsiteX43" fmla="*/ 1036100 w 2368230"/>
                <a:gd name="connsiteY43" fmla="*/ 447333 h 476936"/>
                <a:gd name="connsiteX44" fmla="*/ 1016365 w 2368230"/>
                <a:gd name="connsiteY44" fmla="*/ 440755 h 476936"/>
                <a:gd name="connsiteX45" fmla="*/ 1009787 w 2368230"/>
                <a:gd name="connsiteY45" fmla="*/ 434176 h 476936"/>
                <a:gd name="connsiteX46" fmla="*/ 990052 w 2368230"/>
                <a:gd name="connsiteY46" fmla="*/ 427598 h 476936"/>
                <a:gd name="connsiteX47" fmla="*/ 967027 w 2368230"/>
                <a:gd name="connsiteY47" fmla="*/ 430887 h 476936"/>
                <a:gd name="connsiteX48" fmla="*/ 953870 w 2368230"/>
                <a:gd name="connsiteY48" fmla="*/ 434176 h 476936"/>
                <a:gd name="connsiteX49" fmla="*/ 759807 w 2368230"/>
                <a:gd name="connsiteY49" fmla="*/ 440755 h 476936"/>
                <a:gd name="connsiteX50" fmla="*/ 697312 w 2368230"/>
                <a:gd name="connsiteY50" fmla="*/ 447333 h 476936"/>
                <a:gd name="connsiteX51" fmla="*/ 677577 w 2368230"/>
                <a:gd name="connsiteY51" fmla="*/ 450622 h 476936"/>
                <a:gd name="connsiteX52" fmla="*/ 522984 w 2368230"/>
                <a:gd name="connsiteY52" fmla="*/ 447333 h 476936"/>
                <a:gd name="connsiteX53" fmla="*/ 503249 w 2368230"/>
                <a:gd name="connsiteY53" fmla="*/ 440755 h 476936"/>
                <a:gd name="connsiteX54" fmla="*/ 490092 w 2368230"/>
                <a:gd name="connsiteY54" fmla="*/ 437465 h 476936"/>
                <a:gd name="connsiteX55" fmla="*/ 430886 w 2368230"/>
                <a:gd name="connsiteY55" fmla="*/ 440755 h 476936"/>
                <a:gd name="connsiteX56" fmla="*/ 421018 w 2368230"/>
                <a:gd name="connsiteY56" fmla="*/ 444044 h 476936"/>
                <a:gd name="connsiteX57" fmla="*/ 384837 w 2368230"/>
                <a:gd name="connsiteY57" fmla="*/ 453911 h 476936"/>
                <a:gd name="connsiteX58" fmla="*/ 365102 w 2368230"/>
                <a:gd name="connsiteY58" fmla="*/ 457201 h 476936"/>
                <a:gd name="connsiteX59" fmla="*/ 335499 w 2368230"/>
                <a:gd name="connsiteY59" fmla="*/ 467068 h 476936"/>
                <a:gd name="connsiteX60" fmla="*/ 282872 w 2368230"/>
                <a:gd name="connsiteY60" fmla="*/ 463779 h 476936"/>
                <a:gd name="connsiteX61" fmla="*/ 273004 w 2368230"/>
                <a:gd name="connsiteY61" fmla="*/ 460490 h 476936"/>
                <a:gd name="connsiteX62" fmla="*/ 266426 w 2368230"/>
                <a:gd name="connsiteY62" fmla="*/ 453911 h 476936"/>
                <a:gd name="connsiteX63" fmla="*/ 246690 w 2368230"/>
                <a:gd name="connsiteY63" fmla="*/ 447333 h 476936"/>
                <a:gd name="connsiteX64" fmla="*/ 236823 w 2368230"/>
                <a:gd name="connsiteY64" fmla="*/ 444044 h 476936"/>
                <a:gd name="connsiteX65" fmla="*/ 226955 w 2368230"/>
                <a:gd name="connsiteY65" fmla="*/ 440755 h 476936"/>
                <a:gd name="connsiteX66" fmla="*/ 138147 w 2368230"/>
                <a:gd name="connsiteY66" fmla="*/ 437465 h 476936"/>
                <a:gd name="connsiteX67" fmla="*/ 85519 w 2368230"/>
                <a:gd name="connsiteY67" fmla="*/ 440755 h 476936"/>
                <a:gd name="connsiteX68" fmla="*/ 69073 w 2368230"/>
                <a:gd name="connsiteY68" fmla="*/ 444044 h 476936"/>
                <a:gd name="connsiteX69" fmla="*/ 0 w 2368230"/>
                <a:gd name="connsiteY6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72883 w 2368230"/>
                <a:gd name="connsiteY12" fmla="*/ 296029 h 476936"/>
                <a:gd name="connsiteX13" fmla="*/ 1739991 w 2368230"/>
                <a:gd name="connsiteY13" fmla="*/ 299319 h 476936"/>
                <a:gd name="connsiteX14" fmla="*/ 1710388 w 2368230"/>
                <a:gd name="connsiteY14" fmla="*/ 309186 h 476936"/>
                <a:gd name="connsiteX15" fmla="*/ 1697231 w 2368230"/>
                <a:gd name="connsiteY15" fmla="*/ 312475 h 476936"/>
                <a:gd name="connsiteX16" fmla="*/ 1684075 w 2368230"/>
                <a:gd name="connsiteY16" fmla="*/ 319054 h 476936"/>
                <a:gd name="connsiteX17" fmla="*/ 1664339 w 2368230"/>
                <a:gd name="connsiteY17" fmla="*/ 325632 h 476936"/>
                <a:gd name="connsiteX18" fmla="*/ 1641315 w 2368230"/>
                <a:gd name="connsiteY18" fmla="*/ 332211 h 476936"/>
                <a:gd name="connsiteX19" fmla="*/ 1608423 w 2368230"/>
                <a:gd name="connsiteY19" fmla="*/ 338789 h 476936"/>
                <a:gd name="connsiteX20" fmla="*/ 1582109 w 2368230"/>
                <a:gd name="connsiteY20" fmla="*/ 342078 h 476936"/>
                <a:gd name="connsiteX21" fmla="*/ 1568952 w 2368230"/>
                <a:gd name="connsiteY21" fmla="*/ 345367 h 476936"/>
                <a:gd name="connsiteX22" fmla="*/ 1470276 w 2368230"/>
                <a:gd name="connsiteY22" fmla="*/ 351946 h 476936"/>
                <a:gd name="connsiteX23" fmla="*/ 1450541 w 2368230"/>
                <a:gd name="connsiteY23" fmla="*/ 365103 h 476936"/>
                <a:gd name="connsiteX24" fmla="*/ 1437384 w 2368230"/>
                <a:gd name="connsiteY24" fmla="*/ 378260 h 476936"/>
                <a:gd name="connsiteX25" fmla="*/ 1417649 w 2368230"/>
                <a:gd name="connsiteY25" fmla="*/ 388127 h 476936"/>
                <a:gd name="connsiteX26" fmla="*/ 1407781 w 2368230"/>
                <a:gd name="connsiteY26" fmla="*/ 397995 h 476936"/>
                <a:gd name="connsiteX27" fmla="*/ 1397913 w 2368230"/>
                <a:gd name="connsiteY27" fmla="*/ 401284 h 476936"/>
                <a:gd name="connsiteX28" fmla="*/ 1374889 w 2368230"/>
                <a:gd name="connsiteY28" fmla="*/ 411152 h 476936"/>
                <a:gd name="connsiteX29" fmla="*/ 1368311 w 2368230"/>
                <a:gd name="connsiteY29" fmla="*/ 421019 h 476936"/>
                <a:gd name="connsiteX30" fmla="*/ 1358443 w 2368230"/>
                <a:gd name="connsiteY30" fmla="*/ 424308 h 476936"/>
                <a:gd name="connsiteX31" fmla="*/ 1341997 w 2368230"/>
                <a:gd name="connsiteY31" fmla="*/ 427598 h 476936"/>
                <a:gd name="connsiteX32" fmla="*/ 1328840 w 2368230"/>
                <a:gd name="connsiteY32" fmla="*/ 430887 h 476936"/>
                <a:gd name="connsiteX33" fmla="*/ 1309105 w 2368230"/>
                <a:gd name="connsiteY33" fmla="*/ 444044 h 476936"/>
                <a:gd name="connsiteX34" fmla="*/ 1276213 w 2368230"/>
                <a:gd name="connsiteY34" fmla="*/ 453911 h 476936"/>
                <a:gd name="connsiteX35" fmla="*/ 1266345 w 2368230"/>
                <a:gd name="connsiteY35" fmla="*/ 457201 h 476936"/>
                <a:gd name="connsiteX36" fmla="*/ 1236742 w 2368230"/>
                <a:gd name="connsiteY36" fmla="*/ 473647 h 476936"/>
                <a:gd name="connsiteX37" fmla="*/ 1223585 w 2368230"/>
                <a:gd name="connsiteY37" fmla="*/ 476936 h 476936"/>
                <a:gd name="connsiteX38" fmla="*/ 1098595 w 2368230"/>
                <a:gd name="connsiteY38" fmla="*/ 473647 h 476936"/>
                <a:gd name="connsiteX39" fmla="*/ 1088728 w 2368230"/>
                <a:gd name="connsiteY39" fmla="*/ 467068 h 476936"/>
                <a:gd name="connsiteX40" fmla="*/ 1068993 w 2368230"/>
                <a:gd name="connsiteY40" fmla="*/ 460490 h 476936"/>
                <a:gd name="connsiteX41" fmla="*/ 1045968 w 2368230"/>
                <a:gd name="connsiteY41" fmla="*/ 453911 h 476936"/>
                <a:gd name="connsiteX42" fmla="*/ 1036100 w 2368230"/>
                <a:gd name="connsiteY42" fmla="*/ 447333 h 476936"/>
                <a:gd name="connsiteX43" fmla="*/ 1016365 w 2368230"/>
                <a:gd name="connsiteY43" fmla="*/ 440755 h 476936"/>
                <a:gd name="connsiteX44" fmla="*/ 1009787 w 2368230"/>
                <a:gd name="connsiteY44" fmla="*/ 434176 h 476936"/>
                <a:gd name="connsiteX45" fmla="*/ 990052 w 2368230"/>
                <a:gd name="connsiteY45" fmla="*/ 427598 h 476936"/>
                <a:gd name="connsiteX46" fmla="*/ 967027 w 2368230"/>
                <a:gd name="connsiteY46" fmla="*/ 430887 h 476936"/>
                <a:gd name="connsiteX47" fmla="*/ 953870 w 2368230"/>
                <a:gd name="connsiteY47" fmla="*/ 434176 h 476936"/>
                <a:gd name="connsiteX48" fmla="*/ 759807 w 2368230"/>
                <a:gd name="connsiteY48" fmla="*/ 440755 h 476936"/>
                <a:gd name="connsiteX49" fmla="*/ 697312 w 2368230"/>
                <a:gd name="connsiteY49" fmla="*/ 447333 h 476936"/>
                <a:gd name="connsiteX50" fmla="*/ 677577 w 2368230"/>
                <a:gd name="connsiteY50" fmla="*/ 450622 h 476936"/>
                <a:gd name="connsiteX51" fmla="*/ 522984 w 2368230"/>
                <a:gd name="connsiteY51" fmla="*/ 447333 h 476936"/>
                <a:gd name="connsiteX52" fmla="*/ 503249 w 2368230"/>
                <a:gd name="connsiteY52" fmla="*/ 440755 h 476936"/>
                <a:gd name="connsiteX53" fmla="*/ 490092 w 2368230"/>
                <a:gd name="connsiteY53" fmla="*/ 437465 h 476936"/>
                <a:gd name="connsiteX54" fmla="*/ 430886 w 2368230"/>
                <a:gd name="connsiteY54" fmla="*/ 440755 h 476936"/>
                <a:gd name="connsiteX55" fmla="*/ 421018 w 2368230"/>
                <a:gd name="connsiteY55" fmla="*/ 444044 h 476936"/>
                <a:gd name="connsiteX56" fmla="*/ 384837 w 2368230"/>
                <a:gd name="connsiteY56" fmla="*/ 453911 h 476936"/>
                <a:gd name="connsiteX57" fmla="*/ 365102 w 2368230"/>
                <a:gd name="connsiteY57" fmla="*/ 457201 h 476936"/>
                <a:gd name="connsiteX58" fmla="*/ 335499 w 2368230"/>
                <a:gd name="connsiteY58" fmla="*/ 467068 h 476936"/>
                <a:gd name="connsiteX59" fmla="*/ 282872 w 2368230"/>
                <a:gd name="connsiteY59" fmla="*/ 463779 h 476936"/>
                <a:gd name="connsiteX60" fmla="*/ 273004 w 2368230"/>
                <a:gd name="connsiteY60" fmla="*/ 460490 h 476936"/>
                <a:gd name="connsiteX61" fmla="*/ 266426 w 2368230"/>
                <a:gd name="connsiteY61" fmla="*/ 453911 h 476936"/>
                <a:gd name="connsiteX62" fmla="*/ 246690 w 2368230"/>
                <a:gd name="connsiteY62" fmla="*/ 447333 h 476936"/>
                <a:gd name="connsiteX63" fmla="*/ 236823 w 2368230"/>
                <a:gd name="connsiteY63" fmla="*/ 444044 h 476936"/>
                <a:gd name="connsiteX64" fmla="*/ 226955 w 2368230"/>
                <a:gd name="connsiteY64" fmla="*/ 440755 h 476936"/>
                <a:gd name="connsiteX65" fmla="*/ 138147 w 2368230"/>
                <a:gd name="connsiteY65" fmla="*/ 437465 h 476936"/>
                <a:gd name="connsiteX66" fmla="*/ 85519 w 2368230"/>
                <a:gd name="connsiteY66" fmla="*/ 440755 h 476936"/>
                <a:gd name="connsiteX67" fmla="*/ 69073 w 2368230"/>
                <a:gd name="connsiteY67" fmla="*/ 444044 h 476936"/>
                <a:gd name="connsiteX68" fmla="*/ 0 w 2368230"/>
                <a:gd name="connsiteY6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70276 w 2368230"/>
                <a:gd name="connsiteY21" fmla="*/ 351946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568952 w 2368230"/>
                <a:gd name="connsiteY20" fmla="*/ 345367 h 476936"/>
                <a:gd name="connsiteX21" fmla="*/ 1466987 w 2368230"/>
                <a:gd name="connsiteY21" fmla="*/ 335500 h 476936"/>
                <a:gd name="connsiteX22" fmla="*/ 1450541 w 2368230"/>
                <a:gd name="connsiteY22" fmla="*/ 365103 h 476936"/>
                <a:gd name="connsiteX23" fmla="*/ 1437384 w 2368230"/>
                <a:gd name="connsiteY23" fmla="*/ 378260 h 476936"/>
                <a:gd name="connsiteX24" fmla="*/ 1417649 w 2368230"/>
                <a:gd name="connsiteY24" fmla="*/ 388127 h 476936"/>
                <a:gd name="connsiteX25" fmla="*/ 1407781 w 2368230"/>
                <a:gd name="connsiteY25" fmla="*/ 397995 h 476936"/>
                <a:gd name="connsiteX26" fmla="*/ 1397913 w 2368230"/>
                <a:gd name="connsiteY26" fmla="*/ 401284 h 476936"/>
                <a:gd name="connsiteX27" fmla="*/ 1374889 w 2368230"/>
                <a:gd name="connsiteY27" fmla="*/ 411152 h 476936"/>
                <a:gd name="connsiteX28" fmla="*/ 1368311 w 2368230"/>
                <a:gd name="connsiteY28" fmla="*/ 421019 h 476936"/>
                <a:gd name="connsiteX29" fmla="*/ 1358443 w 2368230"/>
                <a:gd name="connsiteY29" fmla="*/ 424308 h 476936"/>
                <a:gd name="connsiteX30" fmla="*/ 1341997 w 2368230"/>
                <a:gd name="connsiteY30" fmla="*/ 427598 h 476936"/>
                <a:gd name="connsiteX31" fmla="*/ 1328840 w 2368230"/>
                <a:gd name="connsiteY31" fmla="*/ 430887 h 476936"/>
                <a:gd name="connsiteX32" fmla="*/ 1309105 w 2368230"/>
                <a:gd name="connsiteY32" fmla="*/ 444044 h 476936"/>
                <a:gd name="connsiteX33" fmla="*/ 1276213 w 2368230"/>
                <a:gd name="connsiteY33" fmla="*/ 453911 h 476936"/>
                <a:gd name="connsiteX34" fmla="*/ 1266345 w 2368230"/>
                <a:gd name="connsiteY34" fmla="*/ 457201 h 476936"/>
                <a:gd name="connsiteX35" fmla="*/ 1236742 w 2368230"/>
                <a:gd name="connsiteY35" fmla="*/ 473647 h 476936"/>
                <a:gd name="connsiteX36" fmla="*/ 1223585 w 2368230"/>
                <a:gd name="connsiteY36" fmla="*/ 476936 h 476936"/>
                <a:gd name="connsiteX37" fmla="*/ 1098595 w 2368230"/>
                <a:gd name="connsiteY37" fmla="*/ 473647 h 476936"/>
                <a:gd name="connsiteX38" fmla="*/ 1088728 w 2368230"/>
                <a:gd name="connsiteY38" fmla="*/ 467068 h 476936"/>
                <a:gd name="connsiteX39" fmla="*/ 1068993 w 2368230"/>
                <a:gd name="connsiteY39" fmla="*/ 460490 h 476936"/>
                <a:gd name="connsiteX40" fmla="*/ 1045968 w 2368230"/>
                <a:gd name="connsiteY40" fmla="*/ 453911 h 476936"/>
                <a:gd name="connsiteX41" fmla="*/ 1036100 w 2368230"/>
                <a:gd name="connsiteY41" fmla="*/ 447333 h 476936"/>
                <a:gd name="connsiteX42" fmla="*/ 1016365 w 2368230"/>
                <a:gd name="connsiteY42" fmla="*/ 440755 h 476936"/>
                <a:gd name="connsiteX43" fmla="*/ 1009787 w 2368230"/>
                <a:gd name="connsiteY43" fmla="*/ 434176 h 476936"/>
                <a:gd name="connsiteX44" fmla="*/ 990052 w 2368230"/>
                <a:gd name="connsiteY44" fmla="*/ 427598 h 476936"/>
                <a:gd name="connsiteX45" fmla="*/ 967027 w 2368230"/>
                <a:gd name="connsiteY45" fmla="*/ 430887 h 476936"/>
                <a:gd name="connsiteX46" fmla="*/ 953870 w 2368230"/>
                <a:gd name="connsiteY46" fmla="*/ 434176 h 476936"/>
                <a:gd name="connsiteX47" fmla="*/ 759807 w 2368230"/>
                <a:gd name="connsiteY47" fmla="*/ 440755 h 476936"/>
                <a:gd name="connsiteX48" fmla="*/ 697312 w 2368230"/>
                <a:gd name="connsiteY48" fmla="*/ 447333 h 476936"/>
                <a:gd name="connsiteX49" fmla="*/ 677577 w 2368230"/>
                <a:gd name="connsiteY49" fmla="*/ 450622 h 476936"/>
                <a:gd name="connsiteX50" fmla="*/ 522984 w 2368230"/>
                <a:gd name="connsiteY50" fmla="*/ 447333 h 476936"/>
                <a:gd name="connsiteX51" fmla="*/ 503249 w 2368230"/>
                <a:gd name="connsiteY51" fmla="*/ 440755 h 476936"/>
                <a:gd name="connsiteX52" fmla="*/ 490092 w 2368230"/>
                <a:gd name="connsiteY52" fmla="*/ 437465 h 476936"/>
                <a:gd name="connsiteX53" fmla="*/ 430886 w 2368230"/>
                <a:gd name="connsiteY53" fmla="*/ 440755 h 476936"/>
                <a:gd name="connsiteX54" fmla="*/ 421018 w 2368230"/>
                <a:gd name="connsiteY54" fmla="*/ 444044 h 476936"/>
                <a:gd name="connsiteX55" fmla="*/ 384837 w 2368230"/>
                <a:gd name="connsiteY55" fmla="*/ 453911 h 476936"/>
                <a:gd name="connsiteX56" fmla="*/ 365102 w 2368230"/>
                <a:gd name="connsiteY56" fmla="*/ 457201 h 476936"/>
                <a:gd name="connsiteX57" fmla="*/ 335499 w 2368230"/>
                <a:gd name="connsiteY57" fmla="*/ 467068 h 476936"/>
                <a:gd name="connsiteX58" fmla="*/ 282872 w 2368230"/>
                <a:gd name="connsiteY58" fmla="*/ 463779 h 476936"/>
                <a:gd name="connsiteX59" fmla="*/ 273004 w 2368230"/>
                <a:gd name="connsiteY59" fmla="*/ 460490 h 476936"/>
                <a:gd name="connsiteX60" fmla="*/ 266426 w 2368230"/>
                <a:gd name="connsiteY60" fmla="*/ 453911 h 476936"/>
                <a:gd name="connsiteX61" fmla="*/ 246690 w 2368230"/>
                <a:gd name="connsiteY61" fmla="*/ 447333 h 476936"/>
                <a:gd name="connsiteX62" fmla="*/ 236823 w 2368230"/>
                <a:gd name="connsiteY62" fmla="*/ 444044 h 476936"/>
                <a:gd name="connsiteX63" fmla="*/ 226955 w 2368230"/>
                <a:gd name="connsiteY63" fmla="*/ 440755 h 476936"/>
                <a:gd name="connsiteX64" fmla="*/ 138147 w 2368230"/>
                <a:gd name="connsiteY64" fmla="*/ 437465 h 476936"/>
                <a:gd name="connsiteX65" fmla="*/ 85519 w 2368230"/>
                <a:gd name="connsiteY65" fmla="*/ 440755 h 476936"/>
                <a:gd name="connsiteX66" fmla="*/ 69073 w 2368230"/>
                <a:gd name="connsiteY66" fmla="*/ 444044 h 476936"/>
                <a:gd name="connsiteX67" fmla="*/ 0 w 2368230"/>
                <a:gd name="connsiteY6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582109 w 2368230"/>
                <a:gd name="connsiteY19" fmla="*/ 342078 h 476936"/>
                <a:gd name="connsiteX20" fmla="*/ 1466987 w 2368230"/>
                <a:gd name="connsiteY20" fmla="*/ 335500 h 476936"/>
                <a:gd name="connsiteX21" fmla="*/ 1450541 w 2368230"/>
                <a:gd name="connsiteY21" fmla="*/ 365103 h 476936"/>
                <a:gd name="connsiteX22" fmla="*/ 1437384 w 2368230"/>
                <a:gd name="connsiteY22" fmla="*/ 378260 h 476936"/>
                <a:gd name="connsiteX23" fmla="*/ 1417649 w 2368230"/>
                <a:gd name="connsiteY23" fmla="*/ 388127 h 476936"/>
                <a:gd name="connsiteX24" fmla="*/ 1407781 w 2368230"/>
                <a:gd name="connsiteY24" fmla="*/ 397995 h 476936"/>
                <a:gd name="connsiteX25" fmla="*/ 1397913 w 2368230"/>
                <a:gd name="connsiteY25" fmla="*/ 401284 h 476936"/>
                <a:gd name="connsiteX26" fmla="*/ 1374889 w 2368230"/>
                <a:gd name="connsiteY26" fmla="*/ 411152 h 476936"/>
                <a:gd name="connsiteX27" fmla="*/ 1368311 w 2368230"/>
                <a:gd name="connsiteY27" fmla="*/ 421019 h 476936"/>
                <a:gd name="connsiteX28" fmla="*/ 1358443 w 2368230"/>
                <a:gd name="connsiteY28" fmla="*/ 424308 h 476936"/>
                <a:gd name="connsiteX29" fmla="*/ 1341997 w 2368230"/>
                <a:gd name="connsiteY29" fmla="*/ 427598 h 476936"/>
                <a:gd name="connsiteX30" fmla="*/ 1328840 w 2368230"/>
                <a:gd name="connsiteY30" fmla="*/ 430887 h 476936"/>
                <a:gd name="connsiteX31" fmla="*/ 1309105 w 2368230"/>
                <a:gd name="connsiteY31" fmla="*/ 444044 h 476936"/>
                <a:gd name="connsiteX32" fmla="*/ 1276213 w 2368230"/>
                <a:gd name="connsiteY32" fmla="*/ 453911 h 476936"/>
                <a:gd name="connsiteX33" fmla="*/ 1266345 w 2368230"/>
                <a:gd name="connsiteY33" fmla="*/ 457201 h 476936"/>
                <a:gd name="connsiteX34" fmla="*/ 1236742 w 2368230"/>
                <a:gd name="connsiteY34" fmla="*/ 473647 h 476936"/>
                <a:gd name="connsiteX35" fmla="*/ 1223585 w 2368230"/>
                <a:gd name="connsiteY35" fmla="*/ 476936 h 476936"/>
                <a:gd name="connsiteX36" fmla="*/ 1098595 w 2368230"/>
                <a:gd name="connsiteY36" fmla="*/ 473647 h 476936"/>
                <a:gd name="connsiteX37" fmla="*/ 1088728 w 2368230"/>
                <a:gd name="connsiteY37" fmla="*/ 467068 h 476936"/>
                <a:gd name="connsiteX38" fmla="*/ 1068993 w 2368230"/>
                <a:gd name="connsiteY38" fmla="*/ 460490 h 476936"/>
                <a:gd name="connsiteX39" fmla="*/ 1045968 w 2368230"/>
                <a:gd name="connsiteY39" fmla="*/ 453911 h 476936"/>
                <a:gd name="connsiteX40" fmla="*/ 1036100 w 2368230"/>
                <a:gd name="connsiteY40" fmla="*/ 447333 h 476936"/>
                <a:gd name="connsiteX41" fmla="*/ 1016365 w 2368230"/>
                <a:gd name="connsiteY41" fmla="*/ 440755 h 476936"/>
                <a:gd name="connsiteX42" fmla="*/ 1009787 w 2368230"/>
                <a:gd name="connsiteY42" fmla="*/ 434176 h 476936"/>
                <a:gd name="connsiteX43" fmla="*/ 990052 w 2368230"/>
                <a:gd name="connsiteY43" fmla="*/ 427598 h 476936"/>
                <a:gd name="connsiteX44" fmla="*/ 967027 w 2368230"/>
                <a:gd name="connsiteY44" fmla="*/ 430887 h 476936"/>
                <a:gd name="connsiteX45" fmla="*/ 953870 w 2368230"/>
                <a:gd name="connsiteY45" fmla="*/ 434176 h 476936"/>
                <a:gd name="connsiteX46" fmla="*/ 759807 w 2368230"/>
                <a:gd name="connsiteY46" fmla="*/ 440755 h 476936"/>
                <a:gd name="connsiteX47" fmla="*/ 697312 w 2368230"/>
                <a:gd name="connsiteY47" fmla="*/ 447333 h 476936"/>
                <a:gd name="connsiteX48" fmla="*/ 677577 w 2368230"/>
                <a:gd name="connsiteY48" fmla="*/ 450622 h 476936"/>
                <a:gd name="connsiteX49" fmla="*/ 522984 w 2368230"/>
                <a:gd name="connsiteY49" fmla="*/ 447333 h 476936"/>
                <a:gd name="connsiteX50" fmla="*/ 503249 w 2368230"/>
                <a:gd name="connsiteY50" fmla="*/ 440755 h 476936"/>
                <a:gd name="connsiteX51" fmla="*/ 490092 w 2368230"/>
                <a:gd name="connsiteY51" fmla="*/ 437465 h 476936"/>
                <a:gd name="connsiteX52" fmla="*/ 430886 w 2368230"/>
                <a:gd name="connsiteY52" fmla="*/ 440755 h 476936"/>
                <a:gd name="connsiteX53" fmla="*/ 421018 w 2368230"/>
                <a:gd name="connsiteY53" fmla="*/ 444044 h 476936"/>
                <a:gd name="connsiteX54" fmla="*/ 384837 w 2368230"/>
                <a:gd name="connsiteY54" fmla="*/ 453911 h 476936"/>
                <a:gd name="connsiteX55" fmla="*/ 365102 w 2368230"/>
                <a:gd name="connsiteY55" fmla="*/ 457201 h 476936"/>
                <a:gd name="connsiteX56" fmla="*/ 335499 w 2368230"/>
                <a:gd name="connsiteY56" fmla="*/ 467068 h 476936"/>
                <a:gd name="connsiteX57" fmla="*/ 282872 w 2368230"/>
                <a:gd name="connsiteY57" fmla="*/ 463779 h 476936"/>
                <a:gd name="connsiteX58" fmla="*/ 273004 w 2368230"/>
                <a:gd name="connsiteY58" fmla="*/ 460490 h 476936"/>
                <a:gd name="connsiteX59" fmla="*/ 266426 w 2368230"/>
                <a:gd name="connsiteY59" fmla="*/ 453911 h 476936"/>
                <a:gd name="connsiteX60" fmla="*/ 246690 w 2368230"/>
                <a:gd name="connsiteY60" fmla="*/ 447333 h 476936"/>
                <a:gd name="connsiteX61" fmla="*/ 236823 w 2368230"/>
                <a:gd name="connsiteY61" fmla="*/ 444044 h 476936"/>
                <a:gd name="connsiteX62" fmla="*/ 226955 w 2368230"/>
                <a:gd name="connsiteY62" fmla="*/ 440755 h 476936"/>
                <a:gd name="connsiteX63" fmla="*/ 138147 w 2368230"/>
                <a:gd name="connsiteY63" fmla="*/ 437465 h 476936"/>
                <a:gd name="connsiteX64" fmla="*/ 85519 w 2368230"/>
                <a:gd name="connsiteY64" fmla="*/ 440755 h 476936"/>
                <a:gd name="connsiteX65" fmla="*/ 69073 w 2368230"/>
                <a:gd name="connsiteY65" fmla="*/ 444044 h 476936"/>
                <a:gd name="connsiteX66" fmla="*/ 0 w 2368230"/>
                <a:gd name="connsiteY6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608423 w 2368230"/>
                <a:gd name="connsiteY18" fmla="*/ 338789 h 476936"/>
                <a:gd name="connsiteX19" fmla="*/ 1466987 w 2368230"/>
                <a:gd name="connsiteY19" fmla="*/ 335500 h 476936"/>
                <a:gd name="connsiteX20" fmla="*/ 1450541 w 2368230"/>
                <a:gd name="connsiteY20" fmla="*/ 365103 h 476936"/>
                <a:gd name="connsiteX21" fmla="*/ 1437384 w 2368230"/>
                <a:gd name="connsiteY21" fmla="*/ 378260 h 476936"/>
                <a:gd name="connsiteX22" fmla="*/ 1417649 w 2368230"/>
                <a:gd name="connsiteY22" fmla="*/ 388127 h 476936"/>
                <a:gd name="connsiteX23" fmla="*/ 1407781 w 2368230"/>
                <a:gd name="connsiteY23" fmla="*/ 397995 h 476936"/>
                <a:gd name="connsiteX24" fmla="*/ 1397913 w 2368230"/>
                <a:gd name="connsiteY24" fmla="*/ 401284 h 476936"/>
                <a:gd name="connsiteX25" fmla="*/ 1374889 w 2368230"/>
                <a:gd name="connsiteY25" fmla="*/ 411152 h 476936"/>
                <a:gd name="connsiteX26" fmla="*/ 1368311 w 2368230"/>
                <a:gd name="connsiteY26" fmla="*/ 421019 h 476936"/>
                <a:gd name="connsiteX27" fmla="*/ 1358443 w 2368230"/>
                <a:gd name="connsiteY27" fmla="*/ 424308 h 476936"/>
                <a:gd name="connsiteX28" fmla="*/ 1341997 w 2368230"/>
                <a:gd name="connsiteY28" fmla="*/ 427598 h 476936"/>
                <a:gd name="connsiteX29" fmla="*/ 1328840 w 2368230"/>
                <a:gd name="connsiteY29" fmla="*/ 430887 h 476936"/>
                <a:gd name="connsiteX30" fmla="*/ 1309105 w 2368230"/>
                <a:gd name="connsiteY30" fmla="*/ 444044 h 476936"/>
                <a:gd name="connsiteX31" fmla="*/ 1276213 w 2368230"/>
                <a:gd name="connsiteY31" fmla="*/ 453911 h 476936"/>
                <a:gd name="connsiteX32" fmla="*/ 1266345 w 2368230"/>
                <a:gd name="connsiteY32" fmla="*/ 457201 h 476936"/>
                <a:gd name="connsiteX33" fmla="*/ 1236742 w 2368230"/>
                <a:gd name="connsiteY33" fmla="*/ 473647 h 476936"/>
                <a:gd name="connsiteX34" fmla="*/ 1223585 w 2368230"/>
                <a:gd name="connsiteY34" fmla="*/ 476936 h 476936"/>
                <a:gd name="connsiteX35" fmla="*/ 1098595 w 2368230"/>
                <a:gd name="connsiteY35" fmla="*/ 473647 h 476936"/>
                <a:gd name="connsiteX36" fmla="*/ 1088728 w 2368230"/>
                <a:gd name="connsiteY36" fmla="*/ 467068 h 476936"/>
                <a:gd name="connsiteX37" fmla="*/ 1068993 w 2368230"/>
                <a:gd name="connsiteY37" fmla="*/ 460490 h 476936"/>
                <a:gd name="connsiteX38" fmla="*/ 1045968 w 2368230"/>
                <a:gd name="connsiteY38" fmla="*/ 453911 h 476936"/>
                <a:gd name="connsiteX39" fmla="*/ 1036100 w 2368230"/>
                <a:gd name="connsiteY39" fmla="*/ 447333 h 476936"/>
                <a:gd name="connsiteX40" fmla="*/ 1016365 w 2368230"/>
                <a:gd name="connsiteY40" fmla="*/ 440755 h 476936"/>
                <a:gd name="connsiteX41" fmla="*/ 1009787 w 2368230"/>
                <a:gd name="connsiteY41" fmla="*/ 434176 h 476936"/>
                <a:gd name="connsiteX42" fmla="*/ 990052 w 2368230"/>
                <a:gd name="connsiteY42" fmla="*/ 427598 h 476936"/>
                <a:gd name="connsiteX43" fmla="*/ 967027 w 2368230"/>
                <a:gd name="connsiteY43" fmla="*/ 430887 h 476936"/>
                <a:gd name="connsiteX44" fmla="*/ 953870 w 2368230"/>
                <a:gd name="connsiteY44" fmla="*/ 434176 h 476936"/>
                <a:gd name="connsiteX45" fmla="*/ 759807 w 2368230"/>
                <a:gd name="connsiteY45" fmla="*/ 440755 h 476936"/>
                <a:gd name="connsiteX46" fmla="*/ 697312 w 2368230"/>
                <a:gd name="connsiteY46" fmla="*/ 447333 h 476936"/>
                <a:gd name="connsiteX47" fmla="*/ 677577 w 2368230"/>
                <a:gd name="connsiteY47" fmla="*/ 450622 h 476936"/>
                <a:gd name="connsiteX48" fmla="*/ 522984 w 2368230"/>
                <a:gd name="connsiteY48" fmla="*/ 447333 h 476936"/>
                <a:gd name="connsiteX49" fmla="*/ 503249 w 2368230"/>
                <a:gd name="connsiteY49" fmla="*/ 440755 h 476936"/>
                <a:gd name="connsiteX50" fmla="*/ 490092 w 2368230"/>
                <a:gd name="connsiteY50" fmla="*/ 437465 h 476936"/>
                <a:gd name="connsiteX51" fmla="*/ 430886 w 2368230"/>
                <a:gd name="connsiteY51" fmla="*/ 440755 h 476936"/>
                <a:gd name="connsiteX52" fmla="*/ 421018 w 2368230"/>
                <a:gd name="connsiteY52" fmla="*/ 444044 h 476936"/>
                <a:gd name="connsiteX53" fmla="*/ 384837 w 2368230"/>
                <a:gd name="connsiteY53" fmla="*/ 453911 h 476936"/>
                <a:gd name="connsiteX54" fmla="*/ 365102 w 2368230"/>
                <a:gd name="connsiteY54" fmla="*/ 457201 h 476936"/>
                <a:gd name="connsiteX55" fmla="*/ 335499 w 2368230"/>
                <a:gd name="connsiteY55" fmla="*/ 467068 h 476936"/>
                <a:gd name="connsiteX56" fmla="*/ 282872 w 2368230"/>
                <a:gd name="connsiteY56" fmla="*/ 463779 h 476936"/>
                <a:gd name="connsiteX57" fmla="*/ 273004 w 2368230"/>
                <a:gd name="connsiteY57" fmla="*/ 460490 h 476936"/>
                <a:gd name="connsiteX58" fmla="*/ 266426 w 2368230"/>
                <a:gd name="connsiteY58" fmla="*/ 453911 h 476936"/>
                <a:gd name="connsiteX59" fmla="*/ 246690 w 2368230"/>
                <a:gd name="connsiteY59" fmla="*/ 447333 h 476936"/>
                <a:gd name="connsiteX60" fmla="*/ 236823 w 2368230"/>
                <a:gd name="connsiteY60" fmla="*/ 444044 h 476936"/>
                <a:gd name="connsiteX61" fmla="*/ 226955 w 2368230"/>
                <a:gd name="connsiteY61" fmla="*/ 440755 h 476936"/>
                <a:gd name="connsiteX62" fmla="*/ 138147 w 2368230"/>
                <a:gd name="connsiteY62" fmla="*/ 437465 h 476936"/>
                <a:gd name="connsiteX63" fmla="*/ 85519 w 2368230"/>
                <a:gd name="connsiteY63" fmla="*/ 440755 h 476936"/>
                <a:gd name="connsiteX64" fmla="*/ 69073 w 2368230"/>
                <a:gd name="connsiteY64" fmla="*/ 444044 h 476936"/>
                <a:gd name="connsiteX65" fmla="*/ 0 w 2368230"/>
                <a:gd name="connsiteY6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41315 w 2368230"/>
                <a:gd name="connsiteY17" fmla="*/ 332211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64339 w 2368230"/>
                <a:gd name="connsiteY16" fmla="*/ 325632 h 476936"/>
                <a:gd name="connsiteX17" fmla="*/ 1638026 w 2368230"/>
                <a:gd name="connsiteY17" fmla="*/ 319054 h 476936"/>
                <a:gd name="connsiteX18" fmla="*/ 1466987 w 2368230"/>
                <a:gd name="connsiteY18" fmla="*/ 335500 h 476936"/>
                <a:gd name="connsiteX19" fmla="*/ 1450541 w 2368230"/>
                <a:gd name="connsiteY19" fmla="*/ 365103 h 476936"/>
                <a:gd name="connsiteX20" fmla="*/ 1437384 w 2368230"/>
                <a:gd name="connsiteY20" fmla="*/ 378260 h 476936"/>
                <a:gd name="connsiteX21" fmla="*/ 1417649 w 2368230"/>
                <a:gd name="connsiteY21" fmla="*/ 388127 h 476936"/>
                <a:gd name="connsiteX22" fmla="*/ 1407781 w 2368230"/>
                <a:gd name="connsiteY22" fmla="*/ 397995 h 476936"/>
                <a:gd name="connsiteX23" fmla="*/ 1397913 w 2368230"/>
                <a:gd name="connsiteY23" fmla="*/ 401284 h 476936"/>
                <a:gd name="connsiteX24" fmla="*/ 1374889 w 2368230"/>
                <a:gd name="connsiteY24" fmla="*/ 411152 h 476936"/>
                <a:gd name="connsiteX25" fmla="*/ 1368311 w 2368230"/>
                <a:gd name="connsiteY25" fmla="*/ 421019 h 476936"/>
                <a:gd name="connsiteX26" fmla="*/ 1358443 w 2368230"/>
                <a:gd name="connsiteY26" fmla="*/ 424308 h 476936"/>
                <a:gd name="connsiteX27" fmla="*/ 1341997 w 2368230"/>
                <a:gd name="connsiteY27" fmla="*/ 427598 h 476936"/>
                <a:gd name="connsiteX28" fmla="*/ 1328840 w 2368230"/>
                <a:gd name="connsiteY28" fmla="*/ 430887 h 476936"/>
                <a:gd name="connsiteX29" fmla="*/ 1309105 w 2368230"/>
                <a:gd name="connsiteY29" fmla="*/ 444044 h 476936"/>
                <a:gd name="connsiteX30" fmla="*/ 1276213 w 2368230"/>
                <a:gd name="connsiteY30" fmla="*/ 453911 h 476936"/>
                <a:gd name="connsiteX31" fmla="*/ 1266345 w 2368230"/>
                <a:gd name="connsiteY31" fmla="*/ 457201 h 476936"/>
                <a:gd name="connsiteX32" fmla="*/ 1236742 w 2368230"/>
                <a:gd name="connsiteY32" fmla="*/ 473647 h 476936"/>
                <a:gd name="connsiteX33" fmla="*/ 1223585 w 2368230"/>
                <a:gd name="connsiteY33" fmla="*/ 476936 h 476936"/>
                <a:gd name="connsiteX34" fmla="*/ 1098595 w 2368230"/>
                <a:gd name="connsiteY34" fmla="*/ 473647 h 476936"/>
                <a:gd name="connsiteX35" fmla="*/ 1088728 w 2368230"/>
                <a:gd name="connsiteY35" fmla="*/ 467068 h 476936"/>
                <a:gd name="connsiteX36" fmla="*/ 1068993 w 2368230"/>
                <a:gd name="connsiteY36" fmla="*/ 460490 h 476936"/>
                <a:gd name="connsiteX37" fmla="*/ 1045968 w 2368230"/>
                <a:gd name="connsiteY37" fmla="*/ 453911 h 476936"/>
                <a:gd name="connsiteX38" fmla="*/ 1036100 w 2368230"/>
                <a:gd name="connsiteY38" fmla="*/ 447333 h 476936"/>
                <a:gd name="connsiteX39" fmla="*/ 1016365 w 2368230"/>
                <a:gd name="connsiteY39" fmla="*/ 440755 h 476936"/>
                <a:gd name="connsiteX40" fmla="*/ 1009787 w 2368230"/>
                <a:gd name="connsiteY40" fmla="*/ 434176 h 476936"/>
                <a:gd name="connsiteX41" fmla="*/ 990052 w 2368230"/>
                <a:gd name="connsiteY41" fmla="*/ 427598 h 476936"/>
                <a:gd name="connsiteX42" fmla="*/ 967027 w 2368230"/>
                <a:gd name="connsiteY42" fmla="*/ 430887 h 476936"/>
                <a:gd name="connsiteX43" fmla="*/ 953870 w 2368230"/>
                <a:gd name="connsiteY43" fmla="*/ 434176 h 476936"/>
                <a:gd name="connsiteX44" fmla="*/ 759807 w 2368230"/>
                <a:gd name="connsiteY44" fmla="*/ 440755 h 476936"/>
                <a:gd name="connsiteX45" fmla="*/ 697312 w 2368230"/>
                <a:gd name="connsiteY45" fmla="*/ 447333 h 476936"/>
                <a:gd name="connsiteX46" fmla="*/ 677577 w 2368230"/>
                <a:gd name="connsiteY46" fmla="*/ 450622 h 476936"/>
                <a:gd name="connsiteX47" fmla="*/ 522984 w 2368230"/>
                <a:gd name="connsiteY47" fmla="*/ 447333 h 476936"/>
                <a:gd name="connsiteX48" fmla="*/ 503249 w 2368230"/>
                <a:gd name="connsiteY48" fmla="*/ 440755 h 476936"/>
                <a:gd name="connsiteX49" fmla="*/ 490092 w 2368230"/>
                <a:gd name="connsiteY49" fmla="*/ 437465 h 476936"/>
                <a:gd name="connsiteX50" fmla="*/ 430886 w 2368230"/>
                <a:gd name="connsiteY50" fmla="*/ 440755 h 476936"/>
                <a:gd name="connsiteX51" fmla="*/ 421018 w 2368230"/>
                <a:gd name="connsiteY51" fmla="*/ 444044 h 476936"/>
                <a:gd name="connsiteX52" fmla="*/ 384837 w 2368230"/>
                <a:gd name="connsiteY52" fmla="*/ 453911 h 476936"/>
                <a:gd name="connsiteX53" fmla="*/ 365102 w 2368230"/>
                <a:gd name="connsiteY53" fmla="*/ 457201 h 476936"/>
                <a:gd name="connsiteX54" fmla="*/ 335499 w 2368230"/>
                <a:gd name="connsiteY54" fmla="*/ 467068 h 476936"/>
                <a:gd name="connsiteX55" fmla="*/ 282872 w 2368230"/>
                <a:gd name="connsiteY55" fmla="*/ 463779 h 476936"/>
                <a:gd name="connsiteX56" fmla="*/ 273004 w 2368230"/>
                <a:gd name="connsiteY56" fmla="*/ 460490 h 476936"/>
                <a:gd name="connsiteX57" fmla="*/ 266426 w 2368230"/>
                <a:gd name="connsiteY57" fmla="*/ 453911 h 476936"/>
                <a:gd name="connsiteX58" fmla="*/ 246690 w 2368230"/>
                <a:gd name="connsiteY58" fmla="*/ 447333 h 476936"/>
                <a:gd name="connsiteX59" fmla="*/ 236823 w 2368230"/>
                <a:gd name="connsiteY59" fmla="*/ 444044 h 476936"/>
                <a:gd name="connsiteX60" fmla="*/ 226955 w 2368230"/>
                <a:gd name="connsiteY60" fmla="*/ 440755 h 476936"/>
                <a:gd name="connsiteX61" fmla="*/ 138147 w 2368230"/>
                <a:gd name="connsiteY61" fmla="*/ 437465 h 476936"/>
                <a:gd name="connsiteX62" fmla="*/ 85519 w 2368230"/>
                <a:gd name="connsiteY62" fmla="*/ 440755 h 476936"/>
                <a:gd name="connsiteX63" fmla="*/ 69073 w 2368230"/>
                <a:gd name="connsiteY63" fmla="*/ 444044 h 476936"/>
                <a:gd name="connsiteX64" fmla="*/ 0 w 2368230"/>
                <a:gd name="connsiteY6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84075 w 2368230"/>
                <a:gd name="connsiteY15" fmla="*/ 319054 h 476936"/>
                <a:gd name="connsiteX16" fmla="*/ 1638026 w 2368230"/>
                <a:gd name="connsiteY16" fmla="*/ 319054 h 476936"/>
                <a:gd name="connsiteX17" fmla="*/ 1466987 w 2368230"/>
                <a:gd name="connsiteY17" fmla="*/ 335500 h 476936"/>
                <a:gd name="connsiteX18" fmla="*/ 1450541 w 2368230"/>
                <a:gd name="connsiteY18" fmla="*/ 365103 h 476936"/>
                <a:gd name="connsiteX19" fmla="*/ 1437384 w 2368230"/>
                <a:gd name="connsiteY19" fmla="*/ 378260 h 476936"/>
                <a:gd name="connsiteX20" fmla="*/ 1417649 w 2368230"/>
                <a:gd name="connsiteY20" fmla="*/ 388127 h 476936"/>
                <a:gd name="connsiteX21" fmla="*/ 1407781 w 2368230"/>
                <a:gd name="connsiteY21" fmla="*/ 397995 h 476936"/>
                <a:gd name="connsiteX22" fmla="*/ 1397913 w 2368230"/>
                <a:gd name="connsiteY22" fmla="*/ 401284 h 476936"/>
                <a:gd name="connsiteX23" fmla="*/ 1374889 w 2368230"/>
                <a:gd name="connsiteY23" fmla="*/ 411152 h 476936"/>
                <a:gd name="connsiteX24" fmla="*/ 1368311 w 2368230"/>
                <a:gd name="connsiteY24" fmla="*/ 421019 h 476936"/>
                <a:gd name="connsiteX25" fmla="*/ 1358443 w 2368230"/>
                <a:gd name="connsiteY25" fmla="*/ 424308 h 476936"/>
                <a:gd name="connsiteX26" fmla="*/ 1341997 w 2368230"/>
                <a:gd name="connsiteY26" fmla="*/ 427598 h 476936"/>
                <a:gd name="connsiteX27" fmla="*/ 1328840 w 2368230"/>
                <a:gd name="connsiteY27" fmla="*/ 430887 h 476936"/>
                <a:gd name="connsiteX28" fmla="*/ 1309105 w 2368230"/>
                <a:gd name="connsiteY28" fmla="*/ 444044 h 476936"/>
                <a:gd name="connsiteX29" fmla="*/ 1276213 w 2368230"/>
                <a:gd name="connsiteY29" fmla="*/ 453911 h 476936"/>
                <a:gd name="connsiteX30" fmla="*/ 1266345 w 2368230"/>
                <a:gd name="connsiteY30" fmla="*/ 457201 h 476936"/>
                <a:gd name="connsiteX31" fmla="*/ 1236742 w 2368230"/>
                <a:gd name="connsiteY31" fmla="*/ 473647 h 476936"/>
                <a:gd name="connsiteX32" fmla="*/ 1223585 w 2368230"/>
                <a:gd name="connsiteY32" fmla="*/ 476936 h 476936"/>
                <a:gd name="connsiteX33" fmla="*/ 1098595 w 2368230"/>
                <a:gd name="connsiteY33" fmla="*/ 473647 h 476936"/>
                <a:gd name="connsiteX34" fmla="*/ 1088728 w 2368230"/>
                <a:gd name="connsiteY34" fmla="*/ 467068 h 476936"/>
                <a:gd name="connsiteX35" fmla="*/ 1068993 w 2368230"/>
                <a:gd name="connsiteY35" fmla="*/ 460490 h 476936"/>
                <a:gd name="connsiteX36" fmla="*/ 1045968 w 2368230"/>
                <a:gd name="connsiteY36" fmla="*/ 453911 h 476936"/>
                <a:gd name="connsiteX37" fmla="*/ 1036100 w 2368230"/>
                <a:gd name="connsiteY37" fmla="*/ 447333 h 476936"/>
                <a:gd name="connsiteX38" fmla="*/ 1016365 w 2368230"/>
                <a:gd name="connsiteY38" fmla="*/ 440755 h 476936"/>
                <a:gd name="connsiteX39" fmla="*/ 1009787 w 2368230"/>
                <a:gd name="connsiteY39" fmla="*/ 434176 h 476936"/>
                <a:gd name="connsiteX40" fmla="*/ 990052 w 2368230"/>
                <a:gd name="connsiteY40" fmla="*/ 427598 h 476936"/>
                <a:gd name="connsiteX41" fmla="*/ 967027 w 2368230"/>
                <a:gd name="connsiteY41" fmla="*/ 430887 h 476936"/>
                <a:gd name="connsiteX42" fmla="*/ 953870 w 2368230"/>
                <a:gd name="connsiteY42" fmla="*/ 434176 h 476936"/>
                <a:gd name="connsiteX43" fmla="*/ 759807 w 2368230"/>
                <a:gd name="connsiteY43" fmla="*/ 440755 h 476936"/>
                <a:gd name="connsiteX44" fmla="*/ 697312 w 2368230"/>
                <a:gd name="connsiteY44" fmla="*/ 447333 h 476936"/>
                <a:gd name="connsiteX45" fmla="*/ 677577 w 2368230"/>
                <a:gd name="connsiteY45" fmla="*/ 450622 h 476936"/>
                <a:gd name="connsiteX46" fmla="*/ 522984 w 2368230"/>
                <a:gd name="connsiteY46" fmla="*/ 447333 h 476936"/>
                <a:gd name="connsiteX47" fmla="*/ 503249 w 2368230"/>
                <a:gd name="connsiteY47" fmla="*/ 440755 h 476936"/>
                <a:gd name="connsiteX48" fmla="*/ 490092 w 2368230"/>
                <a:gd name="connsiteY48" fmla="*/ 437465 h 476936"/>
                <a:gd name="connsiteX49" fmla="*/ 430886 w 2368230"/>
                <a:gd name="connsiteY49" fmla="*/ 440755 h 476936"/>
                <a:gd name="connsiteX50" fmla="*/ 421018 w 2368230"/>
                <a:gd name="connsiteY50" fmla="*/ 444044 h 476936"/>
                <a:gd name="connsiteX51" fmla="*/ 384837 w 2368230"/>
                <a:gd name="connsiteY51" fmla="*/ 453911 h 476936"/>
                <a:gd name="connsiteX52" fmla="*/ 365102 w 2368230"/>
                <a:gd name="connsiteY52" fmla="*/ 457201 h 476936"/>
                <a:gd name="connsiteX53" fmla="*/ 335499 w 2368230"/>
                <a:gd name="connsiteY53" fmla="*/ 467068 h 476936"/>
                <a:gd name="connsiteX54" fmla="*/ 282872 w 2368230"/>
                <a:gd name="connsiteY54" fmla="*/ 463779 h 476936"/>
                <a:gd name="connsiteX55" fmla="*/ 273004 w 2368230"/>
                <a:gd name="connsiteY55" fmla="*/ 460490 h 476936"/>
                <a:gd name="connsiteX56" fmla="*/ 266426 w 2368230"/>
                <a:gd name="connsiteY56" fmla="*/ 453911 h 476936"/>
                <a:gd name="connsiteX57" fmla="*/ 246690 w 2368230"/>
                <a:gd name="connsiteY57" fmla="*/ 447333 h 476936"/>
                <a:gd name="connsiteX58" fmla="*/ 236823 w 2368230"/>
                <a:gd name="connsiteY58" fmla="*/ 444044 h 476936"/>
                <a:gd name="connsiteX59" fmla="*/ 226955 w 2368230"/>
                <a:gd name="connsiteY59" fmla="*/ 440755 h 476936"/>
                <a:gd name="connsiteX60" fmla="*/ 138147 w 2368230"/>
                <a:gd name="connsiteY60" fmla="*/ 437465 h 476936"/>
                <a:gd name="connsiteX61" fmla="*/ 85519 w 2368230"/>
                <a:gd name="connsiteY61" fmla="*/ 440755 h 476936"/>
                <a:gd name="connsiteX62" fmla="*/ 69073 w 2368230"/>
                <a:gd name="connsiteY62" fmla="*/ 444044 h 476936"/>
                <a:gd name="connsiteX63" fmla="*/ 0 w 2368230"/>
                <a:gd name="connsiteY6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97231 w 2368230"/>
                <a:gd name="connsiteY14" fmla="*/ 312475 h 476936"/>
                <a:gd name="connsiteX15" fmla="*/ 1638026 w 2368230"/>
                <a:gd name="connsiteY15" fmla="*/ 319054 h 476936"/>
                <a:gd name="connsiteX16" fmla="*/ 1466987 w 2368230"/>
                <a:gd name="connsiteY16" fmla="*/ 335500 h 476936"/>
                <a:gd name="connsiteX17" fmla="*/ 1450541 w 2368230"/>
                <a:gd name="connsiteY17" fmla="*/ 365103 h 476936"/>
                <a:gd name="connsiteX18" fmla="*/ 1437384 w 2368230"/>
                <a:gd name="connsiteY18" fmla="*/ 378260 h 476936"/>
                <a:gd name="connsiteX19" fmla="*/ 1417649 w 2368230"/>
                <a:gd name="connsiteY19" fmla="*/ 388127 h 476936"/>
                <a:gd name="connsiteX20" fmla="*/ 1407781 w 2368230"/>
                <a:gd name="connsiteY20" fmla="*/ 397995 h 476936"/>
                <a:gd name="connsiteX21" fmla="*/ 1397913 w 2368230"/>
                <a:gd name="connsiteY21" fmla="*/ 401284 h 476936"/>
                <a:gd name="connsiteX22" fmla="*/ 1374889 w 2368230"/>
                <a:gd name="connsiteY22" fmla="*/ 411152 h 476936"/>
                <a:gd name="connsiteX23" fmla="*/ 1368311 w 2368230"/>
                <a:gd name="connsiteY23" fmla="*/ 421019 h 476936"/>
                <a:gd name="connsiteX24" fmla="*/ 1358443 w 2368230"/>
                <a:gd name="connsiteY24" fmla="*/ 424308 h 476936"/>
                <a:gd name="connsiteX25" fmla="*/ 1341997 w 2368230"/>
                <a:gd name="connsiteY25" fmla="*/ 427598 h 476936"/>
                <a:gd name="connsiteX26" fmla="*/ 1328840 w 2368230"/>
                <a:gd name="connsiteY26" fmla="*/ 430887 h 476936"/>
                <a:gd name="connsiteX27" fmla="*/ 1309105 w 2368230"/>
                <a:gd name="connsiteY27" fmla="*/ 444044 h 476936"/>
                <a:gd name="connsiteX28" fmla="*/ 1276213 w 2368230"/>
                <a:gd name="connsiteY28" fmla="*/ 453911 h 476936"/>
                <a:gd name="connsiteX29" fmla="*/ 1266345 w 2368230"/>
                <a:gd name="connsiteY29" fmla="*/ 457201 h 476936"/>
                <a:gd name="connsiteX30" fmla="*/ 1236742 w 2368230"/>
                <a:gd name="connsiteY30" fmla="*/ 473647 h 476936"/>
                <a:gd name="connsiteX31" fmla="*/ 1223585 w 2368230"/>
                <a:gd name="connsiteY31" fmla="*/ 476936 h 476936"/>
                <a:gd name="connsiteX32" fmla="*/ 1098595 w 2368230"/>
                <a:gd name="connsiteY32" fmla="*/ 473647 h 476936"/>
                <a:gd name="connsiteX33" fmla="*/ 1088728 w 2368230"/>
                <a:gd name="connsiteY33" fmla="*/ 467068 h 476936"/>
                <a:gd name="connsiteX34" fmla="*/ 1068993 w 2368230"/>
                <a:gd name="connsiteY34" fmla="*/ 460490 h 476936"/>
                <a:gd name="connsiteX35" fmla="*/ 1045968 w 2368230"/>
                <a:gd name="connsiteY35" fmla="*/ 453911 h 476936"/>
                <a:gd name="connsiteX36" fmla="*/ 1036100 w 2368230"/>
                <a:gd name="connsiteY36" fmla="*/ 447333 h 476936"/>
                <a:gd name="connsiteX37" fmla="*/ 1016365 w 2368230"/>
                <a:gd name="connsiteY37" fmla="*/ 440755 h 476936"/>
                <a:gd name="connsiteX38" fmla="*/ 1009787 w 2368230"/>
                <a:gd name="connsiteY38" fmla="*/ 434176 h 476936"/>
                <a:gd name="connsiteX39" fmla="*/ 990052 w 2368230"/>
                <a:gd name="connsiteY39" fmla="*/ 427598 h 476936"/>
                <a:gd name="connsiteX40" fmla="*/ 967027 w 2368230"/>
                <a:gd name="connsiteY40" fmla="*/ 430887 h 476936"/>
                <a:gd name="connsiteX41" fmla="*/ 953870 w 2368230"/>
                <a:gd name="connsiteY41" fmla="*/ 434176 h 476936"/>
                <a:gd name="connsiteX42" fmla="*/ 759807 w 2368230"/>
                <a:gd name="connsiteY42" fmla="*/ 440755 h 476936"/>
                <a:gd name="connsiteX43" fmla="*/ 697312 w 2368230"/>
                <a:gd name="connsiteY43" fmla="*/ 447333 h 476936"/>
                <a:gd name="connsiteX44" fmla="*/ 677577 w 2368230"/>
                <a:gd name="connsiteY44" fmla="*/ 450622 h 476936"/>
                <a:gd name="connsiteX45" fmla="*/ 522984 w 2368230"/>
                <a:gd name="connsiteY45" fmla="*/ 447333 h 476936"/>
                <a:gd name="connsiteX46" fmla="*/ 503249 w 2368230"/>
                <a:gd name="connsiteY46" fmla="*/ 440755 h 476936"/>
                <a:gd name="connsiteX47" fmla="*/ 490092 w 2368230"/>
                <a:gd name="connsiteY47" fmla="*/ 437465 h 476936"/>
                <a:gd name="connsiteX48" fmla="*/ 430886 w 2368230"/>
                <a:gd name="connsiteY48" fmla="*/ 440755 h 476936"/>
                <a:gd name="connsiteX49" fmla="*/ 421018 w 2368230"/>
                <a:gd name="connsiteY49" fmla="*/ 444044 h 476936"/>
                <a:gd name="connsiteX50" fmla="*/ 384837 w 2368230"/>
                <a:gd name="connsiteY50" fmla="*/ 453911 h 476936"/>
                <a:gd name="connsiteX51" fmla="*/ 365102 w 2368230"/>
                <a:gd name="connsiteY51" fmla="*/ 457201 h 476936"/>
                <a:gd name="connsiteX52" fmla="*/ 335499 w 2368230"/>
                <a:gd name="connsiteY52" fmla="*/ 467068 h 476936"/>
                <a:gd name="connsiteX53" fmla="*/ 282872 w 2368230"/>
                <a:gd name="connsiteY53" fmla="*/ 463779 h 476936"/>
                <a:gd name="connsiteX54" fmla="*/ 273004 w 2368230"/>
                <a:gd name="connsiteY54" fmla="*/ 460490 h 476936"/>
                <a:gd name="connsiteX55" fmla="*/ 266426 w 2368230"/>
                <a:gd name="connsiteY55" fmla="*/ 453911 h 476936"/>
                <a:gd name="connsiteX56" fmla="*/ 246690 w 2368230"/>
                <a:gd name="connsiteY56" fmla="*/ 447333 h 476936"/>
                <a:gd name="connsiteX57" fmla="*/ 236823 w 2368230"/>
                <a:gd name="connsiteY57" fmla="*/ 444044 h 476936"/>
                <a:gd name="connsiteX58" fmla="*/ 226955 w 2368230"/>
                <a:gd name="connsiteY58" fmla="*/ 440755 h 476936"/>
                <a:gd name="connsiteX59" fmla="*/ 138147 w 2368230"/>
                <a:gd name="connsiteY59" fmla="*/ 437465 h 476936"/>
                <a:gd name="connsiteX60" fmla="*/ 85519 w 2368230"/>
                <a:gd name="connsiteY60" fmla="*/ 440755 h 476936"/>
                <a:gd name="connsiteX61" fmla="*/ 69073 w 2368230"/>
                <a:gd name="connsiteY61" fmla="*/ 444044 h 476936"/>
                <a:gd name="connsiteX62" fmla="*/ 0 w 2368230"/>
                <a:gd name="connsiteY6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82751 w 2368230"/>
                <a:gd name="connsiteY11" fmla="*/ 292740 h 476936"/>
                <a:gd name="connsiteX12" fmla="*/ 1739991 w 2368230"/>
                <a:gd name="connsiteY12" fmla="*/ 299319 h 476936"/>
                <a:gd name="connsiteX13" fmla="*/ 1710388 w 2368230"/>
                <a:gd name="connsiteY13" fmla="*/ 309186 h 476936"/>
                <a:gd name="connsiteX14" fmla="*/ 1638026 w 2368230"/>
                <a:gd name="connsiteY14" fmla="*/ 319054 h 476936"/>
                <a:gd name="connsiteX15" fmla="*/ 1466987 w 2368230"/>
                <a:gd name="connsiteY15" fmla="*/ 335500 h 476936"/>
                <a:gd name="connsiteX16" fmla="*/ 1450541 w 2368230"/>
                <a:gd name="connsiteY16" fmla="*/ 365103 h 476936"/>
                <a:gd name="connsiteX17" fmla="*/ 1437384 w 2368230"/>
                <a:gd name="connsiteY17" fmla="*/ 378260 h 476936"/>
                <a:gd name="connsiteX18" fmla="*/ 1417649 w 2368230"/>
                <a:gd name="connsiteY18" fmla="*/ 388127 h 476936"/>
                <a:gd name="connsiteX19" fmla="*/ 1407781 w 2368230"/>
                <a:gd name="connsiteY19" fmla="*/ 397995 h 476936"/>
                <a:gd name="connsiteX20" fmla="*/ 1397913 w 2368230"/>
                <a:gd name="connsiteY20" fmla="*/ 401284 h 476936"/>
                <a:gd name="connsiteX21" fmla="*/ 1374889 w 2368230"/>
                <a:gd name="connsiteY21" fmla="*/ 411152 h 476936"/>
                <a:gd name="connsiteX22" fmla="*/ 1368311 w 2368230"/>
                <a:gd name="connsiteY22" fmla="*/ 421019 h 476936"/>
                <a:gd name="connsiteX23" fmla="*/ 1358443 w 2368230"/>
                <a:gd name="connsiteY23" fmla="*/ 424308 h 476936"/>
                <a:gd name="connsiteX24" fmla="*/ 1341997 w 2368230"/>
                <a:gd name="connsiteY24" fmla="*/ 427598 h 476936"/>
                <a:gd name="connsiteX25" fmla="*/ 1328840 w 2368230"/>
                <a:gd name="connsiteY25" fmla="*/ 430887 h 476936"/>
                <a:gd name="connsiteX26" fmla="*/ 1309105 w 2368230"/>
                <a:gd name="connsiteY26" fmla="*/ 444044 h 476936"/>
                <a:gd name="connsiteX27" fmla="*/ 1276213 w 2368230"/>
                <a:gd name="connsiteY27" fmla="*/ 453911 h 476936"/>
                <a:gd name="connsiteX28" fmla="*/ 1266345 w 2368230"/>
                <a:gd name="connsiteY28" fmla="*/ 457201 h 476936"/>
                <a:gd name="connsiteX29" fmla="*/ 1236742 w 2368230"/>
                <a:gd name="connsiteY29" fmla="*/ 473647 h 476936"/>
                <a:gd name="connsiteX30" fmla="*/ 1223585 w 2368230"/>
                <a:gd name="connsiteY30" fmla="*/ 476936 h 476936"/>
                <a:gd name="connsiteX31" fmla="*/ 1098595 w 2368230"/>
                <a:gd name="connsiteY31" fmla="*/ 473647 h 476936"/>
                <a:gd name="connsiteX32" fmla="*/ 1088728 w 2368230"/>
                <a:gd name="connsiteY32" fmla="*/ 467068 h 476936"/>
                <a:gd name="connsiteX33" fmla="*/ 1068993 w 2368230"/>
                <a:gd name="connsiteY33" fmla="*/ 460490 h 476936"/>
                <a:gd name="connsiteX34" fmla="*/ 1045968 w 2368230"/>
                <a:gd name="connsiteY34" fmla="*/ 453911 h 476936"/>
                <a:gd name="connsiteX35" fmla="*/ 1036100 w 2368230"/>
                <a:gd name="connsiteY35" fmla="*/ 447333 h 476936"/>
                <a:gd name="connsiteX36" fmla="*/ 1016365 w 2368230"/>
                <a:gd name="connsiteY36" fmla="*/ 440755 h 476936"/>
                <a:gd name="connsiteX37" fmla="*/ 1009787 w 2368230"/>
                <a:gd name="connsiteY37" fmla="*/ 434176 h 476936"/>
                <a:gd name="connsiteX38" fmla="*/ 990052 w 2368230"/>
                <a:gd name="connsiteY38" fmla="*/ 427598 h 476936"/>
                <a:gd name="connsiteX39" fmla="*/ 967027 w 2368230"/>
                <a:gd name="connsiteY39" fmla="*/ 430887 h 476936"/>
                <a:gd name="connsiteX40" fmla="*/ 953870 w 2368230"/>
                <a:gd name="connsiteY40" fmla="*/ 434176 h 476936"/>
                <a:gd name="connsiteX41" fmla="*/ 759807 w 2368230"/>
                <a:gd name="connsiteY41" fmla="*/ 440755 h 476936"/>
                <a:gd name="connsiteX42" fmla="*/ 697312 w 2368230"/>
                <a:gd name="connsiteY42" fmla="*/ 447333 h 476936"/>
                <a:gd name="connsiteX43" fmla="*/ 677577 w 2368230"/>
                <a:gd name="connsiteY43" fmla="*/ 450622 h 476936"/>
                <a:gd name="connsiteX44" fmla="*/ 522984 w 2368230"/>
                <a:gd name="connsiteY44" fmla="*/ 447333 h 476936"/>
                <a:gd name="connsiteX45" fmla="*/ 503249 w 2368230"/>
                <a:gd name="connsiteY45" fmla="*/ 440755 h 476936"/>
                <a:gd name="connsiteX46" fmla="*/ 490092 w 2368230"/>
                <a:gd name="connsiteY46" fmla="*/ 437465 h 476936"/>
                <a:gd name="connsiteX47" fmla="*/ 430886 w 2368230"/>
                <a:gd name="connsiteY47" fmla="*/ 440755 h 476936"/>
                <a:gd name="connsiteX48" fmla="*/ 421018 w 2368230"/>
                <a:gd name="connsiteY48" fmla="*/ 444044 h 476936"/>
                <a:gd name="connsiteX49" fmla="*/ 384837 w 2368230"/>
                <a:gd name="connsiteY49" fmla="*/ 453911 h 476936"/>
                <a:gd name="connsiteX50" fmla="*/ 365102 w 2368230"/>
                <a:gd name="connsiteY50" fmla="*/ 457201 h 476936"/>
                <a:gd name="connsiteX51" fmla="*/ 335499 w 2368230"/>
                <a:gd name="connsiteY51" fmla="*/ 467068 h 476936"/>
                <a:gd name="connsiteX52" fmla="*/ 282872 w 2368230"/>
                <a:gd name="connsiteY52" fmla="*/ 463779 h 476936"/>
                <a:gd name="connsiteX53" fmla="*/ 273004 w 2368230"/>
                <a:gd name="connsiteY53" fmla="*/ 460490 h 476936"/>
                <a:gd name="connsiteX54" fmla="*/ 266426 w 2368230"/>
                <a:gd name="connsiteY54" fmla="*/ 453911 h 476936"/>
                <a:gd name="connsiteX55" fmla="*/ 246690 w 2368230"/>
                <a:gd name="connsiteY55" fmla="*/ 447333 h 476936"/>
                <a:gd name="connsiteX56" fmla="*/ 236823 w 2368230"/>
                <a:gd name="connsiteY56" fmla="*/ 444044 h 476936"/>
                <a:gd name="connsiteX57" fmla="*/ 226955 w 2368230"/>
                <a:gd name="connsiteY57" fmla="*/ 440755 h 476936"/>
                <a:gd name="connsiteX58" fmla="*/ 138147 w 2368230"/>
                <a:gd name="connsiteY58" fmla="*/ 437465 h 476936"/>
                <a:gd name="connsiteX59" fmla="*/ 85519 w 2368230"/>
                <a:gd name="connsiteY59" fmla="*/ 440755 h 476936"/>
                <a:gd name="connsiteX60" fmla="*/ 69073 w 2368230"/>
                <a:gd name="connsiteY60" fmla="*/ 444044 h 476936"/>
                <a:gd name="connsiteX61" fmla="*/ 0 w 2368230"/>
                <a:gd name="connsiteY6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68311 w 2368230"/>
                <a:gd name="connsiteY21" fmla="*/ 421019 h 476936"/>
                <a:gd name="connsiteX22" fmla="*/ 1358443 w 2368230"/>
                <a:gd name="connsiteY22" fmla="*/ 424308 h 476936"/>
                <a:gd name="connsiteX23" fmla="*/ 1341997 w 2368230"/>
                <a:gd name="connsiteY23" fmla="*/ 427598 h 476936"/>
                <a:gd name="connsiteX24" fmla="*/ 1328840 w 2368230"/>
                <a:gd name="connsiteY24" fmla="*/ 430887 h 476936"/>
                <a:gd name="connsiteX25" fmla="*/ 1309105 w 2368230"/>
                <a:gd name="connsiteY25" fmla="*/ 444044 h 476936"/>
                <a:gd name="connsiteX26" fmla="*/ 1276213 w 2368230"/>
                <a:gd name="connsiteY26" fmla="*/ 453911 h 476936"/>
                <a:gd name="connsiteX27" fmla="*/ 1266345 w 2368230"/>
                <a:gd name="connsiteY27" fmla="*/ 457201 h 476936"/>
                <a:gd name="connsiteX28" fmla="*/ 1236742 w 2368230"/>
                <a:gd name="connsiteY28" fmla="*/ 473647 h 476936"/>
                <a:gd name="connsiteX29" fmla="*/ 1223585 w 2368230"/>
                <a:gd name="connsiteY29" fmla="*/ 476936 h 476936"/>
                <a:gd name="connsiteX30" fmla="*/ 1098595 w 2368230"/>
                <a:gd name="connsiteY30" fmla="*/ 473647 h 476936"/>
                <a:gd name="connsiteX31" fmla="*/ 1088728 w 2368230"/>
                <a:gd name="connsiteY31" fmla="*/ 467068 h 476936"/>
                <a:gd name="connsiteX32" fmla="*/ 1068993 w 2368230"/>
                <a:gd name="connsiteY32" fmla="*/ 460490 h 476936"/>
                <a:gd name="connsiteX33" fmla="*/ 1045968 w 2368230"/>
                <a:gd name="connsiteY33" fmla="*/ 453911 h 476936"/>
                <a:gd name="connsiteX34" fmla="*/ 1036100 w 2368230"/>
                <a:gd name="connsiteY34" fmla="*/ 447333 h 476936"/>
                <a:gd name="connsiteX35" fmla="*/ 1016365 w 2368230"/>
                <a:gd name="connsiteY35" fmla="*/ 440755 h 476936"/>
                <a:gd name="connsiteX36" fmla="*/ 1009787 w 2368230"/>
                <a:gd name="connsiteY36" fmla="*/ 434176 h 476936"/>
                <a:gd name="connsiteX37" fmla="*/ 990052 w 2368230"/>
                <a:gd name="connsiteY37" fmla="*/ 427598 h 476936"/>
                <a:gd name="connsiteX38" fmla="*/ 967027 w 2368230"/>
                <a:gd name="connsiteY38" fmla="*/ 430887 h 476936"/>
                <a:gd name="connsiteX39" fmla="*/ 953870 w 2368230"/>
                <a:gd name="connsiteY39" fmla="*/ 434176 h 476936"/>
                <a:gd name="connsiteX40" fmla="*/ 759807 w 2368230"/>
                <a:gd name="connsiteY40" fmla="*/ 440755 h 476936"/>
                <a:gd name="connsiteX41" fmla="*/ 697312 w 2368230"/>
                <a:gd name="connsiteY41" fmla="*/ 447333 h 476936"/>
                <a:gd name="connsiteX42" fmla="*/ 677577 w 2368230"/>
                <a:gd name="connsiteY42" fmla="*/ 450622 h 476936"/>
                <a:gd name="connsiteX43" fmla="*/ 522984 w 2368230"/>
                <a:gd name="connsiteY43" fmla="*/ 447333 h 476936"/>
                <a:gd name="connsiteX44" fmla="*/ 503249 w 2368230"/>
                <a:gd name="connsiteY44" fmla="*/ 440755 h 476936"/>
                <a:gd name="connsiteX45" fmla="*/ 490092 w 2368230"/>
                <a:gd name="connsiteY45" fmla="*/ 437465 h 476936"/>
                <a:gd name="connsiteX46" fmla="*/ 430886 w 2368230"/>
                <a:gd name="connsiteY46" fmla="*/ 440755 h 476936"/>
                <a:gd name="connsiteX47" fmla="*/ 421018 w 2368230"/>
                <a:gd name="connsiteY47" fmla="*/ 444044 h 476936"/>
                <a:gd name="connsiteX48" fmla="*/ 384837 w 2368230"/>
                <a:gd name="connsiteY48" fmla="*/ 453911 h 476936"/>
                <a:gd name="connsiteX49" fmla="*/ 365102 w 2368230"/>
                <a:gd name="connsiteY49" fmla="*/ 457201 h 476936"/>
                <a:gd name="connsiteX50" fmla="*/ 335499 w 2368230"/>
                <a:gd name="connsiteY50" fmla="*/ 467068 h 476936"/>
                <a:gd name="connsiteX51" fmla="*/ 282872 w 2368230"/>
                <a:gd name="connsiteY51" fmla="*/ 463779 h 476936"/>
                <a:gd name="connsiteX52" fmla="*/ 273004 w 2368230"/>
                <a:gd name="connsiteY52" fmla="*/ 460490 h 476936"/>
                <a:gd name="connsiteX53" fmla="*/ 266426 w 2368230"/>
                <a:gd name="connsiteY53" fmla="*/ 453911 h 476936"/>
                <a:gd name="connsiteX54" fmla="*/ 246690 w 2368230"/>
                <a:gd name="connsiteY54" fmla="*/ 447333 h 476936"/>
                <a:gd name="connsiteX55" fmla="*/ 236823 w 2368230"/>
                <a:gd name="connsiteY55" fmla="*/ 444044 h 476936"/>
                <a:gd name="connsiteX56" fmla="*/ 226955 w 2368230"/>
                <a:gd name="connsiteY56" fmla="*/ 440755 h 476936"/>
                <a:gd name="connsiteX57" fmla="*/ 138147 w 2368230"/>
                <a:gd name="connsiteY57" fmla="*/ 437465 h 476936"/>
                <a:gd name="connsiteX58" fmla="*/ 85519 w 2368230"/>
                <a:gd name="connsiteY58" fmla="*/ 440755 h 476936"/>
                <a:gd name="connsiteX59" fmla="*/ 69073 w 2368230"/>
                <a:gd name="connsiteY59" fmla="*/ 444044 h 476936"/>
                <a:gd name="connsiteX60" fmla="*/ 0 w 2368230"/>
                <a:gd name="connsiteY6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407781 w 2368230"/>
                <a:gd name="connsiteY18" fmla="*/ 397995 h 476936"/>
                <a:gd name="connsiteX19" fmla="*/ 1397913 w 2368230"/>
                <a:gd name="connsiteY19" fmla="*/ 401284 h 476936"/>
                <a:gd name="connsiteX20" fmla="*/ 1374889 w 2368230"/>
                <a:gd name="connsiteY20" fmla="*/ 411152 h 476936"/>
                <a:gd name="connsiteX21" fmla="*/ 1358443 w 2368230"/>
                <a:gd name="connsiteY21" fmla="*/ 424308 h 476936"/>
                <a:gd name="connsiteX22" fmla="*/ 1341997 w 2368230"/>
                <a:gd name="connsiteY22" fmla="*/ 427598 h 476936"/>
                <a:gd name="connsiteX23" fmla="*/ 1328840 w 2368230"/>
                <a:gd name="connsiteY23" fmla="*/ 430887 h 476936"/>
                <a:gd name="connsiteX24" fmla="*/ 1309105 w 2368230"/>
                <a:gd name="connsiteY24" fmla="*/ 444044 h 476936"/>
                <a:gd name="connsiteX25" fmla="*/ 1276213 w 2368230"/>
                <a:gd name="connsiteY25" fmla="*/ 453911 h 476936"/>
                <a:gd name="connsiteX26" fmla="*/ 1266345 w 2368230"/>
                <a:gd name="connsiteY26" fmla="*/ 457201 h 476936"/>
                <a:gd name="connsiteX27" fmla="*/ 1236742 w 2368230"/>
                <a:gd name="connsiteY27" fmla="*/ 473647 h 476936"/>
                <a:gd name="connsiteX28" fmla="*/ 1223585 w 2368230"/>
                <a:gd name="connsiteY28" fmla="*/ 476936 h 476936"/>
                <a:gd name="connsiteX29" fmla="*/ 1098595 w 2368230"/>
                <a:gd name="connsiteY29" fmla="*/ 473647 h 476936"/>
                <a:gd name="connsiteX30" fmla="*/ 1088728 w 2368230"/>
                <a:gd name="connsiteY30" fmla="*/ 467068 h 476936"/>
                <a:gd name="connsiteX31" fmla="*/ 1068993 w 2368230"/>
                <a:gd name="connsiteY31" fmla="*/ 460490 h 476936"/>
                <a:gd name="connsiteX32" fmla="*/ 1045968 w 2368230"/>
                <a:gd name="connsiteY32" fmla="*/ 453911 h 476936"/>
                <a:gd name="connsiteX33" fmla="*/ 1036100 w 2368230"/>
                <a:gd name="connsiteY33" fmla="*/ 447333 h 476936"/>
                <a:gd name="connsiteX34" fmla="*/ 1016365 w 2368230"/>
                <a:gd name="connsiteY34" fmla="*/ 440755 h 476936"/>
                <a:gd name="connsiteX35" fmla="*/ 1009787 w 2368230"/>
                <a:gd name="connsiteY35" fmla="*/ 434176 h 476936"/>
                <a:gd name="connsiteX36" fmla="*/ 990052 w 2368230"/>
                <a:gd name="connsiteY36" fmla="*/ 427598 h 476936"/>
                <a:gd name="connsiteX37" fmla="*/ 967027 w 2368230"/>
                <a:gd name="connsiteY37" fmla="*/ 430887 h 476936"/>
                <a:gd name="connsiteX38" fmla="*/ 953870 w 2368230"/>
                <a:gd name="connsiteY38" fmla="*/ 434176 h 476936"/>
                <a:gd name="connsiteX39" fmla="*/ 759807 w 2368230"/>
                <a:gd name="connsiteY39" fmla="*/ 440755 h 476936"/>
                <a:gd name="connsiteX40" fmla="*/ 697312 w 2368230"/>
                <a:gd name="connsiteY40" fmla="*/ 447333 h 476936"/>
                <a:gd name="connsiteX41" fmla="*/ 677577 w 2368230"/>
                <a:gd name="connsiteY41" fmla="*/ 450622 h 476936"/>
                <a:gd name="connsiteX42" fmla="*/ 522984 w 2368230"/>
                <a:gd name="connsiteY42" fmla="*/ 447333 h 476936"/>
                <a:gd name="connsiteX43" fmla="*/ 503249 w 2368230"/>
                <a:gd name="connsiteY43" fmla="*/ 440755 h 476936"/>
                <a:gd name="connsiteX44" fmla="*/ 490092 w 2368230"/>
                <a:gd name="connsiteY44" fmla="*/ 437465 h 476936"/>
                <a:gd name="connsiteX45" fmla="*/ 430886 w 2368230"/>
                <a:gd name="connsiteY45" fmla="*/ 440755 h 476936"/>
                <a:gd name="connsiteX46" fmla="*/ 421018 w 2368230"/>
                <a:gd name="connsiteY46" fmla="*/ 444044 h 476936"/>
                <a:gd name="connsiteX47" fmla="*/ 384837 w 2368230"/>
                <a:gd name="connsiteY47" fmla="*/ 453911 h 476936"/>
                <a:gd name="connsiteX48" fmla="*/ 365102 w 2368230"/>
                <a:gd name="connsiteY48" fmla="*/ 457201 h 476936"/>
                <a:gd name="connsiteX49" fmla="*/ 335499 w 2368230"/>
                <a:gd name="connsiteY49" fmla="*/ 467068 h 476936"/>
                <a:gd name="connsiteX50" fmla="*/ 282872 w 2368230"/>
                <a:gd name="connsiteY50" fmla="*/ 463779 h 476936"/>
                <a:gd name="connsiteX51" fmla="*/ 273004 w 2368230"/>
                <a:gd name="connsiteY51" fmla="*/ 460490 h 476936"/>
                <a:gd name="connsiteX52" fmla="*/ 266426 w 2368230"/>
                <a:gd name="connsiteY52" fmla="*/ 453911 h 476936"/>
                <a:gd name="connsiteX53" fmla="*/ 246690 w 2368230"/>
                <a:gd name="connsiteY53" fmla="*/ 447333 h 476936"/>
                <a:gd name="connsiteX54" fmla="*/ 236823 w 2368230"/>
                <a:gd name="connsiteY54" fmla="*/ 444044 h 476936"/>
                <a:gd name="connsiteX55" fmla="*/ 226955 w 2368230"/>
                <a:gd name="connsiteY55" fmla="*/ 440755 h 476936"/>
                <a:gd name="connsiteX56" fmla="*/ 138147 w 2368230"/>
                <a:gd name="connsiteY56" fmla="*/ 437465 h 476936"/>
                <a:gd name="connsiteX57" fmla="*/ 85519 w 2368230"/>
                <a:gd name="connsiteY57" fmla="*/ 440755 h 476936"/>
                <a:gd name="connsiteX58" fmla="*/ 69073 w 2368230"/>
                <a:gd name="connsiteY58" fmla="*/ 444044 h 476936"/>
                <a:gd name="connsiteX59" fmla="*/ 0 w 2368230"/>
                <a:gd name="connsiteY5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50541 w 2368230"/>
                <a:gd name="connsiteY15" fmla="*/ 365103 h 476936"/>
                <a:gd name="connsiteX16" fmla="*/ 1437384 w 2368230"/>
                <a:gd name="connsiteY16" fmla="*/ 378260 h 476936"/>
                <a:gd name="connsiteX17" fmla="*/ 1417649 w 2368230"/>
                <a:gd name="connsiteY17" fmla="*/ 388127 h 476936"/>
                <a:gd name="connsiteX18" fmla="*/ 1397913 w 2368230"/>
                <a:gd name="connsiteY18" fmla="*/ 401284 h 476936"/>
                <a:gd name="connsiteX19" fmla="*/ 1374889 w 2368230"/>
                <a:gd name="connsiteY19" fmla="*/ 411152 h 476936"/>
                <a:gd name="connsiteX20" fmla="*/ 1358443 w 2368230"/>
                <a:gd name="connsiteY20" fmla="*/ 424308 h 476936"/>
                <a:gd name="connsiteX21" fmla="*/ 1341997 w 2368230"/>
                <a:gd name="connsiteY21" fmla="*/ 427598 h 476936"/>
                <a:gd name="connsiteX22" fmla="*/ 1328840 w 2368230"/>
                <a:gd name="connsiteY22" fmla="*/ 430887 h 476936"/>
                <a:gd name="connsiteX23" fmla="*/ 1309105 w 2368230"/>
                <a:gd name="connsiteY23" fmla="*/ 444044 h 476936"/>
                <a:gd name="connsiteX24" fmla="*/ 1276213 w 2368230"/>
                <a:gd name="connsiteY24" fmla="*/ 453911 h 476936"/>
                <a:gd name="connsiteX25" fmla="*/ 1266345 w 2368230"/>
                <a:gd name="connsiteY25" fmla="*/ 457201 h 476936"/>
                <a:gd name="connsiteX26" fmla="*/ 1236742 w 2368230"/>
                <a:gd name="connsiteY26" fmla="*/ 473647 h 476936"/>
                <a:gd name="connsiteX27" fmla="*/ 1223585 w 2368230"/>
                <a:gd name="connsiteY27" fmla="*/ 476936 h 476936"/>
                <a:gd name="connsiteX28" fmla="*/ 1098595 w 2368230"/>
                <a:gd name="connsiteY28" fmla="*/ 473647 h 476936"/>
                <a:gd name="connsiteX29" fmla="*/ 1088728 w 2368230"/>
                <a:gd name="connsiteY29" fmla="*/ 467068 h 476936"/>
                <a:gd name="connsiteX30" fmla="*/ 1068993 w 2368230"/>
                <a:gd name="connsiteY30" fmla="*/ 460490 h 476936"/>
                <a:gd name="connsiteX31" fmla="*/ 1045968 w 2368230"/>
                <a:gd name="connsiteY31" fmla="*/ 453911 h 476936"/>
                <a:gd name="connsiteX32" fmla="*/ 1036100 w 2368230"/>
                <a:gd name="connsiteY32" fmla="*/ 447333 h 476936"/>
                <a:gd name="connsiteX33" fmla="*/ 1016365 w 2368230"/>
                <a:gd name="connsiteY33" fmla="*/ 440755 h 476936"/>
                <a:gd name="connsiteX34" fmla="*/ 1009787 w 2368230"/>
                <a:gd name="connsiteY34" fmla="*/ 434176 h 476936"/>
                <a:gd name="connsiteX35" fmla="*/ 990052 w 2368230"/>
                <a:gd name="connsiteY35" fmla="*/ 427598 h 476936"/>
                <a:gd name="connsiteX36" fmla="*/ 967027 w 2368230"/>
                <a:gd name="connsiteY36" fmla="*/ 430887 h 476936"/>
                <a:gd name="connsiteX37" fmla="*/ 953870 w 2368230"/>
                <a:gd name="connsiteY37" fmla="*/ 434176 h 476936"/>
                <a:gd name="connsiteX38" fmla="*/ 759807 w 2368230"/>
                <a:gd name="connsiteY38" fmla="*/ 440755 h 476936"/>
                <a:gd name="connsiteX39" fmla="*/ 697312 w 2368230"/>
                <a:gd name="connsiteY39" fmla="*/ 447333 h 476936"/>
                <a:gd name="connsiteX40" fmla="*/ 677577 w 2368230"/>
                <a:gd name="connsiteY40" fmla="*/ 450622 h 476936"/>
                <a:gd name="connsiteX41" fmla="*/ 522984 w 2368230"/>
                <a:gd name="connsiteY41" fmla="*/ 447333 h 476936"/>
                <a:gd name="connsiteX42" fmla="*/ 503249 w 2368230"/>
                <a:gd name="connsiteY42" fmla="*/ 440755 h 476936"/>
                <a:gd name="connsiteX43" fmla="*/ 490092 w 2368230"/>
                <a:gd name="connsiteY43" fmla="*/ 437465 h 476936"/>
                <a:gd name="connsiteX44" fmla="*/ 430886 w 2368230"/>
                <a:gd name="connsiteY44" fmla="*/ 440755 h 476936"/>
                <a:gd name="connsiteX45" fmla="*/ 421018 w 2368230"/>
                <a:gd name="connsiteY45" fmla="*/ 444044 h 476936"/>
                <a:gd name="connsiteX46" fmla="*/ 384837 w 2368230"/>
                <a:gd name="connsiteY46" fmla="*/ 453911 h 476936"/>
                <a:gd name="connsiteX47" fmla="*/ 365102 w 2368230"/>
                <a:gd name="connsiteY47" fmla="*/ 457201 h 476936"/>
                <a:gd name="connsiteX48" fmla="*/ 335499 w 2368230"/>
                <a:gd name="connsiteY48" fmla="*/ 467068 h 476936"/>
                <a:gd name="connsiteX49" fmla="*/ 282872 w 2368230"/>
                <a:gd name="connsiteY49" fmla="*/ 463779 h 476936"/>
                <a:gd name="connsiteX50" fmla="*/ 273004 w 2368230"/>
                <a:gd name="connsiteY50" fmla="*/ 460490 h 476936"/>
                <a:gd name="connsiteX51" fmla="*/ 266426 w 2368230"/>
                <a:gd name="connsiteY51" fmla="*/ 453911 h 476936"/>
                <a:gd name="connsiteX52" fmla="*/ 246690 w 2368230"/>
                <a:gd name="connsiteY52" fmla="*/ 447333 h 476936"/>
                <a:gd name="connsiteX53" fmla="*/ 236823 w 2368230"/>
                <a:gd name="connsiteY53" fmla="*/ 444044 h 476936"/>
                <a:gd name="connsiteX54" fmla="*/ 226955 w 2368230"/>
                <a:gd name="connsiteY54" fmla="*/ 440755 h 476936"/>
                <a:gd name="connsiteX55" fmla="*/ 138147 w 2368230"/>
                <a:gd name="connsiteY55" fmla="*/ 437465 h 476936"/>
                <a:gd name="connsiteX56" fmla="*/ 85519 w 2368230"/>
                <a:gd name="connsiteY56" fmla="*/ 440755 h 476936"/>
                <a:gd name="connsiteX57" fmla="*/ 69073 w 2368230"/>
                <a:gd name="connsiteY57" fmla="*/ 444044 h 476936"/>
                <a:gd name="connsiteX58" fmla="*/ 0 w 2368230"/>
                <a:gd name="connsiteY5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37384 w 2368230"/>
                <a:gd name="connsiteY15" fmla="*/ 378260 h 476936"/>
                <a:gd name="connsiteX16" fmla="*/ 1417649 w 2368230"/>
                <a:gd name="connsiteY16" fmla="*/ 388127 h 476936"/>
                <a:gd name="connsiteX17" fmla="*/ 1397913 w 2368230"/>
                <a:gd name="connsiteY17" fmla="*/ 401284 h 476936"/>
                <a:gd name="connsiteX18" fmla="*/ 1374889 w 2368230"/>
                <a:gd name="connsiteY18" fmla="*/ 411152 h 476936"/>
                <a:gd name="connsiteX19" fmla="*/ 1358443 w 2368230"/>
                <a:gd name="connsiteY19" fmla="*/ 424308 h 476936"/>
                <a:gd name="connsiteX20" fmla="*/ 1341997 w 2368230"/>
                <a:gd name="connsiteY20" fmla="*/ 427598 h 476936"/>
                <a:gd name="connsiteX21" fmla="*/ 1328840 w 2368230"/>
                <a:gd name="connsiteY21" fmla="*/ 430887 h 476936"/>
                <a:gd name="connsiteX22" fmla="*/ 1309105 w 2368230"/>
                <a:gd name="connsiteY22" fmla="*/ 444044 h 476936"/>
                <a:gd name="connsiteX23" fmla="*/ 1276213 w 2368230"/>
                <a:gd name="connsiteY23" fmla="*/ 453911 h 476936"/>
                <a:gd name="connsiteX24" fmla="*/ 1266345 w 2368230"/>
                <a:gd name="connsiteY24" fmla="*/ 457201 h 476936"/>
                <a:gd name="connsiteX25" fmla="*/ 1236742 w 2368230"/>
                <a:gd name="connsiteY25" fmla="*/ 473647 h 476936"/>
                <a:gd name="connsiteX26" fmla="*/ 1223585 w 2368230"/>
                <a:gd name="connsiteY26" fmla="*/ 476936 h 476936"/>
                <a:gd name="connsiteX27" fmla="*/ 1098595 w 2368230"/>
                <a:gd name="connsiteY27" fmla="*/ 473647 h 476936"/>
                <a:gd name="connsiteX28" fmla="*/ 1088728 w 2368230"/>
                <a:gd name="connsiteY28" fmla="*/ 467068 h 476936"/>
                <a:gd name="connsiteX29" fmla="*/ 1068993 w 2368230"/>
                <a:gd name="connsiteY29" fmla="*/ 460490 h 476936"/>
                <a:gd name="connsiteX30" fmla="*/ 1045968 w 2368230"/>
                <a:gd name="connsiteY30" fmla="*/ 453911 h 476936"/>
                <a:gd name="connsiteX31" fmla="*/ 1036100 w 2368230"/>
                <a:gd name="connsiteY31" fmla="*/ 447333 h 476936"/>
                <a:gd name="connsiteX32" fmla="*/ 1016365 w 2368230"/>
                <a:gd name="connsiteY32" fmla="*/ 440755 h 476936"/>
                <a:gd name="connsiteX33" fmla="*/ 1009787 w 2368230"/>
                <a:gd name="connsiteY33" fmla="*/ 434176 h 476936"/>
                <a:gd name="connsiteX34" fmla="*/ 990052 w 2368230"/>
                <a:gd name="connsiteY34" fmla="*/ 427598 h 476936"/>
                <a:gd name="connsiteX35" fmla="*/ 967027 w 2368230"/>
                <a:gd name="connsiteY35" fmla="*/ 430887 h 476936"/>
                <a:gd name="connsiteX36" fmla="*/ 953870 w 2368230"/>
                <a:gd name="connsiteY36" fmla="*/ 434176 h 476936"/>
                <a:gd name="connsiteX37" fmla="*/ 759807 w 2368230"/>
                <a:gd name="connsiteY37" fmla="*/ 440755 h 476936"/>
                <a:gd name="connsiteX38" fmla="*/ 697312 w 2368230"/>
                <a:gd name="connsiteY38" fmla="*/ 447333 h 476936"/>
                <a:gd name="connsiteX39" fmla="*/ 677577 w 2368230"/>
                <a:gd name="connsiteY39" fmla="*/ 450622 h 476936"/>
                <a:gd name="connsiteX40" fmla="*/ 522984 w 2368230"/>
                <a:gd name="connsiteY40" fmla="*/ 447333 h 476936"/>
                <a:gd name="connsiteX41" fmla="*/ 503249 w 2368230"/>
                <a:gd name="connsiteY41" fmla="*/ 440755 h 476936"/>
                <a:gd name="connsiteX42" fmla="*/ 490092 w 2368230"/>
                <a:gd name="connsiteY42" fmla="*/ 437465 h 476936"/>
                <a:gd name="connsiteX43" fmla="*/ 430886 w 2368230"/>
                <a:gd name="connsiteY43" fmla="*/ 440755 h 476936"/>
                <a:gd name="connsiteX44" fmla="*/ 421018 w 2368230"/>
                <a:gd name="connsiteY44" fmla="*/ 444044 h 476936"/>
                <a:gd name="connsiteX45" fmla="*/ 384837 w 2368230"/>
                <a:gd name="connsiteY45" fmla="*/ 453911 h 476936"/>
                <a:gd name="connsiteX46" fmla="*/ 365102 w 2368230"/>
                <a:gd name="connsiteY46" fmla="*/ 457201 h 476936"/>
                <a:gd name="connsiteX47" fmla="*/ 335499 w 2368230"/>
                <a:gd name="connsiteY47" fmla="*/ 467068 h 476936"/>
                <a:gd name="connsiteX48" fmla="*/ 282872 w 2368230"/>
                <a:gd name="connsiteY48" fmla="*/ 463779 h 476936"/>
                <a:gd name="connsiteX49" fmla="*/ 273004 w 2368230"/>
                <a:gd name="connsiteY49" fmla="*/ 460490 h 476936"/>
                <a:gd name="connsiteX50" fmla="*/ 266426 w 2368230"/>
                <a:gd name="connsiteY50" fmla="*/ 453911 h 476936"/>
                <a:gd name="connsiteX51" fmla="*/ 246690 w 2368230"/>
                <a:gd name="connsiteY51" fmla="*/ 447333 h 476936"/>
                <a:gd name="connsiteX52" fmla="*/ 236823 w 2368230"/>
                <a:gd name="connsiteY52" fmla="*/ 444044 h 476936"/>
                <a:gd name="connsiteX53" fmla="*/ 226955 w 2368230"/>
                <a:gd name="connsiteY53" fmla="*/ 440755 h 476936"/>
                <a:gd name="connsiteX54" fmla="*/ 138147 w 2368230"/>
                <a:gd name="connsiteY54" fmla="*/ 437465 h 476936"/>
                <a:gd name="connsiteX55" fmla="*/ 85519 w 2368230"/>
                <a:gd name="connsiteY55" fmla="*/ 440755 h 476936"/>
                <a:gd name="connsiteX56" fmla="*/ 69073 w 2368230"/>
                <a:gd name="connsiteY56" fmla="*/ 444044 h 476936"/>
                <a:gd name="connsiteX57" fmla="*/ 0 w 2368230"/>
                <a:gd name="connsiteY5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17649 w 2368230"/>
                <a:gd name="connsiteY15" fmla="*/ 388127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97913 w 2368230"/>
                <a:gd name="connsiteY16" fmla="*/ 401284 h 476936"/>
                <a:gd name="connsiteX17" fmla="*/ 1374889 w 2368230"/>
                <a:gd name="connsiteY17" fmla="*/ 411152 h 476936"/>
                <a:gd name="connsiteX18" fmla="*/ 1358443 w 2368230"/>
                <a:gd name="connsiteY18" fmla="*/ 424308 h 476936"/>
                <a:gd name="connsiteX19" fmla="*/ 1341997 w 2368230"/>
                <a:gd name="connsiteY19" fmla="*/ 427598 h 476936"/>
                <a:gd name="connsiteX20" fmla="*/ 1328840 w 2368230"/>
                <a:gd name="connsiteY20" fmla="*/ 430887 h 476936"/>
                <a:gd name="connsiteX21" fmla="*/ 1309105 w 2368230"/>
                <a:gd name="connsiteY21" fmla="*/ 444044 h 476936"/>
                <a:gd name="connsiteX22" fmla="*/ 1276213 w 2368230"/>
                <a:gd name="connsiteY22" fmla="*/ 453911 h 476936"/>
                <a:gd name="connsiteX23" fmla="*/ 1266345 w 2368230"/>
                <a:gd name="connsiteY23" fmla="*/ 457201 h 476936"/>
                <a:gd name="connsiteX24" fmla="*/ 1236742 w 2368230"/>
                <a:gd name="connsiteY24" fmla="*/ 473647 h 476936"/>
                <a:gd name="connsiteX25" fmla="*/ 1223585 w 2368230"/>
                <a:gd name="connsiteY25" fmla="*/ 476936 h 476936"/>
                <a:gd name="connsiteX26" fmla="*/ 1098595 w 2368230"/>
                <a:gd name="connsiteY26" fmla="*/ 473647 h 476936"/>
                <a:gd name="connsiteX27" fmla="*/ 1088728 w 2368230"/>
                <a:gd name="connsiteY27" fmla="*/ 467068 h 476936"/>
                <a:gd name="connsiteX28" fmla="*/ 1068993 w 2368230"/>
                <a:gd name="connsiteY28" fmla="*/ 460490 h 476936"/>
                <a:gd name="connsiteX29" fmla="*/ 1045968 w 2368230"/>
                <a:gd name="connsiteY29" fmla="*/ 453911 h 476936"/>
                <a:gd name="connsiteX30" fmla="*/ 1036100 w 2368230"/>
                <a:gd name="connsiteY30" fmla="*/ 447333 h 476936"/>
                <a:gd name="connsiteX31" fmla="*/ 1016365 w 2368230"/>
                <a:gd name="connsiteY31" fmla="*/ 440755 h 476936"/>
                <a:gd name="connsiteX32" fmla="*/ 1009787 w 2368230"/>
                <a:gd name="connsiteY32" fmla="*/ 434176 h 476936"/>
                <a:gd name="connsiteX33" fmla="*/ 990052 w 2368230"/>
                <a:gd name="connsiteY33" fmla="*/ 427598 h 476936"/>
                <a:gd name="connsiteX34" fmla="*/ 967027 w 2368230"/>
                <a:gd name="connsiteY34" fmla="*/ 430887 h 476936"/>
                <a:gd name="connsiteX35" fmla="*/ 953870 w 2368230"/>
                <a:gd name="connsiteY35" fmla="*/ 434176 h 476936"/>
                <a:gd name="connsiteX36" fmla="*/ 759807 w 2368230"/>
                <a:gd name="connsiteY36" fmla="*/ 440755 h 476936"/>
                <a:gd name="connsiteX37" fmla="*/ 697312 w 2368230"/>
                <a:gd name="connsiteY37" fmla="*/ 447333 h 476936"/>
                <a:gd name="connsiteX38" fmla="*/ 677577 w 2368230"/>
                <a:gd name="connsiteY38" fmla="*/ 450622 h 476936"/>
                <a:gd name="connsiteX39" fmla="*/ 522984 w 2368230"/>
                <a:gd name="connsiteY39" fmla="*/ 447333 h 476936"/>
                <a:gd name="connsiteX40" fmla="*/ 503249 w 2368230"/>
                <a:gd name="connsiteY40" fmla="*/ 440755 h 476936"/>
                <a:gd name="connsiteX41" fmla="*/ 490092 w 2368230"/>
                <a:gd name="connsiteY41" fmla="*/ 437465 h 476936"/>
                <a:gd name="connsiteX42" fmla="*/ 430886 w 2368230"/>
                <a:gd name="connsiteY42" fmla="*/ 440755 h 476936"/>
                <a:gd name="connsiteX43" fmla="*/ 421018 w 2368230"/>
                <a:gd name="connsiteY43" fmla="*/ 444044 h 476936"/>
                <a:gd name="connsiteX44" fmla="*/ 384837 w 2368230"/>
                <a:gd name="connsiteY44" fmla="*/ 453911 h 476936"/>
                <a:gd name="connsiteX45" fmla="*/ 365102 w 2368230"/>
                <a:gd name="connsiteY45" fmla="*/ 457201 h 476936"/>
                <a:gd name="connsiteX46" fmla="*/ 335499 w 2368230"/>
                <a:gd name="connsiteY46" fmla="*/ 467068 h 476936"/>
                <a:gd name="connsiteX47" fmla="*/ 282872 w 2368230"/>
                <a:gd name="connsiteY47" fmla="*/ 463779 h 476936"/>
                <a:gd name="connsiteX48" fmla="*/ 273004 w 2368230"/>
                <a:gd name="connsiteY48" fmla="*/ 460490 h 476936"/>
                <a:gd name="connsiteX49" fmla="*/ 266426 w 2368230"/>
                <a:gd name="connsiteY49" fmla="*/ 453911 h 476936"/>
                <a:gd name="connsiteX50" fmla="*/ 246690 w 2368230"/>
                <a:gd name="connsiteY50" fmla="*/ 447333 h 476936"/>
                <a:gd name="connsiteX51" fmla="*/ 236823 w 2368230"/>
                <a:gd name="connsiteY51" fmla="*/ 444044 h 476936"/>
                <a:gd name="connsiteX52" fmla="*/ 226955 w 2368230"/>
                <a:gd name="connsiteY52" fmla="*/ 440755 h 476936"/>
                <a:gd name="connsiteX53" fmla="*/ 138147 w 2368230"/>
                <a:gd name="connsiteY53" fmla="*/ 437465 h 476936"/>
                <a:gd name="connsiteX54" fmla="*/ 85519 w 2368230"/>
                <a:gd name="connsiteY54" fmla="*/ 440755 h 476936"/>
                <a:gd name="connsiteX55" fmla="*/ 69073 w 2368230"/>
                <a:gd name="connsiteY55" fmla="*/ 444044 h 476936"/>
                <a:gd name="connsiteX56" fmla="*/ 0 w 2368230"/>
                <a:gd name="connsiteY5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74889 w 2368230"/>
                <a:gd name="connsiteY16" fmla="*/ 411152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58443 w 2368230"/>
                <a:gd name="connsiteY17" fmla="*/ 424308 h 476936"/>
                <a:gd name="connsiteX18" fmla="*/ 1341997 w 2368230"/>
                <a:gd name="connsiteY18" fmla="*/ 427598 h 476936"/>
                <a:gd name="connsiteX19" fmla="*/ 1328840 w 2368230"/>
                <a:gd name="connsiteY19" fmla="*/ 430887 h 476936"/>
                <a:gd name="connsiteX20" fmla="*/ 1309105 w 2368230"/>
                <a:gd name="connsiteY20" fmla="*/ 444044 h 476936"/>
                <a:gd name="connsiteX21" fmla="*/ 1276213 w 2368230"/>
                <a:gd name="connsiteY21" fmla="*/ 453911 h 476936"/>
                <a:gd name="connsiteX22" fmla="*/ 1266345 w 2368230"/>
                <a:gd name="connsiteY22" fmla="*/ 457201 h 476936"/>
                <a:gd name="connsiteX23" fmla="*/ 1236742 w 2368230"/>
                <a:gd name="connsiteY23" fmla="*/ 473647 h 476936"/>
                <a:gd name="connsiteX24" fmla="*/ 1223585 w 2368230"/>
                <a:gd name="connsiteY24" fmla="*/ 476936 h 476936"/>
                <a:gd name="connsiteX25" fmla="*/ 1098595 w 2368230"/>
                <a:gd name="connsiteY25" fmla="*/ 473647 h 476936"/>
                <a:gd name="connsiteX26" fmla="*/ 1088728 w 2368230"/>
                <a:gd name="connsiteY26" fmla="*/ 467068 h 476936"/>
                <a:gd name="connsiteX27" fmla="*/ 1068993 w 2368230"/>
                <a:gd name="connsiteY27" fmla="*/ 460490 h 476936"/>
                <a:gd name="connsiteX28" fmla="*/ 1045968 w 2368230"/>
                <a:gd name="connsiteY28" fmla="*/ 453911 h 476936"/>
                <a:gd name="connsiteX29" fmla="*/ 1036100 w 2368230"/>
                <a:gd name="connsiteY29" fmla="*/ 447333 h 476936"/>
                <a:gd name="connsiteX30" fmla="*/ 1016365 w 2368230"/>
                <a:gd name="connsiteY30" fmla="*/ 440755 h 476936"/>
                <a:gd name="connsiteX31" fmla="*/ 1009787 w 2368230"/>
                <a:gd name="connsiteY31" fmla="*/ 434176 h 476936"/>
                <a:gd name="connsiteX32" fmla="*/ 990052 w 2368230"/>
                <a:gd name="connsiteY32" fmla="*/ 427598 h 476936"/>
                <a:gd name="connsiteX33" fmla="*/ 967027 w 2368230"/>
                <a:gd name="connsiteY33" fmla="*/ 430887 h 476936"/>
                <a:gd name="connsiteX34" fmla="*/ 953870 w 2368230"/>
                <a:gd name="connsiteY34" fmla="*/ 434176 h 476936"/>
                <a:gd name="connsiteX35" fmla="*/ 759807 w 2368230"/>
                <a:gd name="connsiteY35" fmla="*/ 440755 h 476936"/>
                <a:gd name="connsiteX36" fmla="*/ 697312 w 2368230"/>
                <a:gd name="connsiteY36" fmla="*/ 447333 h 476936"/>
                <a:gd name="connsiteX37" fmla="*/ 677577 w 2368230"/>
                <a:gd name="connsiteY37" fmla="*/ 450622 h 476936"/>
                <a:gd name="connsiteX38" fmla="*/ 522984 w 2368230"/>
                <a:gd name="connsiteY38" fmla="*/ 447333 h 476936"/>
                <a:gd name="connsiteX39" fmla="*/ 503249 w 2368230"/>
                <a:gd name="connsiteY39" fmla="*/ 440755 h 476936"/>
                <a:gd name="connsiteX40" fmla="*/ 490092 w 2368230"/>
                <a:gd name="connsiteY40" fmla="*/ 437465 h 476936"/>
                <a:gd name="connsiteX41" fmla="*/ 430886 w 2368230"/>
                <a:gd name="connsiteY41" fmla="*/ 440755 h 476936"/>
                <a:gd name="connsiteX42" fmla="*/ 421018 w 2368230"/>
                <a:gd name="connsiteY42" fmla="*/ 444044 h 476936"/>
                <a:gd name="connsiteX43" fmla="*/ 384837 w 2368230"/>
                <a:gd name="connsiteY43" fmla="*/ 453911 h 476936"/>
                <a:gd name="connsiteX44" fmla="*/ 365102 w 2368230"/>
                <a:gd name="connsiteY44" fmla="*/ 457201 h 476936"/>
                <a:gd name="connsiteX45" fmla="*/ 335499 w 2368230"/>
                <a:gd name="connsiteY45" fmla="*/ 467068 h 476936"/>
                <a:gd name="connsiteX46" fmla="*/ 282872 w 2368230"/>
                <a:gd name="connsiteY46" fmla="*/ 463779 h 476936"/>
                <a:gd name="connsiteX47" fmla="*/ 273004 w 2368230"/>
                <a:gd name="connsiteY47" fmla="*/ 460490 h 476936"/>
                <a:gd name="connsiteX48" fmla="*/ 266426 w 2368230"/>
                <a:gd name="connsiteY48" fmla="*/ 453911 h 476936"/>
                <a:gd name="connsiteX49" fmla="*/ 246690 w 2368230"/>
                <a:gd name="connsiteY49" fmla="*/ 447333 h 476936"/>
                <a:gd name="connsiteX50" fmla="*/ 236823 w 2368230"/>
                <a:gd name="connsiteY50" fmla="*/ 444044 h 476936"/>
                <a:gd name="connsiteX51" fmla="*/ 226955 w 2368230"/>
                <a:gd name="connsiteY51" fmla="*/ 440755 h 476936"/>
                <a:gd name="connsiteX52" fmla="*/ 138147 w 2368230"/>
                <a:gd name="connsiteY52" fmla="*/ 437465 h 476936"/>
                <a:gd name="connsiteX53" fmla="*/ 85519 w 2368230"/>
                <a:gd name="connsiteY53" fmla="*/ 440755 h 476936"/>
                <a:gd name="connsiteX54" fmla="*/ 69073 w 2368230"/>
                <a:gd name="connsiteY54" fmla="*/ 444044 h 476936"/>
                <a:gd name="connsiteX55" fmla="*/ 0 w 2368230"/>
                <a:gd name="connsiteY5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41997 w 2368230"/>
                <a:gd name="connsiteY17" fmla="*/ 427598 h 476936"/>
                <a:gd name="connsiteX18" fmla="*/ 1328840 w 2368230"/>
                <a:gd name="connsiteY18" fmla="*/ 430887 h 476936"/>
                <a:gd name="connsiteX19" fmla="*/ 1309105 w 2368230"/>
                <a:gd name="connsiteY19" fmla="*/ 444044 h 476936"/>
                <a:gd name="connsiteX20" fmla="*/ 1276213 w 2368230"/>
                <a:gd name="connsiteY20" fmla="*/ 453911 h 476936"/>
                <a:gd name="connsiteX21" fmla="*/ 1266345 w 2368230"/>
                <a:gd name="connsiteY21" fmla="*/ 457201 h 476936"/>
                <a:gd name="connsiteX22" fmla="*/ 1236742 w 2368230"/>
                <a:gd name="connsiteY22" fmla="*/ 473647 h 476936"/>
                <a:gd name="connsiteX23" fmla="*/ 1223585 w 2368230"/>
                <a:gd name="connsiteY23" fmla="*/ 476936 h 476936"/>
                <a:gd name="connsiteX24" fmla="*/ 1098595 w 2368230"/>
                <a:gd name="connsiteY24" fmla="*/ 473647 h 476936"/>
                <a:gd name="connsiteX25" fmla="*/ 1088728 w 2368230"/>
                <a:gd name="connsiteY25" fmla="*/ 467068 h 476936"/>
                <a:gd name="connsiteX26" fmla="*/ 1068993 w 2368230"/>
                <a:gd name="connsiteY26" fmla="*/ 460490 h 476936"/>
                <a:gd name="connsiteX27" fmla="*/ 1045968 w 2368230"/>
                <a:gd name="connsiteY27" fmla="*/ 453911 h 476936"/>
                <a:gd name="connsiteX28" fmla="*/ 1036100 w 2368230"/>
                <a:gd name="connsiteY28" fmla="*/ 447333 h 476936"/>
                <a:gd name="connsiteX29" fmla="*/ 1016365 w 2368230"/>
                <a:gd name="connsiteY29" fmla="*/ 440755 h 476936"/>
                <a:gd name="connsiteX30" fmla="*/ 1009787 w 2368230"/>
                <a:gd name="connsiteY30" fmla="*/ 434176 h 476936"/>
                <a:gd name="connsiteX31" fmla="*/ 990052 w 2368230"/>
                <a:gd name="connsiteY31" fmla="*/ 427598 h 476936"/>
                <a:gd name="connsiteX32" fmla="*/ 967027 w 2368230"/>
                <a:gd name="connsiteY32" fmla="*/ 430887 h 476936"/>
                <a:gd name="connsiteX33" fmla="*/ 953870 w 2368230"/>
                <a:gd name="connsiteY33" fmla="*/ 434176 h 476936"/>
                <a:gd name="connsiteX34" fmla="*/ 759807 w 2368230"/>
                <a:gd name="connsiteY34" fmla="*/ 440755 h 476936"/>
                <a:gd name="connsiteX35" fmla="*/ 697312 w 2368230"/>
                <a:gd name="connsiteY35" fmla="*/ 447333 h 476936"/>
                <a:gd name="connsiteX36" fmla="*/ 677577 w 2368230"/>
                <a:gd name="connsiteY36" fmla="*/ 450622 h 476936"/>
                <a:gd name="connsiteX37" fmla="*/ 522984 w 2368230"/>
                <a:gd name="connsiteY37" fmla="*/ 447333 h 476936"/>
                <a:gd name="connsiteX38" fmla="*/ 503249 w 2368230"/>
                <a:gd name="connsiteY38" fmla="*/ 440755 h 476936"/>
                <a:gd name="connsiteX39" fmla="*/ 490092 w 2368230"/>
                <a:gd name="connsiteY39" fmla="*/ 437465 h 476936"/>
                <a:gd name="connsiteX40" fmla="*/ 430886 w 2368230"/>
                <a:gd name="connsiteY40" fmla="*/ 440755 h 476936"/>
                <a:gd name="connsiteX41" fmla="*/ 421018 w 2368230"/>
                <a:gd name="connsiteY41" fmla="*/ 444044 h 476936"/>
                <a:gd name="connsiteX42" fmla="*/ 384837 w 2368230"/>
                <a:gd name="connsiteY42" fmla="*/ 453911 h 476936"/>
                <a:gd name="connsiteX43" fmla="*/ 365102 w 2368230"/>
                <a:gd name="connsiteY43" fmla="*/ 457201 h 476936"/>
                <a:gd name="connsiteX44" fmla="*/ 335499 w 2368230"/>
                <a:gd name="connsiteY44" fmla="*/ 467068 h 476936"/>
                <a:gd name="connsiteX45" fmla="*/ 282872 w 2368230"/>
                <a:gd name="connsiteY45" fmla="*/ 463779 h 476936"/>
                <a:gd name="connsiteX46" fmla="*/ 273004 w 2368230"/>
                <a:gd name="connsiteY46" fmla="*/ 460490 h 476936"/>
                <a:gd name="connsiteX47" fmla="*/ 266426 w 2368230"/>
                <a:gd name="connsiteY47" fmla="*/ 453911 h 476936"/>
                <a:gd name="connsiteX48" fmla="*/ 246690 w 2368230"/>
                <a:gd name="connsiteY48" fmla="*/ 447333 h 476936"/>
                <a:gd name="connsiteX49" fmla="*/ 236823 w 2368230"/>
                <a:gd name="connsiteY49" fmla="*/ 444044 h 476936"/>
                <a:gd name="connsiteX50" fmla="*/ 226955 w 2368230"/>
                <a:gd name="connsiteY50" fmla="*/ 440755 h 476936"/>
                <a:gd name="connsiteX51" fmla="*/ 138147 w 2368230"/>
                <a:gd name="connsiteY51" fmla="*/ 437465 h 476936"/>
                <a:gd name="connsiteX52" fmla="*/ 85519 w 2368230"/>
                <a:gd name="connsiteY52" fmla="*/ 440755 h 476936"/>
                <a:gd name="connsiteX53" fmla="*/ 69073 w 2368230"/>
                <a:gd name="connsiteY53" fmla="*/ 444044 h 476936"/>
                <a:gd name="connsiteX54" fmla="*/ 0 w 2368230"/>
                <a:gd name="connsiteY5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28840 w 2368230"/>
                <a:gd name="connsiteY17" fmla="*/ 430887 h 476936"/>
                <a:gd name="connsiteX18" fmla="*/ 1309105 w 2368230"/>
                <a:gd name="connsiteY18" fmla="*/ 444044 h 476936"/>
                <a:gd name="connsiteX19" fmla="*/ 1276213 w 2368230"/>
                <a:gd name="connsiteY19" fmla="*/ 453911 h 476936"/>
                <a:gd name="connsiteX20" fmla="*/ 1266345 w 2368230"/>
                <a:gd name="connsiteY20" fmla="*/ 457201 h 476936"/>
                <a:gd name="connsiteX21" fmla="*/ 1236742 w 2368230"/>
                <a:gd name="connsiteY21" fmla="*/ 473647 h 476936"/>
                <a:gd name="connsiteX22" fmla="*/ 1223585 w 2368230"/>
                <a:gd name="connsiteY22" fmla="*/ 476936 h 476936"/>
                <a:gd name="connsiteX23" fmla="*/ 1098595 w 2368230"/>
                <a:gd name="connsiteY23" fmla="*/ 473647 h 476936"/>
                <a:gd name="connsiteX24" fmla="*/ 1088728 w 2368230"/>
                <a:gd name="connsiteY24" fmla="*/ 467068 h 476936"/>
                <a:gd name="connsiteX25" fmla="*/ 1068993 w 2368230"/>
                <a:gd name="connsiteY25" fmla="*/ 460490 h 476936"/>
                <a:gd name="connsiteX26" fmla="*/ 1045968 w 2368230"/>
                <a:gd name="connsiteY26" fmla="*/ 453911 h 476936"/>
                <a:gd name="connsiteX27" fmla="*/ 1036100 w 2368230"/>
                <a:gd name="connsiteY27" fmla="*/ 447333 h 476936"/>
                <a:gd name="connsiteX28" fmla="*/ 1016365 w 2368230"/>
                <a:gd name="connsiteY28" fmla="*/ 440755 h 476936"/>
                <a:gd name="connsiteX29" fmla="*/ 1009787 w 2368230"/>
                <a:gd name="connsiteY29" fmla="*/ 434176 h 476936"/>
                <a:gd name="connsiteX30" fmla="*/ 990052 w 2368230"/>
                <a:gd name="connsiteY30" fmla="*/ 427598 h 476936"/>
                <a:gd name="connsiteX31" fmla="*/ 967027 w 2368230"/>
                <a:gd name="connsiteY31" fmla="*/ 430887 h 476936"/>
                <a:gd name="connsiteX32" fmla="*/ 953870 w 2368230"/>
                <a:gd name="connsiteY32" fmla="*/ 434176 h 476936"/>
                <a:gd name="connsiteX33" fmla="*/ 759807 w 2368230"/>
                <a:gd name="connsiteY33" fmla="*/ 440755 h 476936"/>
                <a:gd name="connsiteX34" fmla="*/ 697312 w 2368230"/>
                <a:gd name="connsiteY34" fmla="*/ 447333 h 476936"/>
                <a:gd name="connsiteX35" fmla="*/ 677577 w 2368230"/>
                <a:gd name="connsiteY35" fmla="*/ 450622 h 476936"/>
                <a:gd name="connsiteX36" fmla="*/ 522984 w 2368230"/>
                <a:gd name="connsiteY36" fmla="*/ 447333 h 476936"/>
                <a:gd name="connsiteX37" fmla="*/ 503249 w 2368230"/>
                <a:gd name="connsiteY37" fmla="*/ 440755 h 476936"/>
                <a:gd name="connsiteX38" fmla="*/ 490092 w 2368230"/>
                <a:gd name="connsiteY38" fmla="*/ 437465 h 476936"/>
                <a:gd name="connsiteX39" fmla="*/ 430886 w 2368230"/>
                <a:gd name="connsiteY39" fmla="*/ 440755 h 476936"/>
                <a:gd name="connsiteX40" fmla="*/ 421018 w 2368230"/>
                <a:gd name="connsiteY40" fmla="*/ 444044 h 476936"/>
                <a:gd name="connsiteX41" fmla="*/ 384837 w 2368230"/>
                <a:gd name="connsiteY41" fmla="*/ 453911 h 476936"/>
                <a:gd name="connsiteX42" fmla="*/ 365102 w 2368230"/>
                <a:gd name="connsiteY42" fmla="*/ 457201 h 476936"/>
                <a:gd name="connsiteX43" fmla="*/ 335499 w 2368230"/>
                <a:gd name="connsiteY43" fmla="*/ 467068 h 476936"/>
                <a:gd name="connsiteX44" fmla="*/ 282872 w 2368230"/>
                <a:gd name="connsiteY44" fmla="*/ 463779 h 476936"/>
                <a:gd name="connsiteX45" fmla="*/ 273004 w 2368230"/>
                <a:gd name="connsiteY45" fmla="*/ 460490 h 476936"/>
                <a:gd name="connsiteX46" fmla="*/ 266426 w 2368230"/>
                <a:gd name="connsiteY46" fmla="*/ 453911 h 476936"/>
                <a:gd name="connsiteX47" fmla="*/ 246690 w 2368230"/>
                <a:gd name="connsiteY47" fmla="*/ 447333 h 476936"/>
                <a:gd name="connsiteX48" fmla="*/ 236823 w 2368230"/>
                <a:gd name="connsiteY48" fmla="*/ 444044 h 476936"/>
                <a:gd name="connsiteX49" fmla="*/ 226955 w 2368230"/>
                <a:gd name="connsiteY49" fmla="*/ 440755 h 476936"/>
                <a:gd name="connsiteX50" fmla="*/ 138147 w 2368230"/>
                <a:gd name="connsiteY50" fmla="*/ 437465 h 476936"/>
                <a:gd name="connsiteX51" fmla="*/ 85519 w 2368230"/>
                <a:gd name="connsiteY51" fmla="*/ 440755 h 476936"/>
                <a:gd name="connsiteX52" fmla="*/ 69073 w 2368230"/>
                <a:gd name="connsiteY52" fmla="*/ 444044 h 476936"/>
                <a:gd name="connsiteX53" fmla="*/ 0 w 2368230"/>
                <a:gd name="connsiteY53"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309105 w 2368230"/>
                <a:gd name="connsiteY17" fmla="*/ 444044 h 476936"/>
                <a:gd name="connsiteX18" fmla="*/ 1276213 w 2368230"/>
                <a:gd name="connsiteY18" fmla="*/ 453911 h 476936"/>
                <a:gd name="connsiteX19" fmla="*/ 1266345 w 2368230"/>
                <a:gd name="connsiteY19" fmla="*/ 457201 h 476936"/>
                <a:gd name="connsiteX20" fmla="*/ 1236742 w 2368230"/>
                <a:gd name="connsiteY20" fmla="*/ 473647 h 476936"/>
                <a:gd name="connsiteX21" fmla="*/ 1223585 w 2368230"/>
                <a:gd name="connsiteY21" fmla="*/ 476936 h 476936"/>
                <a:gd name="connsiteX22" fmla="*/ 1098595 w 2368230"/>
                <a:gd name="connsiteY22" fmla="*/ 473647 h 476936"/>
                <a:gd name="connsiteX23" fmla="*/ 1088728 w 2368230"/>
                <a:gd name="connsiteY23" fmla="*/ 467068 h 476936"/>
                <a:gd name="connsiteX24" fmla="*/ 1068993 w 2368230"/>
                <a:gd name="connsiteY24" fmla="*/ 460490 h 476936"/>
                <a:gd name="connsiteX25" fmla="*/ 1045968 w 2368230"/>
                <a:gd name="connsiteY25" fmla="*/ 453911 h 476936"/>
                <a:gd name="connsiteX26" fmla="*/ 1036100 w 2368230"/>
                <a:gd name="connsiteY26" fmla="*/ 447333 h 476936"/>
                <a:gd name="connsiteX27" fmla="*/ 1016365 w 2368230"/>
                <a:gd name="connsiteY27" fmla="*/ 440755 h 476936"/>
                <a:gd name="connsiteX28" fmla="*/ 1009787 w 2368230"/>
                <a:gd name="connsiteY28" fmla="*/ 434176 h 476936"/>
                <a:gd name="connsiteX29" fmla="*/ 990052 w 2368230"/>
                <a:gd name="connsiteY29" fmla="*/ 427598 h 476936"/>
                <a:gd name="connsiteX30" fmla="*/ 967027 w 2368230"/>
                <a:gd name="connsiteY30" fmla="*/ 430887 h 476936"/>
                <a:gd name="connsiteX31" fmla="*/ 953870 w 2368230"/>
                <a:gd name="connsiteY31" fmla="*/ 434176 h 476936"/>
                <a:gd name="connsiteX32" fmla="*/ 759807 w 2368230"/>
                <a:gd name="connsiteY32" fmla="*/ 440755 h 476936"/>
                <a:gd name="connsiteX33" fmla="*/ 697312 w 2368230"/>
                <a:gd name="connsiteY33" fmla="*/ 447333 h 476936"/>
                <a:gd name="connsiteX34" fmla="*/ 677577 w 2368230"/>
                <a:gd name="connsiteY34" fmla="*/ 450622 h 476936"/>
                <a:gd name="connsiteX35" fmla="*/ 522984 w 2368230"/>
                <a:gd name="connsiteY35" fmla="*/ 447333 h 476936"/>
                <a:gd name="connsiteX36" fmla="*/ 503249 w 2368230"/>
                <a:gd name="connsiteY36" fmla="*/ 440755 h 476936"/>
                <a:gd name="connsiteX37" fmla="*/ 490092 w 2368230"/>
                <a:gd name="connsiteY37" fmla="*/ 437465 h 476936"/>
                <a:gd name="connsiteX38" fmla="*/ 430886 w 2368230"/>
                <a:gd name="connsiteY38" fmla="*/ 440755 h 476936"/>
                <a:gd name="connsiteX39" fmla="*/ 421018 w 2368230"/>
                <a:gd name="connsiteY39" fmla="*/ 444044 h 476936"/>
                <a:gd name="connsiteX40" fmla="*/ 384837 w 2368230"/>
                <a:gd name="connsiteY40" fmla="*/ 453911 h 476936"/>
                <a:gd name="connsiteX41" fmla="*/ 365102 w 2368230"/>
                <a:gd name="connsiteY41" fmla="*/ 457201 h 476936"/>
                <a:gd name="connsiteX42" fmla="*/ 335499 w 2368230"/>
                <a:gd name="connsiteY42" fmla="*/ 467068 h 476936"/>
                <a:gd name="connsiteX43" fmla="*/ 282872 w 2368230"/>
                <a:gd name="connsiteY43" fmla="*/ 463779 h 476936"/>
                <a:gd name="connsiteX44" fmla="*/ 273004 w 2368230"/>
                <a:gd name="connsiteY44" fmla="*/ 460490 h 476936"/>
                <a:gd name="connsiteX45" fmla="*/ 266426 w 2368230"/>
                <a:gd name="connsiteY45" fmla="*/ 453911 h 476936"/>
                <a:gd name="connsiteX46" fmla="*/ 246690 w 2368230"/>
                <a:gd name="connsiteY46" fmla="*/ 447333 h 476936"/>
                <a:gd name="connsiteX47" fmla="*/ 236823 w 2368230"/>
                <a:gd name="connsiteY47" fmla="*/ 444044 h 476936"/>
                <a:gd name="connsiteX48" fmla="*/ 226955 w 2368230"/>
                <a:gd name="connsiteY48" fmla="*/ 440755 h 476936"/>
                <a:gd name="connsiteX49" fmla="*/ 138147 w 2368230"/>
                <a:gd name="connsiteY49" fmla="*/ 437465 h 476936"/>
                <a:gd name="connsiteX50" fmla="*/ 85519 w 2368230"/>
                <a:gd name="connsiteY50" fmla="*/ 440755 h 476936"/>
                <a:gd name="connsiteX51" fmla="*/ 69073 w 2368230"/>
                <a:gd name="connsiteY51" fmla="*/ 444044 h 476936"/>
                <a:gd name="connsiteX52" fmla="*/ 0 w 2368230"/>
                <a:gd name="connsiteY52"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66345 w 2368230"/>
                <a:gd name="connsiteY18" fmla="*/ 457201 h 476936"/>
                <a:gd name="connsiteX19" fmla="*/ 1236742 w 2368230"/>
                <a:gd name="connsiteY19" fmla="*/ 473647 h 476936"/>
                <a:gd name="connsiteX20" fmla="*/ 1223585 w 2368230"/>
                <a:gd name="connsiteY20" fmla="*/ 476936 h 476936"/>
                <a:gd name="connsiteX21" fmla="*/ 1098595 w 2368230"/>
                <a:gd name="connsiteY21" fmla="*/ 473647 h 476936"/>
                <a:gd name="connsiteX22" fmla="*/ 1088728 w 2368230"/>
                <a:gd name="connsiteY22" fmla="*/ 467068 h 476936"/>
                <a:gd name="connsiteX23" fmla="*/ 1068993 w 2368230"/>
                <a:gd name="connsiteY23" fmla="*/ 460490 h 476936"/>
                <a:gd name="connsiteX24" fmla="*/ 1045968 w 2368230"/>
                <a:gd name="connsiteY24" fmla="*/ 453911 h 476936"/>
                <a:gd name="connsiteX25" fmla="*/ 1036100 w 2368230"/>
                <a:gd name="connsiteY25" fmla="*/ 447333 h 476936"/>
                <a:gd name="connsiteX26" fmla="*/ 1016365 w 2368230"/>
                <a:gd name="connsiteY26" fmla="*/ 440755 h 476936"/>
                <a:gd name="connsiteX27" fmla="*/ 1009787 w 2368230"/>
                <a:gd name="connsiteY27" fmla="*/ 434176 h 476936"/>
                <a:gd name="connsiteX28" fmla="*/ 990052 w 2368230"/>
                <a:gd name="connsiteY28" fmla="*/ 427598 h 476936"/>
                <a:gd name="connsiteX29" fmla="*/ 967027 w 2368230"/>
                <a:gd name="connsiteY29" fmla="*/ 430887 h 476936"/>
                <a:gd name="connsiteX30" fmla="*/ 953870 w 2368230"/>
                <a:gd name="connsiteY30" fmla="*/ 434176 h 476936"/>
                <a:gd name="connsiteX31" fmla="*/ 759807 w 2368230"/>
                <a:gd name="connsiteY31" fmla="*/ 440755 h 476936"/>
                <a:gd name="connsiteX32" fmla="*/ 697312 w 2368230"/>
                <a:gd name="connsiteY32" fmla="*/ 447333 h 476936"/>
                <a:gd name="connsiteX33" fmla="*/ 677577 w 2368230"/>
                <a:gd name="connsiteY33" fmla="*/ 450622 h 476936"/>
                <a:gd name="connsiteX34" fmla="*/ 522984 w 2368230"/>
                <a:gd name="connsiteY34" fmla="*/ 447333 h 476936"/>
                <a:gd name="connsiteX35" fmla="*/ 503249 w 2368230"/>
                <a:gd name="connsiteY35" fmla="*/ 440755 h 476936"/>
                <a:gd name="connsiteX36" fmla="*/ 490092 w 2368230"/>
                <a:gd name="connsiteY36" fmla="*/ 437465 h 476936"/>
                <a:gd name="connsiteX37" fmla="*/ 430886 w 2368230"/>
                <a:gd name="connsiteY37" fmla="*/ 440755 h 476936"/>
                <a:gd name="connsiteX38" fmla="*/ 421018 w 2368230"/>
                <a:gd name="connsiteY38" fmla="*/ 444044 h 476936"/>
                <a:gd name="connsiteX39" fmla="*/ 384837 w 2368230"/>
                <a:gd name="connsiteY39" fmla="*/ 453911 h 476936"/>
                <a:gd name="connsiteX40" fmla="*/ 365102 w 2368230"/>
                <a:gd name="connsiteY40" fmla="*/ 457201 h 476936"/>
                <a:gd name="connsiteX41" fmla="*/ 335499 w 2368230"/>
                <a:gd name="connsiteY41" fmla="*/ 467068 h 476936"/>
                <a:gd name="connsiteX42" fmla="*/ 282872 w 2368230"/>
                <a:gd name="connsiteY42" fmla="*/ 463779 h 476936"/>
                <a:gd name="connsiteX43" fmla="*/ 273004 w 2368230"/>
                <a:gd name="connsiteY43" fmla="*/ 460490 h 476936"/>
                <a:gd name="connsiteX44" fmla="*/ 266426 w 2368230"/>
                <a:gd name="connsiteY44" fmla="*/ 453911 h 476936"/>
                <a:gd name="connsiteX45" fmla="*/ 246690 w 2368230"/>
                <a:gd name="connsiteY45" fmla="*/ 447333 h 476936"/>
                <a:gd name="connsiteX46" fmla="*/ 236823 w 2368230"/>
                <a:gd name="connsiteY46" fmla="*/ 444044 h 476936"/>
                <a:gd name="connsiteX47" fmla="*/ 226955 w 2368230"/>
                <a:gd name="connsiteY47" fmla="*/ 440755 h 476936"/>
                <a:gd name="connsiteX48" fmla="*/ 138147 w 2368230"/>
                <a:gd name="connsiteY48" fmla="*/ 437465 h 476936"/>
                <a:gd name="connsiteX49" fmla="*/ 85519 w 2368230"/>
                <a:gd name="connsiteY49" fmla="*/ 440755 h 476936"/>
                <a:gd name="connsiteX50" fmla="*/ 69073 w 2368230"/>
                <a:gd name="connsiteY50" fmla="*/ 444044 h 476936"/>
                <a:gd name="connsiteX51" fmla="*/ 0 w 2368230"/>
                <a:gd name="connsiteY51"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335499 w 2368230"/>
                <a:gd name="connsiteY40" fmla="*/ 467068 h 476936"/>
                <a:gd name="connsiteX41" fmla="*/ 282872 w 2368230"/>
                <a:gd name="connsiteY41" fmla="*/ 463779 h 476936"/>
                <a:gd name="connsiteX42" fmla="*/ 273004 w 2368230"/>
                <a:gd name="connsiteY42" fmla="*/ 460490 h 476936"/>
                <a:gd name="connsiteX43" fmla="*/ 266426 w 2368230"/>
                <a:gd name="connsiteY43" fmla="*/ 453911 h 476936"/>
                <a:gd name="connsiteX44" fmla="*/ 246690 w 2368230"/>
                <a:gd name="connsiteY44" fmla="*/ 447333 h 476936"/>
                <a:gd name="connsiteX45" fmla="*/ 236823 w 2368230"/>
                <a:gd name="connsiteY45" fmla="*/ 444044 h 476936"/>
                <a:gd name="connsiteX46" fmla="*/ 226955 w 2368230"/>
                <a:gd name="connsiteY46" fmla="*/ 440755 h 476936"/>
                <a:gd name="connsiteX47" fmla="*/ 138147 w 2368230"/>
                <a:gd name="connsiteY47" fmla="*/ 437465 h 476936"/>
                <a:gd name="connsiteX48" fmla="*/ 85519 w 2368230"/>
                <a:gd name="connsiteY48" fmla="*/ 440755 h 476936"/>
                <a:gd name="connsiteX49" fmla="*/ 69073 w 2368230"/>
                <a:gd name="connsiteY49" fmla="*/ 444044 h 476936"/>
                <a:gd name="connsiteX50" fmla="*/ 0 w 2368230"/>
                <a:gd name="connsiteY50"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73004 w 2368230"/>
                <a:gd name="connsiteY41" fmla="*/ 460490 h 476936"/>
                <a:gd name="connsiteX42" fmla="*/ 266426 w 2368230"/>
                <a:gd name="connsiteY42" fmla="*/ 453911 h 476936"/>
                <a:gd name="connsiteX43" fmla="*/ 246690 w 2368230"/>
                <a:gd name="connsiteY43" fmla="*/ 447333 h 476936"/>
                <a:gd name="connsiteX44" fmla="*/ 236823 w 2368230"/>
                <a:gd name="connsiteY44" fmla="*/ 444044 h 476936"/>
                <a:gd name="connsiteX45" fmla="*/ 226955 w 2368230"/>
                <a:gd name="connsiteY45" fmla="*/ 440755 h 476936"/>
                <a:gd name="connsiteX46" fmla="*/ 138147 w 2368230"/>
                <a:gd name="connsiteY46" fmla="*/ 437465 h 476936"/>
                <a:gd name="connsiteX47" fmla="*/ 85519 w 2368230"/>
                <a:gd name="connsiteY47" fmla="*/ 440755 h 476936"/>
                <a:gd name="connsiteX48" fmla="*/ 69073 w 2368230"/>
                <a:gd name="connsiteY48" fmla="*/ 444044 h 476936"/>
                <a:gd name="connsiteX49" fmla="*/ 0 w 2368230"/>
                <a:gd name="connsiteY49"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82872 w 2368230"/>
                <a:gd name="connsiteY40" fmla="*/ 463779 h 476936"/>
                <a:gd name="connsiteX41" fmla="*/ 266426 w 2368230"/>
                <a:gd name="connsiteY41" fmla="*/ 453911 h 476936"/>
                <a:gd name="connsiteX42" fmla="*/ 246690 w 2368230"/>
                <a:gd name="connsiteY42" fmla="*/ 447333 h 476936"/>
                <a:gd name="connsiteX43" fmla="*/ 236823 w 2368230"/>
                <a:gd name="connsiteY43" fmla="*/ 444044 h 476936"/>
                <a:gd name="connsiteX44" fmla="*/ 226955 w 2368230"/>
                <a:gd name="connsiteY44" fmla="*/ 440755 h 476936"/>
                <a:gd name="connsiteX45" fmla="*/ 138147 w 2368230"/>
                <a:gd name="connsiteY45" fmla="*/ 437465 h 476936"/>
                <a:gd name="connsiteX46" fmla="*/ 85519 w 2368230"/>
                <a:gd name="connsiteY46" fmla="*/ 440755 h 476936"/>
                <a:gd name="connsiteX47" fmla="*/ 69073 w 2368230"/>
                <a:gd name="connsiteY47" fmla="*/ 444044 h 476936"/>
                <a:gd name="connsiteX48" fmla="*/ 0 w 2368230"/>
                <a:gd name="connsiteY48"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66426 w 2368230"/>
                <a:gd name="connsiteY40" fmla="*/ 453911 h 476936"/>
                <a:gd name="connsiteX41" fmla="*/ 246690 w 2368230"/>
                <a:gd name="connsiteY41" fmla="*/ 447333 h 476936"/>
                <a:gd name="connsiteX42" fmla="*/ 236823 w 2368230"/>
                <a:gd name="connsiteY42" fmla="*/ 444044 h 476936"/>
                <a:gd name="connsiteX43" fmla="*/ 226955 w 2368230"/>
                <a:gd name="connsiteY43" fmla="*/ 440755 h 476936"/>
                <a:gd name="connsiteX44" fmla="*/ 138147 w 2368230"/>
                <a:gd name="connsiteY44" fmla="*/ 437465 h 476936"/>
                <a:gd name="connsiteX45" fmla="*/ 85519 w 2368230"/>
                <a:gd name="connsiteY45" fmla="*/ 440755 h 476936"/>
                <a:gd name="connsiteX46" fmla="*/ 69073 w 2368230"/>
                <a:gd name="connsiteY46" fmla="*/ 444044 h 476936"/>
                <a:gd name="connsiteX47" fmla="*/ 0 w 2368230"/>
                <a:gd name="connsiteY47"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365102 w 2368230"/>
                <a:gd name="connsiteY39" fmla="*/ 457201 h 476936"/>
                <a:gd name="connsiteX40" fmla="*/ 246690 w 2368230"/>
                <a:gd name="connsiteY40" fmla="*/ 447333 h 476936"/>
                <a:gd name="connsiteX41" fmla="*/ 236823 w 2368230"/>
                <a:gd name="connsiteY41" fmla="*/ 444044 h 476936"/>
                <a:gd name="connsiteX42" fmla="*/ 226955 w 2368230"/>
                <a:gd name="connsiteY42" fmla="*/ 440755 h 476936"/>
                <a:gd name="connsiteX43" fmla="*/ 138147 w 2368230"/>
                <a:gd name="connsiteY43" fmla="*/ 437465 h 476936"/>
                <a:gd name="connsiteX44" fmla="*/ 85519 w 2368230"/>
                <a:gd name="connsiteY44" fmla="*/ 440755 h 476936"/>
                <a:gd name="connsiteX45" fmla="*/ 69073 w 2368230"/>
                <a:gd name="connsiteY45" fmla="*/ 444044 h 476936"/>
                <a:gd name="connsiteX46" fmla="*/ 0 w 2368230"/>
                <a:gd name="connsiteY46"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84837 w 2368230"/>
                <a:gd name="connsiteY38" fmla="*/ 453911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61813 w 2368230"/>
                <a:gd name="connsiteY38" fmla="*/ 444043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36823 w 2368230"/>
                <a:gd name="connsiteY40" fmla="*/ 444044 h 476936"/>
                <a:gd name="connsiteX41" fmla="*/ 226955 w 2368230"/>
                <a:gd name="connsiteY41" fmla="*/ 440755 h 476936"/>
                <a:gd name="connsiteX42" fmla="*/ 138147 w 2368230"/>
                <a:gd name="connsiteY42" fmla="*/ 437465 h 476936"/>
                <a:gd name="connsiteX43" fmla="*/ 85519 w 2368230"/>
                <a:gd name="connsiteY43" fmla="*/ 440755 h 476936"/>
                <a:gd name="connsiteX44" fmla="*/ 69073 w 2368230"/>
                <a:gd name="connsiteY44" fmla="*/ 444044 h 476936"/>
                <a:gd name="connsiteX45" fmla="*/ 0 w 2368230"/>
                <a:gd name="connsiteY45"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46690 w 2368230"/>
                <a:gd name="connsiteY39" fmla="*/ 447333 h 476936"/>
                <a:gd name="connsiteX40" fmla="*/ 226955 w 2368230"/>
                <a:gd name="connsiteY40" fmla="*/ 440755 h 476936"/>
                <a:gd name="connsiteX41" fmla="*/ 138147 w 2368230"/>
                <a:gd name="connsiteY41" fmla="*/ 437465 h 476936"/>
                <a:gd name="connsiteX42" fmla="*/ 85519 w 2368230"/>
                <a:gd name="connsiteY42" fmla="*/ 440755 h 476936"/>
                <a:gd name="connsiteX43" fmla="*/ 69073 w 2368230"/>
                <a:gd name="connsiteY43" fmla="*/ 444044 h 476936"/>
                <a:gd name="connsiteX44" fmla="*/ 0 w 2368230"/>
                <a:gd name="connsiteY44" fmla="*/ 444044 h 476936"/>
                <a:gd name="connsiteX0" fmla="*/ 2368230 w 2368230"/>
                <a:gd name="connsiteY0" fmla="*/ 0 h 476936"/>
                <a:gd name="connsiteX1" fmla="*/ 2289290 w 2368230"/>
                <a:gd name="connsiteY1" fmla="*/ 124991 h 476936"/>
                <a:gd name="connsiteX2" fmla="*/ 2286000 w 2368230"/>
                <a:gd name="connsiteY2" fmla="*/ 141437 h 476936"/>
                <a:gd name="connsiteX3" fmla="*/ 2272843 w 2368230"/>
                <a:gd name="connsiteY3" fmla="*/ 148015 h 476936"/>
                <a:gd name="connsiteX4" fmla="*/ 2239951 w 2368230"/>
                <a:gd name="connsiteY4" fmla="*/ 157883 h 476936"/>
                <a:gd name="connsiteX5" fmla="*/ 2216926 w 2368230"/>
                <a:gd name="connsiteY5" fmla="*/ 161172 h 476936"/>
                <a:gd name="connsiteX6" fmla="*/ 2167588 w 2368230"/>
                <a:gd name="connsiteY6" fmla="*/ 174329 h 476936"/>
                <a:gd name="connsiteX7" fmla="*/ 2151142 w 2368230"/>
                <a:gd name="connsiteY7" fmla="*/ 177618 h 476936"/>
                <a:gd name="connsiteX8" fmla="*/ 2085359 w 2368230"/>
                <a:gd name="connsiteY8" fmla="*/ 167749 h 476936"/>
                <a:gd name="connsiteX9" fmla="*/ 1950500 w 2368230"/>
                <a:gd name="connsiteY9" fmla="*/ 187486 h 476936"/>
                <a:gd name="connsiteX10" fmla="*/ 1911030 w 2368230"/>
                <a:gd name="connsiteY10" fmla="*/ 210510 h 476936"/>
                <a:gd name="connsiteX11" fmla="*/ 1739991 w 2368230"/>
                <a:gd name="connsiteY11" fmla="*/ 299319 h 476936"/>
                <a:gd name="connsiteX12" fmla="*/ 1710388 w 2368230"/>
                <a:gd name="connsiteY12" fmla="*/ 309186 h 476936"/>
                <a:gd name="connsiteX13" fmla="*/ 1638026 w 2368230"/>
                <a:gd name="connsiteY13" fmla="*/ 319054 h 476936"/>
                <a:gd name="connsiteX14" fmla="*/ 1466987 w 2368230"/>
                <a:gd name="connsiteY14" fmla="*/ 335500 h 476936"/>
                <a:gd name="connsiteX15" fmla="*/ 1401203 w 2368230"/>
                <a:gd name="connsiteY15" fmla="*/ 378260 h 476936"/>
                <a:gd name="connsiteX16" fmla="*/ 1365021 w 2368230"/>
                <a:gd name="connsiteY16" fmla="*/ 404573 h 476936"/>
                <a:gd name="connsiteX17" fmla="*/ 1276213 w 2368230"/>
                <a:gd name="connsiteY17" fmla="*/ 453911 h 476936"/>
                <a:gd name="connsiteX18" fmla="*/ 1236742 w 2368230"/>
                <a:gd name="connsiteY18" fmla="*/ 473647 h 476936"/>
                <a:gd name="connsiteX19" fmla="*/ 1223585 w 2368230"/>
                <a:gd name="connsiteY19" fmla="*/ 476936 h 476936"/>
                <a:gd name="connsiteX20" fmla="*/ 1098595 w 2368230"/>
                <a:gd name="connsiteY20" fmla="*/ 473647 h 476936"/>
                <a:gd name="connsiteX21" fmla="*/ 1088728 w 2368230"/>
                <a:gd name="connsiteY21" fmla="*/ 467068 h 476936"/>
                <a:gd name="connsiteX22" fmla="*/ 1068993 w 2368230"/>
                <a:gd name="connsiteY22" fmla="*/ 460490 h 476936"/>
                <a:gd name="connsiteX23" fmla="*/ 1045968 w 2368230"/>
                <a:gd name="connsiteY23" fmla="*/ 453911 h 476936"/>
                <a:gd name="connsiteX24" fmla="*/ 1036100 w 2368230"/>
                <a:gd name="connsiteY24" fmla="*/ 447333 h 476936"/>
                <a:gd name="connsiteX25" fmla="*/ 1016365 w 2368230"/>
                <a:gd name="connsiteY25" fmla="*/ 440755 h 476936"/>
                <a:gd name="connsiteX26" fmla="*/ 1009787 w 2368230"/>
                <a:gd name="connsiteY26" fmla="*/ 434176 h 476936"/>
                <a:gd name="connsiteX27" fmla="*/ 990052 w 2368230"/>
                <a:gd name="connsiteY27" fmla="*/ 427598 h 476936"/>
                <a:gd name="connsiteX28" fmla="*/ 967027 w 2368230"/>
                <a:gd name="connsiteY28" fmla="*/ 430887 h 476936"/>
                <a:gd name="connsiteX29" fmla="*/ 953870 w 2368230"/>
                <a:gd name="connsiteY29" fmla="*/ 434176 h 476936"/>
                <a:gd name="connsiteX30" fmla="*/ 759807 w 2368230"/>
                <a:gd name="connsiteY30" fmla="*/ 440755 h 476936"/>
                <a:gd name="connsiteX31" fmla="*/ 697312 w 2368230"/>
                <a:gd name="connsiteY31" fmla="*/ 447333 h 476936"/>
                <a:gd name="connsiteX32" fmla="*/ 677577 w 2368230"/>
                <a:gd name="connsiteY32" fmla="*/ 450622 h 476936"/>
                <a:gd name="connsiteX33" fmla="*/ 522984 w 2368230"/>
                <a:gd name="connsiteY33" fmla="*/ 447333 h 476936"/>
                <a:gd name="connsiteX34" fmla="*/ 503249 w 2368230"/>
                <a:gd name="connsiteY34" fmla="*/ 440755 h 476936"/>
                <a:gd name="connsiteX35" fmla="*/ 490092 w 2368230"/>
                <a:gd name="connsiteY35" fmla="*/ 437465 h 476936"/>
                <a:gd name="connsiteX36" fmla="*/ 430886 w 2368230"/>
                <a:gd name="connsiteY36" fmla="*/ 440755 h 476936"/>
                <a:gd name="connsiteX37" fmla="*/ 421018 w 2368230"/>
                <a:gd name="connsiteY37" fmla="*/ 444044 h 476936"/>
                <a:gd name="connsiteX38" fmla="*/ 315764 w 2368230"/>
                <a:gd name="connsiteY38" fmla="*/ 440754 h 476936"/>
                <a:gd name="connsiteX39" fmla="*/ 226955 w 2368230"/>
                <a:gd name="connsiteY39" fmla="*/ 440755 h 476936"/>
                <a:gd name="connsiteX40" fmla="*/ 138147 w 2368230"/>
                <a:gd name="connsiteY40" fmla="*/ 437465 h 476936"/>
                <a:gd name="connsiteX41" fmla="*/ 85519 w 2368230"/>
                <a:gd name="connsiteY41" fmla="*/ 440755 h 476936"/>
                <a:gd name="connsiteX42" fmla="*/ 69073 w 2368230"/>
                <a:gd name="connsiteY42" fmla="*/ 444044 h 476936"/>
                <a:gd name="connsiteX43" fmla="*/ 0 w 2368230"/>
                <a:gd name="connsiteY43" fmla="*/ 444044 h 476936"/>
                <a:gd name="connsiteX0" fmla="*/ 2368230 w 2368230"/>
                <a:gd name="connsiteY0" fmla="*/ 0 h 476936"/>
                <a:gd name="connsiteX1" fmla="*/ 2289290 w 2368230"/>
                <a:gd name="connsiteY1" fmla="*/ 124991 h 476936"/>
                <a:gd name="connsiteX2" fmla="*/ 2272843 w 2368230"/>
                <a:gd name="connsiteY2" fmla="*/ 148015 h 476936"/>
                <a:gd name="connsiteX3" fmla="*/ 2239951 w 2368230"/>
                <a:gd name="connsiteY3" fmla="*/ 157883 h 476936"/>
                <a:gd name="connsiteX4" fmla="*/ 2216926 w 2368230"/>
                <a:gd name="connsiteY4" fmla="*/ 161172 h 476936"/>
                <a:gd name="connsiteX5" fmla="*/ 2167588 w 2368230"/>
                <a:gd name="connsiteY5" fmla="*/ 174329 h 476936"/>
                <a:gd name="connsiteX6" fmla="*/ 2151142 w 2368230"/>
                <a:gd name="connsiteY6" fmla="*/ 177618 h 476936"/>
                <a:gd name="connsiteX7" fmla="*/ 2085359 w 2368230"/>
                <a:gd name="connsiteY7" fmla="*/ 167749 h 476936"/>
                <a:gd name="connsiteX8" fmla="*/ 1950500 w 2368230"/>
                <a:gd name="connsiteY8" fmla="*/ 187486 h 476936"/>
                <a:gd name="connsiteX9" fmla="*/ 1911030 w 2368230"/>
                <a:gd name="connsiteY9" fmla="*/ 210510 h 476936"/>
                <a:gd name="connsiteX10" fmla="*/ 1739991 w 2368230"/>
                <a:gd name="connsiteY10" fmla="*/ 299319 h 476936"/>
                <a:gd name="connsiteX11" fmla="*/ 1710388 w 2368230"/>
                <a:gd name="connsiteY11" fmla="*/ 309186 h 476936"/>
                <a:gd name="connsiteX12" fmla="*/ 1638026 w 2368230"/>
                <a:gd name="connsiteY12" fmla="*/ 319054 h 476936"/>
                <a:gd name="connsiteX13" fmla="*/ 1466987 w 2368230"/>
                <a:gd name="connsiteY13" fmla="*/ 335500 h 476936"/>
                <a:gd name="connsiteX14" fmla="*/ 1401203 w 2368230"/>
                <a:gd name="connsiteY14" fmla="*/ 378260 h 476936"/>
                <a:gd name="connsiteX15" fmla="*/ 1365021 w 2368230"/>
                <a:gd name="connsiteY15" fmla="*/ 404573 h 476936"/>
                <a:gd name="connsiteX16" fmla="*/ 1276213 w 2368230"/>
                <a:gd name="connsiteY16" fmla="*/ 453911 h 476936"/>
                <a:gd name="connsiteX17" fmla="*/ 1236742 w 2368230"/>
                <a:gd name="connsiteY17" fmla="*/ 473647 h 476936"/>
                <a:gd name="connsiteX18" fmla="*/ 1223585 w 2368230"/>
                <a:gd name="connsiteY18" fmla="*/ 476936 h 476936"/>
                <a:gd name="connsiteX19" fmla="*/ 1098595 w 2368230"/>
                <a:gd name="connsiteY19" fmla="*/ 473647 h 476936"/>
                <a:gd name="connsiteX20" fmla="*/ 1088728 w 2368230"/>
                <a:gd name="connsiteY20" fmla="*/ 467068 h 476936"/>
                <a:gd name="connsiteX21" fmla="*/ 1068993 w 2368230"/>
                <a:gd name="connsiteY21" fmla="*/ 460490 h 476936"/>
                <a:gd name="connsiteX22" fmla="*/ 1045968 w 2368230"/>
                <a:gd name="connsiteY22" fmla="*/ 453911 h 476936"/>
                <a:gd name="connsiteX23" fmla="*/ 1036100 w 2368230"/>
                <a:gd name="connsiteY23" fmla="*/ 447333 h 476936"/>
                <a:gd name="connsiteX24" fmla="*/ 1016365 w 2368230"/>
                <a:gd name="connsiteY24" fmla="*/ 440755 h 476936"/>
                <a:gd name="connsiteX25" fmla="*/ 1009787 w 2368230"/>
                <a:gd name="connsiteY25" fmla="*/ 434176 h 476936"/>
                <a:gd name="connsiteX26" fmla="*/ 990052 w 2368230"/>
                <a:gd name="connsiteY26" fmla="*/ 427598 h 476936"/>
                <a:gd name="connsiteX27" fmla="*/ 967027 w 2368230"/>
                <a:gd name="connsiteY27" fmla="*/ 430887 h 476936"/>
                <a:gd name="connsiteX28" fmla="*/ 953870 w 2368230"/>
                <a:gd name="connsiteY28" fmla="*/ 434176 h 476936"/>
                <a:gd name="connsiteX29" fmla="*/ 759807 w 2368230"/>
                <a:gd name="connsiteY29" fmla="*/ 440755 h 476936"/>
                <a:gd name="connsiteX30" fmla="*/ 697312 w 2368230"/>
                <a:gd name="connsiteY30" fmla="*/ 447333 h 476936"/>
                <a:gd name="connsiteX31" fmla="*/ 677577 w 2368230"/>
                <a:gd name="connsiteY31" fmla="*/ 450622 h 476936"/>
                <a:gd name="connsiteX32" fmla="*/ 522984 w 2368230"/>
                <a:gd name="connsiteY32" fmla="*/ 447333 h 476936"/>
                <a:gd name="connsiteX33" fmla="*/ 503249 w 2368230"/>
                <a:gd name="connsiteY33" fmla="*/ 440755 h 476936"/>
                <a:gd name="connsiteX34" fmla="*/ 490092 w 2368230"/>
                <a:gd name="connsiteY34" fmla="*/ 437465 h 476936"/>
                <a:gd name="connsiteX35" fmla="*/ 430886 w 2368230"/>
                <a:gd name="connsiteY35" fmla="*/ 440755 h 476936"/>
                <a:gd name="connsiteX36" fmla="*/ 421018 w 2368230"/>
                <a:gd name="connsiteY36" fmla="*/ 444044 h 476936"/>
                <a:gd name="connsiteX37" fmla="*/ 315764 w 2368230"/>
                <a:gd name="connsiteY37" fmla="*/ 440754 h 476936"/>
                <a:gd name="connsiteX38" fmla="*/ 226955 w 2368230"/>
                <a:gd name="connsiteY38" fmla="*/ 440755 h 476936"/>
                <a:gd name="connsiteX39" fmla="*/ 138147 w 2368230"/>
                <a:gd name="connsiteY39" fmla="*/ 437465 h 476936"/>
                <a:gd name="connsiteX40" fmla="*/ 85519 w 2368230"/>
                <a:gd name="connsiteY40" fmla="*/ 440755 h 476936"/>
                <a:gd name="connsiteX41" fmla="*/ 69073 w 2368230"/>
                <a:gd name="connsiteY41" fmla="*/ 444044 h 476936"/>
                <a:gd name="connsiteX42" fmla="*/ 0 w 2368230"/>
                <a:gd name="connsiteY42"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216926 w 2368230"/>
                <a:gd name="connsiteY3" fmla="*/ 161172 h 476936"/>
                <a:gd name="connsiteX4" fmla="*/ 2167588 w 2368230"/>
                <a:gd name="connsiteY4" fmla="*/ 174329 h 476936"/>
                <a:gd name="connsiteX5" fmla="*/ 2151142 w 2368230"/>
                <a:gd name="connsiteY5" fmla="*/ 177618 h 476936"/>
                <a:gd name="connsiteX6" fmla="*/ 2085359 w 2368230"/>
                <a:gd name="connsiteY6" fmla="*/ 167749 h 476936"/>
                <a:gd name="connsiteX7" fmla="*/ 1950500 w 2368230"/>
                <a:gd name="connsiteY7" fmla="*/ 187486 h 476936"/>
                <a:gd name="connsiteX8" fmla="*/ 1911030 w 2368230"/>
                <a:gd name="connsiteY8" fmla="*/ 210510 h 476936"/>
                <a:gd name="connsiteX9" fmla="*/ 1739991 w 2368230"/>
                <a:gd name="connsiteY9" fmla="*/ 299319 h 476936"/>
                <a:gd name="connsiteX10" fmla="*/ 1710388 w 2368230"/>
                <a:gd name="connsiteY10" fmla="*/ 309186 h 476936"/>
                <a:gd name="connsiteX11" fmla="*/ 1638026 w 2368230"/>
                <a:gd name="connsiteY11" fmla="*/ 319054 h 476936"/>
                <a:gd name="connsiteX12" fmla="*/ 1466987 w 2368230"/>
                <a:gd name="connsiteY12" fmla="*/ 335500 h 476936"/>
                <a:gd name="connsiteX13" fmla="*/ 1401203 w 2368230"/>
                <a:gd name="connsiteY13" fmla="*/ 378260 h 476936"/>
                <a:gd name="connsiteX14" fmla="*/ 1365021 w 2368230"/>
                <a:gd name="connsiteY14" fmla="*/ 404573 h 476936"/>
                <a:gd name="connsiteX15" fmla="*/ 1276213 w 2368230"/>
                <a:gd name="connsiteY15" fmla="*/ 453911 h 476936"/>
                <a:gd name="connsiteX16" fmla="*/ 1236742 w 2368230"/>
                <a:gd name="connsiteY16" fmla="*/ 473647 h 476936"/>
                <a:gd name="connsiteX17" fmla="*/ 1223585 w 2368230"/>
                <a:gd name="connsiteY17" fmla="*/ 476936 h 476936"/>
                <a:gd name="connsiteX18" fmla="*/ 1098595 w 2368230"/>
                <a:gd name="connsiteY18" fmla="*/ 473647 h 476936"/>
                <a:gd name="connsiteX19" fmla="*/ 1088728 w 2368230"/>
                <a:gd name="connsiteY19" fmla="*/ 467068 h 476936"/>
                <a:gd name="connsiteX20" fmla="*/ 1068993 w 2368230"/>
                <a:gd name="connsiteY20" fmla="*/ 460490 h 476936"/>
                <a:gd name="connsiteX21" fmla="*/ 1045968 w 2368230"/>
                <a:gd name="connsiteY21" fmla="*/ 453911 h 476936"/>
                <a:gd name="connsiteX22" fmla="*/ 1036100 w 2368230"/>
                <a:gd name="connsiteY22" fmla="*/ 447333 h 476936"/>
                <a:gd name="connsiteX23" fmla="*/ 1016365 w 2368230"/>
                <a:gd name="connsiteY23" fmla="*/ 440755 h 476936"/>
                <a:gd name="connsiteX24" fmla="*/ 1009787 w 2368230"/>
                <a:gd name="connsiteY24" fmla="*/ 434176 h 476936"/>
                <a:gd name="connsiteX25" fmla="*/ 990052 w 2368230"/>
                <a:gd name="connsiteY25" fmla="*/ 427598 h 476936"/>
                <a:gd name="connsiteX26" fmla="*/ 967027 w 2368230"/>
                <a:gd name="connsiteY26" fmla="*/ 430887 h 476936"/>
                <a:gd name="connsiteX27" fmla="*/ 953870 w 2368230"/>
                <a:gd name="connsiteY27" fmla="*/ 434176 h 476936"/>
                <a:gd name="connsiteX28" fmla="*/ 759807 w 2368230"/>
                <a:gd name="connsiteY28" fmla="*/ 440755 h 476936"/>
                <a:gd name="connsiteX29" fmla="*/ 697312 w 2368230"/>
                <a:gd name="connsiteY29" fmla="*/ 447333 h 476936"/>
                <a:gd name="connsiteX30" fmla="*/ 677577 w 2368230"/>
                <a:gd name="connsiteY30" fmla="*/ 450622 h 476936"/>
                <a:gd name="connsiteX31" fmla="*/ 522984 w 2368230"/>
                <a:gd name="connsiteY31" fmla="*/ 447333 h 476936"/>
                <a:gd name="connsiteX32" fmla="*/ 503249 w 2368230"/>
                <a:gd name="connsiteY32" fmla="*/ 440755 h 476936"/>
                <a:gd name="connsiteX33" fmla="*/ 490092 w 2368230"/>
                <a:gd name="connsiteY33" fmla="*/ 437465 h 476936"/>
                <a:gd name="connsiteX34" fmla="*/ 430886 w 2368230"/>
                <a:gd name="connsiteY34" fmla="*/ 440755 h 476936"/>
                <a:gd name="connsiteX35" fmla="*/ 421018 w 2368230"/>
                <a:gd name="connsiteY35" fmla="*/ 444044 h 476936"/>
                <a:gd name="connsiteX36" fmla="*/ 315764 w 2368230"/>
                <a:gd name="connsiteY36" fmla="*/ 440754 h 476936"/>
                <a:gd name="connsiteX37" fmla="*/ 226955 w 2368230"/>
                <a:gd name="connsiteY37" fmla="*/ 440755 h 476936"/>
                <a:gd name="connsiteX38" fmla="*/ 138147 w 2368230"/>
                <a:gd name="connsiteY38" fmla="*/ 437465 h 476936"/>
                <a:gd name="connsiteX39" fmla="*/ 85519 w 2368230"/>
                <a:gd name="connsiteY39" fmla="*/ 440755 h 476936"/>
                <a:gd name="connsiteX40" fmla="*/ 69073 w 2368230"/>
                <a:gd name="connsiteY40" fmla="*/ 444044 h 476936"/>
                <a:gd name="connsiteX41" fmla="*/ 0 w 2368230"/>
                <a:gd name="connsiteY41"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67588 w 2368230"/>
                <a:gd name="connsiteY3" fmla="*/ 174329 h 476936"/>
                <a:gd name="connsiteX4" fmla="*/ 2151142 w 2368230"/>
                <a:gd name="connsiteY4" fmla="*/ 177618 h 476936"/>
                <a:gd name="connsiteX5" fmla="*/ 2085359 w 2368230"/>
                <a:gd name="connsiteY5" fmla="*/ 167749 h 476936"/>
                <a:gd name="connsiteX6" fmla="*/ 1950500 w 2368230"/>
                <a:gd name="connsiteY6" fmla="*/ 187486 h 476936"/>
                <a:gd name="connsiteX7" fmla="*/ 1911030 w 2368230"/>
                <a:gd name="connsiteY7" fmla="*/ 210510 h 476936"/>
                <a:gd name="connsiteX8" fmla="*/ 1739991 w 2368230"/>
                <a:gd name="connsiteY8" fmla="*/ 299319 h 476936"/>
                <a:gd name="connsiteX9" fmla="*/ 1710388 w 2368230"/>
                <a:gd name="connsiteY9" fmla="*/ 309186 h 476936"/>
                <a:gd name="connsiteX10" fmla="*/ 1638026 w 2368230"/>
                <a:gd name="connsiteY10" fmla="*/ 319054 h 476936"/>
                <a:gd name="connsiteX11" fmla="*/ 1466987 w 2368230"/>
                <a:gd name="connsiteY11" fmla="*/ 335500 h 476936"/>
                <a:gd name="connsiteX12" fmla="*/ 1401203 w 2368230"/>
                <a:gd name="connsiteY12" fmla="*/ 378260 h 476936"/>
                <a:gd name="connsiteX13" fmla="*/ 1365021 w 2368230"/>
                <a:gd name="connsiteY13" fmla="*/ 404573 h 476936"/>
                <a:gd name="connsiteX14" fmla="*/ 1276213 w 2368230"/>
                <a:gd name="connsiteY14" fmla="*/ 453911 h 476936"/>
                <a:gd name="connsiteX15" fmla="*/ 1236742 w 2368230"/>
                <a:gd name="connsiteY15" fmla="*/ 473647 h 476936"/>
                <a:gd name="connsiteX16" fmla="*/ 1223585 w 2368230"/>
                <a:gd name="connsiteY16" fmla="*/ 476936 h 476936"/>
                <a:gd name="connsiteX17" fmla="*/ 1098595 w 2368230"/>
                <a:gd name="connsiteY17" fmla="*/ 473647 h 476936"/>
                <a:gd name="connsiteX18" fmla="*/ 1088728 w 2368230"/>
                <a:gd name="connsiteY18" fmla="*/ 467068 h 476936"/>
                <a:gd name="connsiteX19" fmla="*/ 1068993 w 2368230"/>
                <a:gd name="connsiteY19" fmla="*/ 460490 h 476936"/>
                <a:gd name="connsiteX20" fmla="*/ 1045968 w 2368230"/>
                <a:gd name="connsiteY20" fmla="*/ 453911 h 476936"/>
                <a:gd name="connsiteX21" fmla="*/ 1036100 w 2368230"/>
                <a:gd name="connsiteY21" fmla="*/ 447333 h 476936"/>
                <a:gd name="connsiteX22" fmla="*/ 1016365 w 2368230"/>
                <a:gd name="connsiteY22" fmla="*/ 440755 h 476936"/>
                <a:gd name="connsiteX23" fmla="*/ 1009787 w 2368230"/>
                <a:gd name="connsiteY23" fmla="*/ 434176 h 476936"/>
                <a:gd name="connsiteX24" fmla="*/ 990052 w 2368230"/>
                <a:gd name="connsiteY24" fmla="*/ 427598 h 476936"/>
                <a:gd name="connsiteX25" fmla="*/ 967027 w 2368230"/>
                <a:gd name="connsiteY25" fmla="*/ 430887 h 476936"/>
                <a:gd name="connsiteX26" fmla="*/ 953870 w 2368230"/>
                <a:gd name="connsiteY26" fmla="*/ 434176 h 476936"/>
                <a:gd name="connsiteX27" fmla="*/ 759807 w 2368230"/>
                <a:gd name="connsiteY27" fmla="*/ 440755 h 476936"/>
                <a:gd name="connsiteX28" fmla="*/ 697312 w 2368230"/>
                <a:gd name="connsiteY28" fmla="*/ 447333 h 476936"/>
                <a:gd name="connsiteX29" fmla="*/ 677577 w 2368230"/>
                <a:gd name="connsiteY29" fmla="*/ 450622 h 476936"/>
                <a:gd name="connsiteX30" fmla="*/ 522984 w 2368230"/>
                <a:gd name="connsiteY30" fmla="*/ 447333 h 476936"/>
                <a:gd name="connsiteX31" fmla="*/ 503249 w 2368230"/>
                <a:gd name="connsiteY31" fmla="*/ 440755 h 476936"/>
                <a:gd name="connsiteX32" fmla="*/ 490092 w 2368230"/>
                <a:gd name="connsiteY32" fmla="*/ 437465 h 476936"/>
                <a:gd name="connsiteX33" fmla="*/ 430886 w 2368230"/>
                <a:gd name="connsiteY33" fmla="*/ 440755 h 476936"/>
                <a:gd name="connsiteX34" fmla="*/ 421018 w 2368230"/>
                <a:gd name="connsiteY34" fmla="*/ 444044 h 476936"/>
                <a:gd name="connsiteX35" fmla="*/ 315764 w 2368230"/>
                <a:gd name="connsiteY35" fmla="*/ 440754 h 476936"/>
                <a:gd name="connsiteX36" fmla="*/ 226955 w 2368230"/>
                <a:gd name="connsiteY36" fmla="*/ 440755 h 476936"/>
                <a:gd name="connsiteX37" fmla="*/ 138147 w 2368230"/>
                <a:gd name="connsiteY37" fmla="*/ 437465 h 476936"/>
                <a:gd name="connsiteX38" fmla="*/ 85519 w 2368230"/>
                <a:gd name="connsiteY38" fmla="*/ 440755 h 476936"/>
                <a:gd name="connsiteX39" fmla="*/ 69073 w 2368230"/>
                <a:gd name="connsiteY39" fmla="*/ 444044 h 476936"/>
                <a:gd name="connsiteX40" fmla="*/ 0 w 2368230"/>
                <a:gd name="connsiteY40" fmla="*/ 444044 h 476936"/>
                <a:gd name="connsiteX0" fmla="*/ 2368230 w 2368230"/>
                <a:gd name="connsiteY0" fmla="*/ 0 h 476936"/>
                <a:gd name="connsiteX1" fmla="*/ 2289290 w 2368230"/>
                <a:gd name="connsiteY1" fmla="*/ 124991 h 476936"/>
                <a:gd name="connsiteX2" fmla="*/ 2239951 w 2368230"/>
                <a:gd name="connsiteY2" fmla="*/ 157883 h 476936"/>
                <a:gd name="connsiteX3" fmla="*/ 2151142 w 2368230"/>
                <a:gd name="connsiteY3" fmla="*/ 177618 h 476936"/>
                <a:gd name="connsiteX4" fmla="*/ 2085359 w 2368230"/>
                <a:gd name="connsiteY4" fmla="*/ 167749 h 476936"/>
                <a:gd name="connsiteX5" fmla="*/ 1950500 w 2368230"/>
                <a:gd name="connsiteY5" fmla="*/ 187486 h 476936"/>
                <a:gd name="connsiteX6" fmla="*/ 1911030 w 2368230"/>
                <a:gd name="connsiteY6" fmla="*/ 210510 h 476936"/>
                <a:gd name="connsiteX7" fmla="*/ 1739991 w 2368230"/>
                <a:gd name="connsiteY7" fmla="*/ 299319 h 476936"/>
                <a:gd name="connsiteX8" fmla="*/ 1710388 w 2368230"/>
                <a:gd name="connsiteY8" fmla="*/ 309186 h 476936"/>
                <a:gd name="connsiteX9" fmla="*/ 1638026 w 2368230"/>
                <a:gd name="connsiteY9" fmla="*/ 319054 h 476936"/>
                <a:gd name="connsiteX10" fmla="*/ 1466987 w 2368230"/>
                <a:gd name="connsiteY10" fmla="*/ 335500 h 476936"/>
                <a:gd name="connsiteX11" fmla="*/ 1401203 w 2368230"/>
                <a:gd name="connsiteY11" fmla="*/ 378260 h 476936"/>
                <a:gd name="connsiteX12" fmla="*/ 1365021 w 2368230"/>
                <a:gd name="connsiteY12" fmla="*/ 404573 h 476936"/>
                <a:gd name="connsiteX13" fmla="*/ 1276213 w 2368230"/>
                <a:gd name="connsiteY13" fmla="*/ 453911 h 476936"/>
                <a:gd name="connsiteX14" fmla="*/ 1236742 w 2368230"/>
                <a:gd name="connsiteY14" fmla="*/ 473647 h 476936"/>
                <a:gd name="connsiteX15" fmla="*/ 1223585 w 2368230"/>
                <a:gd name="connsiteY15" fmla="*/ 476936 h 476936"/>
                <a:gd name="connsiteX16" fmla="*/ 1098595 w 2368230"/>
                <a:gd name="connsiteY16" fmla="*/ 473647 h 476936"/>
                <a:gd name="connsiteX17" fmla="*/ 1088728 w 2368230"/>
                <a:gd name="connsiteY17" fmla="*/ 467068 h 476936"/>
                <a:gd name="connsiteX18" fmla="*/ 1068993 w 2368230"/>
                <a:gd name="connsiteY18" fmla="*/ 460490 h 476936"/>
                <a:gd name="connsiteX19" fmla="*/ 1045968 w 2368230"/>
                <a:gd name="connsiteY19" fmla="*/ 453911 h 476936"/>
                <a:gd name="connsiteX20" fmla="*/ 1036100 w 2368230"/>
                <a:gd name="connsiteY20" fmla="*/ 447333 h 476936"/>
                <a:gd name="connsiteX21" fmla="*/ 1016365 w 2368230"/>
                <a:gd name="connsiteY21" fmla="*/ 440755 h 476936"/>
                <a:gd name="connsiteX22" fmla="*/ 1009787 w 2368230"/>
                <a:gd name="connsiteY22" fmla="*/ 434176 h 476936"/>
                <a:gd name="connsiteX23" fmla="*/ 990052 w 2368230"/>
                <a:gd name="connsiteY23" fmla="*/ 427598 h 476936"/>
                <a:gd name="connsiteX24" fmla="*/ 967027 w 2368230"/>
                <a:gd name="connsiteY24" fmla="*/ 430887 h 476936"/>
                <a:gd name="connsiteX25" fmla="*/ 953870 w 2368230"/>
                <a:gd name="connsiteY25" fmla="*/ 434176 h 476936"/>
                <a:gd name="connsiteX26" fmla="*/ 759807 w 2368230"/>
                <a:gd name="connsiteY26" fmla="*/ 440755 h 476936"/>
                <a:gd name="connsiteX27" fmla="*/ 697312 w 2368230"/>
                <a:gd name="connsiteY27" fmla="*/ 447333 h 476936"/>
                <a:gd name="connsiteX28" fmla="*/ 677577 w 2368230"/>
                <a:gd name="connsiteY28" fmla="*/ 450622 h 476936"/>
                <a:gd name="connsiteX29" fmla="*/ 522984 w 2368230"/>
                <a:gd name="connsiteY29" fmla="*/ 447333 h 476936"/>
                <a:gd name="connsiteX30" fmla="*/ 503249 w 2368230"/>
                <a:gd name="connsiteY30" fmla="*/ 440755 h 476936"/>
                <a:gd name="connsiteX31" fmla="*/ 490092 w 2368230"/>
                <a:gd name="connsiteY31" fmla="*/ 437465 h 476936"/>
                <a:gd name="connsiteX32" fmla="*/ 430886 w 2368230"/>
                <a:gd name="connsiteY32" fmla="*/ 440755 h 476936"/>
                <a:gd name="connsiteX33" fmla="*/ 421018 w 2368230"/>
                <a:gd name="connsiteY33" fmla="*/ 444044 h 476936"/>
                <a:gd name="connsiteX34" fmla="*/ 315764 w 2368230"/>
                <a:gd name="connsiteY34" fmla="*/ 440754 h 476936"/>
                <a:gd name="connsiteX35" fmla="*/ 226955 w 2368230"/>
                <a:gd name="connsiteY35" fmla="*/ 440755 h 476936"/>
                <a:gd name="connsiteX36" fmla="*/ 138147 w 2368230"/>
                <a:gd name="connsiteY36" fmla="*/ 437465 h 476936"/>
                <a:gd name="connsiteX37" fmla="*/ 85519 w 2368230"/>
                <a:gd name="connsiteY37" fmla="*/ 440755 h 476936"/>
                <a:gd name="connsiteX38" fmla="*/ 69073 w 2368230"/>
                <a:gd name="connsiteY38" fmla="*/ 444044 h 476936"/>
                <a:gd name="connsiteX39" fmla="*/ 0 w 2368230"/>
                <a:gd name="connsiteY39" fmla="*/ 444044 h 4769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368230" h="476936">
                  <a:moveTo>
                    <a:pt x="2368230" y="0"/>
                  </a:moveTo>
                  <a:cubicBezTo>
                    <a:pt x="2352469" y="24669"/>
                    <a:pt x="2310670" y="98677"/>
                    <a:pt x="2289290" y="124991"/>
                  </a:cubicBezTo>
                  <a:cubicBezTo>
                    <a:pt x="2267910" y="151305"/>
                    <a:pt x="2262976" y="149112"/>
                    <a:pt x="2239951" y="157883"/>
                  </a:cubicBezTo>
                  <a:cubicBezTo>
                    <a:pt x="2216926" y="166654"/>
                    <a:pt x="2176907" y="175974"/>
                    <a:pt x="2151142" y="177618"/>
                  </a:cubicBezTo>
                  <a:cubicBezTo>
                    <a:pt x="2125377" y="179262"/>
                    <a:pt x="2118799" y="166104"/>
                    <a:pt x="2085359" y="167749"/>
                  </a:cubicBezTo>
                  <a:cubicBezTo>
                    <a:pt x="2051919" y="169394"/>
                    <a:pt x="1979555" y="180359"/>
                    <a:pt x="1950500" y="187486"/>
                  </a:cubicBezTo>
                  <a:cubicBezTo>
                    <a:pt x="1921445" y="194613"/>
                    <a:pt x="1946115" y="191871"/>
                    <a:pt x="1911030" y="210510"/>
                  </a:cubicBezTo>
                  <a:cubicBezTo>
                    <a:pt x="1875945" y="229149"/>
                    <a:pt x="1773431" y="282873"/>
                    <a:pt x="1739991" y="299319"/>
                  </a:cubicBezTo>
                  <a:cubicBezTo>
                    <a:pt x="1706551" y="315765"/>
                    <a:pt x="1727382" y="305897"/>
                    <a:pt x="1710388" y="309186"/>
                  </a:cubicBezTo>
                  <a:cubicBezTo>
                    <a:pt x="1693394" y="312475"/>
                    <a:pt x="1678593" y="314668"/>
                    <a:pt x="1638026" y="319054"/>
                  </a:cubicBezTo>
                  <a:cubicBezTo>
                    <a:pt x="1597459" y="323440"/>
                    <a:pt x="1503717" y="323988"/>
                    <a:pt x="1466987" y="335500"/>
                  </a:cubicBezTo>
                  <a:cubicBezTo>
                    <a:pt x="1430258" y="347012"/>
                    <a:pt x="1416553" y="365651"/>
                    <a:pt x="1401203" y="378260"/>
                  </a:cubicBezTo>
                  <a:cubicBezTo>
                    <a:pt x="1385853" y="390869"/>
                    <a:pt x="1377081" y="395802"/>
                    <a:pt x="1365021" y="404573"/>
                  </a:cubicBezTo>
                  <a:lnTo>
                    <a:pt x="1276213" y="453911"/>
                  </a:lnTo>
                  <a:cubicBezTo>
                    <a:pt x="1254833" y="465423"/>
                    <a:pt x="1245513" y="469810"/>
                    <a:pt x="1236742" y="473647"/>
                  </a:cubicBezTo>
                  <a:cubicBezTo>
                    <a:pt x="1227971" y="477485"/>
                    <a:pt x="1227971" y="475840"/>
                    <a:pt x="1223585" y="476936"/>
                  </a:cubicBezTo>
                  <a:cubicBezTo>
                    <a:pt x="1181922" y="475840"/>
                    <a:pt x="1140162" y="476689"/>
                    <a:pt x="1098595" y="473647"/>
                  </a:cubicBezTo>
                  <a:cubicBezTo>
                    <a:pt x="1094652" y="473359"/>
                    <a:pt x="1092340" y="468674"/>
                    <a:pt x="1088728" y="467068"/>
                  </a:cubicBezTo>
                  <a:cubicBezTo>
                    <a:pt x="1082392" y="464252"/>
                    <a:pt x="1075571" y="462683"/>
                    <a:pt x="1068993" y="460490"/>
                  </a:cubicBezTo>
                  <a:cubicBezTo>
                    <a:pt x="1062660" y="458379"/>
                    <a:pt x="1052310" y="457082"/>
                    <a:pt x="1045968" y="453911"/>
                  </a:cubicBezTo>
                  <a:cubicBezTo>
                    <a:pt x="1042432" y="452143"/>
                    <a:pt x="1039712" y="448938"/>
                    <a:pt x="1036100" y="447333"/>
                  </a:cubicBezTo>
                  <a:cubicBezTo>
                    <a:pt x="1029763" y="444517"/>
                    <a:pt x="1016365" y="440755"/>
                    <a:pt x="1016365" y="440755"/>
                  </a:cubicBezTo>
                  <a:cubicBezTo>
                    <a:pt x="1014172" y="438562"/>
                    <a:pt x="1012561" y="435563"/>
                    <a:pt x="1009787" y="434176"/>
                  </a:cubicBezTo>
                  <a:cubicBezTo>
                    <a:pt x="1003585" y="431075"/>
                    <a:pt x="990052" y="427598"/>
                    <a:pt x="990052" y="427598"/>
                  </a:cubicBezTo>
                  <a:cubicBezTo>
                    <a:pt x="982377" y="428694"/>
                    <a:pt x="974655" y="429500"/>
                    <a:pt x="967027" y="430887"/>
                  </a:cubicBezTo>
                  <a:cubicBezTo>
                    <a:pt x="962579" y="431696"/>
                    <a:pt x="958356" y="433615"/>
                    <a:pt x="953870" y="434176"/>
                  </a:cubicBezTo>
                  <a:cubicBezTo>
                    <a:pt x="899526" y="440969"/>
                    <a:pt x="785136" y="440216"/>
                    <a:pt x="759807" y="440755"/>
                  </a:cubicBezTo>
                  <a:lnTo>
                    <a:pt x="697312" y="447333"/>
                  </a:lnTo>
                  <a:cubicBezTo>
                    <a:pt x="690701" y="448214"/>
                    <a:pt x="684155" y="449526"/>
                    <a:pt x="677577" y="450622"/>
                  </a:cubicBezTo>
                  <a:cubicBezTo>
                    <a:pt x="626046" y="449526"/>
                    <a:pt x="574444" y="450246"/>
                    <a:pt x="522984" y="447333"/>
                  </a:cubicBezTo>
                  <a:cubicBezTo>
                    <a:pt x="516061" y="446941"/>
                    <a:pt x="509827" y="442948"/>
                    <a:pt x="503249" y="440755"/>
                  </a:cubicBezTo>
                  <a:cubicBezTo>
                    <a:pt x="498960" y="439325"/>
                    <a:pt x="494478" y="438562"/>
                    <a:pt x="490092" y="437465"/>
                  </a:cubicBezTo>
                  <a:cubicBezTo>
                    <a:pt x="470357" y="438562"/>
                    <a:pt x="450563" y="438881"/>
                    <a:pt x="430886" y="440755"/>
                  </a:cubicBezTo>
                  <a:cubicBezTo>
                    <a:pt x="427434" y="441084"/>
                    <a:pt x="440205" y="444044"/>
                    <a:pt x="421018" y="444044"/>
                  </a:cubicBezTo>
                  <a:cubicBezTo>
                    <a:pt x="401831" y="444044"/>
                    <a:pt x="348108" y="441302"/>
                    <a:pt x="315764" y="440754"/>
                  </a:cubicBezTo>
                  <a:cubicBezTo>
                    <a:pt x="283420" y="440206"/>
                    <a:pt x="256558" y="441303"/>
                    <a:pt x="226955" y="440755"/>
                  </a:cubicBezTo>
                  <a:cubicBezTo>
                    <a:pt x="197352" y="440207"/>
                    <a:pt x="167750" y="438562"/>
                    <a:pt x="138147" y="437465"/>
                  </a:cubicBezTo>
                  <a:cubicBezTo>
                    <a:pt x="120604" y="438562"/>
                    <a:pt x="103017" y="439088"/>
                    <a:pt x="85519" y="440755"/>
                  </a:cubicBezTo>
                  <a:cubicBezTo>
                    <a:pt x="79954" y="441285"/>
                    <a:pt x="74659" y="443829"/>
                    <a:pt x="69073" y="444044"/>
                  </a:cubicBezTo>
                  <a:cubicBezTo>
                    <a:pt x="46066" y="444929"/>
                    <a:pt x="23024" y="444044"/>
                    <a:pt x="0" y="444044"/>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0" name="Freeform 1029"/>
            <p:cNvSpPr/>
            <p:nvPr/>
          </p:nvSpPr>
          <p:spPr bwMode="auto">
            <a:xfrm>
              <a:off x="5871236" y="2519534"/>
              <a:ext cx="301813" cy="664087"/>
            </a:xfrm>
            <a:custGeom>
              <a:avLst/>
              <a:gdLst>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9602 w 230244"/>
                <a:gd name="connsiteY32" fmla="*/ 19736 h 631528"/>
                <a:gd name="connsiteX33" fmla="*/ 23024 w 230244"/>
                <a:gd name="connsiteY33" fmla="*/ 13157 h 631528"/>
                <a:gd name="connsiteX34" fmla="*/ 13156 w 230244"/>
                <a:gd name="connsiteY34" fmla="*/ 6579 h 631528"/>
                <a:gd name="connsiteX35" fmla="*/ 0 w 230244"/>
                <a:gd name="connsiteY35"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23024 w 230244"/>
                <a:gd name="connsiteY32" fmla="*/ 13157 h 631528"/>
                <a:gd name="connsiteX33" fmla="*/ 13156 w 230244"/>
                <a:gd name="connsiteY33" fmla="*/ 6579 h 631528"/>
                <a:gd name="connsiteX34" fmla="*/ 0 w 230244"/>
                <a:gd name="connsiteY34" fmla="*/ 0 h 631528"/>
                <a:gd name="connsiteX0" fmla="*/ 151303 w 230244"/>
                <a:gd name="connsiteY0" fmla="*/ 631528 h 631528"/>
                <a:gd name="connsiteX1" fmla="*/ 161171 w 230244"/>
                <a:gd name="connsiteY1" fmla="*/ 605215 h 631528"/>
                <a:gd name="connsiteX2" fmla="*/ 180906 w 230244"/>
                <a:gd name="connsiteY2" fmla="*/ 598636 h 631528"/>
                <a:gd name="connsiteX3" fmla="*/ 190774 w 230244"/>
                <a:gd name="connsiteY3" fmla="*/ 595347 h 631528"/>
                <a:gd name="connsiteX4" fmla="*/ 203931 w 230244"/>
                <a:gd name="connsiteY4" fmla="*/ 575612 h 631528"/>
                <a:gd name="connsiteX5" fmla="*/ 210509 w 230244"/>
                <a:gd name="connsiteY5" fmla="*/ 555877 h 631528"/>
                <a:gd name="connsiteX6" fmla="*/ 217087 w 230244"/>
                <a:gd name="connsiteY6" fmla="*/ 542720 h 631528"/>
                <a:gd name="connsiteX7" fmla="*/ 223666 w 230244"/>
                <a:gd name="connsiteY7" fmla="*/ 536141 h 631528"/>
                <a:gd name="connsiteX8" fmla="*/ 230244 w 230244"/>
                <a:gd name="connsiteY8" fmla="*/ 526274 h 631528"/>
                <a:gd name="connsiteX9" fmla="*/ 226955 w 230244"/>
                <a:gd name="connsiteY9" fmla="*/ 496671 h 631528"/>
                <a:gd name="connsiteX10" fmla="*/ 220377 w 230244"/>
                <a:gd name="connsiteY10" fmla="*/ 476936 h 631528"/>
                <a:gd name="connsiteX11" fmla="*/ 210509 w 230244"/>
                <a:gd name="connsiteY11" fmla="*/ 450622 h 631528"/>
                <a:gd name="connsiteX12" fmla="*/ 207220 w 230244"/>
                <a:gd name="connsiteY12" fmla="*/ 434176 h 631528"/>
                <a:gd name="connsiteX13" fmla="*/ 203931 w 230244"/>
                <a:gd name="connsiteY13" fmla="*/ 371681 h 631528"/>
                <a:gd name="connsiteX14" fmla="*/ 197352 w 230244"/>
                <a:gd name="connsiteY14" fmla="*/ 351946 h 631528"/>
                <a:gd name="connsiteX15" fmla="*/ 194063 w 230244"/>
                <a:gd name="connsiteY15" fmla="*/ 342078 h 631528"/>
                <a:gd name="connsiteX16" fmla="*/ 167749 w 230244"/>
                <a:gd name="connsiteY16" fmla="*/ 309186 h 631528"/>
                <a:gd name="connsiteX17" fmla="*/ 157882 w 230244"/>
                <a:gd name="connsiteY17" fmla="*/ 299318 h 631528"/>
                <a:gd name="connsiteX18" fmla="*/ 154592 w 230244"/>
                <a:gd name="connsiteY18" fmla="*/ 289451 h 631528"/>
                <a:gd name="connsiteX19" fmla="*/ 148014 w 230244"/>
                <a:gd name="connsiteY19" fmla="*/ 282872 h 631528"/>
                <a:gd name="connsiteX20" fmla="*/ 141436 w 230244"/>
                <a:gd name="connsiteY20" fmla="*/ 273005 h 631528"/>
                <a:gd name="connsiteX21" fmla="*/ 138146 w 230244"/>
                <a:gd name="connsiteY21" fmla="*/ 263137 h 631528"/>
                <a:gd name="connsiteX22" fmla="*/ 131568 w 230244"/>
                <a:gd name="connsiteY22" fmla="*/ 249980 h 631528"/>
                <a:gd name="connsiteX23" fmla="*/ 121700 w 230244"/>
                <a:gd name="connsiteY23" fmla="*/ 230245 h 631528"/>
                <a:gd name="connsiteX24" fmla="*/ 118411 w 230244"/>
                <a:gd name="connsiteY24" fmla="*/ 213799 h 631528"/>
                <a:gd name="connsiteX25" fmla="*/ 111833 w 230244"/>
                <a:gd name="connsiteY25" fmla="*/ 194064 h 631528"/>
                <a:gd name="connsiteX26" fmla="*/ 111833 w 230244"/>
                <a:gd name="connsiteY26" fmla="*/ 88809 h 631528"/>
                <a:gd name="connsiteX27" fmla="*/ 108543 w 230244"/>
                <a:gd name="connsiteY27" fmla="*/ 78941 h 631528"/>
                <a:gd name="connsiteX28" fmla="*/ 101965 w 230244"/>
                <a:gd name="connsiteY28" fmla="*/ 69074 h 631528"/>
                <a:gd name="connsiteX29" fmla="*/ 98676 w 230244"/>
                <a:gd name="connsiteY29" fmla="*/ 59206 h 631528"/>
                <a:gd name="connsiteX30" fmla="*/ 69073 w 230244"/>
                <a:gd name="connsiteY30" fmla="*/ 42760 h 631528"/>
                <a:gd name="connsiteX31" fmla="*/ 49338 w 230244"/>
                <a:gd name="connsiteY31" fmla="*/ 29603 h 631528"/>
                <a:gd name="connsiteX32" fmla="*/ 33928 w 230244"/>
                <a:gd name="connsiteY32" fmla="*/ 23882 h 631528"/>
                <a:gd name="connsiteX33" fmla="*/ 23024 w 230244"/>
                <a:gd name="connsiteY33" fmla="*/ 13157 h 631528"/>
                <a:gd name="connsiteX34" fmla="*/ 13156 w 230244"/>
                <a:gd name="connsiteY34" fmla="*/ 6579 h 631528"/>
                <a:gd name="connsiteX35" fmla="*/ 0 w 230244"/>
                <a:gd name="connsiteY35" fmla="*/ 0 h 631528"/>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36182 w 217088"/>
                <a:gd name="connsiteY31" fmla="*/ 23024 h 624949"/>
                <a:gd name="connsiteX32" fmla="*/ 20772 w 217088"/>
                <a:gd name="connsiteY32" fmla="*/ 17303 h 624949"/>
                <a:gd name="connsiteX33" fmla="*/ 9868 w 217088"/>
                <a:gd name="connsiteY33" fmla="*/ 6578 h 624949"/>
                <a:gd name="connsiteX34" fmla="*/ 0 w 217088"/>
                <a:gd name="connsiteY3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55917 w 217088"/>
                <a:gd name="connsiteY30" fmla="*/ 36181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85520 w 217088"/>
                <a:gd name="connsiteY29" fmla="*/ 52627 h 624949"/>
                <a:gd name="connsiteX30" fmla="*/ 45678 w 217088"/>
                <a:gd name="connsiteY30" fmla="*/ 35093 h 624949"/>
                <a:gd name="connsiteX31" fmla="*/ 20772 w 217088"/>
                <a:gd name="connsiteY31" fmla="*/ 17303 h 624949"/>
                <a:gd name="connsiteX32" fmla="*/ 9868 w 217088"/>
                <a:gd name="connsiteY32" fmla="*/ 6578 h 624949"/>
                <a:gd name="connsiteX33" fmla="*/ 0 w 217088"/>
                <a:gd name="connsiteY3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88809 w 217088"/>
                <a:gd name="connsiteY28" fmla="*/ 62495 h 624949"/>
                <a:gd name="connsiteX29" fmla="*/ 45678 w 217088"/>
                <a:gd name="connsiteY29" fmla="*/ 35093 h 624949"/>
                <a:gd name="connsiteX30" fmla="*/ 20772 w 217088"/>
                <a:gd name="connsiteY30" fmla="*/ 17303 h 624949"/>
                <a:gd name="connsiteX31" fmla="*/ 9868 w 217088"/>
                <a:gd name="connsiteY31" fmla="*/ 6578 h 624949"/>
                <a:gd name="connsiteX32" fmla="*/ 0 w 217088"/>
                <a:gd name="connsiteY3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95387 w 217088"/>
                <a:gd name="connsiteY27" fmla="*/ 72362 h 624949"/>
                <a:gd name="connsiteX28" fmla="*/ 45678 w 217088"/>
                <a:gd name="connsiteY28" fmla="*/ 35093 h 624949"/>
                <a:gd name="connsiteX29" fmla="*/ 20772 w 217088"/>
                <a:gd name="connsiteY29" fmla="*/ 17303 h 624949"/>
                <a:gd name="connsiteX30" fmla="*/ 9868 w 217088"/>
                <a:gd name="connsiteY30" fmla="*/ 6578 h 624949"/>
                <a:gd name="connsiteX31" fmla="*/ 0 w 217088"/>
                <a:gd name="connsiteY31"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98677 w 217088"/>
                <a:gd name="connsiteY26" fmla="*/ 82230 h 624949"/>
                <a:gd name="connsiteX27" fmla="*/ 45678 w 217088"/>
                <a:gd name="connsiteY27" fmla="*/ 35093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4330 w 217088"/>
                <a:gd name="connsiteY27" fmla="*/ 27977 h 624949"/>
                <a:gd name="connsiteX28" fmla="*/ 20772 w 217088"/>
                <a:gd name="connsiteY28" fmla="*/ 17303 h 624949"/>
                <a:gd name="connsiteX29" fmla="*/ 9868 w 217088"/>
                <a:gd name="connsiteY29" fmla="*/ 6578 h 624949"/>
                <a:gd name="connsiteX30" fmla="*/ 0 w 217088"/>
                <a:gd name="connsiteY30"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45678 w 217088"/>
                <a:gd name="connsiteY26" fmla="*/ 35093 h 624949"/>
                <a:gd name="connsiteX27" fmla="*/ 20772 w 217088"/>
                <a:gd name="connsiteY27" fmla="*/ 17303 h 624949"/>
                <a:gd name="connsiteX28" fmla="*/ 9868 w 217088"/>
                <a:gd name="connsiteY28" fmla="*/ 6578 h 624949"/>
                <a:gd name="connsiteX29" fmla="*/ 0 w 217088"/>
                <a:gd name="connsiteY29"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105255 w 217088"/>
                <a:gd name="connsiteY24" fmla="*/ 207220 h 624949"/>
                <a:gd name="connsiteX25" fmla="*/ 98677 w 217088"/>
                <a:gd name="connsiteY25" fmla="*/ 187485 h 624949"/>
                <a:gd name="connsiteX26" fmla="*/ 20772 w 217088"/>
                <a:gd name="connsiteY26" fmla="*/ 17303 h 624949"/>
                <a:gd name="connsiteX27" fmla="*/ 9868 w 217088"/>
                <a:gd name="connsiteY27" fmla="*/ 6578 h 624949"/>
                <a:gd name="connsiteX28" fmla="*/ 0 w 217088"/>
                <a:gd name="connsiteY28"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108544 w 217088"/>
                <a:gd name="connsiteY23" fmla="*/ 223666 h 624949"/>
                <a:gd name="connsiteX24" fmla="*/ 98677 w 217088"/>
                <a:gd name="connsiteY24" fmla="*/ 187485 h 624949"/>
                <a:gd name="connsiteX25" fmla="*/ 20772 w 217088"/>
                <a:gd name="connsiteY25" fmla="*/ 17303 h 624949"/>
                <a:gd name="connsiteX26" fmla="*/ 9868 w 217088"/>
                <a:gd name="connsiteY26" fmla="*/ 6578 h 624949"/>
                <a:gd name="connsiteX27" fmla="*/ 0 w 217088"/>
                <a:gd name="connsiteY27"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118412 w 217088"/>
                <a:gd name="connsiteY22" fmla="*/ 243401 h 624949"/>
                <a:gd name="connsiteX23" fmla="*/ 98677 w 217088"/>
                <a:gd name="connsiteY23" fmla="*/ 187485 h 624949"/>
                <a:gd name="connsiteX24" fmla="*/ 20772 w 217088"/>
                <a:gd name="connsiteY24" fmla="*/ 17303 h 624949"/>
                <a:gd name="connsiteX25" fmla="*/ 9868 w 217088"/>
                <a:gd name="connsiteY25" fmla="*/ 6578 h 624949"/>
                <a:gd name="connsiteX26" fmla="*/ 0 w 217088"/>
                <a:gd name="connsiteY26"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34858 w 217088"/>
                <a:gd name="connsiteY19" fmla="*/ 276293 h 624949"/>
                <a:gd name="connsiteX20" fmla="*/ 128280 w 217088"/>
                <a:gd name="connsiteY20" fmla="*/ 266426 h 624949"/>
                <a:gd name="connsiteX21" fmla="*/ 124990 w 217088"/>
                <a:gd name="connsiteY21" fmla="*/ 256558 h 624949"/>
                <a:gd name="connsiteX22" fmla="*/ 98677 w 217088"/>
                <a:gd name="connsiteY22" fmla="*/ 187485 h 624949"/>
                <a:gd name="connsiteX23" fmla="*/ 20772 w 217088"/>
                <a:gd name="connsiteY23" fmla="*/ 17303 h 624949"/>
                <a:gd name="connsiteX24" fmla="*/ 9868 w 217088"/>
                <a:gd name="connsiteY24" fmla="*/ 6578 h 624949"/>
                <a:gd name="connsiteX25" fmla="*/ 0 w 217088"/>
                <a:gd name="connsiteY25"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4726 w 217088"/>
                <a:gd name="connsiteY17" fmla="*/ 292739 h 624949"/>
                <a:gd name="connsiteX18" fmla="*/ 141436 w 217088"/>
                <a:gd name="connsiteY18" fmla="*/ 282872 h 624949"/>
                <a:gd name="connsiteX19" fmla="*/ 128280 w 217088"/>
                <a:gd name="connsiteY19" fmla="*/ 266426 h 624949"/>
                <a:gd name="connsiteX20" fmla="*/ 124990 w 217088"/>
                <a:gd name="connsiteY20" fmla="*/ 256558 h 624949"/>
                <a:gd name="connsiteX21" fmla="*/ 98677 w 217088"/>
                <a:gd name="connsiteY21" fmla="*/ 187485 h 624949"/>
                <a:gd name="connsiteX22" fmla="*/ 20772 w 217088"/>
                <a:gd name="connsiteY22" fmla="*/ 17303 h 624949"/>
                <a:gd name="connsiteX23" fmla="*/ 9868 w 217088"/>
                <a:gd name="connsiteY23" fmla="*/ 6578 h 624949"/>
                <a:gd name="connsiteX24" fmla="*/ 0 w 217088"/>
                <a:gd name="connsiteY24"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54593 w 217088"/>
                <a:gd name="connsiteY16" fmla="*/ 302607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207221 w 217088"/>
                <a:gd name="connsiteY10" fmla="*/ 470357 h 624949"/>
                <a:gd name="connsiteX11" fmla="*/ 197353 w 217088"/>
                <a:gd name="connsiteY11" fmla="*/ 444043 h 624949"/>
                <a:gd name="connsiteX12" fmla="*/ 194064 w 217088"/>
                <a:gd name="connsiteY12" fmla="*/ 427597 h 624949"/>
                <a:gd name="connsiteX13" fmla="*/ 190775 w 217088"/>
                <a:gd name="connsiteY13" fmla="*/ 365102 h 624949"/>
                <a:gd name="connsiteX14" fmla="*/ 184196 w 217088"/>
                <a:gd name="connsiteY14" fmla="*/ 345367 h 624949"/>
                <a:gd name="connsiteX15" fmla="*/ 180907 w 217088"/>
                <a:gd name="connsiteY15" fmla="*/ 335499 h 624949"/>
                <a:gd name="connsiteX16" fmla="*/ 163091 w 217088"/>
                <a:gd name="connsiteY16" fmla="*/ 312615 h 624949"/>
                <a:gd name="connsiteX17" fmla="*/ 141436 w 217088"/>
                <a:gd name="connsiteY17" fmla="*/ 282872 h 624949"/>
                <a:gd name="connsiteX18" fmla="*/ 128280 w 217088"/>
                <a:gd name="connsiteY18" fmla="*/ 266426 h 624949"/>
                <a:gd name="connsiteX19" fmla="*/ 124990 w 217088"/>
                <a:gd name="connsiteY19" fmla="*/ 256558 h 624949"/>
                <a:gd name="connsiteX20" fmla="*/ 98677 w 217088"/>
                <a:gd name="connsiteY20" fmla="*/ 187485 h 624949"/>
                <a:gd name="connsiteX21" fmla="*/ 20772 w 217088"/>
                <a:gd name="connsiteY21" fmla="*/ 17303 h 624949"/>
                <a:gd name="connsiteX22" fmla="*/ 9868 w 217088"/>
                <a:gd name="connsiteY22" fmla="*/ 6578 h 624949"/>
                <a:gd name="connsiteX23" fmla="*/ 0 w 217088"/>
                <a:gd name="connsiteY23"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213799 w 217088"/>
                <a:gd name="connsiteY9" fmla="*/ 490092 h 624949"/>
                <a:gd name="connsiteX10" fmla="*/ 197353 w 217088"/>
                <a:gd name="connsiteY10" fmla="*/ 444043 h 624949"/>
                <a:gd name="connsiteX11" fmla="*/ 194064 w 217088"/>
                <a:gd name="connsiteY11" fmla="*/ 427597 h 624949"/>
                <a:gd name="connsiteX12" fmla="*/ 190775 w 217088"/>
                <a:gd name="connsiteY12" fmla="*/ 365102 h 624949"/>
                <a:gd name="connsiteX13" fmla="*/ 184196 w 217088"/>
                <a:gd name="connsiteY13" fmla="*/ 345367 h 624949"/>
                <a:gd name="connsiteX14" fmla="*/ 180907 w 217088"/>
                <a:gd name="connsiteY14" fmla="*/ 335499 h 624949"/>
                <a:gd name="connsiteX15" fmla="*/ 163091 w 217088"/>
                <a:gd name="connsiteY15" fmla="*/ 312615 h 624949"/>
                <a:gd name="connsiteX16" fmla="*/ 141436 w 217088"/>
                <a:gd name="connsiteY16" fmla="*/ 282872 h 624949"/>
                <a:gd name="connsiteX17" fmla="*/ 128280 w 217088"/>
                <a:gd name="connsiteY17" fmla="*/ 266426 h 624949"/>
                <a:gd name="connsiteX18" fmla="*/ 124990 w 217088"/>
                <a:gd name="connsiteY18" fmla="*/ 256558 h 624949"/>
                <a:gd name="connsiteX19" fmla="*/ 98677 w 217088"/>
                <a:gd name="connsiteY19" fmla="*/ 187485 h 624949"/>
                <a:gd name="connsiteX20" fmla="*/ 20772 w 217088"/>
                <a:gd name="connsiteY20" fmla="*/ 17303 h 624949"/>
                <a:gd name="connsiteX21" fmla="*/ 9868 w 217088"/>
                <a:gd name="connsiteY21" fmla="*/ 6578 h 624949"/>
                <a:gd name="connsiteX22" fmla="*/ 0 w 217088"/>
                <a:gd name="connsiteY22" fmla="*/ 0 h 624949"/>
                <a:gd name="connsiteX0" fmla="*/ 138147 w 217088"/>
                <a:gd name="connsiteY0" fmla="*/ 624949 h 624949"/>
                <a:gd name="connsiteX1" fmla="*/ 148015 w 217088"/>
                <a:gd name="connsiteY1" fmla="*/ 598636 h 624949"/>
                <a:gd name="connsiteX2" fmla="*/ 167750 w 217088"/>
                <a:gd name="connsiteY2" fmla="*/ 592057 h 624949"/>
                <a:gd name="connsiteX3" fmla="*/ 177618 w 217088"/>
                <a:gd name="connsiteY3" fmla="*/ 588768 h 624949"/>
                <a:gd name="connsiteX4" fmla="*/ 190775 w 217088"/>
                <a:gd name="connsiteY4" fmla="*/ 569033 h 624949"/>
                <a:gd name="connsiteX5" fmla="*/ 197353 w 217088"/>
                <a:gd name="connsiteY5" fmla="*/ 549298 h 624949"/>
                <a:gd name="connsiteX6" fmla="*/ 203931 w 217088"/>
                <a:gd name="connsiteY6" fmla="*/ 536141 h 624949"/>
                <a:gd name="connsiteX7" fmla="*/ 210510 w 217088"/>
                <a:gd name="connsiteY7" fmla="*/ 529562 h 624949"/>
                <a:gd name="connsiteX8" fmla="*/ 217088 w 217088"/>
                <a:gd name="connsiteY8" fmla="*/ 519695 h 624949"/>
                <a:gd name="connsiteX9" fmla="*/ 197353 w 217088"/>
                <a:gd name="connsiteY9" fmla="*/ 444043 h 624949"/>
                <a:gd name="connsiteX10" fmla="*/ 194064 w 217088"/>
                <a:gd name="connsiteY10" fmla="*/ 427597 h 624949"/>
                <a:gd name="connsiteX11" fmla="*/ 190775 w 217088"/>
                <a:gd name="connsiteY11" fmla="*/ 365102 h 624949"/>
                <a:gd name="connsiteX12" fmla="*/ 184196 w 217088"/>
                <a:gd name="connsiteY12" fmla="*/ 345367 h 624949"/>
                <a:gd name="connsiteX13" fmla="*/ 180907 w 217088"/>
                <a:gd name="connsiteY13" fmla="*/ 335499 h 624949"/>
                <a:gd name="connsiteX14" fmla="*/ 163091 w 217088"/>
                <a:gd name="connsiteY14" fmla="*/ 312615 h 624949"/>
                <a:gd name="connsiteX15" fmla="*/ 141436 w 217088"/>
                <a:gd name="connsiteY15" fmla="*/ 282872 h 624949"/>
                <a:gd name="connsiteX16" fmla="*/ 128280 w 217088"/>
                <a:gd name="connsiteY16" fmla="*/ 266426 h 624949"/>
                <a:gd name="connsiteX17" fmla="*/ 124990 w 217088"/>
                <a:gd name="connsiteY17" fmla="*/ 256558 h 624949"/>
                <a:gd name="connsiteX18" fmla="*/ 98677 w 217088"/>
                <a:gd name="connsiteY18" fmla="*/ 187485 h 624949"/>
                <a:gd name="connsiteX19" fmla="*/ 20772 w 217088"/>
                <a:gd name="connsiteY19" fmla="*/ 17303 h 624949"/>
                <a:gd name="connsiteX20" fmla="*/ 9868 w 217088"/>
                <a:gd name="connsiteY20" fmla="*/ 6578 h 624949"/>
                <a:gd name="connsiteX21" fmla="*/ 0 w 217088"/>
                <a:gd name="connsiteY21"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0775 w 210643"/>
                <a:gd name="connsiteY4" fmla="*/ 569033 h 624949"/>
                <a:gd name="connsiteX5" fmla="*/ 197353 w 210643"/>
                <a:gd name="connsiteY5" fmla="*/ 549298 h 624949"/>
                <a:gd name="connsiteX6" fmla="*/ 203931 w 210643"/>
                <a:gd name="connsiteY6" fmla="*/ 536141 h 624949"/>
                <a:gd name="connsiteX7" fmla="*/ 210510 w 210643"/>
                <a:gd name="connsiteY7" fmla="*/ 529562 h 624949"/>
                <a:gd name="connsiteX8" fmla="*/ 197353 w 210643"/>
                <a:gd name="connsiteY8" fmla="*/ 444043 h 624949"/>
                <a:gd name="connsiteX9" fmla="*/ 194064 w 210643"/>
                <a:gd name="connsiteY9" fmla="*/ 427597 h 624949"/>
                <a:gd name="connsiteX10" fmla="*/ 190775 w 210643"/>
                <a:gd name="connsiteY10" fmla="*/ 365102 h 624949"/>
                <a:gd name="connsiteX11" fmla="*/ 184196 w 210643"/>
                <a:gd name="connsiteY11" fmla="*/ 345367 h 624949"/>
                <a:gd name="connsiteX12" fmla="*/ 180907 w 210643"/>
                <a:gd name="connsiteY12" fmla="*/ 335499 h 624949"/>
                <a:gd name="connsiteX13" fmla="*/ 163091 w 210643"/>
                <a:gd name="connsiteY13" fmla="*/ 312615 h 624949"/>
                <a:gd name="connsiteX14" fmla="*/ 141436 w 210643"/>
                <a:gd name="connsiteY14" fmla="*/ 282872 h 624949"/>
                <a:gd name="connsiteX15" fmla="*/ 128280 w 210643"/>
                <a:gd name="connsiteY15" fmla="*/ 266426 h 624949"/>
                <a:gd name="connsiteX16" fmla="*/ 124990 w 210643"/>
                <a:gd name="connsiteY16" fmla="*/ 256558 h 624949"/>
                <a:gd name="connsiteX17" fmla="*/ 98677 w 210643"/>
                <a:gd name="connsiteY17" fmla="*/ 187485 h 624949"/>
                <a:gd name="connsiteX18" fmla="*/ 20772 w 210643"/>
                <a:gd name="connsiteY18" fmla="*/ 17303 h 624949"/>
                <a:gd name="connsiteX19" fmla="*/ 9868 w 210643"/>
                <a:gd name="connsiteY19" fmla="*/ 6578 h 624949"/>
                <a:gd name="connsiteX20" fmla="*/ 0 w 210643"/>
                <a:gd name="connsiteY20"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197353 w 210643"/>
                <a:gd name="connsiteY4" fmla="*/ 549298 h 624949"/>
                <a:gd name="connsiteX5" fmla="*/ 203931 w 210643"/>
                <a:gd name="connsiteY5" fmla="*/ 536141 h 624949"/>
                <a:gd name="connsiteX6" fmla="*/ 210510 w 210643"/>
                <a:gd name="connsiteY6" fmla="*/ 529562 h 624949"/>
                <a:gd name="connsiteX7" fmla="*/ 197353 w 210643"/>
                <a:gd name="connsiteY7" fmla="*/ 444043 h 624949"/>
                <a:gd name="connsiteX8" fmla="*/ 194064 w 210643"/>
                <a:gd name="connsiteY8" fmla="*/ 427597 h 624949"/>
                <a:gd name="connsiteX9" fmla="*/ 190775 w 210643"/>
                <a:gd name="connsiteY9" fmla="*/ 365102 h 624949"/>
                <a:gd name="connsiteX10" fmla="*/ 184196 w 210643"/>
                <a:gd name="connsiteY10" fmla="*/ 345367 h 624949"/>
                <a:gd name="connsiteX11" fmla="*/ 180907 w 210643"/>
                <a:gd name="connsiteY11" fmla="*/ 335499 h 624949"/>
                <a:gd name="connsiteX12" fmla="*/ 163091 w 210643"/>
                <a:gd name="connsiteY12" fmla="*/ 312615 h 624949"/>
                <a:gd name="connsiteX13" fmla="*/ 141436 w 210643"/>
                <a:gd name="connsiteY13" fmla="*/ 282872 h 624949"/>
                <a:gd name="connsiteX14" fmla="*/ 128280 w 210643"/>
                <a:gd name="connsiteY14" fmla="*/ 266426 h 624949"/>
                <a:gd name="connsiteX15" fmla="*/ 124990 w 210643"/>
                <a:gd name="connsiteY15" fmla="*/ 256558 h 624949"/>
                <a:gd name="connsiteX16" fmla="*/ 98677 w 210643"/>
                <a:gd name="connsiteY16" fmla="*/ 187485 h 624949"/>
                <a:gd name="connsiteX17" fmla="*/ 20772 w 210643"/>
                <a:gd name="connsiteY17" fmla="*/ 17303 h 624949"/>
                <a:gd name="connsiteX18" fmla="*/ 9868 w 210643"/>
                <a:gd name="connsiteY18" fmla="*/ 6578 h 624949"/>
                <a:gd name="connsiteX19" fmla="*/ 0 w 210643"/>
                <a:gd name="connsiteY19" fmla="*/ 0 h 624949"/>
                <a:gd name="connsiteX0" fmla="*/ 138147 w 210643"/>
                <a:gd name="connsiteY0" fmla="*/ 624949 h 624949"/>
                <a:gd name="connsiteX1" fmla="*/ 148015 w 210643"/>
                <a:gd name="connsiteY1" fmla="*/ 598636 h 624949"/>
                <a:gd name="connsiteX2" fmla="*/ 167750 w 210643"/>
                <a:gd name="connsiteY2" fmla="*/ 592057 h 624949"/>
                <a:gd name="connsiteX3" fmla="*/ 177618 w 210643"/>
                <a:gd name="connsiteY3" fmla="*/ 588768 h 624949"/>
                <a:gd name="connsiteX4" fmla="*/ 203931 w 210643"/>
                <a:gd name="connsiteY4" fmla="*/ 536141 h 624949"/>
                <a:gd name="connsiteX5" fmla="*/ 210510 w 210643"/>
                <a:gd name="connsiteY5" fmla="*/ 529562 h 624949"/>
                <a:gd name="connsiteX6" fmla="*/ 197353 w 210643"/>
                <a:gd name="connsiteY6" fmla="*/ 444043 h 624949"/>
                <a:gd name="connsiteX7" fmla="*/ 194064 w 210643"/>
                <a:gd name="connsiteY7" fmla="*/ 427597 h 624949"/>
                <a:gd name="connsiteX8" fmla="*/ 190775 w 210643"/>
                <a:gd name="connsiteY8" fmla="*/ 365102 h 624949"/>
                <a:gd name="connsiteX9" fmla="*/ 184196 w 210643"/>
                <a:gd name="connsiteY9" fmla="*/ 345367 h 624949"/>
                <a:gd name="connsiteX10" fmla="*/ 180907 w 210643"/>
                <a:gd name="connsiteY10" fmla="*/ 335499 h 624949"/>
                <a:gd name="connsiteX11" fmla="*/ 163091 w 210643"/>
                <a:gd name="connsiteY11" fmla="*/ 312615 h 624949"/>
                <a:gd name="connsiteX12" fmla="*/ 141436 w 210643"/>
                <a:gd name="connsiteY12" fmla="*/ 282872 h 624949"/>
                <a:gd name="connsiteX13" fmla="*/ 128280 w 210643"/>
                <a:gd name="connsiteY13" fmla="*/ 266426 h 624949"/>
                <a:gd name="connsiteX14" fmla="*/ 124990 w 210643"/>
                <a:gd name="connsiteY14" fmla="*/ 256558 h 624949"/>
                <a:gd name="connsiteX15" fmla="*/ 98677 w 210643"/>
                <a:gd name="connsiteY15" fmla="*/ 187485 h 624949"/>
                <a:gd name="connsiteX16" fmla="*/ 20772 w 210643"/>
                <a:gd name="connsiteY16" fmla="*/ 17303 h 624949"/>
                <a:gd name="connsiteX17" fmla="*/ 9868 w 210643"/>
                <a:gd name="connsiteY17" fmla="*/ 6578 h 624949"/>
                <a:gd name="connsiteX18" fmla="*/ 0 w 210643"/>
                <a:gd name="connsiteY18" fmla="*/ 0 h 624949"/>
                <a:gd name="connsiteX0" fmla="*/ 138147 w 210643"/>
                <a:gd name="connsiteY0" fmla="*/ 624949 h 624949"/>
                <a:gd name="connsiteX1" fmla="*/ 167750 w 210643"/>
                <a:gd name="connsiteY1" fmla="*/ 592057 h 624949"/>
                <a:gd name="connsiteX2" fmla="*/ 177618 w 210643"/>
                <a:gd name="connsiteY2" fmla="*/ 588768 h 624949"/>
                <a:gd name="connsiteX3" fmla="*/ 203931 w 210643"/>
                <a:gd name="connsiteY3" fmla="*/ 536141 h 624949"/>
                <a:gd name="connsiteX4" fmla="*/ 210510 w 210643"/>
                <a:gd name="connsiteY4" fmla="*/ 529562 h 624949"/>
                <a:gd name="connsiteX5" fmla="*/ 197353 w 210643"/>
                <a:gd name="connsiteY5" fmla="*/ 444043 h 624949"/>
                <a:gd name="connsiteX6" fmla="*/ 194064 w 210643"/>
                <a:gd name="connsiteY6" fmla="*/ 427597 h 624949"/>
                <a:gd name="connsiteX7" fmla="*/ 190775 w 210643"/>
                <a:gd name="connsiteY7" fmla="*/ 365102 h 624949"/>
                <a:gd name="connsiteX8" fmla="*/ 184196 w 210643"/>
                <a:gd name="connsiteY8" fmla="*/ 345367 h 624949"/>
                <a:gd name="connsiteX9" fmla="*/ 180907 w 210643"/>
                <a:gd name="connsiteY9" fmla="*/ 335499 h 624949"/>
                <a:gd name="connsiteX10" fmla="*/ 163091 w 210643"/>
                <a:gd name="connsiteY10" fmla="*/ 312615 h 624949"/>
                <a:gd name="connsiteX11" fmla="*/ 141436 w 210643"/>
                <a:gd name="connsiteY11" fmla="*/ 282872 h 624949"/>
                <a:gd name="connsiteX12" fmla="*/ 128280 w 210643"/>
                <a:gd name="connsiteY12" fmla="*/ 266426 h 624949"/>
                <a:gd name="connsiteX13" fmla="*/ 124990 w 210643"/>
                <a:gd name="connsiteY13" fmla="*/ 256558 h 624949"/>
                <a:gd name="connsiteX14" fmla="*/ 98677 w 210643"/>
                <a:gd name="connsiteY14" fmla="*/ 187485 h 624949"/>
                <a:gd name="connsiteX15" fmla="*/ 20772 w 210643"/>
                <a:gd name="connsiteY15" fmla="*/ 17303 h 624949"/>
                <a:gd name="connsiteX16" fmla="*/ 9868 w 210643"/>
                <a:gd name="connsiteY16" fmla="*/ 6578 h 624949"/>
                <a:gd name="connsiteX17" fmla="*/ 0 w 210643"/>
                <a:gd name="connsiteY17" fmla="*/ 0 h 624949"/>
                <a:gd name="connsiteX0" fmla="*/ 138147 w 210643"/>
                <a:gd name="connsiteY0" fmla="*/ 624949 h 624949"/>
                <a:gd name="connsiteX1" fmla="*/ 167750 w 210643"/>
                <a:gd name="connsiteY1" fmla="*/ 592057 h 624949"/>
                <a:gd name="connsiteX2" fmla="*/ 203931 w 210643"/>
                <a:gd name="connsiteY2" fmla="*/ 536141 h 624949"/>
                <a:gd name="connsiteX3" fmla="*/ 210510 w 210643"/>
                <a:gd name="connsiteY3" fmla="*/ 529562 h 624949"/>
                <a:gd name="connsiteX4" fmla="*/ 197353 w 210643"/>
                <a:gd name="connsiteY4" fmla="*/ 444043 h 624949"/>
                <a:gd name="connsiteX5" fmla="*/ 194064 w 210643"/>
                <a:gd name="connsiteY5" fmla="*/ 427597 h 624949"/>
                <a:gd name="connsiteX6" fmla="*/ 190775 w 210643"/>
                <a:gd name="connsiteY6" fmla="*/ 365102 h 624949"/>
                <a:gd name="connsiteX7" fmla="*/ 184196 w 210643"/>
                <a:gd name="connsiteY7" fmla="*/ 345367 h 624949"/>
                <a:gd name="connsiteX8" fmla="*/ 180907 w 210643"/>
                <a:gd name="connsiteY8" fmla="*/ 335499 h 624949"/>
                <a:gd name="connsiteX9" fmla="*/ 163091 w 210643"/>
                <a:gd name="connsiteY9" fmla="*/ 312615 h 624949"/>
                <a:gd name="connsiteX10" fmla="*/ 141436 w 210643"/>
                <a:gd name="connsiteY10" fmla="*/ 282872 h 624949"/>
                <a:gd name="connsiteX11" fmla="*/ 128280 w 210643"/>
                <a:gd name="connsiteY11" fmla="*/ 266426 h 624949"/>
                <a:gd name="connsiteX12" fmla="*/ 124990 w 210643"/>
                <a:gd name="connsiteY12" fmla="*/ 256558 h 624949"/>
                <a:gd name="connsiteX13" fmla="*/ 98677 w 210643"/>
                <a:gd name="connsiteY13" fmla="*/ 187485 h 624949"/>
                <a:gd name="connsiteX14" fmla="*/ 20772 w 210643"/>
                <a:gd name="connsiteY14" fmla="*/ 17303 h 624949"/>
                <a:gd name="connsiteX15" fmla="*/ 9868 w 210643"/>
                <a:gd name="connsiteY15" fmla="*/ 6578 h 624949"/>
                <a:gd name="connsiteX16" fmla="*/ 0 w 210643"/>
                <a:gd name="connsiteY16" fmla="*/ 0 h 624949"/>
                <a:gd name="connsiteX0" fmla="*/ 259118 w 259381"/>
                <a:gd name="connsiteY0" fmla="*/ 656971 h 656971"/>
                <a:gd name="connsiteX1" fmla="*/ 167750 w 259381"/>
                <a:gd name="connsiteY1" fmla="*/ 592057 h 656971"/>
                <a:gd name="connsiteX2" fmla="*/ 203931 w 259381"/>
                <a:gd name="connsiteY2" fmla="*/ 536141 h 656971"/>
                <a:gd name="connsiteX3" fmla="*/ 210510 w 259381"/>
                <a:gd name="connsiteY3" fmla="*/ 529562 h 656971"/>
                <a:gd name="connsiteX4" fmla="*/ 197353 w 259381"/>
                <a:gd name="connsiteY4" fmla="*/ 444043 h 656971"/>
                <a:gd name="connsiteX5" fmla="*/ 194064 w 259381"/>
                <a:gd name="connsiteY5" fmla="*/ 427597 h 656971"/>
                <a:gd name="connsiteX6" fmla="*/ 190775 w 259381"/>
                <a:gd name="connsiteY6" fmla="*/ 365102 h 656971"/>
                <a:gd name="connsiteX7" fmla="*/ 184196 w 259381"/>
                <a:gd name="connsiteY7" fmla="*/ 345367 h 656971"/>
                <a:gd name="connsiteX8" fmla="*/ 180907 w 259381"/>
                <a:gd name="connsiteY8" fmla="*/ 335499 h 656971"/>
                <a:gd name="connsiteX9" fmla="*/ 163091 w 259381"/>
                <a:gd name="connsiteY9" fmla="*/ 312615 h 656971"/>
                <a:gd name="connsiteX10" fmla="*/ 141436 w 259381"/>
                <a:gd name="connsiteY10" fmla="*/ 282872 h 656971"/>
                <a:gd name="connsiteX11" fmla="*/ 128280 w 259381"/>
                <a:gd name="connsiteY11" fmla="*/ 266426 h 656971"/>
                <a:gd name="connsiteX12" fmla="*/ 124990 w 259381"/>
                <a:gd name="connsiteY12" fmla="*/ 256558 h 656971"/>
                <a:gd name="connsiteX13" fmla="*/ 98677 w 259381"/>
                <a:gd name="connsiteY13" fmla="*/ 187485 h 656971"/>
                <a:gd name="connsiteX14" fmla="*/ 20772 w 259381"/>
                <a:gd name="connsiteY14" fmla="*/ 17303 h 656971"/>
                <a:gd name="connsiteX15" fmla="*/ 9868 w 259381"/>
                <a:gd name="connsiteY15" fmla="*/ 6578 h 656971"/>
                <a:gd name="connsiteX16" fmla="*/ 0 w 259381"/>
                <a:gd name="connsiteY16" fmla="*/ 0 h 656971"/>
                <a:gd name="connsiteX0" fmla="*/ 301813 w 302002"/>
                <a:gd name="connsiteY0" fmla="*/ 664087 h 664087"/>
                <a:gd name="connsiteX1" fmla="*/ 167750 w 302002"/>
                <a:gd name="connsiteY1" fmla="*/ 592057 h 664087"/>
                <a:gd name="connsiteX2" fmla="*/ 203931 w 302002"/>
                <a:gd name="connsiteY2" fmla="*/ 536141 h 664087"/>
                <a:gd name="connsiteX3" fmla="*/ 210510 w 302002"/>
                <a:gd name="connsiteY3" fmla="*/ 529562 h 664087"/>
                <a:gd name="connsiteX4" fmla="*/ 197353 w 302002"/>
                <a:gd name="connsiteY4" fmla="*/ 444043 h 664087"/>
                <a:gd name="connsiteX5" fmla="*/ 194064 w 302002"/>
                <a:gd name="connsiteY5" fmla="*/ 427597 h 664087"/>
                <a:gd name="connsiteX6" fmla="*/ 190775 w 302002"/>
                <a:gd name="connsiteY6" fmla="*/ 365102 h 664087"/>
                <a:gd name="connsiteX7" fmla="*/ 184196 w 302002"/>
                <a:gd name="connsiteY7" fmla="*/ 345367 h 664087"/>
                <a:gd name="connsiteX8" fmla="*/ 180907 w 302002"/>
                <a:gd name="connsiteY8" fmla="*/ 335499 h 664087"/>
                <a:gd name="connsiteX9" fmla="*/ 163091 w 302002"/>
                <a:gd name="connsiteY9" fmla="*/ 312615 h 664087"/>
                <a:gd name="connsiteX10" fmla="*/ 141436 w 302002"/>
                <a:gd name="connsiteY10" fmla="*/ 282872 h 664087"/>
                <a:gd name="connsiteX11" fmla="*/ 128280 w 302002"/>
                <a:gd name="connsiteY11" fmla="*/ 266426 h 664087"/>
                <a:gd name="connsiteX12" fmla="*/ 124990 w 302002"/>
                <a:gd name="connsiteY12" fmla="*/ 256558 h 664087"/>
                <a:gd name="connsiteX13" fmla="*/ 98677 w 302002"/>
                <a:gd name="connsiteY13" fmla="*/ 187485 h 664087"/>
                <a:gd name="connsiteX14" fmla="*/ 20772 w 302002"/>
                <a:gd name="connsiteY14" fmla="*/ 17303 h 664087"/>
                <a:gd name="connsiteX15" fmla="*/ 9868 w 302002"/>
                <a:gd name="connsiteY15" fmla="*/ 6578 h 664087"/>
                <a:gd name="connsiteX16" fmla="*/ 0 w 302002"/>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210510 w 301813"/>
                <a:gd name="connsiteY3" fmla="*/ 529562 h 664087"/>
                <a:gd name="connsiteX4" fmla="*/ 197353 w 301813"/>
                <a:gd name="connsiteY4" fmla="*/ 444043 h 664087"/>
                <a:gd name="connsiteX5" fmla="*/ 194064 w 301813"/>
                <a:gd name="connsiteY5" fmla="*/ 427597 h 664087"/>
                <a:gd name="connsiteX6" fmla="*/ 190775 w 301813"/>
                <a:gd name="connsiteY6" fmla="*/ 365102 h 664087"/>
                <a:gd name="connsiteX7" fmla="*/ 184196 w 301813"/>
                <a:gd name="connsiteY7" fmla="*/ 345367 h 664087"/>
                <a:gd name="connsiteX8" fmla="*/ 180907 w 301813"/>
                <a:gd name="connsiteY8" fmla="*/ 335499 h 664087"/>
                <a:gd name="connsiteX9" fmla="*/ 163091 w 301813"/>
                <a:gd name="connsiteY9" fmla="*/ 312615 h 664087"/>
                <a:gd name="connsiteX10" fmla="*/ 141436 w 301813"/>
                <a:gd name="connsiteY10" fmla="*/ 282872 h 664087"/>
                <a:gd name="connsiteX11" fmla="*/ 128280 w 301813"/>
                <a:gd name="connsiteY11" fmla="*/ 266426 h 664087"/>
                <a:gd name="connsiteX12" fmla="*/ 124990 w 301813"/>
                <a:gd name="connsiteY12" fmla="*/ 256558 h 664087"/>
                <a:gd name="connsiteX13" fmla="*/ 98677 w 301813"/>
                <a:gd name="connsiteY13" fmla="*/ 187485 h 664087"/>
                <a:gd name="connsiteX14" fmla="*/ 20772 w 301813"/>
                <a:gd name="connsiteY14" fmla="*/ 17303 h 664087"/>
                <a:gd name="connsiteX15" fmla="*/ 9868 w 301813"/>
                <a:gd name="connsiteY15" fmla="*/ 6578 h 664087"/>
                <a:gd name="connsiteX16" fmla="*/ 0 w 301813"/>
                <a:gd name="connsiteY16"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4196 w 301813"/>
                <a:gd name="connsiteY6" fmla="*/ 345367 h 664087"/>
                <a:gd name="connsiteX7" fmla="*/ 180907 w 301813"/>
                <a:gd name="connsiteY7" fmla="*/ 335499 h 664087"/>
                <a:gd name="connsiteX8" fmla="*/ 163091 w 301813"/>
                <a:gd name="connsiteY8" fmla="*/ 312615 h 664087"/>
                <a:gd name="connsiteX9" fmla="*/ 141436 w 301813"/>
                <a:gd name="connsiteY9" fmla="*/ 282872 h 664087"/>
                <a:gd name="connsiteX10" fmla="*/ 128280 w 301813"/>
                <a:gd name="connsiteY10" fmla="*/ 266426 h 664087"/>
                <a:gd name="connsiteX11" fmla="*/ 124990 w 301813"/>
                <a:gd name="connsiteY11" fmla="*/ 256558 h 664087"/>
                <a:gd name="connsiteX12" fmla="*/ 98677 w 301813"/>
                <a:gd name="connsiteY12" fmla="*/ 187485 h 664087"/>
                <a:gd name="connsiteX13" fmla="*/ 20772 w 301813"/>
                <a:gd name="connsiteY13" fmla="*/ 17303 h 664087"/>
                <a:gd name="connsiteX14" fmla="*/ 9868 w 301813"/>
                <a:gd name="connsiteY14" fmla="*/ 6578 h 664087"/>
                <a:gd name="connsiteX15" fmla="*/ 0 w 301813"/>
                <a:gd name="connsiteY15"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63091 w 301813"/>
                <a:gd name="connsiteY7" fmla="*/ 312615 h 664087"/>
                <a:gd name="connsiteX8" fmla="*/ 141436 w 301813"/>
                <a:gd name="connsiteY8" fmla="*/ 282872 h 664087"/>
                <a:gd name="connsiteX9" fmla="*/ 128280 w 301813"/>
                <a:gd name="connsiteY9" fmla="*/ 266426 h 664087"/>
                <a:gd name="connsiteX10" fmla="*/ 124990 w 301813"/>
                <a:gd name="connsiteY10" fmla="*/ 256558 h 664087"/>
                <a:gd name="connsiteX11" fmla="*/ 98677 w 301813"/>
                <a:gd name="connsiteY11" fmla="*/ 187485 h 664087"/>
                <a:gd name="connsiteX12" fmla="*/ 20772 w 301813"/>
                <a:gd name="connsiteY12" fmla="*/ 17303 h 664087"/>
                <a:gd name="connsiteX13" fmla="*/ 9868 w 301813"/>
                <a:gd name="connsiteY13" fmla="*/ 6578 h 664087"/>
                <a:gd name="connsiteX14" fmla="*/ 0 w 301813"/>
                <a:gd name="connsiteY14"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124990 w 301813"/>
                <a:gd name="connsiteY9" fmla="*/ 256558 h 664087"/>
                <a:gd name="connsiteX10" fmla="*/ 98677 w 301813"/>
                <a:gd name="connsiteY10" fmla="*/ 187485 h 664087"/>
                <a:gd name="connsiteX11" fmla="*/ 20772 w 301813"/>
                <a:gd name="connsiteY11" fmla="*/ 17303 h 664087"/>
                <a:gd name="connsiteX12" fmla="*/ 9868 w 301813"/>
                <a:gd name="connsiteY12" fmla="*/ 6578 h 664087"/>
                <a:gd name="connsiteX13" fmla="*/ 0 w 301813"/>
                <a:gd name="connsiteY13" fmla="*/ 0 h 664087"/>
                <a:gd name="connsiteX0" fmla="*/ 301813 w 301813"/>
                <a:gd name="connsiteY0" fmla="*/ 664087 h 664087"/>
                <a:gd name="connsiteX1" fmla="*/ 167750 w 301813"/>
                <a:gd name="connsiteY1" fmla="*/ 592057 h 664087"/>
                <a:gd name="connsiteX2" fmla="*/ 203931 w 301813"/>
                <a:gd name="connsiteY2" fmla="*/ 536141 h 664087"/>
                <a:gd name="connsiteX3" fmla="*/ 197353 w 301813"/>
                <a:gd name="connsiteY3" fmla="*/ 444043 h 664087"/>
                <a:gd name="connsiteX4" fmla="*/ 194064 w 301813"/>
                <a:gd name="connsiteY4" fmla="*/ 427597 h 664087"/>
                <a:gd name="connsiteX5" fmla="*/ 190775 w 301813"/>
                <a:gd name="connsiteY5" fmla="*/ 365102 h 664087"/>
                <a:gd name="connsiteX6" fmla="*/ 180907 w 301813"/>
                <a:gd name="connsiteY6" fmla="*/ 335499 h 664087"/>
                <a:gd name="connsiteX7" fmla="*/ 141436 w 301813"/>
                <a:gd name="connsiteY7" fmla="*/ 282872 h 664087"/>
                <a:gd name="connsiteX8" fmla="*/ 128280 w 301813"/>
                <a:gd name="connsiteY8" fmla="*/ 266426 h 664087"/>
                <a:gd name="connsiteX9" fmla="*/ 98677 w 301813"/>
                <a:gd name="connsiteY9" fmla="*/ 187485 h 664087"/>
                <a:gd name="connsiteX10" fmla="*/ 20772 w 301813"/>
                <a:gd name="connsiteY10" fmla="*/ 17303 h 664087"/>
                <a:gd name="connsiteX11" fmla="*/ 9868 w 301813"/>
                <a:gd name="connsiteY11" fmla="*/ 6578 h 664087"/>
                <a:gd name="connsiteX12" fmla="*/ 0 w 301813"/>
                <a:gd name="connsiteY12" fmla="*/ 0 h 6640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01813" h="664087">
                  <a:moveTo>
                    <a:pt x="301813" y="664087"/>
                  </a:moveTo>
                  <a:cubicBezTo>
                    <a:pt x="297306" y="643003"/>
                    <a:pt x="161172" y="598087"/>
                    <a:pt x="167750" y="592057"/>
                  </a:cubicBezTo>
                  <a:cubicBezTo>
                    <a:pt x="179810" y="573418"/>
                    <a:pt x="198997" y="560810"/>
                    <a:pt x="203931" y="536141"/>
                  </a:cubicBezTo>
                  <a:cubicBezTo>
                    <a:pt x="208865" y="511472"/>
                    <a:pt x="198998" y="462134"/>
                    <a:pt x="197353" y="444043"/>
                  </a:cubicBezTo>
                  <a:cubicBezTo>
                    <a:pt x="196257" y="438561"/>
                    <a:pt x="194528" y="433168"/>
                    <a:pt x="194064" y="427597"/>
                  </a:cubicBezTo>
                  <a:cubicBezTo>
                    <a:pt x="192332" y="406809"/>
                    <a:pt x="192968" y="380452"/>
                    <a:pt x="190775" y="365102"/>
                  </a:cubicBezTo>
                  <a:cubicBezTo>
                    <a:pt x="188582" y="349752"/>
                    <a:pt x="189130" y="349204"/>
                    <a:pt x="180907" y="335499"/>
                  </a:cubicBezTo>
                  <a:cubicBezTo>
                    <a:pt x="172684" y="321794"/>
                    <a:pt x="150207" y="294384"/>
                    <a:pt x="141436" y="282872"/>
                  </a:cubicBezTo>
                  <a:cubicBezTo>
                    <a:pt x="132665" y="271360"/>
                    <a:pt x="135407" y="282324"/>
                    <a:pt x="128280" y="266426"/>
                  </a:cubicBezTo>
                  <a:cubicBezTo>
                    <a:pt x="121153" y="250528"/>
                    <a:pt x="116595" y="229005"/>
                    <a:pt x="98677" y="187485"/>
                  </a:cubicBezTo>
                  <a:cubicBezTo>
                    <a:pt x="80759" y="145965"/>
                    <a:pt x="35574" y="47454"/>
                    <a:pt x="20772" y="17303"/>
                  </a:cubicBezTo>
                  <a:cubicBezTo>
                    <a:pt x="16386" y="14562"/>
                    <a:pt x="13330" y="9462"/>
                    <a:pt x="9868" y="6578"/>
                  </a:cubicBezTo>
                  <a:cubicBezTo>
                    <a:pt x="6406" y="3694"/>
                    <a:pt x="3536" y="1768"/>
                    <a:pt x="0" y="0"/>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31" name="Freeform 1030"/>
            <p:cNvSpPr/>
            <p:nvPr/>
          </p:nvSpPr>
          <p:spPr bwMode="auto">
            <a:xfrm>
              <a:off x="5147612" y="3029361"/>
              <a:ext cx="98680" cy="286161"/>
            </a:xfrm>
            <a:custGeom>
              <a:avLst/>
              <a:gdLst>
                <a:gd name="connsiteX0" fmla="*/ 0 w 98680"/>
                <a:gd name="connsiteY0" fmla="*/ 0 h 286161"/>
                <a:gd name="connsiteX1" fmla="*/ 16446 w 98680"/>
                <a:gd name="connsiteY1" fmla="*/ 42760 h 286161"/>
                <a:gd name="connsiteX2" fmla="*/ 19735 w 98680"/>
                <a:gd name="connsiteY2" fmla="*/ 55917 h 286161"/>
                <a:gd name="connsiteX3" fmla="*/ 26313 w 98680"/>
                <a:gd name="connsiteY3" fmla="*/ 75652 h 286161"/>
                <a:gd name="connsiteX4" fmla="*/ 23024 w 98680"/>
                <a:gd name="connsiteY4" fmla="*/ 108544 h 286161"/>
                <a:gd name="connsiteX5" fmla="*/ 19735 w 98680"/>
                <a:gd name="connsiteY5" fmla="*/ 121701 h 286161"/>
                <a:gd name="connsiteX6" fmla="*/ 16446 w 98680"/>
                <a:gd name="connsiteY6" fmla="*/ 174328 h 286161"/>
                <a:gd name="connsiteX7" fmla="*/ 9867 w 98680"/>
                <a:gd name="connsiteY7" fmla="*/ 194063 h 286161"/>
                <a:gd name="connsiteX8" fmla="*/ 6578 w 98680"/>
                <a:gd name="connsiteY8" fmla="*/ 203931 h 286161"/>
                <a:gd name="connsiteX9" fmla="*/ 9867 w 98680"/>
                <a:gd name="connsiteY9" fmla="*/ 213799 h 286161"/>
                <a:gd name="connsiteX10" fmla="*/ 19735 w 98680"/>
                <a:gd name="connsiteY10" fmla="*/ 217088 h 286161"/>
                <a:gd name="connsiteX11" fmla="*/ 49338 w 98680"/>
                <a:gd name="connsiteY11" fmla="*/ 223666 h 286161"/>
                <a:gd name="connsiteX12" fmla="*/ 65784 w 98680"/>
                <a:gd name="connsiteY12" fmla="*/ 236823 h 286161"/>
                <a:gd name="connsiteX13" fmla="*/ 69073 w 98680"/>
                <a:gd name="connsiteY13" fmla="*/ 246691 h 286161"/>
                <a:gd name="connsiteX14" fmla="*/ 85519 w 98680"/>
                <a:gd name="connsiteY14" fmla="*/ 263137 h 286161"/>
                <a:gd name="connsiteX15" fmla="*/ 98676 w 98680"/>
                <a:gd name="connsiteY15" fmla="*/ 286161 h 2861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8680" h="286161">
                  <a:moveTo>
                    <a:pt x="0" y="0"/>
                  </a:moveTo>
                  <a:cubicBezTo>
                    <a:pt x="20068" y="25087"/>
                    <a:pt x="10534" y="7291"/>
                    <a:pt x="16446" y="42760"/>
                  </a:cubicBezTo>
                  <a:cubicBezTo>
                    <a:pt x="17189" y="47219"/>
                    <a:pt x="18436" y="51587"/>
                    <a:pt x="19735" y="55917"/>
                  </a:cubicBezTo>
                  <a:cubicBezTo>
                    <a:pt x="21727" y="62559"/>
                    <a:pt x="26313" y="75652"/>
                    <a:pt x="26313" y="75652"/>
                  </a:cubicBezTo>
                  <a:cubicBezTo>
                    <a:pt x="25217" y="86616"/>
                    <a:pt x="24582" y="97636"/>
                    <a:pt x="23024" y="108544"/>
                  </a:cubicBezTo>
                  <a:cubicBezTo>
                    <a:pt x="22385" y="113019"/>
                    <a:pt x="20185" y="117203"/>
                    <a:pt x="19735" y="121701"/>
                  </a:cubicBezTo>
                  <a:cubicBezTo>
                    <a:pt x="17986" y="139190"/>
                    <a:pt x="18821" y="156913"/>
                    <a:pt x="16446" y="174328"/>
                  </a:cubicBezTo>
                  <a:cubicBezTo>
                    <a:pt x="15509" y="181199"/>
                    <a:pt x="12060" y="187485"/>
                    <a:pt x="9867" y="194063"/>
                  </a:cubicBezTo>
                  <a:lnTo>
                    <a:pt x="6578" y="203931"/>
                  </a:lnTo>
                  <a:cubicBezTo>
                    <a:pt x="7674" y="207220"/>
                    <a:pt x="7415" y="211347"/>
                    <a:pt x="9867" y="213799"/>
                  </a:cubicBezTo>
                  <a:cubicBezTo>
                    <a:pt x="12319" y="216251"/>
                    <a:pt x="16401" y="216136"/>
                    <a:pt x="19735" y="217088"/>
                  </a:cubicBezTo>
                  <a:cubicBezTo>
                    <a:pt x="30574" y="220185"/>
                    <a:pt x="38033" y="221405"/>
                    <a:pt x="49338" y="223666"/>
                  </a:cubicBezTo>
                  <a:cubicBezTo>
                    <a:pt x="53816" y="226652"/>
                    <a:pt x="62661" y="231618"/>
                    <a:pt x="65784" y="236823"/>
                  </a:cubicBezTo>
                  <a:cubicBezTo>
                    <a:pt x="67568" y="239796"/>
                    <a:pt x="67522" y="243590"/>
                    <a:pt x="69073" y="246691"/>
                  </a:cubicBezTo>
                  <a:cubicBezTo>
                    <a:pt x="74554" y="257654"/>
                    <a:pt x="75652" y="256559"/>
                    <a:pt x="85519" y="263137"/>
                  </a:cubicBezTo>
                  <a:cubicBezTo>
                    <a:pt x="99284" y="283784"/>
                    <a:pt x="98676" y="274966"/>
                    <a:pt x="98676" y="286161"/>
                  </a:cubicBezTo>
                </a:path>
              </a:pathLst>
            </a:custGeom>
            <a:noFill/>
            <a:ln w="76200">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029" name="Freeform 1028"/>
            <p:cNvSpPr/>
            <p:nvPr/>
          </p:nvSpPr>
          <p:spPr bwMode="auto">
            <a:xfrm>
              <a:off x="5101563" y="3012634"/>
              <a:ext cx="993546" cy="174609"/>
            </a:xfrm>
            <a:custGeom>
              <a:avLst/>
              <a:gdLst>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223666 w 947292"/>
                <a:gd name="connsiteY34" fmla="*/ 6578 h 177617"/>
                <a:gd name="connsiteX35" fmla="*/ 194063 w 947292"/>
                <a:gd name="connsiteY35" fmla="*/ 3289 h 177617"/>
                <a:gd name="connsiteX36" fmla="*/ 184195 w 947292"/>
                <a:gd name="connsiteY36" fmla="*/ 0 h 177617"/>
                <a:gd name="connsiteX37" fmla="*/ 124990 w 947292"/>
                <a:gd name="connsiteY37" fmla="*/ 9868 h 177617"/>
                <a:gd name="connsiteX38" fmla="*/ 105254 w 947292"/>
                <a:gd name="connsiteY38" fmla="*/ 13157 h 177617"/>
                <a:gd name="connsiteX39" fmla="*/ 92097 w 947292"/>
                <a:gd name="connsiteY39" fmla="*/ 16446 h 177617"/>
                <a:gd name="connsiteX40" fmla="*/ 82230 w 947292"/>
                <a:gd name="connsiteY40" fmla="*/ 19735 h 177617"/>
                <a:gd name="connsiteX41" fmla="*/ 0 w 947292"/>
                <a:gd name="connsiteY4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230244 w 947292"/>
                <a:gd name="connsiteY33" fmla="*/ 13157 h 177617"/>
                <a:gd name="connsiteX34" fmla="*/ 194063 w 947292"/>
                <a:gd name="connsiteY34" fmla="*/ 3289 h 177617"/>
                <a:gd name="connsiteX35" fmla="*/ 184195 w 947292"/>
                <a:gd name="connsiteY35" fmla="*/ 0 h 177617"/>
                <a:gd name="connsiteX36" fmla="*/ 124990 w 947292"/>
                <a:gd name="connsiteY36" fmla="*/ 9868 h 177617"/>
                <a:gd name="connsiteX37" fmla="*/ 105254 w 947292"/>
                <a:gd name="connsiteY37" fmla="*/ 13157 h 177617"/>
                <a:gd name="connsiteX38" fmla="*/ 92097 w 947292"/>
                <a:gd name="connsiteY38" fmla="*/ 16446 h 177617"/>
                <a:gd name="connsiteX39" fmla="*/ 82230 w 947292"/>
                <a:gd name="connsiteY39" fmla="*/ 19735 h 177617"/>
                <a:gd name="connsiteX40" fmla="*/ 0 w 947292"/>
                <a:gd name="connsiteY40"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69715 w 947292"/>
                <a:gd name="connsiteY30" fmla="*/ 36181 h 177617"/>
                <a:gd name="connsiteX31" fmla="*/ 249979 w 947292"/>
                <a:gd name="connsiteY31" fmla="*/ 23024 h 177617"/>
                <a:gd name="connsiteX32" fmla="*/ 240112 w 947292"/>
                <a:gd name="connsiteY32" fmla="*/ 19735 h 177617"/>
                <a:gd name="connsiteX33" fmla="*/ 194063 w 947292"/>
                <a:gd name="connsiteY33" fmla="*/ 3289 h 177617"/>
                <a:gd name="connsiteX34" fmla="*/ 184195 w 947292"/>
                <a:gd name="connsiteY34" fmla="*/ 0 h 177617"/>
                <a:gd name="connsiteX35" fmla="*/ 124990 w 947292"/>
                <a:gd name="connsiteY35" fmla="*/ 9868 h 177617"/>
                <a:gd name="connsiteX36" fmla="*/ 105254 w 947292"/>
                <a:gd name="connsiteY36" fmla="*/ 13157 h 177617"/>
                <a:gd name="connsiteX37" fmla="*/ 92097 w 947292"/>
                <a:gd name="connsiteY37" fmla="*/ 16446 h 177617"/>
                <a:gd name="connsiteX38" fmla="*/ 82230 w 947292"/>
                <a:gd name="connsiteY38" fmla="*/ 19735 h 177617"/>
                <a:gd name="connsiteX39" fmla="*/ 0 w 947292"/>
                <a:gd name="connsiteY39"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361813 w 947292"/>
                <a:gd name="connsiteY27" fmla="*/ 62495 h 177617"/>
                <a:gd name="connsiteX28" fmla="*/ 296028 w 947292"/>
                <a:gd name="connsiteY28" fmla="*/ 55916 h 177617"/>
                <a:gd name="connsiteX29" fmla="*/ 279582 w 947292"/>
                <a:gd name="connsiteY29" fmla="*/ 39470 h 177617"/>
                <a:gd name="connsiteX30" fmla="*/ 249979 w 947292"/>
                <a:gd name="connsiteY30" fmla="*/ 23024 h 177617"/>
                <a:gd name="connsiteX31" fmla="*/ 240112 w 947292"/>
                <a:gd name="connsiteY31" fmla="*/ 19735 h 177617"/>
                <a:gd name="connsiteX32" fmla="*/ 194063 w 947292"/>
                <a:gd name="connsiteY32" fmla="*/ 3289 h 177617"/>
                <a:gd name="connsiteX33" fmla="*/ 184195 w 947292"/>
                <a:gd name="connsiteY33" fmla="*/ 0 h 177617"/>
                <a:gd name="connsiteX34" fmla="*/ 124990 w 947292"/>
                <a:gd name="connsiteY34" fmla="*/ 9868 h 177617"/>
                <a:gd name="connsiteX35" fmla="*/ 105254 w 947292"/>
                <a:gd name="connsiteY35" fmla="*/ 13157 h 177617"/>
                <a:gd name="connsiteX36" fmla="*/ 92097 w 947292"/>
                <a:gd name="connsiteY36" fmla="*/ 16446 h 177617"/>
                <a:gd name="connsiteX37" fmla="*/ 82230 w 947292"/>
                <a:gd name="connsiteY37" fmla="*/ 19735 h 177617"/>
                <a:gd name="connsiteX38" fmla="*/ 0 w 947292"/>
                <a:gd name="connsiteY38"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97994 w 947292"/>
                <a:gd name="connsiteY24" fmla="*/ 78941 h 177617"/>
                <a:gd name="connsiteX25" fmla="*/ 388126 w 947292"/>
                <a:gd name="connsiteY25" fmla="*/ 75652 h 177617"/>
                <a:gd name="connsiteX26" fmla="*/ 381548 w 947292"/>
                <a:gd name="connsiteY26" fmla="*/ 69073 h 177617"/>
                <a:gd name="connsiteX27" fmla="*/ 296028 w 947292"/>
                <a:gd name="connsiteY27" fmla="*/ 55916 h 177617"/>
                <a:gd name="connsiteX28" fmla="*/ 279582 w 947292"/>
                <a:gd name="connsiteY28" fmla="*/ 39470 h 177617"/>
                <a:gd name="connsiteX29" fmla="*/ 249979 w 947292"/>
                <a:gd name="connsiteY29" fmla="*/ 23024 h 177617"/>
                <a:gd name="connsiteX30" fmla="*/ 240112 w 947292"/>
                <a:gd name="connsiteY30" fmla="*/ 19735 h 177617"/>
                <a:gd name="connsiteX31" fmla="*/ 194063 w 947292"/>
                <a:gd name="connsiteY31" fmla="*/ 3289 h 177617"/>
                <a:gd name="connsiteX32" fmla="*/ 184195 w 947292"/>
                <a:gd name="connsiteY32" fmla="*/ 0 h 177617"/>
                <a:gd name="connsiteX33" fmla="*/ 124990 w 947292"/>
                <a:gd name="connsiteY33" fmla="*/ 9868 h 177617"/>
                <a:gd name="connsiteX34" fmla="*/ 105254 w 947292"/>
                <a:gd name="connsiteY34" fmla="*/ 13157 h 177617"/>
                <a:gd name="connsiteX35" fmla="*/ 92097 w 947292"/>
                <a:gd name="connsiteY35" fmla="*/ 16446 h 177617"/>
                <a:gd name="connsiteX36" fmla="*/ 82230 w 947292"/>
                <a:gd name="connsiteY36" fmla="*/ 19735 h 177617"/>
                <a:gd name="connsiteX37" fmla="*/ 0 w 947292"/>
                <a:gd name="connsiteY37"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57200 w 947292"/>
                <a:gd name="connsiteY21" fmla="*/ 101965 h 177617"/>
                <a:gd name="connsiteX22" fmla="*/ 437464 w 947292"/>
                <a:gd name="connsiteY22" fmla="*/ 95387 h 177617"/>
                <a:gd name="connsiteX23" fmla="*/ 407861 w 947292"/>
                <a:gd name="connsiteY23" fmla="*/ 85519 h 177617"/>
                <a:gd name="connsiteX24" fmla="*/ 388126 w 947292"/>
                <a:gd name="connsiteY24" fmla="*/ 75652 h 177617"/>
                <a:gd name="connsiteX25" fmla="*/ 381548 w 947292"/>
                <a:gd name="connsiteY25" fmla="*/ 69073 h 177617"/>
                <a:gd name="connsiteX26" fmla="*/ 296028 w 947292"/>
                <a:gd name="connsiteY26" fmla="*/ 55916 h 177617"/>
                <a:gd name="connsiteX27" fmla="*/ 279582 w 947292"/>
                <a:gd name="connsiteY27" fmla="*/ 39470 h 177617"/>
                <a:gd name="connsiteX28" fmla="*/ 249979 w 947292"/>
                <a:gd name="connsiteY28" fmla="*/ 23024 h 177617"/>
                <a:gd name="connsiteX29" fmla="*/ 240112 w 947292"/>
                <a:gd name="connsiteY29" fmla="*/ 19735 h 177617"/>
                <a:gd name="connsiteX30" fmla="*/ 194063 w 947292"/>
                <a:gd name="connsiteY30" fmla="*/ 3289 h 177617"/>
                <a:gd name="connsiteX31" fmla="*/ 184195 w 947292"/>
                <a:gd name="connsiteY31" fmla="*/ 0 h 177617"/>
                <a:gd name="connsiteX32" fmla="*/ 124990 w 947292"/>
                <a:gd name="connsiteY32" fmla="*/ 9868 h 177617"/>
                <a:gd name="connsiteX33" fmla="*/ 105254 w 947292"/>
                <a:gd name="connsiteY33" fmla="*/ 13157 h 177617"/>
                <a:gd name="connsiteX34" fmla="*/ 92097 w 947292"/>
                <a:gd name="connsiteY34" fmla="*/ 16446 h 177617"/>
                <a:gd name="connsiteX35" fmla="*/ 82230 w 947292"/>
                <a:gd name="connsiteY35" fmla="*/ 19735 h 177617"/>
                <a:gd name="connsiteX36" fmla="*/ 0 w 947292"/>
                <a:gd name="connsiteY36"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86802 w 947292"/>
                <a:gd name="connsiteY18" fmla="*/ 115122 h 177617"/>
                <a:gd name="connsiteX19" fmla="*/ 476935 w 947292"/>
                <a:gd name="connsiteY19" fmla="*/ 111833 h 177617"/>
                <a:gd name="connsiteX20" fmla="*/ 467067 w 947292"/>
                <a:gd name="connsiteY20" fmla="*/ 108544 h 177617"/>
                <a:gd name="connsiteX21" fmla="*/ 437464 w 947292"/>
                <a:gd name="connsiteY21" fmla="*/ 95387 h 177617"/>
                <a:gd name="connsiteX22" fmla="*/ 407861 w 947292"/>
                <a:gd name="connsiteY22" fmla="*/ 85519 h 177617"/>
                <a:gd name="connsiteX23" fmla="*/ 388126 w 947292"/>
                <a:gd name="connsiteY23" fmla="*/ 75652 h 177617"/>
                <a:gd name="connsiteX24" fmla="*/ 381548 w 947292"/>
                <a:gd name="connsiteY24" fmla="*/ 69073 h 177617"/>
                <a:gd name="connsiteX25" fmla="*/ 296028 w 947292"/>
                <a:gd name="connsiteY25" fmla="*/ 55916 h 177617"/>
                <a:gd name="connsiteX26" fmla="*/ 279582 w 947292"/>
                <a:gd name="connsiteY26" fmla="*/ 39470 h 177617"/>
                <a:gd name="connsiteX27" fmla="*/ 249979 w 947292"/>
                <a:gd name="connsiteY27" fmla="*/ 23024 h 177617"/>
                <a:gd name="connsiteX28" fmla="*/ 240112 w 947292"/>
                <a:gd name="connsiteY28" fmla="*/ 19735 h 177617"/>
                <a:gd name="connsiteX29" fmla="*/ 194063 w 947292"/>
                <a:gd name="connsiteY29" fmla="*/ 3289 h 177617"/>
                <a:gd name="connsiteX30" fmla="*/ 184195 w 947292"/>
                <a:gd name="connsiteY30" fmla="*/ 0 h 177617"/>
                <a:gd name="connsiteX31" fmla="*/ 124990 w 947292"/>
                <a:gd name="connsiteY31" fmla="*/ 9868 h 177617"/>
                <a:gd name="connsiteX32" fmla="*/ 105254 w 947292"/>
                <a:gd name="connsiteY32" fmla="*/ 13157 h 177617"/>
                <a:gd name="connsiteX33" fmla="*/ 92097 w 947292"/>
                <a:gd name="connsiteY33" fmla="*/ 16446 h 177617"/>
                <a:gd name="connsiteX34" fmla="*/ 82230 w 947292"/>
                <a:gd name="connsiteY34" fmla="*/ 19735 h 177617"/>
                <a:gd name="connsiteX35" fmla="*/ 0 w 947292"/>
                <a:gd name="connsiteY35"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42719 w 947292"/>
                <a:gd name="connsiteY15" fmla="*/ 144725 h 177617"/>
                <a:gd name="connsiteX16" fmla="*/ 522984 w 947292"/>
                <a:gd name="connsiteY16" fmla="*/ 138147 h 177617"/>
                <a:gd name="connsiteX17" fmla="*/ 516405 w 947292"/>
                <a:gd name="connsiteY17" fmla="*/ 128279 h 177617"/>
                <a:gd name="connsiteX18" fmla="*/ 476935 w 947292"/>
                <a:gd name="connsiteY18" fmla="*/ 111833 h 177617"/>
                <a:gd name="connsiteX19" fmla="*/ 467067 w 947292"/>
                <a:gd name="connsiteY19" fmla="*/ 108544 h 177617"/>
                <a:gd name="connsiteX20" fmla="*/ 437464 w 947292"/>
                <a:gd name="connsiteY20" fmla="*/ 95387 h 177617"/>
                <a:gd name="connsiteX21" fmla="*/ 407861 w 947292"/>
                <a:gd name="connsiteY21" fmla="*/ 85519 h 177617"/>
                <a:gd name="connsiteX22" fmla="*/ 388126 w 947292"/>
                <a:gd name="connsiteY22" fmla="*/ 75652 h 177617"/>
                <a:gd name="connsiteX23" fmla="*/ 381548 w 947292"/>
                <a:gd name="connsiteY23" fmla="*/ 69073 h 177617"/>
                <a:gd name="connsiteX24" fmla="*/ 296028 w 947292"/>
                <a:gd name="connsiteY24" fmla="*/ 55916 h 177617"/>
                <a:gd name="connsiteX25" fmla="*/ 279582 w 947292"/>
                <a:gd name="connsiteY25" fmla="*/ 39470 h 177617"/>
                <a:gd name="connsiteX26" fmla="*/ 249979 w 947292"/>
                <a:gd name="connsiteY26" fmla="*/ 23024 h 177617"/>
                <a:gd name="connsiteX27" fmla="*/ 240112 w 947292"/>
                <a:gd name="connsiteY27" fmla="*/ 19735 h 177617"/>
                <a:gd name="connsiteX28" fmla="*/ 194063 w 947292"/>
                <a:gd name="connsiteY28" fmla="*/ 3289 h 177617"/>
                <a:gd name="connsiteX29" fmla="*/ 184195 w 947292"/>
                <a:gd name="connsiteY29" fmla="*/ 0 h 177617"/>
                <a:gd name="connsiteX30" fmla="*/ 124990 w 947292"/>
                <a:gd name="connsiteY30" fmla="*/ 9868 h 177617"/>
                <a:gd name="connsiteX31" fmla="*/ 105254 w 947292"/>
                <a:gd name="connsiteY31" fmla="*/ 13157 h 177617"/>
                <a:gd name="connsiteX32" fmla="*/ 92097 w 947292"/>
                <a:gd name="connsiteY32" fmla="*/ 16446 h 177617"/>
                <a:gd name="connsiteX33" fmla="*/ 82230 w 947292"/>
                <a:gd name="connsiteY33" fmla="*/ 19735 h 177617"/>
                <a:gd name="connsiteX34" fmla="*/ 0 w 947292"/>
                <a:gd name="connsiteY34"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22984 w 947292"/>
                <a:gd name="connsiteY15" fmla="*/ 138147 h 177617"/>
                <a:gd name="connsiteX16" fmla="*/ 516405 w 947292"/>
                <a:gd name="connsiteY16" fmla="*/ 128279 h 177617"/>
                <a:gd name="connsiteX17" fmla="*/ 476935 w 947292"/>
                <a:gd name="connsiteY17" fmla="*/ 111833 h 177617"/>
                <a:gd name="connsiteX18" fmla="*/ 467067 w 947292"/>
                <a:gd name="connsiteY18" fmla="*/ 108544 h 177617"/>
                <a:gd name="connsiteX19" fmla="*/ 437464 w 947292"/>
                <a:gd name="connsiteY19" fmla="*/ 95387 h 177617"/>
                <a:gd name="connsiteX20" fmla="*/ 407861 w 947292"/>
                <a:gd name="connsiteY20" fmla="*/ 85519 h 177617"/>
                <a:gd name="connsiteX21" fmla="*/ 388126 w 947292"/>
                <a:gd name="connsiteY21" fmla="*/ 75652 h 177617"/>
                <a:gd name="connsiteX22" fmla="*/ 381548 w 947292"/>
                <a:gd name="connsiteY22" fmla="*/ 69073 h 177617"/>
                <a:gd name="connsiteX23" fmla="*/ 296028 w 947292"/>
                <a:gd name="connsiteY23" fmla="*/ 55916 h 177617"/>
                <a:gd name="connsiteX24" fmla="*/ 279582 w 947292"/>
                <a:gd name="connsiteY24" fmla="*/ 39470 h 177617"/>
                <a:gd name="connsiteX25" fmla="*/ 249979 w 947292"/>
                <a:gd name="connsiteY25" fmla="*/ 23024 h 177617"/>
                <a:gd name="connsiteX26" fmla="*/ 240112 w 947292"/>
                <a:gd name="connsiteY26" fmla="*/ 19735 h 177617"/>
                <a:gd name="connsiteX27" fmla="*/ 194063 w 947292"/>
                <a:gd name="connsiteY27" fmla="*/ 3289 h 177617"/>
                <a:gd name="connsiteX28" fmla="*/ 184195 w 947292"/>
                <a:gd name="connsiteY28" fmla="*/ 0 h 177617"/>
                <a:gd name="connsiteX29" fmla="*/ 124990 w 947292"/>
                <a:gd name="connsiteY29" fmla="*/ 9868 h 177617"/>
                <a:gd name="connsiteX30" fmla="*/ 105254 w 947292"/>
                <a:gd name="connsiteY30" fmla="*/ 13157 h 177617"/>
                <a:gd name="connsiteX31" fmla="*/ 92097 w 947292"/>
                <a:gd name="connsiteY31" fmla="*/ 16446 h 177617"/>
                <a:gd name="connsiteX32" fmla="*/ 82230 w 947292"/>
                <a:gd name="connsiteY32" fmla="*/ 19735 h 177617"/>
                <a:gd name="connsiteX33" fmla="*/ 0 w 947292"/>
                <a:gd name="connsiteY33"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381548 w 947292"/>
                <a:gd name="connsiteY21" fmla="*/ 69073 h 177617"/>
                <a:gd name="connsiteX22" fmla="*/ 296028 w 947292"/>
                <a:gd name="connsiteY22" fmla="*/ 55916 h 177617"/>
                <a:gd name="connsiteX23" fmla="*/ 279582 w 947292"/>
                <a:gd name="connsiteY23" fmla="*/ 39470 h 177617"/>
                <a:gd name="connsiteX24" fmla="*/ 249979 w 947292"/>
                <a:gd name="connsiteY24" fmla="*/ 23024 h 177617"/>
                <a:gd name="connsiteX25" fmla="*/ 240112 w 947292"/>
                <a:gd name="connsiteY25" fmla="*/ 19735 h 177617"/>
                <a:gd name="connsiteX26" fmla="*/ 194063 w 947292"/>
                <a:gd name="connsiteY26" fmla="*/ 3289 h 177617"/>
                <a:gd name="connsiteX27" fmla="*/ 184195 w 947292"/>
                <a:gd name="connsiteY27" fmla="*/ 0 h 177617"/>
                <a:gd name="connsiteX28" fmla="*/ 124990 w 947292"/>
                <a:gd name="connsiteY28" fmla="*/ 9868 h 177617"/>
                <a:gd name="connsiteX29" fmla="*/ 105254 w 947292"/>
                <a:gd name="connsiteY29" fmla="*/ 13157 h 177617"/>
                <a:gd name="connsiteX30" fmla="*/ 92097 w 947292"/>
                <a:gd name="connsiteY30" fmla="*/ 16446 h 177617"/>
                <a:gd name="connsiteX31" fmla="*/ 82230 w 947292"/>
                <a:gd name="connsiteY31" fmla="*/ 19735 h 177617"/>
                <a:gd name="connsiteX32" fmla="*/ 0 w 947292"/>
                <a:gd name="connsiteY32"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105254 w 947292"/>
                <a:gd name="connsiteY28" fmla="*/ 13157 h 177617"/>
                <a:gd name="connsiteX29" fmla="*/ 92097 w 947292"/>
                <a:gd name="connsiteY29" fmla="*/ 16446 h 177617"/>
                <a:gd name="connsiteX30" fmla="*/ 82230 w 947292"/>
                <a:gd name="connsiteY30" fmla="*/ 19735 h 177617"/>
                <a:gd name="connsiteX31" fmla="*/ 0 w 947292"/>
                <a:gd name="connsiteY31" fmla="*/ 23024 h 177617"/>
                <a:gd name="connsiteX0" fmla="*/ 947292 w 947292"/>
                <a:gd name="connsiteY0" fmla="*/ 164460 h 177617"/>
                <a:gd name="connsiteX1" fmla="*/ 930846 w 947292"/>
                <a:gd name="connsiteY1" fmla="*/ 154593 h 177617"/>
                <a:gd name="connsiteX2" fmla="*/ 920978 w 947292"/>
                <a:gd name="connsiteY2" fmla="*/ 151303 h 177617"/>
                <a:gd name="connsiteX3" fmla="*/ 914400 w 947292"/>
                <a:gd name="connsiteY3" fmla="*/ 141436 h 177617"/>
                <a:gd name="connsiteX4" fmla="*/ 861772 w 947292"/>
                <a:gd name="connsiteY4" fmla="*/ 148014 h 177617"/>
                <a:gd name="connsiteX5" fmla="*/ 828880 w 947292"/>
                <a:gd name="connsiteY5" fmla="*/ 157882 h 177617"/>
                <a:gd name="connsiteX6" fmla="*/ 815723 w 947292"/>
                <a:gd name="connsiteY6" fmla="*/ 161171 h 177617"/>
                <a:gd name="connsiteX7" fmla="*/ 795988 w 947292"/>
                <a:gd name="connsiteY7" fmla="*/ 167750 h 177617"/>
                <a:gd name="connsiteX8" fmla="*/ 782831 w 947292"/>
                <a:gd name="connsiteY8" fmla="*/ 171039 h 177617"/>
                <a:gd name="connsiteX9" fmla="*/ 772964 w 947292"/>
                <a:gd name="connsiteY9" fmla="*/ 174328 h 177617"/>
                <a:gd name="connsiteX10" fmla="*/ 749939 w 947292"/>
                <a:gd name="connsiteY10" fmla="*/ 177617 h 177617"/>
                <a:gd name="connsiteX11" fmla="*/ 670998 w 947292"/>
                <a:gd name="connsiteY11" fmla="*/ 174328 h 177617"/>
                <a:gd name="connsiteX12" fmla="*/ 651263 w 947292"/>
                <a:gd name="connsiteY12" fmla="*/ 161171 h 177617"/>
                <a:gd name="connsiteX13" fmla="*/ 621660 w 947292"/>
                <a:gd name="connsiteY13" fmla="*/ 151303 h 177617"/>
                <a:gd name="connsiteX14" fmla="*/ 555876 w 947292"/>
                <a:gd name="connsiteY14" fmla="*/ 148014 h 177617"/>
                <a:gd name="connsiteX15" fmla="*/ 516405 w 947292"/>
                <a:gd name="connsiteY15" fmla="*/ 128279 h 177617"/>
                <a:gd name="connsiteX16" fmla="*/ 476935 w 947292"/>
                <a:gd name="connsiteY16" fmla="*/ 111833 h 177617"/>
                <a:gd name="connsiteX17" fmla="*/ 467067 w 947292"/>
                <a:gd name="connsiteY17" fmla="*/ 108544 h 177617"/>
                <a:gd name="connsiteX18" fmla="*/ 437464 w 947292"/>
                <a:gd name="connsiteY18" fmla="*/ 95387 h 177617"/>
                <a:gd name="connsiteX19" fmla="*/ 407861 w 947292"/>
                <a:gd name="connsiteY19" fmla="*/ 85519 h 177617"/>
                <a:gd name="connsiteX20" fmla="*/ 388126 w 947292"/>
                <a:gd name="connsiteY20" fmla="*/ 75652 h 177617"/>
                <a:gd name="connsiteX21" fmla="*/ 296028 w 947292"/>
                <a:gd name="connsiteY21" fmla="*/ 55916 h 177617"/>
                <a:gd name="connsiteX22" fmla="*/ 279582 w 947292"/>
                <a:gd name="connsiteY22" fmla="*/ 39470 h 177617"/>
                <a:gd name="connsiteX23" fmla="*/ 249979 w 947292"/>
                <a:gd name="connsiteY23" fmla="*/ 23024 h 177617"/>
                <a:gd name="connsiteX24" fmla="*/ 240112 w 947292"/>
                <a:gd name="connsiteY24" fmla="*/ 19735 h 177617"/>
                <a:gd name="connsiteX25" fmla="*/ 194063 w 947292"/>
                <a:gd name="connsiteY25" fmla="*/ 3289 h 177617"/>
                <a:gd name="connsiteX26" fmla="*/ 184195 w 947292"/>
                <a:gd name="connsiteY26" fmla="*/ 0 h 177617"/>
                <a:gd name="connsiteX27" fmla="*/ 124990 w 947292"/>
                <a:gd name="connsiteY27" fmla="*/ 9868 h 177617"/>
                <a:gd name="connsiteX28" fmla="*/ 92097 w 947292"/>
                <a:gd name="connsiteY28" fmla="*/ 16446 h 177617"/>
                <a:gd name="connsiteX29" fmla="*/ 82230 w 947292"/>
                <a:gd name="connsiteY29" fmla="*/ 19735 h 177617"/>
                <a:gd name="connsiteX30" fmla="*/ 0 w 947292"/>
                <a:gd name="connsiteY30" fmla="*/ 23024 h 177617"/>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72964 w 947292"/>
                <a:gd name="connsiteY9" fmla="*/ 171320 h 174609"/>
                <a:gd name="connsiteX10" fmla="*/ 749939 w 947292"/>
                <a:gd name="connsiteY10" fmla="*/ 174609 h 174609"/>
                <a:gd name="connsiteX11" fmla="*/ 670998 w 947292"/>
                <a:gd name="connsiteY11" fmla="*/ 171320 h 174609"/>
                <a:gd name="connsiteX12" fmla="*/ 651263 w 947292"/>
                <a:gd name="connsiteY12" fmla="*/ 158163 h 174609"/>
                <a:gd name="connsiteX13" fmla="*/ 621660 w 947292"/>
                <a:gd name="connsiteY13" fmla="*/ 148295 h 174609"/>
                <a:gd name="connsiteX14" fmla="*/ 555876 w 947292"/>
                <a:gd name="connsiteY14" fmla="*/ 145006 h 174609"/>
                <a:gd name="connsiteX15" fmla="*/ 516405 w 947292"/>
                <a:gd name="connsiteY15" fmla="*/ 125271 h 174609"/>
                <a:gd name="connsiteX16" fmla="*/ 476935 w 947292"/>
                <a:gd name="connsiteY16" fmla="*/ 108825 h 174609"/>
                <a:gd name="connsiteX17" fmla="*/ 467067 w 947292"/>
                <a:gd name="connsiteY17" fmla="*/ 105536 h 174609"/>
                <a:gd name="connsiteX18" fmla="*/ 437464 w 947292"/>
                <a:gd name="connsiteY18" fmla="*/ 92379 h 174609"/>
                <a:gd name="connsiteX19" fmla="*/ 407861 w 947292"/>
                <a:gd name="connsiteY19" fmla="*/ 82511 h 174609"/>
                <a:gd name="connsiteX20" fmla="*/ 388126 w 947292"/>
                <a:gd name="connsiteY20" fmla="*/ 72644 h 174609"/>
                <a:gd name="connsiteX21" fmla="*/ 296028 w 947292"/>
                <a:gd name="connsiteY21" fmla="*/ 52908 h 174609"/>
                <a:gd name="connsiteX22" fmla="*/ 279582 w 947292"/>
                <a:gd name="connsiteY22" fmla="*/ 36462 h 174609"/>
                <a:gd name="connsiteX23" fmla="*/ 249979 w 947292"/>
                <a:gd name="connsiteY23" fmla="*/ 20016 h 174609"/>
                <a:gd name="connsiteX24" fmla="*/ 240112 w 947292"/>
                <a:gd name="connsiteY24" fmla="*/ 16727 h 174609"/>
                <a:gd name="connsiteX25" fmla="*/ 194063 w 947292"/>
                <a:gd name="connsiteY25" fmla="*/ 281 h 174609"/>
                <a:gd name="connsiteX26" fmla="*/ 124990 w 947292"/>
                <a:gd name="connsiteY26" fmla="*/ 6860 h 174609"/>
                <a:gd name="connsiteX27" fmla="*/ 92097 w 947292"/>
                <a:gd name="connsiteY27" fmla="*/ 13438 h 174609"/>
                <a:gd name="connsiteX28" fmla="*/ 82230 w 947292"/>
                <a:gd name="connsiteY28" fmla="*/ 16727 h 174609"/>
                <a:gd name="connsiteX29" fmla="*/ 0 w 947292"/>
                <a:gd name="connsiteY29"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815723 w 947292"/>
                <a:gd name="connsiteY6" fmla="*/ 158163 h 174609"/>
                <a:gd name="connsiteX7" fmla="*/ 795988 w 947292"/>
                <a:gd name="connsiteY7" fmla="*/ 164742 h 174609"/>
                <a:gd name="connsiteX8" fmla="*/ 782831 w 947292"/>
                <a:gd name="connsiteY8" fmla="*/ 168031 h 174609"/>
                <a:gd name="connsiteX9" fmla="*/ 749939 w 947292"/>
                <a:gd name="connsiteY9" fmla="*/ 174609 h 174609"/>
                <a:gd name="connsiteX10" fmla="*/ 670998 w 947292"/>
                <a:gd name="connsiteY10" fmla="*/ 171320 h 174609"/>
                <a:gd name="connsiteX11" fmla="*/ 651263 w 947292"/>
                <a:gd name="connsiteY11" fmla="*/ 158163 h 174609"/>
                <a:gd name="connsiteX12" fmla="*/ 621660 w 947292"/>
                <a:gd name="connsiteY12" fmla="*/ 148295 h 174609"/>
                <a:gd name="connsiteX13" fmla="*/ 555876 w 947292"/>
                <a:gd name="connsiteY13" fmla="*/ 145006 h 174609"/>
                <a:gd name="connsiteX14" fmla="*/ 516405 w 947292"/>
                <a:gd name="connsiteY14" fmla="*/ 125271 h 174609"/>
                <a:gd name="connsiteX15" fmla="*/ 476935 w 947292"/>
                <a:gd name="connsiteY15" fmla="*/ 108825 h 174609"/>
                <a:gd name="connsiteX16" fmla="*/ 467067 w 947292"/>
                <a:gd name="connsiteY16" fmla="*/ 105536 h 174609"/>
                <a:gd name="connsiteX17" fmla="*/ 437464 w 947292"/>
                <a:gd name="connsiteY17" fmla="*/ 92379 h 174609"/>
                <a:gd name="connsiteX18" fmla="*/ 407861 w 947292"/>
                <a:gd name="connsiteY18" fmla="*/ 82511 h 174609"/>
                <a:gd name="connsiteX19" fmla="*/ 388126 w 947292"/>
                <a:gd name="connsiteY19" fmla="*/ 72644 h 174609"/>
                <a:gd name="connsiteX20" fmla="*/ 296028 w 947292"/>
                <a:gd name="connsiteY20" fmla="*/ 52908 h 174609"/>
                <a:gd name="connsiteX21" fmla="*/ 279582 w 947292"/>
                <a:gd name="connsiteY21" fmla="*/ 36462 h 174609"/>
                <a:gd name="connsiteX22" fmla="*/ 249979 w 947292"/>
                <a:gd name="connsiteY22" fmla="*/ 20016 h 174609"/>
                <a:gd name="connsiteX23" fmla="*/ 240112 w 947292"/>
                <a:gd name="connsiteY23" fmla="*/ 16727 h 174609"/>
                <a:gd name="connsiteX24" fmla="*/ 194063 w 947292"/>
                <a:gd name="connsiteY24" fmla="*/ 281 h 174609"/>
                <a:gd name="connsiteX25" fmla="*/ 124990 w 947292"/>
                <a:gd name="connsiteY25" fmla="*/ 6860 h 174609"/>
                <a:gd name="connsiteX26" fmla="*/ 92097 w 947292"/>
                <a:gd name="connsiteY26" fmla="*/ 13438 h 174609"/>
                <a:gd name="connsiteX27" fmla="*/ 82230 w 947292"/>
                <a:gd name="connsiteY27" fmla="*/ 16727 h 174609"/>
                <a:gd name="connsiteX28" fmla="*/ 0 w 947292"/>
                <a:gd name="connsiteY28"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828880 w 947292"/>
                <a:gd name="connsiteY5" fmla="*/ 154874 h 174609"/>
                <a:gd name="connsiteX6" fmla="*/ 795988 w 947292"/>
                <a:gd name="connsiteY6" fmla="*/ 164742 h 174609"/>
                <a:gd name="connsiteX7" fmla="*/ 782831 w 947292"/>
                <a:gd name="connsiteY7" fmla="*/ 168031 h 174609"/>
                <a:gd name="connsiteX8" fmla="*/ 749939 w 947292"/>
                <a:gd name="connsiteY8" fmla="*/ 174609 h 174609"/>
                <a:gd name="connsiteX9" fmla="*/ 670998 w 947292"/>
                <a:gd name="connsiteY9" fmla="*/ 171320 h 174609"/>
                <a:gd name="connsiteX10" fmla="*/ 651263 w 947292"/>
                <a:gd name="connsiteY10" fmla="*/ 158163 h 174609"/>
                <a:gd name="connsiteX11" fmla="*/ 621660 w 947292"/>
                <a:gd name="connsiteY11" fmla="*/ 148295 h 174609"/>
                <a:gd name="connsiteX12" fmla="*/ 555876 w 947292"/>
                <a:gd name="connsiteY12" fmla="*/ 145006 h 174609"/>
                <a:gd name="connsiteX13" fmla="*/ 516405 w 947292"/>
                <a:gd name="connsiteY13" fmla="*/ 125271 h 174609"/>
                <a:gd name="connsiteX14" fmla="*/ 476935 w 947292"/>
                <a:gd name="connsiteY14" fmla="*/ 108825 h 174609"/>
                <a:gd name="connsiteX15" fmla="*/ 467067 w 947292"/>
                <a:gd name="connsiteY15" fmla="*/ 105536 h 174609"/>
                <a:gd name="connsiteX16" fmla="*/ 437464 w 947292"/>
                <a:gd name="connsiteY16" fmla="*/ 92379 h 174609"/>
                <a:gd name="connsiteX17" fmla="*/ 407861 w 947292"/>
                <a:gd name="connsiteY17" fmla="*/ 82511 h 174609"/>
                <a:gd name="connsiteX18" fmla="*/ 388126 w 947292"/>
                <a:gd name="connsiteY18" fmla="*/ 72644 h 174609"/>
                <a:gd name="connsiteX19" fmla="*/ 296028 w 947292"/>
                <a:gd name="connsiteY19" fmla="*/ 52908 h 174609"/>
                <a:gd name="connsiteX20" fmla="*/ 279582 w 947292"/>
                <a:gd name="connsiteY20" fmla="*/ 36462 h 174609"/>
                <a:gd name="connsiteX21" fmla="*/ 249979 w 947292"/>
                <a:gd name="connsiteY21" fmla="*/ 20016 h 174609"/>
                <a:gd name="connsiteX22" fmla="*/ 240112 w 947292"/>
                <a:gd name="connsiteY22" fmla="*/ 16727 h 174609"/>
                <a:gd name="connsiteX23" fmla="*/ 194063 w 947292"/>
                <a:gd name="connsiteY23" fmla="*/ 281 h 174609"/>
                <a:gd name="connsiteX24" fmla="*/ 124990 w 947292"/>
                <a:gd name="connsiteY24" fmla="*/ 6860 h 174609"/>
                <a:gd name="connsiteX25" fmla="*/ 92097 w 947292"/>
                <a:gd name="connsiteY25" fmla="*/ 13438 h 174609"/>
                <a:gd name="connsiteX26" fmla="*/ 82230 w 947292"/>
                <a:gd name="connsiteY26" fmla="*/ 16727 h 174609"/>
                <a:gd name="connsiteX27" fmla="*/ 0 w 947292"/>
                <a:gd name="connsiteY27" fmla="*/ 20016 h 174609"/>
                <a:gd name="connsiteX0" fmla="*/ 947292 w 947292"/>
                <a:gd name="connsiteY0" fmla="*/ 161452 h 174609"/>
                <a:gd name="connsiteX1" fmla="*/ 930846 w 947292"/>
                <a:gd name="connsiteY1" fmla="*/ 151585 h 174609"/>
                <a:gd name="connsiteX2" fmla="*/ 920978 w 947292"/>
                <a:gd name="connsiteY2" fmla="*/ 148295 h 174609"/>
                <a:gd name="connsiteX3" fmla="*/ 914400 w 947292"/>
                <a:gd name="connsiteY3" fmla="*/ 138428 h 174609"/>
                <a:gd name="connsiteX4" fmla="*/ 861772 w 947292"/>
                <a:gd name="connsiteY4" fmla="*/ 145006 h 174609"/>
                <a:gd name="connsiteX5" fmla="*/ 795988 w 947292"/>
                <a:gd name="connsiteY5" fmla="*/ 164742 h 174609"/>
                <a:gd name="connsiteX6" fmla="*/ 782831 w 947292"/>
                <a:gd name="connsiteY6" fmla="*/ 168031 h 174609"/>
                <a:gd name="connsiteX7" fmla="*/ 749939 w 947292"/>
                <a:gd name="connsiteY7" fmla="*/ 174609 h 174609"/>
                <a:gd name="connsiteX8" fmla="*/ 670998 w 947292"/>
                <a:gd name="connsiteY8" fmla="*/ 171320 h 174609"/>
                <a:gd name="connsiteX9" fmla="*/ 651263 w 947292"/>
                <a:gd name="connsiteY9" fmla="*/ 158163 h 174609"/>
                <a:gd name="connsiteX10" fmla="*/ 621660 w 947292"/>
                <a:gd name="connsiteY10" fmla="*/ 148295 h 174609"/>
                <a:gd name="connsiteX11" fmla="*/ 555876 w 947292"/>
                <a:gd name="connsiteY11" fmla="*/ 145006 h 174609"/>
                <a:gd name="connsiteX12" fmla="*/ 516405 w 947292"/>
                <a:gd name="connsiteY12" fmla="*/ 125271 h 174609"/>
                <a:gd name="connsiteX13" fmla="*/ 476935 w 947292"/>
                <a:gd name="connsiteY13" fmla="*/ 108825 h 174609"/>
                <a:gd name="connsiteX14" fmla="*/ 467067 w 947292"/>
                <a:gd name="connsiteY14" fmla="*/ 105536 h 174609"/>
                <a:gd name="connsiteX15" fmla="*/ 437464 w 947292"/>
                <a:gd name="connsiteY15" fmla="*/ 92379 h 174609"/>
                <a:gd name="connsiteX16" fmla="*/ 407861 w 947292"/>
                <a:gd name="connsiteY16" fmla="*/ 82511 h 174609"/>
                <a:gd name="connsiteX17" fmla="*/ 388126 w 947292"/>
                <a:gd name="connsiteY17" fmla="*/ 72644 h 174609"/>
                <a:gd name="connsiteX18" fmla="*/ 296028 w 947292"/>
                <a:gd name="connsiteY18" fmla="*/ 52908 h 174609"/>
                <a:gd name="connsiteX19" fmla="*/ 279582 w 947292"/>
                <a:gd name="connsiteY19" fmla="*/ 36462 h 174609"/>
                <a:gd name="connsiteX20" fmla="*/ 249979 w 947292"/>
                <a:gd name="connsiteY20" fmla="*/ 20016 h 174609"/>
                <a:gd name="connsiteX21" fmla="*/ 240112 w 947292"/>
                <a:gd name="connsiteY21" fmla="*/ 16727 h 174609"/>
                <a:gd name="connsiteX22" fmla="*/ 194063 w 947292"/>
                <a:gd name="connsiteY22" fmla="*/ 281 h 174609"/>
                <a:gd name="connsiteX23" fmla="*/ 124990 w 947292"/>
                <a:gd name="connsiteY23" fmla="*/ 6860 h 174609"/>
                <a:gd name="connsiteX24" fmla="*/ 92097 w 947292"/>
                <a:gd name="connsiteY24" fmla="*/ 13438 h 174609"/>
                <a:gd name="connsiteX25" fmla="*/ 82230 w 947292"/>
                <a:gd name="connsiteY25" fmla="*/ 16727 h 174609"/>
                <a:gd name="connsiteX26" fmla="*/ 0 w 947292"/>
                <a:gd name="connsiteY26" fmla="*/ 20016 h 174609"/>
                <a:gd name="connsiteX0" fmla="*/ 947292 w 947292"/>
                <a:gd name="connsiteY0" fmla="*/ 161452 h 174609"/>
                <a:gd name="connsiteX1" fmla="*/ 930846 w 947292"/>
                <a:gd name="connsiteY1" fmla="*/ 151585 h 174609"/>
                <a:gd name="connsiteX2" fmla="*/ 914400 w 947292"/>
                <a:gd name="connsiteY2" fmla="*/ 138428 h 174609"/>
                <a:gd name="connsiteX3" fmla="*/ 861772 w 947292"/>
                <a:gd name="connsiteY3" fmla="*/ 145006 h 174609"/>
                <a:gd name="connsiteX4" fmla="*/ 795988 w 947292"/>
                <a:gd name="connsiteY4" fmla="*/ 164742 h 174609"/>
                <a:gd name="connsiteX5" fmla="*/ 782831 w 947292"/>
                <a:gd name="connsiteY5" fmla="*/ 168031 h 174609"/>
                <a:gd name="connsiteX6" fmla="*/ 749939 w 947292"/>
                <a:gd name="connsiteY6" fmla="*/ 174609 h 174609"/>
                <a:gd name="connsiteX7" fmla="*/ 670998 w 947292"/>
                <a:gd name="connsiteY7" fmla="*/ 171320 h 174609"/>
                <a:gd name="connsiteX8" fmla="*/ 651263 w 947292"/>
                <a:gd name="connsiteY8" fmla="*/ 158163 h 174609"/>
                <a:gd name="connsiteX9" fmla="*/ 621660 w 947292"/>
                <a:gd name="connsiteY9" fmla="*/ 148295 h 174609"/>
                <a:gd name="connsiteX10" fmla="*/ 555876 w 947292"/>
                <a:gd name="connsiteY10" fmla="*/ 145006 h 174609"/>
                <a:gd name="connsiteX11" fmla="*/ 516405 w 947292"/>
                <a:gd name="connsiteY11" fmla="*/ 125271 h 174609"/>
                <a:gd name="connsiteX12" fmla="*/ 476935 w 947292"/>
                <a:gd name="connsiteY12" fmla="*/ 108825 h 174609"/>
                <a:gd name="connsiteX13" fmla="*/ 467067 w 947292"/>
                <a:gd name="connsiteY13" fmla="*/ 105536 h 174609"/>
                <a:gd name="connsiteX14" fmla="*/ 437464 w 947292"/>
                <a:gd name="connsiteY14" fmla="*/ 92379 h 174609"/>
                <a:gd name="connsiteX15" fmla="*/ 407861 w 947292"/>
                <a:gd name="connsiteY15" fmla="*/ 82511 h 174609"/>
                <a:gd name="connsiteX16" fmla="*/ 388126 w 947292"/>
                <a:gd name="connsiteY16" fmla="*/ 72644 h 174609"/>
                <a:gd name="connsiteX17" fmla="*/ 296028 w 947292"/>
                <a:gd name="connsiteY17" fmla="*/ 52908 h 174609"/>
                <a:gd name="connsiteX18" fmla="*/ 279582 w 947292"/>
                <a:gd name="connsiteY18" fmla="*/ 36462 h 174609"/>
                <a:gd name="connsiteX19" fmla="*/ 249979 w 947292"/>
                <a:gd name="connsiteY19" fmla="*/ 20016 h 174609"/>
                <a:gd name="connsiteX20" fmla="*/ 240112 w 947292"/>
                <a:gd name="connsiteY20" fmla="*/ 16727 h 174609"/>
                <a:gd name="connsiteX21" fmla="*/ 194063 w 947292"/>
                <a:gd name="connsiteY21" fmla="*/ 281 h 174609"/>
                <a:gd name="connsiteX22" fmla="*/ 124990 w 947292"/>
                <a:gd name="connsiteY22" fmla="*/ 6860 h 174609"/>
                <a:gd name="connsiteX23" fmla="*/ 92097 w 947292"/>
                <a:gd name="connsiteY23" fmla="*/ 13438 h 174609"/>
                <a:gd name="connsiteX24" fmla="*/ 82230 w 947292"/>
                <a:gd name="connsiteY24" fmla="*/ 16727 h 174609"/>
                <a:gd name="connsiteX25" fmla="*/ 0 w 947292"/>
                <a:gd name="connsiteY25" fmla="*/ 20016 h 174609"/>
                <a:gd name="connsiteX0" fmla="*/ 947292 w 947292"/>
                <a:gd name="connsiteY0" fmla="*/ 161452 h 174609"/>
                <a:gd name="connsiteX1" fmla="*/ 914400 w 947292"/>
                <a:gd name="connsiteY1" fmla="*/ 138428 h 174609"/>
                <a:gd name="connsiteX2" fmla="*/ 861772 w 947292"/>
                <a:gd name="connsiteY2" fmla="*/ 145006 h 174609"/>
                <a:gd name="connsiteX3" fmla="*/ 795988 w 947292"/>
                <a:gd name="connsiteY3" fmla="*/ 164742 h 174609"/>
                <a:gd name="connsiteX4" fmla="*/ 782831 w 947292"/>
                <a:gd name="connsiteY4" fmla="*/ 168031 h 174609"/>
                <a:gd name="connsiteX5" fmla="*/ 749939 w 947292"/>
                <a:gd name="connsiteY5" fmla="*/ 174609 h 174609"/>
                <a:gd name="connsiteX6" fmla="*/ 670998 w 947292"/>
                <a:gd name="connsiteY6" fmla="*/ 171320 h 174609"/>
                <a:gd name="connsiteX7" fmla="*/ 651263 w 947292"/>
                <a:gd name="connsiteY7" fmla="*/ 158163 h 174609"/>
                <a:gd name="connsiteX8" fmla="*/ 621660 w 947292"/>
                <a:gd name="connsiteY8" fmla="*/ 148295 h 174609"/>
                <a:gd name="connsiteX9" fmla="*/ 555876 w 947292"/>
                <a:gd name="connsiteY9" fmla="*/ 145006 h 174609"/>
                <a:gd name="connsiteX10" fmla="*/ 516405 w 947292"/>
                <a:gd name="connsiteY10" fmla="*/ 125271 h 174609"/>
                <a:gd name="connsiteX11" fmla="*/ 476935 w 947292"/>
                <a:gd name="connsiteY11" fmla="*/ 108825 h 174609"/>
                <a:gd name="connsiteX12" fmla="*/ 467067 w 947292"/>
                <a:gd name="connsiteY12" fmla="*/ 105536 h 174609"/>
                <a:gd name="connsiteX13" fmla="*/ 437464 w 947292"/>
                <a:gd name="connsiteY13" fmla="*/ 92379 h 174609"/>
                <a:gd name="connsiteX14" fmla="*/ 407861 w 947292"/>
                <a:gd name="connsiteY14" fmla="*/ 82511 h 174609"/>
                <a:gd name="connsiteX15" fmla="*/ 388126 w 947292"/>
                <a:gd name="connsiteY15" fmla="*/ 72644 h 174609"/>
                <a:gd name="connsiteX16" fmla="*/ 296028 w 947292"/>
                <a:gd name="connsiteY16" fmla="*/ 52908 h 174609"/>
                <a:gd name="connsiteX17" fmla="*/ 279582 w 947292"/>
                <a:gd name="connsiteY17" fmla="*/ 36462 h 174609"/>
                <a:gd name="connsiteX18" fmla="*/ 249979 w 947292"/>
                <a:gd name="connsiteY18" fmla="*/ 20016 h 174609"/>
                <a:gd name="connsiteX19" fmla="*/ 240112 w 947292"/>
                <a:gd name="connsiteY19" fmla="*/ 16727 h 174609"/>
                <a:gd name="connsiteX20" fmla="*/ 194063 w 947292"/>
                <a:gd name="connsiteY20" fmla="*/ 281 h 174609"/>
                <a:gd name="connsiteX21" fmla="*/ 124990 w 947292"/>
                <a:gd name="connsiteY21" fmla="*/ 6860 h 174609"/>
                <a:gd name="connsiteX22" fmla="*/ 92097 w 947292"/>
                <a:gd name="connsiteY22" fmla="*/ 13438 h 174609"/>
                <a:gd name="connsiteX23" fmla="*/ 82230 w 947292"/>
                <a:gd name="connsiteY23" fmla="*/ 16727 h 174609"/>
                <a:gd name="connsiteX24" fmla="*/ 0 w 947292"/>
                <a:gd name="connsiteY24" fmla="*/ 20016 h 174609"/>
                <a:gd name="connsiteX0" fmla="*/ 965082 w 965082"/>
                <a:gd name="connsiteY0" fmla="*/ 129430 h 174609"/>
                <a:gd name="connsiteX1" fmla="*/ 914400 w 965082"/>
                <a:gd name="connsiteY1" fmla="*/ 138428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65082 w 965082"/>
                <a:gd name="connsiteY0" fmla="*/ 129430 h 174609"/>
                <a:gd name="connsiteX1" fmla="*/ 921516 w 965082"/>
                <a:gd name="connsiteY1" fmla="*/ 124196 h 174609"/>
                <a:gd name="connsiteX2" fmla="*/ 861772 w 965082"/>
                <a:gd name="connsiteY2" fmla="*/ 145006 h 174609"/>
                <a:gd name="connsiteX3" fmla="*/ 795988 w 965082"/>
                <a:gd name="connsiteY3" fmla="*/ 164742 h 174609"/>
                <a:gd name="connsiteX4" fmla="*/ 782831 w 965082"/>
                <a:gd name="connsiteY4" fmla="*/ 168031 h 174609"/>
                <a:gd name="connsiteX5" fmla="*/ 749939 w 965082"/>
                <a:gd name="connsiteY5" fmla="*/ 174609 h 174609"/>
                <a:gd name="connsiteX6" fmla="*/ 670998 w 965082"/>
                <a:gd name="connsiteY6" fmla="*/ 171320 h 174609"/>
                <a:gd name="connsiteX7" fmla="*/ 651263 w 965082"/>
                <a:gd name="connsiteY7" fmla="*/ 158163 h 174609"/>
                <a:gd name="connsiteX8" fmla="*/ 621660 w 965082"/>
                <a:gd name="connsiteY8" fmla="*/ 148295 h 174609"/>
                <a:gd name="connsiteX9" fmla="*/ 555876 w 965082"/>
                <a:gd name="connsiteY9" fmla="*/ 145006 h 174609"/>
                <a:gd name="connsiteX10" fmla="*/ 516405 w 965082"/>
                <a:gd name="connsiteY10" fmla="*/ 125271 h 174609"/>
                <a:gd name="connsiteX11" fmla="*/ 476935 w 965082"/>
                <a:gd name="connsiteY11" fmla="*/ 108825 h 174609"/>
                <a:gd name="connsiteX12" fmla="*/ 467067 w 965082"/>
                <a:gd name="connsiteY12" fmla="*/ 105536 h 174609"/>
                <a:gd name="connsiteX13" fmla="*/ 437464 w 965082"/>
                <a:gd name="connsiteY13" fmla="*/ 92379 h 174609"/>
                <a:gd name="connsiteX14" fmla="*/ 407861 w 965082"/>
                <a:gd name="connsiteY14" fmla="*/ 82511 h 174609"/>
                <a:gd name="connsiteX15" fmla="*/ 388126 w 965082"/>
                <a:gd name="connsiteY15" fmla="*/ 72644 h 174609"/>
                <a:gd name="connsiteX16" fmla="*/ 296028 w 965082"/>
                <a:gd name="connsiteY16" fmla="*/ 52908 h 174609"/>
                <a:gd name="connsiteX17" fmla="*/ 279582 w 965082"/>
                <a:gd name="connsiteY17" fmla="*/ 36462 h 174609"/>
                <a:gd name="connsiteX18" fmla="*/ 249979 w 965082"/>
                <a:gd name="connsiteY18" fmla="*/ 20016 h 174609"/>
                <a:gd name="connsiteX19" fmla="*/ 240112 w 965082"/>
                <a:gd name="connsiteY19" fmla="*/ 16727 h 174609"/>
                <a:gd name="connsiteX20" fmla="*/ 194063 w 965082"/>
                <a:gd name="connsiteY20" fmla="*/ 281 h 174609"/>
                <a:gd name="connsiteX21" fmla="*/ 124990 w 965082"/>
                <a:gd name="connsiteY21" fmla="*/ 6860 h 174609"/>
                <a:gd name="connsiteX22" fmla="*/ 92097 w 965082"/>
                <a:gd name="connsiteY22" fmla="*/ 13438 h 174609"/>
                <a:gd name="connsiteX23" fmla="*/ 82230 w 965082"/>
                <a:gd name="connsiteY23" fmla="*/ 16727 h 174609"/>
                <a:gd name="connsiteX24" fmla="*/ 0 w 965082"/>
                <a:gd name="connsiteY24" fmla="*/ 20016 h 174609"/>
                <a:gd name="connsiteX0" fmla="*/ 993546 w 993546"/>
                <a:gd name="connsiteY0" fmla="*/ 115198 h 174609"/>
                <a:gd name="connsiteX1" fmla="*/ 921516 w 993546"/>
                <a:gd name="connsiteY1" fmla="*/ 124196 h 174609"/>
                <a:gd name="connsiteX2" fmla="*/ 861772 w 993546"/>
                <a:gd name="connsiteY2" fmla="*/ 145006 h 174609"/>
                <a:gd name="connsiteX3" fmla="*/ 795988 w 993546"/>
                <a:gd name="connsiteY3" fmla="*/ 164742 h 174609"/>
                <a:gd name="connsiteX4" fmla="*/ 782831 w 993546"/>
                <a:gd name="connsiteY4" fmla="*/ 168031 h 174609"/>
                <a:gd name="connsiteX5" fmla="*/ 749939 w 993546"/>
                <a:gd name="connsiteY5" fmla="*/ 174609 h 174609"/>
                <a:gd name="connsiteX6" fmla="*/ 670998 w 993546"/>
                <a:gd name="connsiteY6" fmla="*/ 171320 h 174609"/>
                <a:gd name="connsiteX7" fmla="*/ 651263 w 993546"/>
                <a:gd name="connsiteY7" fmla="*/ 158163 h 174609"/>
                <a:gd name="connsiteX8" fmla="*/ 621660 w 993546"/>
                <a:gd name="connsiteY8" fmla="*/ 148295 h 174609"/>
                <a:gd name="connsiteX9" fmla="*/ 555876 w 993546"/>
                <a:gd name="connsiteY9" fmla="*/ 145006 h 174609"/>
                <a:gd name="connsiteX10" fmla="*/ 516405 w 993546"/>
                <a:gd name="connsiteY10" fmla="*/ 125271 h 174609"/>
                <a:gd name="connsiteX11" fmla="*/ 476935 w 993546"/>
                <a:gd name="connsiteY11" fmla="*/ 108825 h 174609"/>
                <a:gd name="connsiteX12" fmla="*/ 467067 w 993546"/>
                <a:gd name="connsiteY12" fmla="*/ 105536 h 174609"/>
                <a:gd name="connsiteX13" fmla="*/ 437464 w 993546"/>
                <a:gd name="connsiteY13" fmla="*/ 92379 h 174609"/>
                <a:gd name="connsiteX14" fmla="*/ 407861 w 993546"/>
                <a:gd name="connsiteY14" fmla="*/ 82511 h 174609"/>
                <a:gd name="connsiteX15" fmla="*/ 388126 w 993546"/>
                <a:gd name="connsiteY15" fmla="*/ 72644 h 174609"/>
                <a:gd name="connsiteX16" fmla="*/ 296028 w 993546"/>
                <a:gd name="connsiteY16" fmla="*/ 52908 h 174609"/>
                <a:gd name="connsiteX17" fmla="*/ 279582 w 993546"/>
                <a:gd name="connsiteY17" fmla="*/ 36462 h 174609"/>
                <a:gd name="connsiteX18" fmla="*/ 249979 w 993546"/>
                <a:gd name="connsiteY18" fmla="*/ 20016 h 174609"/>
                <a:gd name="connsiteX19" fmla="*/ 240112 w 993546"/>
                <a:gd name="connsiteY19" fmla="*/ 16727 h 174609"/>
                <a:gd name="connsiteX20" fmla="*/ 194063 w 993546"/>
                <a:gd name="connsiteY20" fmla="*/ 281 h 174609"/>
                <a:gd name="connsiteX21" fmla="*/ 124990 w 993546"/>
                <a:gd name="connsiteY21" fmla="*/ 6860 h 174609"/>
                <a:gd name="connsiteX22" fmla="*/ 92097 w 993546"/>
                <a:gd name="connsiteY22" fmla="*/ 13438 h 174609"/>
                <a:gd name="connsiteX23" fmla="*/ 82230 w 993546"/>
                <a:gd name="connsiteY23" fmla="*/ 16727 h 174609"/>
                <a:gd name="connsiteX24" fmla="*/ 0 w 993546"/>
                <a:gd name="connsiteY24" fmla="*/ 20016 h 17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993546" h="174609">
                  <a:moveTo>
                    <a:pt x="993546" y="115198"/>
                  </a:moveTo>
                  <a:cubicBezTo>
                    <a:pt x="986694" y="110401"/>
                    <a:pt x="935769" y="126937"/>
                    <a:pt x="921516" y="124196"/>
                  </a:cubicBezTo>
                  <a:lnTo>
                    <a:pt x="861772" y="145006"/>
                  </a:lnTo>
                  <a:cubicBezTo>
                    <a:pt x="842037" y="149392"/>
                    <a:pt x="809145" y="160905"/>
                    <a:pt x="795988" y="164742"/>
                  </a:cubicBezTo>
                  <a:cubicBezTo>
                    <a:pt x="782831" y="168579"/>
                    <a:pt x="790506" y="166387"/>
                    <a:pt x="782831" y="168031"/>
                  </a:cubicBezTo>
                  <a:cubicBezTo>
                    <a:pt x="775156" y="169675"/>
                    <a:pt x="768578" y="174061"/>
                    <a:pt x="749939" y="174609"/>
                  </a:cubicBezTo>
                  <a:cubicBezTo>
                    <a:pt x="723625" y="173513"/>
                    <a:pt x="696976" y="175650"/>
                    <a:pt x="670998" y="171320"/>
                  </a:cubicBezTo>
                  <a:cubicBezTo>
                    <a:pt x="663199" y="170020"/>
                    <a:pt x="658764" y="160663"/>
                    <a:pt x="651263" y="158163"/>
                  </a:cubicBezTo>
                  <a:lnTo>
                    <a:pt x="621660" y="148295"/>
                  </a:lnTo>
                  <a:cubicBezTo>
                    <a:pt x="600832" y="141351"/>
                    <a:pt x="577804" y="146102"/>
                    <a:pt x="555876" y="145006"/>
                  </a:cubicBezTo>
                  <a:cubicBezTo>
                    <a:pt x="538334" y="141169"/>
                    <a:pt x="529562" y="131301"/>
                    <a:pt x="516405" y="125271"/>
                  </a:cubicBezTo>
                  <a:cubicBezTo>
                    <a:pt x="503248" y="119241"/>
                    <a:pt x="485158" y="112114"/>
                    <a:pt x="476935" y="108825"/>
                  </a:cubicBezTo>
                  <a:lnTo>
                    <a:pt x="467067" y="105536"/>
                  </a:lnTo>
                  <a:cubicBezTo>
                    <a:pt x="460489" y="102795"/>
                    <a:pt x="447332" y="96216"/>
                    <a:pt x="437464" y="92379"/>
                  </a:cubicBezTo>
                  <a:lnTo>
                    <a:pt x="407861" y="82511"/>
                  </a:lnTo>
                  <a:cubicBezTo>
                    <a:pt x="399638" y="79222"/>
                    <a:pt x="406765" y="77578"/>
                    <a:pt x="388126" y="72644"/>
                  </a:cubicBezTo>
                  <a:cubicBezTo>
                    <a:pt x="369487" y="67710"/>
                    <a:pt x="314119" y="58938"/>
                    <a:pt x="296028" y="52908"/>
                  </a:cubicBezTo>
                  <a:lnTo>
                    <a:pt x="279582" y="36462"/>
                  </a:lnTo>
                  <a:cubicBezTo>
                    <a:pt x="271907" y="30980"/>
                    <a:pt x="256557" y="23305"/>
                    <a:pt x="249979" y="20016"/>
                  </a:cubicBezTo>
                  <a:cubicBezTo>
                    <a:pt x="243401" y="16727"/>
                    <a:pt x="249431" y="20016"/>
                    <a:pt x="240112" y="16727"/>
                  </a:cubicBezTo>
                  <a:lnTo>
                    <a:pt x="194063" y="281"/>
                  </a:lnTo>
                  <a:cubicBezTo>
                    <a:pt x="174876" y="-1363"/>
                    <a:pt x="141984" y="4667"/>
                    <a:pt x="124990" y="6860"/>
                  </a:cubicBezTo>
                  <a:cubicBezTo>
                    <a:pt x="107996" y="9053"/>
                    <a:pt x="99224" y="11793"/>
                    <a:pt x="92097" y="13438"/>
                  </a:cubicBezTo>
                  <a:cubicBezTo>
                    <a:pt x="84970" y="15083"/>
                    <a:pt x="85681" y="16398"/>
                    <a:pt x="82230" y="16727"/>
                  </a:cubicBezTo>
                  <a:cubicBezTo>
                    <a:pt x="43224" y="20442"/>
                    <a:pt x="31971" y="20016"/>
                    <a:pt x="0" y="20016"/>
                  </a:cubicBezTo>
                </a:path>
              </a:pathLst>
            </a:custGeom>
            <a:noFill/>
            <a:ln w="76200" cap="flat">
              <a:solidFill>
                <a:srgbClr val="996633"/>
              </a:solidFill>
              <a:headEnd type="none" w="med" len="med"/>
              <a:tailEnd type="triangle" w="sm" len="sm"/>
            </a:ln>
            <a:effectLst>
              <a:outerShdw blurRad="50800" dist="50800" dir="5400000" algn="ctr" rotWithShape="0">
                <a:schemeClr val="tx1"/>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grpSp>
        <p:nvGrpSpPr>
          <p:cNvPr id="16" name="SWP Westside"/>
          <p:cNvGrpSpPr/>
          <p:nvPr/>
        </p:nvGrpSpPr>
        <p:grpSpPr>
          <a:xfrm>
            <a:off x="2585318" y="1381953"/>
            <a:ext cx="759807" cy="1181071"/>
            <a:chOff x="2585318" y="1381953"/>
            <a:chExt cx="759807" cy="1181071"/>
          </a:xfrm>
          <a:effectLst>
            <a:outerShdw dist="50800" dir="5400000" algn="ctr" rotWithShape="0">
              <a:schemeClr val="tx1"/>
            </a:outerShdw>
          </a:effectLst>
        </p:grpSpPr>
        <p:sp>
          <p:nvSpPr>
            <p:cNvPr id="17" name="Freeform 16"/>
            <p:cNvSpPr/>
            <p:nvPr/>
          </p:nvSpPr>
          <p:spPr bwMode="auto">
            <a:xfrm>
              <a:off x="2980023" y="1845246"/>
              <a:ext cx="365102" cy="128279"/>
            </a:xfrm>
            <a:custGeom>
              <a:avLst/>
              <a:gdLst>
                <a:gd name="connsiteX0" fmla="*/ 0 w 365102"/>
                <a:gd name="connsiteY0" fmla="*/ 0 h 128279"/>
                <a:gd name="connsiteX1" fmla="*/ 19735 w 365102"/>
                <a:gd name="connsiteY1" fmla="*/ 3289 h 128279"/>
                <a:gd name="connsiteX2" fmla="*/ 26314 w 365102"/>
                <a:gd name="connsiteY2" fmla="*/ 9868 h 128279"/>
                <a:gd name="connsiteX3" fmla="*/ 46049 w 365102"/>
                <a:gd name="connsiteY3" fmla="*/ 19735 h 128279"/>
                <a:gd name="connsiteX4" fmla="*/ 78941 w 365102"/>
                <a:gd name="connsiteY4" fmla="*/ 29603 h 128279"/>
                <a:gd name="connsiteX5" fmla="*/ 101965 w 365102"/>
                <a:gd name="connsiteY5" fmla="*/ 36181 h 128279"/>
                <a:gd name="connsiteX6" fmla="*/ 138147 w 365102"/>
                <a:gd name="connsiteY6" fmla="*/ 39471 h 128279"/>
                <a:gd name="connsiteX7" fmla="*/ 167750 w 365102"/>
                <a:gd name="connsiteY7" fmla="*/ 42760 h 128279"/>
                <a:gd name="connsiteX8" fmla="*/ 190774 w 365102"/>
                <a:gd name="connsiteY8" fmla="*/ 49338 h 128279"/>
                <a:gd name="connsiteX9" fmla="*/ 210509 w 365102"/>
                <a:gd name="connsiteY9" fmla="*/ 55917 h 128279"/>
                <a:gd name="connsiteX10" fmla="*/ 236823 w 365102"/>
                <a:gd name="connsiteY10" fmla="*/ 59206 h 128279"/>
                <a:gd name="connsiteX11" fmla="*/ 256558 w 365102"/>
                <a:gd name="connsiteY11" fmla="*/ 65784 h 128279"/>
                <a:gd name="connsiteX12" fmla="*/ 269715 w 365102"/>
                <a:gd name="connsiteY12" fmla="*/ 69073 h 128279"/>
                <a:gd name="connsiteX13" fmla="*/ 289450 w 365102"/>
                <a:gd name="connsiteY13" fmla="*/ 75652 h 128279"/>
                <a:gd name="connsiteX14" fmla="*/ 302607 w 365102"/>
                <a:gd name="connsiteY14" fmla="*/ 92098 h 128279"/>
                <a:gd name="connsiteX15" fmla="*/ 312475 w 365102"/>
                <a:gd name="connsiteY15" fmla="*/ 95387 h 128279"/>
                <a:gd name="connsiteX16" fmla="*/ 328921 w 365102"/>
                <a:gd name="connsiteY16" fmla="*/ 105255 h 128279"/>
                <a:gd name="connsiteX17" fmla="*/ 348656 w 365102"/>
                <a:gd name="connsiteY17" fmla="*/ 115122 h 128279"/>
                <a:gd name="connsiteX18" fmla="*/ 365102 w 365102"/>
                <a:gd name="connsiteY18" fmla="*/ 128279 h 1282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65102" h="128279">
                  <a:moveTo>
                    <a:pt x="0" y="0"/>
                  </a:moveTo>
                  <a:cubicBezTo>
                    <a:pt x="6578" y="1096"/>
                    <a:pt x="13491" y="947"/>
                    <a:pt x="19735" y="3289"/>
                  </a:cubicBezTo>
                  <a:cubicBezTo>
                    <a:pt x="22639" y="4378"/>
                    <a:pt x="23892" y="7931"/>
                    <a:pt x="26314" y="9868"/>
                  </a:cubicBezTo>
                  <a:cubicBezTo>
                    <a:pt x="34324" y="16276"/>
                    <a:pt x="36591" y="17032"/>
                    <a:pt x="46049" y="19735"/>
                  </a:cubicBezTo>
                  <a:cubicBezTo>
                    <a:pt x="80845" y="29677"/>
                    <a:pt x="32045" y="13972"/>
                    <a:pt x="78941" y="29603"/>
                  </a:cubicBezTo>
                  <a:cubicBezTo>
                    <a:pt x="85705" y="31857"/>
                    <a:pt x="95083" y="35263"/>
                    <a:pt x="101965" y="36181"/>
                  </a:cubicBezTo>
                  <a:cubicBezTo>
                    <a:pt x="113969" y="37782"/>
                    <a:pt x="126097" y="38266"/>
                    <a:pt x="138147" y="39471"/>
                  </a:cubicBezTo>
                  <a:cubicBezTo>
                    <a:pt x="148026" y="40459"/>
                    <a:pt x="157882" y="41664"/>
                    <a:pt x="167750" y="42760"/>
                  </a:cubicBezTo>
                  <a:cubicBezTo>
                    <a:pt x="200929" y="53820"/>
                    <a:pt x="149448" y="36940"/>
                    <a:pt x="190774" y="49338"/>
                  </a:cubicBezTo>
                  <a:cubicBezTo>
                    <a:pt x="197416" y="51331"/>
                    <a:pt x="203931" y="53724"/>
                    <a:pt x="210509" y="55917"/>
                  </a:cubicBezTo>
                  <a:cubicBezTo>
                    <a:pt x="218895" y="58713"/>
                    <a:pt x="228052" y="58110"/>
                    <a:pt x="236823" y="59206"/>
                  </a:cubicBezTo>
                  <a:cubicBezTo>
                    <a:pt x="243401" y="61399"/>
                    <a:pt x="249831" y="64102"/>
                    <a:pt x="256558" y="65784"/>
                  </a:cubicBezTo>
                  <a:cubicBezTo>
                    <a:pt x="260944" y="66880"/>
                    <a:pt x="265385" y="67774"/>
                    <a:pt x="269715" y="69073"/>
                  </a:cubicBezTo>
                  <a:cubicBezTo>
                    <a:pt x="276357" y="71066"/>
                    <a:pt x="289450" y="75652"/>
                    <a:pt x="289450" y="75652"/>
                  </a:cubicBezTo>
                  <a:cubicBezTo>
                    <a:pt x="292436" y="80130"/>
                    <a:pt x="297402" y="88975"/>
                    <a:pt x="302607" y="92098"/>
                  </a:cubicBezTo>
                  <a:cubicBezTo>
                    <a:pt x="305580" y="93882"/>
                    <a:pt x="309186" y="94291"/>
                    <a:pt x="312475" y="95387"/>
                  </a:cubicBezTo>
                  <a:cubicBezTo>
                    <a:pt x="325322" y="108236"/>
                    <a:pt x="311843" y="96717"/>
                    <a:pt x="328921" y="105255"/>
                  </a:cubicBezTo>
                  <a:cubicBezTo>
                    <a:pt x="354429" y="118008"/>
                    <a:pt x="323852" y="106854"/>
                    <a:pt x="348656" y="115122"/>
                  </a:cubicBezTo>
                  <a:cubicBezTo>
                    <a:pt x="361104" y="123421"/>
                    <a:pt x="355729" y="118906"/>
                    <a:pt x="365102" y="128279"/>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8" name="Freeform 17"/>
            <p:cNvSpPr/>
            <p:nvPr/>
          </p:nvSpPr>
          <p:spPr bwMode="auto">
            <a:xfrm>
              <a:off x="3016204" y="2009706"/>
              <a:ext cx="236846" cy="85520"/>
            </a:xfrm>
            <a:custGeom>
              <a:avLst/>
              <a:gdLst>
                <a:gd name="connsiteX0" fmla="*/ 0 w 236846"/>
                <a:gd name="connsiteY0" fmla="*/ 0 h 85520"/>
                <a:gd name="connsiteX1" fmla="*/ 16446 w 236846"/>
                <a:gd name="connsiteY1" fmla="*/ 3290 h 85520"/>
                <a:gd name="connsiteX2" fmla="*/ 148015 w 236846"/>
                <a:gd name="connsiteY2" fmla="*/ 9868 h 85520"/>
                <a:gd name="connsiteX3" fmla="*/ 171039 w 236846"/>
                <a:gd name="connsiteY3" fmla="*/ 29603 h 85520"/>
                <a:gd name="connsiteX4" fmla="*/ 177618 w 236846"/>
                <a:gd name="connsiteY4" fmla="*/ 36182 h 85520"/>
                <a:gd name="connsiteX5" fmla="*/ 207220 w 236846"/>
                <a:gd name="connsiteY5" fmla="*/ 55917 h 85520"/>
                <a:gd name="connsiteX6" fmla="*/ 217088 w 236846"/>
                <a:gd name="connsiteY6" fmla="*/ 59206 h 85520"/>
                <a:gd name="connsiteX7" fmla="*/ 230245 w 236846"/>
                <a:gd name="connsiteY7" fmla="*/ 75652 h 85520"/>
                <a:gd name="connsiteX8" fmla="*/ 236823 w 236846"/>
                <a:gd name="connsiteY8" fmla="*/ 85520 h 85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6846" h="85520">
                  <a:moveTo>
                    <a:pt x="0" y="0"/>
                  </a:moveTo>
                  <a:cubicBezTo>
                    <a:pt x="5482" y="1097"/>
                    <a:pt x="10862" y="3018"/>
                    <a:pt x="16446" y="3290"/>
                  </a:cubicBezTo>
                  <a:cubicBezTo>
                    <a:pt x="152213" y="9913"/>
                    <a:pt x="95081" y="-3364"/>
                    <a:pt x="148015" y="9868"/>
                  </a:cubicBezTo>
                  <a:cubicBezTo>
                    <a:pt x="179689" y="41542"/>
                    <a:pt x="145991" y="9565"/>
                    <a:pt x="171039" y="29603"/>
                  </a:cubicBezTo>
                  <a:cubicBezTo>
                    <a:pt x="173461" y="31540"/>
                    <a:pt x="175137" y="34321"/>
                    <a:pt x="177618" y="36182"/>
                  </a:cubicBezTo>
                  <a:cubicBezTo>
                    <a:pt x="177623" y="36185"/>
                    <a:pt x="202284" y="52626"/>
                    <a:pt x="207220" y="55917"/>
                  </a:cubicBezTo>
                  <a:cubicBezTo>
                    <a:pt x="210105" y="57840"/>
                    <a:pt x="213799" y="58110"/>
                    <a:pt x="217088" y="59206"/>
                  </a:cubicBezTo>
                  <a:cubicBezTo>
                    <a:pt x="232969" y="75087"/>
                    <a:pt x="213653" y="54911"/>
                    <a:pt x="230245" y="75652"/>
                  </a:cubicBezTo>
                  <a:cubicBezTo>
                    <a:pt x="237598" y="84844"/>
                    <a:pt x="236823" y="78480"/>
                    <a:pt x="236823" y="8552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0" name="Freeform 19"/>
            <p:cNvSpPr/>
            <p:nvPr/>
          </p:nvSpPr>
          <p:spPr bwMode="auto">
            <a:xfrm>
              <a:off x="2585318" y="2006414"/>
              <a:ext cx="417729" cy="302610"/>
            </a:xfrm>
            <a:custGeom>
              <a:avLst/>
              <a:gdLst>
                <a:gd name="connsiteX0" fmla="*/ 417729 w 417729"/>
                <a:gd name="connsiteY0" fmla="*/ 6582 h 302610"/>
                <a:gd name="connsiteX1" fmla="*/ 332210 w 417729"/>
                <a:gd name="connsiteY1" fmla="*/ 3 h 302610"/>
                <a:gd name="connsiteX2" fmla="*/ 322342 w 417729"/>
                <a:gd name="connsiteY2" fmla="*/ 3292 h 302610"/>
                <a:gd name="connsiteX3" fmla="*/ 319053 w 417729"/>
                <a:gd name="connsiteY3" fmla="*/ 13160 h 302610"/>
                <a:gd name="connsiteX4" fmla="*/ 305896 w 417729"/>
                <a:gd name="connsiteY4" fmla="*/ 29606 h 302610"/>
                <a:gd name="connsiteX5" fmla="*/ 276294 w 417729"/>
                <a:gd name="connsiteY5" fmla="*/ 26317 h 302610"/>
                <a:gd name="connsiteX6" fmla="*/ 259847 w 417729"/>
                <a:gd name="connsiteY6" fmla="*/ 23028 h 302610"/>
                <a:gd name="connsiteX7" fmla="*/ 240112 w 417729"/>
                <a:gd name="connsiteY7" fmla="*/ 19739 h 302610"/>
                <a:gd name="connsiteX8" fmla="*/ 161171 w 417729"/>
                <a:gd name="connsiteY8" fmla="*/ 19739 h 302610"/>
                <a:gd name="connsiteX9" fmla="*/ 148014 w 417729"/>
                <a:gd name="connsiteY9" fmla="*/ 23028 h 302610"/>
                <a:gd name="connsiteX10" fmla="*/ 131568 w 417729"/>
                <a:gd name="connsiteY10" fmla="*/ 29606 h 302610"/>
                <a:gd name="connsiteX11" fmla="*/ 124990 w 417729"/>
                <a:gd name="connsiteY11" fmla="*/ 36185 h 302610"/>
                <a:gd name="connsiteX12" fmla="*/ 121701 w 417729"/>
                <a:gd name="connsiteY12" fmla="*/ 59209 h 302610"/>
                <a:gd name="connsiteX13" fmla="*/ 118411 w 417729"/>
                <a:gd name="connsiteY13" fmla="*/ 101969 h 302610"/>
                <a:gd name="connsiteX14" fmla="*/ 101965 w 417729"/>
                <a:gd name="connsiteY14" fmla="*/ 124993 h 302610"/>
                <a:gd name="connsiteX15" fmla="*/ 82230 w 417729"/>
                <a:gd name="connsiteY15" fmla="*/ 128282 h 302610"/>
                <a:gd name="connsiteX16" fmla="*/ 72363 w 417729"/>
                <a:gd name="connsiteY16" fmla="*/ 131572 h 302610"/>
                <a:gd name="connsiteX17" fmla="*/ 55917 w 417729"/>
                <a:gd name="connsiteY17" fmla="*/ 148018 h 302610"/>
                <a:gd name="connsiteX18" fmla="*/ 49338 w 417729"/>
                <a:gd name="connsiteY18" fmla="*/ 207223 h 302610"/>
                <a:gd name="connsiteX19" fmla="*/ 46049 w 417729"/>
                <a:gd name="connsiteY19" fmla="*/ 249983 h 302610"/>
                <a:gd name="connsiteX20" fmla="*/ 39470 w 417729"/>
                <a:gd name="connsiteY20" fmla="*/ 269718 h 302610"/>
                <a:gd name="connsiteX21" fmla="*/ 36181 w 417729"/>
                <a:gd name="connsiteY21" fmla="*/ 279586 h 302610"/>
                <a:gd name="connsiteX22" fmla="*/ 16446 w 417729"/>
                <a:gd name="connsiteY22" fmla="*/ 292743 h 302610"/>
                <a:gd name="connsiteX23" fmla="*/ 0 w 417729"/>
                <a:gd name="connsiteY23" fmla="*/ 302610 h 3026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417729" h="302610">
                  <a:moveTo>
                    <a:pt x="417729" y="6582"/>
                  </a:moveTo>
                  <a:cubicBezTo>
                    <a:pt x="382990" y="-367"/>
                    <a:pt x="389097" y="3"/>
                    <a:pt x="332210" y="3"/>
                  </a:cubicBezTo>
                  <a:cubicBezTo>
                    <a:pt x="328743" y="3"/>
                    <a:pt x="325631" y="2196"/>
                    <a:pt x="322342" y="3292"/>
                  </a:cubicBezTo>
                  <a:cubicBezTo>
                    <a:pt x="321246" y="6581"/>
                    <a:pt x="320603" y="10059"/>
                    <a:pt x="319053" y="13160"/>
                  </a:cubicBezTo>
                  <a:cubicBezTo>
                    <a:pt x="314903" y="21461"/>
                    <a:pt x="312017" y="23486"/>
                    <a:pt x="305896" y="29606"/>
                  </a:cubicBezTo>
                  <a:cubicBezTo>
                    <a:pt x="296029" y="28510"/>
                    <a:pt x="286122" y="27721"/>
                    <a:pt x="276294" y="26317"/>
                  </a:cubicBezTo>
                  <a:cubicBezTo>
                    <a:pt x="270759" y="25526"/>
                    <a:pt x="265348" y="24028"/>
                    <a:pt x="259847" y="23028"/>
                  </a:cubicBezTo>
                  <a:cubicBezTo>
                    <a:pt x="253285" y="21835"/>
                    <a:pt x="246690" y="20835"/>
                    <a:pt x="240112" y="19739"/>
                  </a:cubicBezTo>
                  <a:cubicBezTo>
                    <a:pt x="209232" y="9443"/>
                    <a:pt x="228028" y="14390"/>
                    <a:pt x="161171" y="19739"/>
                  </a:cubicBezTo>
                  <a:cubicBezTo>
                    <a:pt x="156665" y="20100"/>
                    <a:pt x="152303" y="21599"/>
                    <a:pt x="148014" y="23028"/>
                  </a:cubicBezTo>
                  <a:cubicBezTo>
                    <a:pt x="142413" y="24895"/>
                    <a:pt x="137050" y="27413"/>
                    <a:pt x="131568" y="29606"/>
                  </a:cubicBezTo>
                  <a:cubicBezTo>
                    <a:pt x="129375" y="31799"/>
                    <a:pt x="125971" y="33243"/>
                    <a:pt x="124990" y="36185"/>
                  </a:cubicBezTo>
                  <a:cubicBezTo>
                    <a:pt x="122539" y="43540"/>
                    <a:pt x="122472" y="51495"/>
                    <a:pt x="121701" y="59209"/>
                  </a:cubicBezTo>
                  <a:cubicBezTo>
                    <a:pt x="120278" y="73434"/>
                    <a:pt x="120184" y="87784"/>
                    <a:pt x="118411" y="101969"/>
                  </a:cubicBezTo>
                  <a:cubicBezTo>
                    <a:pt x="117440" y="109736"/>
                    <a:pt x="109918" y="123668"/>
                    <a:pt x="101965" y="124993"/>
                  </a:cubicBezTo>
                  <a:lnTo>
                    <a:pt x="82230" y="128282"/>
                  </a:lnTo>
                  <a:cubicBezTo>
                    <a:pt x="78941" y="129379"/>
                    <a:pt x="75137" y="129492"/>
                    <a:pt x="72363" y="131572"/>
                  </a:cubicBezTo>
                  <a:cubicBezTo>
                    <a:pt x="66161" y="136224"/>
                    <a:pt x="55917" y="148018"/>
                    <a:pt x="55917" y="148018"/>
                  </a:cubicBezTo>
                  <a:cubicBezTo>
                    <a:pt x="47346" y="173723"/>
                    <a:pt x="53178" y="153466"/>
                    <a:pt x="49338" y="207223"/>
                  </a:cubicBezTo>
                  <a:cubicBezTo>
                    <a:pt x="48320" y="221482"/>
                    <a:pt x="48279" y="235863"/>
                    <a:pt x="46049" y="249983"/>
                  </a:cubicBezTo>
                  <a:cubicBezTo>
                    <a:pt x="44967" y="256832"/>
                    <a:pt x="41663" y="263140"/>
                    <a:pt x="39470" y="269718"/>
                  </a:cubicBezTo>
                  <a:lnTo>
                    <a:pt x="36181" y="279586"/>
                  </a:lnTo>
                  <a:cubicBezTo>
                    <a:pt x="33681" y="287087"/>
                    <a:pt x="23024" y="288357"/>
                    <a:pt x="16446" y="292743"/>
                  </a:cubicBezTo>
                  <a:cubicBezTo>
                    <a:pt x="4542" y="300679"/>
                    <a:pt x="10111" y="297554"/>
                    <a:pt x="0" y="302610"/>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19" name="Freeform 18"/>
            <p:cNvSpPr/>
            <p:nvPr/>
          </p:nvSpPr>
          <p:spPr bwMode="auto">
            <a:xfrm>
              <a:off x="2618210" y="1996550"/>
              <a:ext cx="388127" cy="32900"/>
            </a:xfrm>
            <a:custGeom>
              <a:avLst/>
              <a:gdLst>
                <a:gd name="connsiteX0" fmla="*/ 388127 w 388127"/>
                <a:gd name="connsiteY0" fmla="*/ 9867 h 32900"/>
                <a:gd name="connsiteX1" fmla="*/ 319053 w 388127"/>
                <a:gd name="connsiteY1" fmla="*/ 6578 h 32900"/>
                <a:gd name="connsiteX2" fmla="*/ 269715 w 388127"/>
                <a:gd name="connsiteY2" fmla="*/ 0 h 32900"/>
                <a:gd name="connsiteX3" fmla="*/ 226955 w 388127"/>
                <a:gd name="connsiteY3" fmla="*/ 3289 h 32900"/>
                <a:gd name="connsiteX4" fmla="*/ 197353 w 388127"/>
                <a:gd name="connsiteY4" fmla="*/ 13156 h 32900"/>
                <a:gd name="connsiteX5" fmla="*/ 187485 w 388127"/>
                <a:gd name="connsiteY5" fmla="*/ 16446 h 32900"/>
                <a:gd name="connsiteX6" fmla="*/ 157882 w 388127"/>
                <a:gd name="connsiteY6" fmla="*/ 19735 h 32900"/>
                <a:gd name="connsiteX7" fmla="*/ 134858 w 388127"/>
                <a:gd name="connsiteY7" fmla="*/ 26313 h 32900"/>
                <a:gd name="connsiteX8" fmla="*/ 69073 w 388127"/>
                <a:gd name="connsiteY8" fmla="*/ 23024 h 32900"/>
                <a:gd name="connsiteX9" fmla="*/ 23025 w 388127"/>
                <a:gd name="connsiteY9" fmla="*/ 23024 h 32900"/>
                <a:gd name="connsiteX10" fmla="*/ 13157 w 388127"/>
                <a:gd name="connsiteY10" fmla="*/ 29603 h 32900"/>
                <a:gd name="connsiteX11" fmla="*/ 0 w 388127"/>
                <a:gd name="connsiteY11" fmla="*/ 32892 h 32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8127" h="32900">
                  <a:moveTo>
                    <a:pt x="388127" y="9867"/>
                  </a:moveTo>
                  <a:cubicBezTo>
                    <a:pt x="365102" y="8771"/>
                    <a:pt x="342049" y="8164"/>
                    <a:pt x="319053" y="6578"/>
                  </a:cubicBezTo>
                  <a:cubicBezTo>
                    <a:pt x="310838" y="6011"/>
                    <a:pt x="278870" y="1308"/>
                    <a:pt x="269715" y="0"/>
                  </a:cubicBezTo>
                  <a:cubicBezTo>
                    <a:pt x="255462" y="1096"/>
                    <a:pt x="241076" y="1060"/>
                    <a:pt x="226955" y="3289"/>
                  </a:cubicBezTo>
                  <a:lnTo>
                    <a:pt x="197353" y="13156"/>
                  </a:lnTo>
                  <a:cubicBezTo>
                    <a:pt x="194064" y="14253"/>
                    <a:pt x="190931" y="16063"/>
                    <a:pt x="187485" y="16446"/>
                  </a:cubicBezTo>
                  <a:lnTo>
                    <a:pt x="157882" y="19735"/>
                  </a:lnTo>
                  <a:cubicBezTo>
                    <a:pt x="153230" y="21286"/>
                    <a:pt x="138987" y="26313"/>
                    <a:pt x="134858" y="26313"/>
                  </a:cubicBezTo>
                  <a:cubicBezTo>
                    <a:pt x="112902" y="26313"/>
                    <a:pt x="91001" y="24120"/>
                    <a:pt x="69073" y="23024"/>
                  </a:cubicBezTo>
                  <a:cubicBezTo>
                    <a:pt x="49858" y="20622"/>
                    <a:pt x="41131" y="16988"/>
                    <a:pt x="23025" y="23024"/>
                  </a:cubicBezTo>
                  <a:cubicBezTo>
                    <a:pt x="19275" y="24274"/>
                    <a:pt x="16693" y="27835"/>
                    <a:pt x="13157" y="29603"/>
                  </a:cubicBezTo>
                  <a:cubicBezTo>
                    <a:pt x="5886" y="33239"/>
                    <a:pt x="5606" y="32892"/>
                    <a:pt x="0" y="32892"/>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7" name="Freeform 6"/>
            <p:cNvSpPr/>
            <p:nvPr/>
          </p:nvSpPr>
          <p:spPr bwMode="auto">
            <a:xfrm>
              <a:off x="2673638" y="1381953"/>
              <a:ext cx="421871" cy="1181071"/>
            </a:xfrm>
            <a:custGeom>
              <a:avLst/>
              <a:gdLst>
                <a:gd name="connsiteX0" fmla="*/ 0 w 389466"/>
                <a:gd name="connsiteY0" fmla="*/ 0 h 1168400"/>
                <a:gd name="connsiteX1" fmla="*/ 42333 w 389466"/>
                <a:gd name="connsiteY1" fmla="*/ 8467 h 1168400"/>
                <a:gd name="connsiteX2" fmla="*/ 67733 w 389466"/>
                <a:gd name="connsiteY2" fmla="*/ 16934 h 1168400"/>
                <a:gd name="connsiteX3" fmla="*/ 84666 w 389466"/>
                <a:gd name="connsiteY3" fmla="*/ 76200 h 1168400"/>
                <a:gd name="connsiteX4" fmla="*/ 118533 w 389466"/>
                <a:gd name="connsiteY4" fmla="*/ 152400 h 1168400"/>
                <a:gd name="connsiteX5" fmla="*/ 135466 w 389466"/>
                <a:gd name="connsiteY5" fmla="*/ 169334 h 1168400"/>
                <a:gd name="connsiteX6" fmla="*/ 152400 w 389466"/>
                <a:gd name="connsiteY6" fmla="*/ 220134 h 1168400"/>
                <a:gd name="connsiteX7" fmla="*/ 160866 w 389466"/>
                <a:gd name="connsiteY7" fmla="*/ 270934 h 1168400"/>
                <a:gd name="connsiteX8" fmla="*/ 177800 w 389466"/>
                <a:gd name="connsiteY8" fmla="*/ 287867 h 1168400"/>
                <a:gd name="connsiteX9" fmla="*/ 194733 w 389466"/>
                <a:gd name="connsiteY9" fmla="*/ 338667 h 1168400"/>
                <a:gd name="connsiteX10" fmla="*/ 211666 w 389466"/>
                <a:gd name="connsiteY10" fmla="*/ 364067 h 1168400"/>
                <a:gd name="connsiteX11" fmla="*/ 245533 w 389466"/>
                <a:gd name="connsiteY11" fmla="*/ 440267 h 1168400"/>
                <a:gd name="connsiteX12" fmla="*/ 270933 w 389466"/>
                <a:gd name="connsiteY12" fmla="*/ 516467 h 1168400"/>
                <a:gd name="connsiteX13" fmla="*/ 287866 w 389466"/>
                <a:gd name="connsiteY13" fmla="*/ 567267 h 1168400"/>
                <a:gd name="connsiteX14" fmla="*/ 296333 w 389466"/>
                <a:gd name="connsiteY14" fmla="*/ 821267 h 1168400"/>
                <a:gd name="connsiteX15" fmla="*/ 321733 w 389466"/>
                <a:gd name="connsiteY15" fmla="*/ 829734 h 1168400"/>
                <a:gd name="connsiteX16" fmla="*/ 347133 w 389466"/>
                <a:gd name="connsiteY16" fmla="*/ 846667 h 1168400"/>
                <a:gd name="connsiteX17" fmla="*/ 355600 w 389466"/>
                <a:gd name="connsiteY17" fmla="*/ 872067 h 1168400"/>
                <a:gd name="connsiteX18" fmla="*/ 347133 w 389466"/>
                <a:gd name="connsiteY18" fmla="*/ 956734 h 1168400"/>
                <a:gd name="connsiteX19" fmla="*/ 321733 w 389466"/>
                <a:gd name="connsiteY19" fmla="*/ 1032934 h 1168400"/>
                <a:gd name="connsiteX20" fmla="*/ 313266 w 389466"/>
                <a:gd name="connsiteY20" fmla="*/ 1075267 h 1168400"/>
                <a:gd name="connsiteX21" fmla="*/ 330200 w 389466"/>
                <a:gd name="connsiteY21" fmla="*/ 1117600 h 1168400"/>
                <a:gd name="connsiteX22" fmla="*/ 372533 w 389466"/>
                <a:gd name="connsiteY22" fmla="*/ 1151467 h 1168400"/>
                <a:gd name="connsiteX23" fmla="*/ 389466 w 389466"/>
                <a:gd name="connsiteY23" fmla="*/ 1168400 h 1168400"/>
                <a:gd name="connsiteX0" fmla="*/ 0 w 389466"/>
                <a:gd name="connsiteY0" fmla="*/ 0 h 1168400"/>
                <a:gd name="connsiteX1" fmla="*/ 42333 w 389466"/>
                <a:gd name="connsiteY1" fmla="*/ 8467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389466"/>
                <a:gd name="connsiteY0" fmla="*/ 0 h 1168400"/>
                <a:gd name="connsiteX1" fmla="*/ 29176 w 389466"/>
                <a:gd name="connsiteY1" fmla="*/ 57805 h 1168400"/>
                <a:gd name="connsiteX2" fmla="*/ 84666 w 389466"/>
                <a:gd name="connsiteY2" fmla="*/ 76200 h 1168400"/>
                <a:gd name="connsiteX3" fmla="*/ 118533 w 389466"/>
                <a:gd name="connsiteY3" fmla="*/ 152400 h 1168400"/>
                <a:gd name="connsiteX4" fmla="*/ 135466 w 389466"/>
                <a:gd name="connsiteY4" fmla="*/ 169334 h 1168400"/>
                <a:gd name="connsiteX5" fmla="*/ 152400 w 389466"/>
                <a:gd name="connsiteY5" fmla="*/ 220134 h 1168400"/>
                <a:gd name="connsiteX6" fmla="*/ 160866 w 389466"/>
                <a:gd name="connsiteY6" fmla="*/ 270934 h 1168400"/>
                <a:gd name="connsiteX7" fmla="*/ 177800 w 389466"/>
                <a:gd name="connsiteY7" fmla="*/ 287867 h 1168400"/>
                <a:gd name="connsiteX8" fmla="*/ 194733 w 389466"/>
                <a:gd name="connsiteY8" fmla="*/ 338667 h 1168400"/>
                <a:gd name="connsiteX9" fmla="*/ 211666 w 389466"/>
                <a:gd name="connsiteY9" fmla="*/ 364067 h 1168400"/>
                <a:gd name="connsiteX10" fmla="*/ 245533 w 389466"/>
                <a:gd name="connsiteY10" fmla="*/ 440267 h 1168400"/>
                <a:gd name="connsiteX11" fmla="*/ 270933 w 389466"/>
                <a:gd name="connsiteY11" fmla="*/ 516467 h 1168400"/>
                <a:gd name="connsiteX12" fmla="*/ 287866 w 389466"/>
                <a:gd name="connsiteY12" fmla="*/ 567267 h 1168400"/>
                <a:gd name="connsiteX13" fmla="*/ 296333 w 389466"/>
                <a:gd name="connsiteY13" fmla="*/ 821267 h 1168400"/>
                <a:gd name="connsiteX14" fmla="*/ 321733 w 389466"/>
                <a:gd name="connsiteY14" fmla="*/ 829734 h 1168400"/>
                <a:gd name="connsiteX15" fmla="*/ 347133 w 389466"/>
                <a:gd name="connsiteY15" fmla="*/ 846667 h 1168400"/>
                <a:gd name="connsiteX16" fmla="*/ 355600 w 389466"/>
                <a:gd name="connsiteY16" fmla="*/ 872067 h 1168400"/>
                <a:gd name="connsiteX17" fmla="*/ 347133 w 389466"/>
                <a:gd name="connsiteY17" fmla="*/ 956734 h 1168400"/>
                <a:gd name="connsiteX18" fmla="*/ 321733 w 389466"/>
                <a:gd name="connsiteY18" fmla="*/ 1032934 h 1168400"/>
                <a:gd name="connsiteX19" fmla="*/ 313266 w 389466"/>
                <a:gd name="connsiteY19" fmla="*/ 1075267 h 1168400"/>
                <a:gd name="connsiteX20" fmla="*/ 330200 w 389466"/>
                <a:gd name="connsiteY20" fmla="*/ 1117600 h 1168400"/>
                <a:gd name="connsiteX21" fmla="*/ 372533 w 389466"/>
                <a:gd name="connsiteY21" fmla="*/ 1151467 h 1168400"/>
                <a:gd name="connsiteX22" fmla="*/ 389466 w 389466"/>
                <a:gd name="connsiteY22" fmla="*/ 1168400 h 1168400"/>
                <a:gd name="connsiteX0" fmla="*/ 0 w 442093"/>
                <a:gd name="connsiteY0" fmla="*/ 0 h 1174979"/>
                <a:gd name="connsiteX1" fmla="*/ 81803 w 442093"/>
                <a:gd name="connsiteY1" fmla="*/ 64384 h 1174979"/>
                <a:gd name="connsiteX2" fmla="*/ 137293 w 442093"/>
                <a:gd name="connsiteY2" fmla="*/ 82779 h 1174979"/>
                <a:gd name="connsiteX3" fmla="*/ 171160 w 442093"/>
                <a:gd name="connsiteY3" fmla="*/ 158979 h 1174979"/>
                <a:gd name="connsiteX4" fmla="*/ 188093 w 442093"/>
                <a:gd name="connsiteY4" fmla="*/ 175913 h 1174979"/>
                <a:gd name="connsiteX5" fmla="*/ 205027 w 442093"/>
                <a:gd name="connsiteY5" fmla="*/ 226713 h 1174979"/>
                <a:gd name="connsiteX6" fmla="*/ 213493 w 442093"/>
                <a:gd name="connsiteY6" fmla="*/ 277513 h 1174979"/>
                <a:gd name="connsiteX7" fmla="*/ 230427 w 442093"/>
                <a:gd name="connsiteY7" fmla="*/ 294446 h 1174979"/>
                <a:gd name="connsiteX8" fmla="*/ 247360 w 442093"/>
                <a:gd name="connsiteY8" fmla="*/ 345246 h 1174979"/>
                <a:gd name="connsiteX9" fmla="*/ 264293 w 442093"/>
                <a:gd name="connsiteY9" fmla="*/ 370646 h 1174979"/>
                <a:gd name="connsiteX10" fmla="*/ 298160 w 442093"/>
                <a:gd name="connsiteY10" fmla="*/ 446846 h 1174979"/>
                <a:gd name="connsiteX11" fmla="*/ 323560 w 442093"/>
                <a:gd name="connsiteY11" fmla="*/ 523046 h 1174979"/>
                <a:gd name="connsiteX12" fmla="*/ 340493 w 442093"/>
                <a:gd name="connsiteY12" fmla="*/ 573846 h 1174979"/>
                <a:gd name="connsiteX13" fmla="*/ 348960 w 442093"/>
                <a:gd name="connsiteY13" fmla="*/ 827846 h 1174979"/>
                <a:gd name="connsiteX14" fmla="*/ 374360 w 442093"/>
                <a:gd name="connsiteY14" fmla="*/ 836313 h 1174979"/>
                <a:gd name="connsiteX15" fmla="*/ 399760 w 442093"/>
                <a:gd name="connsiteY15" fmla="*/ 853246 h 1174979"/>
                <a:gd name="connsiteX16" fmla="*/ 408227 w 442093"/>
                <a:gd name="connsiteY16" fmla="*/ 878646 h 1174979"/>
                <a:gd name="connsiteX17" fmla="*/ 399760 w 442093"/>
                <a:gd name="connsiteY17" fmla="*/ 963313 h 1174979"/>
                <a:gd name="connsiteX18" fmla="*/ 374360 w 442093"/>
                <a:gd name="connsiteY18" fmla="*/ 1039513 h 1174979"/>
                <a:gd name="connsiteX19" fmla="*/ 365893 w 442093"/>
                <a:gd name="connsiteY19" fmla="*/ 1081846 h 1174979"/>
                <a:gd name="connsiteX20" fmla="*/ 382827 w 442093"/>
                <a:gd name="connsiteY20" fmla="*/ 1124179 h 1174979"/>
                <a:gd name="connsiteX21" fmla="*/ 425160 w 442093"/>
                <a:gd name="connsiteY21" fmla="*/ 1158046 h 1174979"/>
                <a:gd name="connsiteX22" fmla="*/ 442093 w 442093"/>
                <a:gd name="connsiteY22" fmla="*/ 1174979 h 1174979"/>
                <a:gd name="connsiteX0" fmla="*/ 0 w 442093"/>
                <a:gd name="connsiteY0" fmla="*/ 0 h 1174979"/>
                <a:gd name="connsiteX1" fmla="*/ 81803 w 442093"/>
                <a:gd name="connsiteY1" fmla="*/ 64384 h 1174979"/>
                <a:gd name="connsiteX2" fmla="*/ 171160 w 442093"/>
                <a:gd name="connsiteY2" fmla="*/ 158979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88093 w 442093"/>
                <a:gd name="connsiteY3" fmla="*/ 175913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205027 w 442093"/>
                <a:gd name="connsiteY4" fmla="*/ 226713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4293 w 442093"/>
                <a:gd name="connsiteY8" fmla="*/ 370646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42093"/>
                <a:gd name="connsiteY0" fmla="*/ 0 h 1174979"/>
                <a:gd name="connsiteX1" fmla="*/ 81803 w 442093"/>
                <a:gd name="connsiteY1" fmla="*/ 64384 h 1174979"/>
                <a:gd name="connsiteX2" fmla="*/ 144846 w 442093"/>
                <a:gd name="connsiteY2" fmla="*/ 149112 h 1174979"/>
                <a:gd name="connsiteX3" fmla="*/ 161779 w 442093"/>
                <a:gd name="connsiteY3" fmla="*/ 192359 h 1174979"/>
                <a:gd name="connsiteX4" fmla="*/ 191870 w 442093"/>
                <a:gd name="connsiteY4" fmla="*/ 239870 h 1174979"/>
                <a:gd name="connsiteX5" fmla="*/ 213493 w 442093"/>
                <a:gd name="connsiteY5" fmla="*/ 277513 h 1174979"/>
                <a:gd name="connsiteX6" fmla="*/ 230427 w 442093"/>
                <a:gd name="connsiteY6" fmla="*/ 294446 h 1174979"/>
                <a:gd name="connsiteX7" fmla="*/ 247360 w 442093"/>
                <a:gd name="connsiteY7" fmla="*/ 345246 h 1174979"/>
                <a:gd name="connsiteX8" fmla="*/ 267582 w 442093"/>
                <a:gd name="connsiteY8" fmla="*/ 393670 h 1174979"/>
                <a:gd name="connsiteX9" fmla="*/ 298160 w 442093"/>
                <a:gd name="connsiteY9" fmla="*/ 446846 h 1174979"/>
                <a:gd name="connsiteX10" fmla="*/ 323560 w 442093"/>
                <a:gd name="connsiteY10" fmla="*/ 523046 h 1174979"/>
                <a:gd name="connsiteX11" fmla="*/ 340493 w 442093"/>
                <a:gd name="connsiteY11" fmla="*/ 573846 h 1174979"/>
                <a:gd name="connsiteX12" fmla="*/ 348960 w 442093"/>
                <a:gd name="connsiteY12" fmla="*/ 827846 h 1174979"/>
                <a:gd name="connsiteX13" fmla="*/ 374360 w 442093"/>
                <a:gd name="connsiteY13" fmla="*/ 836313 h 1174979"/>
                <a:gd name="connsiteX14" fmla="*/ 399760 w 442093"/>
                <a:gd name="connsiteY14" fmla="*/ 853246 h 1174979"/>
                <a:gd name="connsiteX15" fmla="*/ 408227 w 442093"/>
                <a:gd name="connsiteY15" fmla="*/ 878646 h 1174979"/>
                <a:gd name="connsiteX16" fmla="*/ 399760 w 442093"/>
                <a:gd name="connsiteY16" fmla="*/ 963313 h 1174979"/>
                <a:gd name="connsiteX17" fmla="*/ 374360 w 442093"/>
                <a:gd name="connsiteY17" fmla="*/ 1039513 h 1174979"/>
                <a:gd name="connsiteX18" fmla="*/ 365893 w 442093"/>
                <a:gd name="connsiteY18" fmla="*/ 1081846 h 1174979"/>
                <a:gd name="connsiteX19" fmla="*/ 382827 w 442093"/>
                <a:gd name="connsiteY19" fmla="*/ 1124179 h 1174979"/>
                <a:gd name="connsiteX20" fmla="*/ 425160 w 442093"/>
                <a:gd name="connsiteY20" fmla="*/ 1158046 h 1174979"/>
                <a:gd name="connsiteX21" fmla="*/ 442093 w 442093"/>
                <a:gd name="connsiteY21" fmla="*/ 1174979 h 1174979"/>
                <a:gd name="connsiteX0" fmla="*/ 0 w 425160"/>
                <a:gd name="connsiteY0" fmla="*/ 0 h 1158046"/>
                <a:gd name="connsiteX1" fmla="*/ 81803 w 425160"/>
                <a:gd name="connsiteY1" fmla="*/ 64384 h 1158046"/>
                <a:gd name="connsiteX2" fmla="*/ 144846 w 425160"/>
                <a:gd name="connsiteY2" fmla="*/ 149112 h 1158046"/>
                <a:gd name="connsiteX3" fmla="*/ 161779 w 425160"/>
                <a:gd name="connsiteY3" fmla="*/ 192359 h 1158046"/>
                <a:gd name="connsiteX4" fmla="*/ 191870 w 425160"/>
                <a:gd name="connsiteY4" fmla="*/ 239870 h 1158046"/>
                <a:gd name="connsiteX5" fmla="*/ 213493 w 425160"/>
                <a:gd name="connsiteY5" fmla="*/ 277513 h 1158046"/>
                <a:gd name="connsiteX6" fmla="*/ 230427 w 425160"/>
                <a:gd name="connsiteY6" fmla="*/ 294446 h 1158046"/>
                <a:gd name="connsiteX7" fmla="*/ 247360 w 425160"/>
                <a:gd name="connsiteY7" fmla="*/ 345246 h 1158046"/>
                <a:gd name="connsiteX8" fmla="*/ 267582 w 425160"/>
                <a:gd name="connsiteY8" fmla="*/ 393670 h 1158046"/>
                <a:gd name="connsiteX9" fmla="*/ 298160 w 425160"/>
                <a:gd name="connsiteY9" fmla="*/ 446846 h 1158046"/>
                <a:gd name="connsiteX10" fmla="*/ 323560 w 425160"/>
                <a:gd name="connsiteY10" fmla="*/ 523046 h 1158046"/>
                <a:gd name="connsiteX11" fmla="*/ 340493 w 425160"/>
                <a:gd name="connsiteY11" fmla="*/ 573846 h 1158046"/>
                <a:gd name="connsiteX12" fmla="*/ 348960 w 425160"/>
                <a:gd name="connsiteY12" fmla="*/ 827846 h 1158046"/>
                <a:gd name="connsiteX13" fmla="*/ 374360 w 425160"/>
                <a:gd name="connsiteY13" fmla="*/ 836313 h 1158046"/>
                <a:gd name="connsiteX14" fmla="*/ 399760 w 425160"/>
                <a:gd name="connsiteY14" fmla="*/ 853246 h 1158046"/>
                <a:gd name="connsiteX15" fmla="*/ 408227 w 425160"/>
                <a:gd name="connsiteY15" fmla="*/ 878646 h 1158046"/>
                <a:gd name="connsiteX16" fmla="*/ 399760 w 425160"/>
                <a:gd name="connsiteY16" fmla="*/ 963313 h 1158046"/>
                <a:gd name="connsiteX17" fmla="*/ 374360 w 425160"/>
                <a:gd name="connsiteY17" fmla="*/ 1039513 h 1158046"/>
                <a:gd name="connsiteX18" fmla="*/ 365893 w 425160"/>
                <a:gd name="connsiteY18" fmla="*/ 1081846 h 1158046"/>
                <a:gd name="connsiteX19" fmla="*/ 382827 w 425160"/>
                <a:gd name="connsiteY19" fmla="*/ 1124179 h 1158046"/>
                <a:gd name="connsiteX20" fmla="*/ 425160 w 425160"/>
                <a:gd name="connsiteY20" fmla="*/ 1158046 h 1158046"/>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48960 w 421871"/>
                <a:gd name="connsiteY12" fmla="*/ 827846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40493 w 421871"/>
                <a:gd name="connsiteY11" fmla="*/ 573846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2514 w 421871"/>
                <a:gd name="connsiteY12" fmla="*/ 804822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74360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99760 w 421871"/>
                <a:gd name="connsiteY14" fmla="*/ 853246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8227 w 421871"/>
                <a:gd name="connsiteY15" fmla="*/ 878646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298160 w 421871"/>
                <a:gd name="connsiteY9" fmla="*/ 446846 h 1181071"/>
                <a:gd name="connsiteX10" fmla="*/ 323560 w 421871"/>
                <a:gd name="connsiteY10" fmla="*/ 523046 h 1181071"/>
                <a:gd name="connsiteX11" fmla="*/ 327336 w 421871"/>
                <a:gd name="connsiteY11" fmla="*/ 593581 h 1181071"/>
                <a:gd name="connsiteX12" fmla="*/ 335803 w 421871"/>
                <a:gd name="connsiteY12" fmla="*/ 739038 h 1181071"/>
                <a:gd name="connsiteX13" fmla="*/ 338179 w 421871"/>
                <a:gd name="connsiteY13" fmla="*/ 836313 h 1181071"/>
                <a:gd name="connsiteX14" fmla="*/ 373446 w 421871"/>
                <a:gd name="connsiteY14" fmla="*/ 856535 h 1181071"/>
                <a:gd name="connsiteX15" fmla="*/ 401649 w 421871"/>
                <a:gd name="connsiteY15" fmla="*/ 898381 h 1181071"/>
                <a:gd name="connsiteX16" fmla="*/ 399760 w 421871"/>
                <a:gd name="connsiteY16" fmla="*/ 963313 h 1181071"/>
                <a:gd name="connsiteX17" fmla="*/ 374360 w 421871"/>
                <a:gd name="connsiteY17" fmla="*/ 1039513 h 1181071"/>
                <a:gd name="connsiteX18" fmla="*/ 365893 w 421871"/>
                <a:gd name="connsiteY18" fmla="*/ 1081846 h 1181071"/>
                <a:gd name="connsiteX19" fmla="*/ 382827 w 421871"/>
                <a:gd name="connsiteY19" fmla="*/ 1124179 h 1181071"/>
                <a:gd name="connsiteX20" fmla="*/ 421871 w 421871"/>
                <a:gd name="connsiteY20"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3560 w 421871"/>
                <a:gd name="connsiteY9" fmla="*/ 523046 h 1181071"/>
                <a:gd name="connsiteX10" fmla="*/ 327336 w 421871"/>
                <a:gd name="connsiteY10" fmla="*/ 593581 h 1181071"/>
                <a:gd name="connsiteX11" fmla="*/ 335803 w 421871"/>
                <a:gd name="connsiteY11" fmla="*/ 739038 h 1181071"/>
                <a:gd name="connsiteX12" fmla="*/ 338179 w 421871"/>
                <a:gd name="connsiteY12" fmla="*/ 836313 h 1181071"/>
                <a:gd name="connsiteX13" fmla="*/ 373446 w 421871"/>
                <a:gd name="connsiteY13" fmla="*/ 856535 h 1181071"/>
                <a:gd name="connsiteX14" fmla="*/ 401649 w 421871"/>
                <a:gd name="connsiteY14" fmla="*/ 898381 h 1181071"/>
                <a:gd name="connsiteX15" fmla="*/ 399760 w 421871"/>
                <a:gd name="connsiteY15" fmla="*/ 963313 h 1181071"/>
                <a:gd name="connsiteX16" fmla="*/ 374360 w 421871"/>
                <a:gd name="connsiteY16" fmla="*/ 1039513 h 1181071"/>
                <a:gd name="connsiteX17" fmla="*/ 365893 w 421871"/>
                <a:gd name="connsiteY17" fmla="*/ 1081846 h 1181071"/>
                <a:gd name="connsiteX18" fmla="*/ 382827 w 421871"/>
                <a:gd name="connsiteY18" fmla="*/ 1124179 h 1181071"/>
                <a:gd name="connsiteX19" fmla="*/ 421871 w 421871"/>
                <a:gd name="connsiteY19" fmla="*/ 1181071 h 1181071"/>
                <a:gd name="connsiteX0" fmla="*/ 0 w 421871"/>
                <a:gd name="connsiteY0" fmla="*/ 0 h 1181071"/>
                <a:gd name="connsiteX1" fmla="*/ 81803 w 421871"/>
                <a:gd name="connsiteY1" fmla="*/ 64384 h 1181071"/>
                <a:gd name="connsiteX2" fmla="*/ 144846 w 421871"/>
                <a:gd name="connsiteY2" fmla="*/ 149112 h 1181071"/>
                <a:gd name="connsiteX3" fmla="*/ 161779 w 421871"/>
                <a:gd name="connsiteY3" fmla="*/ 192359 h 1181071"/>
                <a:gd name="connsiteX4" fmla="*/ 191870 w 421871"/>
                <a:gd name="connsiteY4" fmla="*/ 239870 h 1181071"/>
                <a:gd name="connsiteX5" fmla="*/ 213493 w 421871"/>
                <a:gd name="connsiteY5" fmla="*/ 277513 h 1181071"/>
                <a:gd name="connsiteX6" fmla="*/ 230427 w 421871"/>
                <a:gd name="connsiteY6" fmla="*/ 294446 h 1181071"/>
                <a:gd name="connsiteX7" fmla="*/ 247360 w 421871"/>
                <a:gd name="connsiteY7" fmla="*/ 345246 h 1181071"/>
                <a:gd name="connsiteX8" fmla="*/ 267582 w 421871"/>
                <a:gd name="connsiteY8" fmla="*/ 393670 h 1181071"/>
                <a:gd name="connsiteX9" fmla="*/ 327336 w 421871"/>
                <a:gd name="connsiteY9" fmla="*/ 593581 h 1181071"/>
                <a:gd name="connsiteX10" fmla="*/ 335803 w 421871"/>
                <a:gd name="connsiteY10" fmla="*/ 739038 h 1181071"/>
                <a:gd name="connsiteX11" fmla="*/ 338179 w 421871"/>
                <a:gd name="connsiteY11" fmla="*/ 836313 h 1181071"/>
                <a:gd name="connsiteX12" fmla="*/ 373446 w 421871"/>
                <a:gd name="connsiteY12" fmla="*/ 856535 h 1181071"/>
                <a:gd name="connsiteX13" fmla="*/ 401649 w 421871"/>
                <a:gd name="connsiteY13" fmla="*/ 898381 h 1181071"/>
                <a:gd name="connsiteX14" fmla="*/ 399760 w 421871"/>
                <a:gd name="connsiteY14" fmla="*/ 963313 h 1181071"/>
                <a:gd name="connsiteX15" fmla="*/ 374360 w 421871"/>
                <a:gd name="connsiteY15" fmla="*/ 1039513 h 1181071"/>
                <a:gd name="connsiteX16" fmla="*/ 365893 w 421871"/>
                <a:gd name="connsiteY16" fmla="*/ 1081846 h 1181071"/>
                <a:gd name="connsiteX17" fmla="*/ 382827 w 421871"/>
                <a:gd name="connsiteY17" fmla="*/ 1124179 h 1181071"/>
                <a:gd name="connsiteX18" fmla="*/ 421871 w 421871"/>
                <a:gd name="connsiteY18" fmla="*/ 1181071 h 1181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1871" h="1181071">
                  <a:moveTo>
                    <a:pt x="0" y="0"/>
                  </a:moveTo>
                  <a:cubicBezTo>
                    <a:pt x="14111" y="2822"/>
                    <a:pt x="57662" y="39532"/>
                    <a:pt x="81803" y="64384"/>
                  </a:cubicBezTo>
                  <a:cubicBezTo>
                    <a:pt x="105944" y="89236"/>
                    <a:pt x="131517" y="127783"/>
                    <a:pt x="144846" y="149112"/>
                  </a:cubicBezTo>
                  <a:cubicBezTo>
                    <a:pt x="158175" y="170441"/>
                    <a:pt x="156135" y="186714"/>
                    <a:pt x="161779" y="192359"/>
                  </a:cubicBezTo>
                  <a:cubicBezTo>
                    <a:pt x="167424" y="209292"/>
                    <a:pt x="183251" y="225678"/>
                    <a:pt x="191870" y="239870"/>
                  </a:cubicBezTo>
                  <a:cubicBezTo>
                    <a:pt x="200489" y="254062"/>
                    <a:pt x="207067" y="268417"/>
                    <a:pt x="213493" y="277513"/>
                  </a:cubicBezTo>
                  <a:cubicBezTo>
                    <a:pt x="219919" y="286609"/>
                    <a:pt x="224782" y="288802"/>
                    <a:pt x="230427" y="294446"/>
                  </a:cubicBezTo>
                  <a:cubicBezTo>
                    <a:pt x="236071" y="311379"/>
                    <a:pt x="241168" y="328709"/>
                    <a:pt x="247360" y="345246"/>
                  </a:cubicBezTo>
                  <a:cubicBezTo>
                    <a:pt x="253553" y="361783"/>
                    <a:pt x="254253" y="352281"/>
                    <a:pt x="267582" y="393670"/>
                  </a:cubicBezTo>
                  <a:cubicBezTo>
                    <a:pt x="280911" y="435059"/>
                    <a:pt x="315966" y="536020"/>
                    <a:pt x="327336" y="593581"/>
                  </a:cubicBezTo>
                  <a:cubicBezTo>
                    <a:pt x="338706" y="651142"/>
                    <a:pt x="333996" y="698583"/>
                    <a:pt x="335803" y="739038"/>
                  </a:cubicBezTo>
                  <a:cubicBezTo>
                    <a:pt x="337610" y="779493"/>
                    <a:pt x="331905" y="816730"/>
                    <a:pt x="338179" y="836313"/>
                  </a:cubicBezTo>
                  <a:cubicBezTo>
                    <a:pt x="344453" y="855896"/>
                    <a:pt x="364979" y="850891"/>
                    <a:pt x="373446" y="856535"/>
                  </a:cubicBezTo>
                  <a:cubicBezTo>
                    <a:pt x="376268" y="865002"/>
                    <a:pt x="397263" y="880585"/>
                    <a:pt x="401649" y="898381"/>
                  </a:cubicBezTo>
                  <a:cubicBezTo>
                    <a:pt x="406035" y="916177"/>
                    <a:pt x="404987" y="935436"/>
                    <a:pt x="399760" y="963313"/>
                  </a:cubicBezTo>
                  <a:cubicBezTo>
                    <a:pt x="399759" y="963321"/>
                    <a:pt x="378595" y="1026809"/>
                    <a:pt x="374360" y="1039513"/>
                  </a:cubicBezTo>
                  <a:cubicBezTo>
                    <a:pt x="369809" y="1053165"/>
                    <a:pt x="368715" y="1067735"/>
                    <a:pt x="365893" y="1081846"/>
                  </a:cubicBezTo>
                  <a:cubicBezTo>
                    <a:pt x="371538" y="1095957"/>
                    <a:pt x="373497" y="1107642"/>
                    <a:pt x="382827" y="1124179"/>
                  </a:cubicBezTo>
                  <a:cubicBezTo>
                    <a:pt x="392157" y="1140716"/>
                    <a:pt x="409611" y="1171263"/>
                    <a:pt x="421871" y="1181071"/>
                  </a:cubicBezTo>
                </a:path>
              </a:pathLst>
            </a:custGeom>
            <a:noFill/>
            <a:ln w="76200">
              <a:solidFill>
                <a:srgbClr val="0033CC"/>
              </a:solidFill>
              <a:headEnd type="none" w="med" len="med"/>
              <a:tailEnd type="triangle" w="sm" len="sm"/>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grpSp>
      <p:sp>
        <p:nvSpPr>
          <p:cNvPr id="6" name="Oval 5"/>
          <p:cNvSpPr/>
          <p:nvPr/>
        </p:nvSpPr>
        <p:spPr bwMode="auto">
          <a:xfrm>
            <a:off x="2918046" y="1844853"/>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032" name="SWP TextBox"/>
          <p:cNvSpPr txBox="1"/>
          <p:nvPr/>
        </p:nvSpPr>
        <p:spPr>
          <a:xfrm>
            <a:off x="547761" y="1208288"/>
            <a:ext cx="2125877" cy="347329"/>
          </a:xfrm>
          <a:prstGeom prst="roundRect">
            <a:avLst/>
          </a:prstGeom>
          <a:solidFill>
            <a:srgbClr val="003DB8"/>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State Project Water</a:t>
            </a:r>
            <a:endParaRPr lang="en-US" sz="1600" b="1" dirty="0">
              <a:solidFill>
                <a:prstClr val="white"/>
              </a:solidFill>
              <a:effectLst>
                <a:outerShdw blurRad="38100" dist="38100" dir="2700000" algn="tl">
                  <a:srgbClr val="000000">
                    <a:alpha val="43137"/>
                  </a:srgbClr>
                </a:outerShdw>
              </a:effectLst>
            </a:endParaRPr>
          </a:p>
        </p:txBody>
      </p:sp>
      <p:sp>
        <p:nvSpPr>
          <p:cNvPr id="42" name="CRA TextBox"/>
          <p:cNvSpPr txBox="1"/>
          <p:nvPr/>
        </p:nvSpPr>
        <p:spPr>
          <a:xfrm>
            <a:off x="7772400" y="2192785"/>
            <a:ext cx="1188720" cy="592503"/>
          </a:xfrm>
          <a:prstGeom prst="roundRect">
            <a:avLst/>
          </a:prstGeom>
          <a:solidFill>
            <a:srgbClr val="996633"/>
          </a:solidFill>
        </p:spPr>
        <p:txBody>
          <a:bodyPr wrap="square" rtlCol="0">
            <a:spAutoFit/>
          </a:bodyPr>
          <a:lstStyle/>
          <a:p>
            <a:pPr algn="ctr">
              <a:lnSpc>
                <a:spcPct val="90000"/>
              </a:lnSpc>
            </a:pPr>
            <a:r>
              <a:rPr lang="en-US" sz="1600" b="1" dirty="0" smtClean="0">
                <a:solidFill>
                  <a:prstClr val="white"/>
                </a:solidFill>
                <a:effectLst>
                  <a:outerShdw blurRad="38100" dist="38100" dir="2700000" algn="tl">
                    <a:srgbClr val="000000">
                      <a:alpha val="43137"/>
                    </a:srgbClr>
                  </a:outerShdw>
                </a:effectLst>
              </a:rPr>
              <a:t>Colorado </a:t>
            </a:r>
          </a:p>
          <a:p>
            <a:pPr algn="ctr">
              <a:lnSpc>
                <a:spcPct val="90000"/>
              </a:lnSpc>
            </a:pPr>
            <a:r>
              <a:rPr lang="en-US" sz="1600" b="1" dirty="0" smtClean="0">
                <a:solidFill>
                  <a:prstClr val="white"/>
                </a:solidFill>
                <a:effectLst>
                  <a:outerShdw blurRad="38100" dist="38100" dir="2700000" algn="tl">
                    <a:srgbClr val="000000">
                      <a:alpha val="43137"/>
                    </a:srgbClr>
                  </a:outerShdw>
                </a:effectLst>
              </a:rPr>
              <a:t>Water</a:t>
            </a:r>
            <a:endParaRPr lang="en-US" sz="1600" b="1" dirty="0">
              <a:solidFill>
                <a:prstClr val="white"/>
              </a:solidFill>
              <a:effectLst>
                <a:outerShdw blurRad="38100" dist="38100" dir="2700000" algn="tl">
                  <a:srgbClr val="000000">
                    <a:alpha val="43137"/>
                  </a:srgbClr>
                </a:outerShdw>
              </a:effectLst>
            </a:endParaRPr>
          </a:p>
        </p:txBody>
      </p:sp>
      <p:sp>
        <p:nvSpPr>
          <p:cNvPr id="43" name="Oval 42"/>
          <p:cNvSpPr/>
          <p:nvPr/>
        </p:nvSpPr>
        <p:spPr bwMode="auto">
          <a:xfrm>
            <a:off x="6352928" y="2906430"/>
            <a:ext cx="79398" cy="79398"/>
          </a:xfrm>
          <a:prstGeom prst="ellipse">
            <a:avLst/>
          </a:prstGeom>
          <a:solidFill>
            <a:srgbClr val="FFFF00"/>
          </a:solidFill>
          <a:ln w="12700">
            <a:solidFill>
              <a:schemeClr val="bg1"/>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grpSp>
        <p:nvGrpSpPr>
          <p:cNvPr id="34" name="Blending Colored Textbox"/>
          <p:cNvGrpSpPr/>
          <p:nvPr/>
        </p:nvGrpSpPr>
        <p:grpSpPr>
          <a:xfrm>
            <a:off x="3830096" y="5044438"/>
            <a:ext cx="1596014" cy="1560008"/>
            <a:chOff x="3830096" y="5044438"/>
            <a:chExt cx="1596014" cy="1560008"/>
          </a:xfrm>
        </p:grpSpPr>
        <p:sp>
          <p:nvSpPr>
            <p:cNvPr id="1036" name="Rectangle 1035"/>
            <p:cNvSpPr/>
            <p:nvPr/>
          </p:nvSpPr>
          <p:spPr bwMode="auto">
            <a:xfrm>
              <a:off x="3830096" y="5044438"/>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0" name="Rectangle 49"/>
            <p:cNvSpPr/>
            <p:nvPr/>
          </p:nvSpPr>
          <p:spPr bwMode="auto">
            <a:xfrm>
              <a:off x="3830096" y="5442521"/>
              <a:ext cx="1596014" cy="365760"/>
            </a:xfrm>
            <a:prstGeom prst="rect">
              <a:avLst/>
            </a:prstGeom>
            <a:solidFill>
              <a:srgbClr val="00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1" name="Rectangle 50"/>
            <p:cNvSpPr/>
            <p:nvPr/>
          </p:nvSpPr>
          <p:spPr bwMode="auto">
            <a:xfrm>
              <a:off x="3830096" y="5840604"/>
              <a:ext cx="1596014" cy="365760"/>
            </a:xfrm>
            <a:prstGeom prst="rect">
              <a:avLst/>
            </a:prstGeom>
            <a:solidFill>
              <a:srgbClr val="FFFF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sp>
          <p:nvSpPr>
            <p:cNvPr id="52" name="Rectangle 51"/>
            <p:cNvSpPr/>
            <p:nvPr/>
          </p:nvSpPr>
          <p:spPr bwMode="auto">
            <a:xfrm>
              <a:off x="3830096" y="6238686"/>
              <a:ext cx="1596014" cy="365760"/>
            </a:xfrm>
            <a:prstGeom prst="rect">
              <a:avLst/>
            </a:prstGeom>
            <a:solidFill>
              <a:srgbClr val="FF0000">
                <a:alpha val="40000"/>
              </a:srgbClr>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b="1" dirty="0" smtClean="0">
                <a:solidFill>
                  <a:prstClr val="white"/>
                </a:solidFill>
                <a:effectLst>
                  <a:outerShdw blurRad="38100" dist="38100" dir="2700000" algn="tl">
                    <a:srgbClr val="000000">
                      <a:alpha val="43137"/>
                    </a:srgbClr>
                  </a:outerShdw>
                </a:effectLst>
                <a:latin typeface="Segoe" pitchFamily="34" charset="0"/>
              </a:endParaRPr>
            </a:p>
          </p:txBody>
        </p:sp>
      </p:grpSp>
      <p:sp>
        <p:nvSpPr>
          <p:cNvPr id="46" name="TextBox 45"/>
          <p:cNvSpPr txBox="1"/>
          <p:nvPr/>
        </p:nvSpPr>
        <p:spPr>
          <a:xfrm rot="17069897">
            <a:off x="6359362" y="4001869"/>
            <a:ext cx="1236237" cy="646331"/>
          </a:xfrm>
          <a:prstGeom prst="rect">
            <a:avLst/>
          </a:prstGeom>
          <a:noFill/>
        </p:spPr>
        <p:txBody>
          <a:bodyPr wrap="none" rtlCol="0">
            <a:spAutoFit/>
          </a:bodyPr>
          <a:lstStyle/>
          <a:p>
            <a:pPr algn="ctr"/>
            <a:r>
              <a:rPr lang="en-US" b="1" dirty="0" smtClean="0">
                <a:solidFill>
                  <a:prstClr val="white"/>
                </a:solidFill>
              </a:rPr>
              <a:t>Blend ing</a:t>
            </a:r>
          </a:p>
          <a:p>
            <a:pPr algn="ctr"/>
            <a:r>
              <a:rPr lang="en-US" b="1" dirty="0" smtClean="0">
                <a:solidFill>
                  <a:prstClr val="white"/>
                </a:solidFill>
              </a:rPr>
              <a:t>Zone</a:t>
            </a:r>
            <a:endParaRPr lang="en-US" b="1" dirty="0">
              <a:solidFill>
                <a:prstClr val="white"/>
              </a:solidFill>
            </a:endParaRPr>
          </a:p>
        </p:txBody>
      </p:sp>
      <p:graphicFrame>
        <p:nvGraphicFramePr>
          <p:cNvPr id="24" name="MWD SWP Supply Table"/>
          <p:cNvGraphicFramePr>
            <a:graphicFrameLocks noGrp="1"/>
          </p:cNvGraphicFramePr>
          <p:nvPr>
            <p:extLst>
              <p:ext uri="{D42A27DB-BD31-4B8C-83A1-F6EECF244321}">
                <p14:modId xmlns:p14="http://schemas.microsoft.com/office/powerpoint/2010/main" val="2802837871"/>
              </p:ext>
            </p:extLst>
          </p:nvPr>
        </p:nvGraphicFramePr>
        <p:xfrm>
          <a:off x="170351" y="4572000"/>
          <a:ext cx="5283843" cy="2042160"/>
        </p:xfrm>
        <a:graphic>
          <a:graphicData uri="http://schemas.openxmlformats.org/drawingml/2006/table">
            <a:tbl>
              <a:tblPr firstRow="1" bandRow="1">
                <a:tableStyleId>{5C22544A-7EE6-4342-B048-85BDC9FD1C3A}</a:tableStyleId>
              </a:tblPr>
              <a:tblGrid>
                <a:gridCol w="3642620"/>
                <a:gridCol w="1641223"/>
              </a:tblGrid>
              <a:tr h="370840">
                <a:tc>
                  <a:txBody>
                    <a:bodyPr/>
                    <a:lstStyle/>
                    <a:p>
                      <a:pPr algn="ctr"/>
                      <a:r>
                        <a:rPr lang="en-US" sz="2400" b="1" dirty="0" smtClean="0">
                          <a:solidFill>
                            <a:schemeClr val="tx1"/>
                          </a:solidFill>
                          <a:effectLst>
                            <a:outerShdw blurRad="50800" dist="50800" dir="5400000" algn="ctr" rotWithShape="0">
                              <a:schemeClr val="bg1"/>
                            </a:outerShdw>
                          </a:effectLst>
                        </a:rPr>
                        <a:t>MWD</a:t>
                      </a:r>
                      <a:r>
                        <a:rPr lang="en-US" sz="2400" b="1" baseline="0" dirty="0" smtClean="0">
                          <a:solidFill>
                            <a:schemeClr val="tx1"/>
                          </a:solidFill>
                          <a:effectLst>
                            <a:outerShdw blurRad="50800" dist="50800" dir="5400000" algn="ctr" rotWithShape="0">
                              <a:schemeClr val="bg1"/>
                            </a:outerShdw>
                          </a:effectLst>
                        </a:rPr>
                        <a:t> SWP Supplies</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c>
                  <a:txBody>
                    <a:bodyPr/>
                    <a:lstStyle/>
                    <a:p>
                      <a:pPr algn="ctr"/>
                      <a:r>
                        <a:rPr lang="en-US" sz="2400" b="1" dirty="0" smtClean="0">
                          <a:solidFill>
                            <a:schemeClr val="tx1"/>
                          </a:solidFill>
                          <a:effectLst>
                            <a:outerShdw blurRad="50800" dist="50800" dir="5400000" algn="ctr" rotWithShape="0">
                              <a:schemeClr val="bg1"/>
                            </a:outerShdw>
                          </a:effectLst>
                        </a:rPr>
                        <a:t>Blending</a:t>
                      </a:r>
                      <a:endParaRPr lang="en-US" sz="2400" b="1" dirty="0">
                        <a:solidFill>
                          <a:schemeClr val="tx1"/>
                        </a:solidFill>
                        <a:effectLst>
                          <a:outerShdw blurRad="50800" dist="50800" dir="5400000" algn="ctr" rotWithShape="0">
                            <a:schemeClr val="bg1"/>
                          </a:outerShdw>
                        </a:effectLst>
                      </a:endParaRPr>
                    </a:p>
                  </a:txBody>
                  <a:tcPr>
                    <a:solidFill>
                      <a:schemeClr val="bg1">
                        <a:lumMod val="65000"/>
                        <a:lumOff val="35000"/>
                      </a:schemeClr>
                    </a:solidFill>
                  </a:tcPr>
                </a:tc>
              </a:tr>
              <a:tr h="370840">
                <a:tc>
                  <a:txBody>
                    <a:bodyPr/>
                    <a:lstStyle/>
                    <a:p>
                      <a:r>
                        <a:rPr lang="en-US" sz="2000" b="1" dirty="0" smtClean="0">
                          <a:solidFill>
                            <a:schemeClr val="tx1"/>
                          </a:solidFill>
                          <a:effectLst>
                            <a:outerShdw blurRad="50800" dist="50800" dir="5400000" algn="ctr" rotWithShape="0">
                              <a:schemeClr val="bg1"/>
                            </a:outerShdw>
                          </a:effectLst>
                        </a:rPr>
                        <a:t>Existing (Avg.</a:t>
                      </a:r>
                      <a:r>
                        <a:rPr lang="en-US" sz="2000" b="1" baseline="0" dirty="0" smtClean="0">
                          <a:solidFill>
                            <a:schemeClr val="tx1"/>
                          </a:solidFill>
                          <a:effectLst>
                            <a:outerShdw blurRad="50800" dist="50800" dir="5400000" algn="ctr" rotWithShape="0">
                              <a:schemeClr val="bg1"/>
                            </a:outerShdw>
                          </a:effectLst>
                        </a:rPr>
                        <a:t> Yr.)</a:t>
                      </a:r>
                      <a:endParaRPr lang="en-US" sz="2000" b="1" dirty="0" smtClean="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BDCP Preferred Alt</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Met</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dirty="0" smtClean="0">
                          <a:solidFill>
                            <a:schemeClr val="tx1"/>
                          </a:solidFill>
                          <a:effectLst>
                            <a:outerShdw blurRad="50800" dist="50800" dir="5400000" algn="ctr" rotWithShape="0">
                              <a:schemeClr val="bg1"/>
                            </a:outerShdw>
                          </a:effectLst>
                        </a:rPr>
                        <a:t>Delta No Fix (Avg. Yr.)</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Sometimes</a:t>
                      </a:r>
                      <a:endParaRPr lang="en-US" sz="2000" b="1" dirty="0">
                        <a:solidFill>
                          <a:schemeClr val="tx1"/>
                        </a:solidFill>
                        <a:effectLst>
                          <a:outerShdw blurRad="50800" dist="50800" dir="5400000" algn="ctr" rotWithShape="0">
                            <a:schemeClr val="bg1"/>
                          </a:outerShdw>
                        </a:effectLst>
                      </a:endParaRPr>
                    </a:p>
                  </a:txBody>
                  <a:tcPr>
                    <a:noFill/>
                  </a:tcPr>
                </a:tc>
              </a:tr>
              <a:tr h="370840">
                <a:tc>
                  <a:txBody>
                    <a:bodyPr/>
                    <a:lstStyle/>
                    <a:p>
                      <a:r>
                        <a:rPr lang="en-US" sz="2000" b="1" spc="-100" dirty="0" smtClean="0">
                          <a:solidFill>
                            <a:schemeClr val="tx1"/>
                          </a:solidFill>
                          <a:effectLst>
                            <a:outerShdw blurRad="50800" dist="50800" dir="5400000" algn="ctr" rotWithShape="0">
                              <a:schemeClr val="bg1"/>
                            </a:outerShdw>
                          </a:effectLst>
                          <a:latin typeface="+mn-lt"/>
                        </a:rPr>
                        <a:t>Delta No Fix (Below Normal)</a:t>
                      </a:r>
                      <a:endParaRPr lang="en-US" sz="2000" b="1" dirty="0">
                        <a:solidFill>
                          <a:schemeClr val="tx1"/>
                        </a:solidFill>
                        <a:effectLst>
                          <a:outerShdw blurRad="50800" dist="50800" dir="5400000" algn="ctr" rotWithShape="0">
                            <a:schemeClr val="bg1"/>
                          </a:outerShdw>
                        </a:effectLst>
                      </a:endParaRPr>
                    </a:p>
                  </a:txBody>
                  <a:tcPr>
                    <a:noFill/>
                  </a:tcPr>
                </a:tc>
                <a:tc>
                  <a:txBody>
                    <a:bodyPr/>
                    <a:lstStyle/>
                    <a:p>
                      <a:pPr algn="ctr"/>
                      <a:r>
                        <a:rPr lang="en-US" sz="2000" b="1" dirty="0" smtClean="0">
                          <a:solidFill>
                            <a:schemeClr val="tx1"/>
                          </a:solidFill>
                          <a:effectLst>
                            <a:outerShdw blurRad="50800" dist="50800" dir="5400000" algn="ctr" rotWithShape="0">
                              <a:schemeClr val="bg1"/>
                            </a:outerShdw>
                          </a:effectLst>
                        </a:rPr>
                        <a:t>Rarely</a:t>
                      </a:r>
                      <a:endParaRPr lang="en-US" sz="2000" b="1" dirty="0">
                        <a:solidFill>
                          <a:schemeClr val="tx1"/>
                        </a:solidFill>
                        <a:effectLst>
                          <a:outerShdw blurRad="50800" dist="50800" dir="5400000" algn="ctr" rotWithShape="0">
                            <a:schemeClr val="bg1"/>
                          </a:outerShdw>
                        </a:effectLst>
                      </a:endParaRPr>
                    </a:p>
                  </a:txBody>
                  <a:tcPr>
                    <a:noFill/>
                  </a:tcPr>
                </a:tc>
              </a:tr>
            </a:tbl>
          </a:graphicData>
        </a:graphic>
      </p:graphicFrame>
      <p:sp>
        <p:nvSpPr>
          <p:cNvPr id="53" name="Blending Freeform 1"/>
          <p:cNvSpPr/>
          <p:nvPr/>
        </p:nvSpPr>
        <p:spPr bwMode="auto">
          <a:xfrm>
            <a:off x="3095509" y="1996550"/>
            <a:ext cx="2758440" cy="1950720"/>
          </a:xfrm>
          <a:custGeom>
            <a:avLst/>
            <a:gdLst>
              <a:gd name="connsiteX0" fmla="*/ 2712720 w 2758440"/>
              <a:gd name="connsiteY0" fmla="*/ 518160 h 1950720"/>
              <a:gd name="connsiteX1" fmla="*/ 2636520 w 2758440"/>
              <a:gd name="connsiteY1" fmla="*/ 411480 h 1950720"/>
              <a:gd name="connsiteX2" fmla="*/ 2407920 w 2758440"/>
              <a:gd name="connsiteY2" fmla="*/ 426720 h 1950720"/>
              <a:gd name="connsiteX3" fmla="*/ 2042160 w 2758440"/>
              <a:gd name="connsiteY3" fmla="*/ 411480 h 1950720"/>
              <a:gd name="connsiteX4" fmla="*/ 1874520 w 2758440"/>
              <a:gd name="connsiteY4" fmla="*/ 289560 h 1950720"/>
              <a:gd name="connsiteX5" fmla="*/ 1706880 w 2758440"/>
              <a:gd name="connsiteY5" fmla="*/ 320040 h 1950720"/>
              <a:gd name="connsiteX6" fmla="*/ 1508760 w 2758440"/>
              <a:gd name="connsiteY6" fmla="*/ 335280 h 1950720"/>
              <a:gd name="connsiteX7" fmla="*/ 1295400 w 2758440"/>
              <a:gd name="connsiteY7" fmla="*/ 274320 h 1950720"/>
              <a:gd name="connsiteX8" fmla="*/ 1188720 w 2758440"/>
              <a:gd name="connsiteY8" fmla="*/ 289560 h 1950720"/>
              <a:gd name="connsiteX9" fmla="*/ 960120 w 2758440"/>
              <a:gd name="connsiteY9" fmla="*/ 304800 h 1950720"/>
              <a:gd name="connsiteX10" fmla="*/ 944880 w 2758440"/>
              <a:gd name="connsiteY10" fmla="*/ 228600 h 1950720"/>
              <a:gd name="connsiteX11" fmla="*/ 731520 w 2758440"/>
              <a:gd name="connsiteY11" fmla="*/ 182880 h 1950720"/>
              <a:gd name="connsiteX12" fmla="*/ 624840 w 2758440"/>
              <a:gd name="connsiteY12" fmla="*/ 106680 h 1950720"/>
              <a:gd name="connsiteX13" fmla="*/ 518160 w 2758440"/>
              <a:gd name="connsiteY13" fmla="*/ 45720 h 1950720"/>
              <a:gd name="connsiteX14" fmla="*/ 518160 w 2758440"/>
              <a:gd name="connsiteY14" fmla="*/ 45720 h 1950720"/>
              <a:gd name="connsiteX15" fmla="*/ 167640 w 2758440"/>
              <a:gd name="connsiteY15" fmla="*/ 0 h 1950720"/>
              <a:gd name="connsiteX16" fmla="*/ 76200 w 2758440"/>
              <a:gd name="connsiteY16" fmla="*/ 259080 h 1950720"/>
              <a:gd name="connsiteX17" fmla="*/ 121920 w 2758440"/>
              <a:gd name="connsiteY17" fmla="*/ 396240 h 1950720"/>
              <a:gd name="connsiteX18" fmla="*/ 0 w 2758440"/>
              <a:gd name="connsiteY18" fmla="*/ 563880 h 1950720"/>
              <a:gd name="connsiteX19" fmla="*/ 76200 w 2758440"/>
              <a:gd name="connsiteY19" fmla="*/ 731520 h 1950720"/>
              <a:gd name="connsiteX20" fmla="*/ 228600 w 2758440"/>
              <a:gd name="connsiteY20" fmla="*/ 1188720 h 1950720"/>
              <a:gd name="connsiteX21" fmla="*/ 457200 w 2758440"/>
              <a:gd name="connsiteY21" fmla="*/ 1447800 h 1950720"/>
              <a:gd name="connsiteX22" fmla="*/ 685800 w 2758440"/>
              <a:gd name="connsiteY22" fmla="*/ 1356360 h 1950720"/>
              <a:gd name="connsiteX23" fmla="*/ 944880 w 2758440"/>
              <a:gd name="connsiteY23" fmla="*/ 1356360 h 1950720"/>
              <a:gd name="connsiteX24" fmla="*/ 1158240 w 2758440"/>
              <a:gd name="connsiteY24" fmla="*/ 1539240 h 1950720"/>
              <a:gd name="connsiteX25" fmla="*/ 1325880 w 2758440"/>
              <a:gd name="connsiteY25" fmla="*/ 1661160 h 1950720"/>
              <a:gd name="connsiteX26" fmla="*/ 1584960 w 2758440"/>
              <a:gd name="connsiteY26" fmla="*/ 1798320 h 1950720"/>
              <a:gd name="connsiteX27" fmla="*/ 1783080 w 2758440"/>
              <a:gd name="connsiteY27" fmla="*/ 1859280 h 1950720"/>
              <a:gd name="connsiteX28" fmla="*/ 1920240 w 2758440"/>
              <a:gd name="connsiteY28" fmla="*/ 1950720 h 1950720"/>
              <a:gd name="connsiteX29" fmla="*/ 2225040 w 2758440"/>
              <a:gd name="connsiteY29" fmla="*/ 1859280 h 1950720"/>
              <a:gd name="connsiteX30" fmla="*/ 2407920 w 2758440"/>
              <a:gd name="connsiteY30" fmla="*/ 1752600 h 1950720"/>
              <a:gd name="connsiteX31" fmla="*/ 2346960 w 2758440"/>
              <a:gd name="connsiteY31" fmla="*/ 1645920 h 1950720"/>
              <a:gd name="connsiteX32" fmla="*/ 2270760 w 2758440"/>
              <a:gd name="connsiteY32" fmla="*/ 1432560 h 1950720"/>
              <a:gd name="connsiteX33" fmla="*/ 2042160 w 2758440"/>
              <a:gd name="connsiteY33" fmla="*/ 1310640 h 1950720"/>
              <a:gd name="connsiteX34" fmla="*/ 1905000 w 2758440"/>
              <a:gd name="connsiteY34" fmla="*/ 1188720 h 1950720"/>
              <a:gd name="connsiteX35" fmla="*/ 1935480 w 2758440"/>
              <a:gd name="connsiteY35" fmla="*/ 899160 h 1950720"/>
              <a:gd name="connsiteX36" fmla="*/ 2118360 w 2758440"/>
              <a:gd name="connsiteY36" fmla="*/ 655320 h 1950720"/>
              <a:gd name="connsiteX37" fmla="*/ 2316480 w 2758440"/>
              <a:gd name="connsiteY37" fmla="*/ 624840 h 1950720"/>
              <a:gd name="connsiteX38" fmla="*/ 2560320 w 2758440"/>
              <a:gd name="connsiteY38" fmla="*/ 609600 h 1950720"/>
              <a:gd name="connsiteX39" fmla="*/ 2727960 w 2758440"/>
              <a:gd name="connsiteY39" fmla="*/ 579120 h 1950720"/>
              <a:gd name="connsiteX40" fmla="*/ 2758440 w 2758440"/>
              <a:gd name="connsiteY40" fmla="*/ 426720 h 19507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758440" h="1950720">
                <a:moveTo>
                  <a:pt x="2712720" y="518160"/>
                </a:moveTo>
                <a:lnTo>
                  <a:pt x="2636520" y="411480"/>
                </a:lnTo>
                <a:lnTo>
                  <a:pt x="2407920" y="426720"/>
                </a:lnTo>
                <a:lnTo>
                  <a:pt x="2042160" y="411480"/>
                </a:lnTo>
                <a:lnTo>
                  <a:pt x="1874520" y="289560"/>
                </a:lnTo>
                <a:lnTo>
                  <a:pt x="1706880" y="320040"/>
                </a:lnTo>
                <a:lnTo>
                  <a:pt x="1508760" y="335280"/>
                </a:lnTo>
                <a:lnTo>
                  <a:pt x="1295400" y="274320"/>
                </a:lnTo>
                <a:lnTo>
                  <a:pt x="1188720" y="289560"/>
                </a:lnTo>
                <a:lnTo>
                  <a:pt x="960120" y="304800"/>
                </a:lnTo>
                <a:lnTo>
                  <a:pt x="944880" y="228600"/>
                </a:lnTo>
                <a:lnTo>
                  <a:pt x="731520" y="182880"/>
                </a:lnTo>
                <a:lnTo>
                  <a:pt x="624840" y="106680"/>
                </a:lnTo>
                <a:lnTo>
                  <a:pt x="518160" y="45720"/>
                </a:lnTo>
                <a:lnTo>
                  <a:pt x="518160" y="45720"/>
                </a:lnTo>
                <a:lnTo>
                  <a:pt x="167640" y="0"/>
                </a:lnTo>
                <a:lnTo>
                  <a:pt x="76200" y="259080"/>
                </a:lnTo>
                <a:lnTo>
                  <a:pt x="121920" y="396240"/>
                </a:lnTo>
                <a:lnTo>
                  <a:pt x="0" y="563880"/>
                </a:lnTo>
                <a:lnTo>
                  <a:pt x="76200" y="731520"/>
                </a:lnTo>
                <a:lnTo>
                  <a:pt x="228600" y="1188720"/>
                </a:lnTo>
                <a:lnTo>
                  <a:pt x="457200" y="1447800"/>
                </a:lnTo>
                <a:lnTo>
                  <a:pt x="685800" y="1356360"/>
                </a:lnTo>
                <a:lnTo>
                  <a:pt x="944880" y="1356360"/>
                </a:lnTo>
                <a:lnTo>
                  <a:pt x="1158240" y="1539240"/>
                </a:lnTo>
                <a:lnTo>
                  <a:pt x="1325880" y="1661160"/>
                </a:lnTo>
                <a:lnTo>
                  <a:pt x="1584960" y="1798320"/>
                </a:lnTo>
                <a:lnTo>
                  <a:pt x="1783080" y="1859280"/>
                </a:lnTo>
                <a:lnTo>
                  <a:pt x="1920240" y="1950720"/>
                </a:lnTo>
                <a:lnTo>
                  <a:pt x="2225040" y="1859280"/>
                </a:lnTo>
                <a:lnTo>
                  <a:pt x="2407920" y="1752600"/>
                </a:lnTo>
                <a:lnTo>
                  <a:pt x="2346960" y="1645920"/>
                </a:lnTo>
                <a:lnTo>
                  <a:pt x="2270760" y="1432560"/>
                </a:lnTo>
                <a:lnTo>
                  <a:pt x="2042160" y="1310640"/>
                </a:lnTo>
                <a:lnTo>
                  <a:pt x="1905000" y="1188720"/>
                </a:lnTo>
                <a:lnTo>
                  <a:pt x="1935480" y="899160"/>
                </a:lnTo>
                <a:lnTo>
                  <a:pt x="2118360" y="655320"/>
                </a:lnTo>
                <a:lnTo>
                  <a:pt x="2316480" y="624840"/>
                </a:lnTo>
                <a:lnTo>
                  <a:pt x="2560320" y="609600"/>
                </a:lnTo>
                <a:lnTo>
                  <a:pt x="2727960" y="579120"/>
                </a:lnTo>
                <a:lnTo>
                  <a:pt x="2758440" y="426720"/>
                </a:lnTo>
              </a:path>
            </a:pathLst>
          </a:custGeom>
          <a:solidFill>
            <a:srgbClr val="000000">
              <a:alpha val="89804"/>
            </a:srgbClr>
          </a:solidFill>
          <a:ln>
            <a:solidFill>
              <a:schemeClr val="bg1"/>
            </a:solidFill>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rot="0" spcFirstLastPara="0" vertOverflow="overflow" horzOverflow="overflow" vert="horz" wrap="square" lIns="91436" tIns="45718" rIns="91436" bIns="45718" numCol="1" spcCol="0" rtlCol="0" fromWordArt="0" anchor="ctr" anchorCtr="0" forceAA="0" compatLnSpc="1">
            <a:prstTxWarp prst="textNoShape">
              <a:avLst/>
            </a:prstTxWarp>
            <a:noAutofit/>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33" name="Blending TextBox"/>
          <p:cNvSpPr txBox="1"/>
          <p:nvPr/>
        </p:nvSpPr>
        <p:spPr>
          <a:xfrm>
            <a:off x="3616265" y="2439147"/>
            <a:ext cx="1172117" cy="646331"/>
          </a:xfrm>
          <a:prstGeom prst="rect">
            <a:avLst/>
          </a:prstGeom>
          <a:noFill/>
          <a:effectLst>
            <a:outerShdw blurRad="50800" dist="50800" dir="5400000" algn="ctr" rotWithShape="0">
              <a:schemeClr val="bg1"/>
            </a:outerShdw>
          </a:effectLst>
        </p:spPr>
        <p:txBody>
          <a:bodyPr wrap="none" rtlCol="0">
            <a:spAutoFit/>
          </a:bodyPr>
          <a:lstStyle/>
          <a:p>
            <a:pPr algn="ctr"/>
            <a:r>
              <a:rPr lang="en-US" b="1" dirty="0" smtClean="0">
                <a:solidFill>
                  <a:prstClr val="white"/>
                </a:solidFill>
                <a:effectLst>
                  <a:outerShdw blurRad="38100" dist="38100" dir="2700000" algn="tl">
                    <a:srgbClr val="000000">
                      <a:alpha val="43137"/>
                    </a:srgbClr>
                  </a:outerShdw>
                </a:effectLst>
              </a:rPr>
              <a:t>Blending</a:t>
            </a:r>
          </a:p>
          <a:p>
            <a:pPr algn="ctr"/>
            <a:r>
              <a:rPr lang="en-US" b="1" dirty="0" smtClean="0">
                <a:solidFill>
                  <a:prstClr val="white"/>
                </a:solidFill>
                <a:effectLst>
                  <a:outerShdw blurRad="38100" dist="38100" dir="2700000" algn="tl">
                    <a:srgbClr val="000000">
                      <a:alpha val="43137"/>
                    </a:srgbClr>
                  </a:outerShdw>
                </a:effectLst>
              </a:rPr>
              <a:t>Zone</a:t>
            </a:r>
            <a:endParaRPr lang="en-US" b="1" dirty="0">
              <a:solidFill>
                <a:prstClr val="white"/>
              </a:solidFill>
              <a:effectLst>
                <a:outerShdw blurRad="38100" dist="38100" dir="2700000" algn="tl">
                  <a:srgbClr val="000000">
                    <a:alpha val="43137"/>
                  </a:srgbClr>
                </a:outerShdw>
              </a:effectLst>
            </a:endParaRPr>
          </a:p>
        </p:txBody>
      </p:sp>
      <p:sp>
        <p:nvSpPr>
          <p:cNvPr id="4" name="Title 5"/>
          <p:cNvSpPr txBox="1">
            <a:spLocks/>
          </p:cNvSpPr>
          <p:nvPr/>
        </p:nvSpPr>
        <p:spPr>
          <a:xfrm>
            <a:off x="381000" y="304800"/>
            <a:ext cx="8580120" cy="1606594"/>
          </a:xfrm>
          <a:prstGeom prst="rect">
            <a:avLst/>
          </a:prstGeom>
        </p:spPr>
        <p:txBody>
          <a:bodyPr/>
          <a:lstStyle/>
          <a:p>
            <a:pPr algn="r" defTabSz="912813" eaLnBrk="0" hangingPunct="0">
              <a:lnSpc>
                <a:spcPct val="90000"/>
              </a:lnSpc>
              <a:defRPr/>
            </a:pPr>
            <a:r>
              <a:rPr lang="en-US" sz="4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California WaterFix allows MWD blending goals to be met</a:t>
            </a:r>
            <a:endParaRPr lang="en-US" sz="4400" b="1" spc="-150" dirty="0">
              <a:ln w="3175">
                <a:noFill/>
              </a:ln>
              <a:solidFill>
                <a:prstClr val="white"/>
              </a:solidFill>
              <a:effectLst>
                <a:outerShdw blurRad="50800" dist="38100" dir="2700000" algn="tl" rotWithShape="0">
                  <a:prstClr val="black">
                    <a:alpha val="40000"/>
                  </a:prstClr>
                </a:outerShdw>
              </a:effectLst>
              <a:latin typeface="Calibri"/>
              <a:cs typeface="Arial" charset="0"/>
            </a:endParaRPr>
          </a:p>
        </p:txBody>
      </p:sp>
    </p:spTree>
    <p:extLst>
      <p:ext uri="{BB962C8B-B14F-4D97-AF65-F5344CB8AC3E}">
        <p14:creationId xmlns:p14="http://schemas.microsoft.com/office/powerpoint/2010/main" val="367509426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32"/>
                                        </p:tgtEl>
                                        <p:attrNameLst>
                                          <p:attrName>style.visibility</p:attrName>
                                        </p:attrNameLst>
                                      </p:cBhvr>
                                      <p:to>
                                        <p:strVal val="visible"/>
                                      </p:to>
                                    </p:set>
                                    <p:animEffect transition="in" filter="fade">
                                      <p:cBhvr>
                                        <p:cTn id="7" dur="1000"/>
                                        <p:tgtEl>
                                          <p:spTgt spid="1032"/>
                                        </p:tgtEl>
                                      </p:cBhvr>
                                    </p:animEffect>
                                  </p:childTnLst>
                                </p:cTn>
                              </p:par>
                            </p:childTnLst>
                          </p:cTn>
                        </p:par>
                        <p:par>
                          <p:cTn id="8" fill="hold">
                            <p:stCondLst>
                              <p:cond delay="1000"/>
                            </p:stCondLst>
                            <p:childTnLst>
                              <p:par>
                                <p:cTn id="9" presetID="22" presetClass="entr" presetSubtype="1" fill="hold"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wipe(up)">
                                      <p:cBhvr>
                                        <p:cTn id="11" dur="2500"/>
                                        <p:tgtEl>
                                          <p:spTgt spid="16"/>
                                        </p:tgtEl>
                                      </p:cBhvr>
                                    </p:animEffect>
                                  </p:childTnLst>
                                </p:cTn>
                              </p:par>
                              <p:par>
                                <p:cTn id="12" presetID="22" presetClass="entr" presetSubtype="1" fill="hold" nodeType="withEffect">
                                  <p:stCondLst>
                                    <p:cond delay="0"/>
                                  </p:stCondLst>
                                  <p:childTnLst>
                                    <p:set>
                                      <p:cBhvr>
                                        <p:cTn id="13" dur="1" fill="hold">
                                          <p:stCondLst>
                                            <p:cond delay="0"/>
                                          </p:stCondLst>
                                        </p:cTn>
                                        <p:tgtEl>
                                          <p:spTgt spid="33"/>
                                        </p:tgtEl>
                                        <p:attrNameLst>
                                          <p:attrName>style.visibility</p:attrName>
                                        </p:attrNameLst>
                                      </p:cBhvr>
                                      <p:to>
                                        <p:strVal val="visible"/>
                                      </p:to>
                                    </p:set>
                                    <p:animEffect transition="in" filter="wipe(up)">
                                      <p:cBhvr>
                                        <p:cTn id="14" dur="2500"/>
                                        <p:tgtEl>
                                          <p:spTgt spid="33"/>
                                        </p:tgtEl>
                                      </p:cBhvr>
                                    </p:animEffec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42"/>
                                        </p:tgtEl>
                                        <p:attrNameLst>
                                          <p:attrName>style.visibility</p:attrName>
                                        </p:attrNameLst>
                                      </p:cBhvr>
                                      <p:to>
                                        <p:strVal val="visible"/>
                                      </p:to>
                                    </p:set>
                                    <p:animEffect transition="in" filter="fade">
                                      <p:cBhvr>
                                        <p:cTn id="19" dur="1000"/>
                                        <p:tgtEl>
                                          <p:spTgt spid="42"/>
                                        </p:tgtEl>
                                      </p:cBhvr>
                                    </p:animEffect>
                                  </p:childTnLst>
                                </p:cTn>
                              </p:par>
                            </p:childTnLst>
                          </p:cTn>
                        </p:par>
                        <p:par>
                          <p:cTn id="20" fill="hold">
                            <p:stCondLst>
                              <p:cond delay="1000"/>
                            </p:stCondLst>
                            <p:childTnLst>
                              <p:par>
                                <p:cTn id="21" presetID="22" presetClass="entr" presetSubtype="2" fill="hold" nodeType="afterEffect">
                                  <p:stCondLst>
                                    <p:cond delay="0"/>
                                  </p:stCondLst>
                                  <p:childTnLst>
                                    <p:set>
                                      <p:cBhvr>
                                        <p:cTn id="22" dur="1" fill="hold">
                                          <p:stCondLst>
                                            <p:cond delay="0"/>
                                          </p:stCondLst>
                                        </p:cTn>
                                        <p:tgtEl>
                                          <p:spTgt spid="30"/>
                                        </p:tgtEl>
                                        <p:attrNameLst>
                                          <p:attrName>style.visibility</p:attrName>
                                        </p:attrNameLst>
                                      </p:cBhvr>
                                      <p:to>
                                        <p:strVal val="visible"/>
                                      </p:to>
                                    </p:set>
                                    <p:animEffect transition="in" filter="wipe(right)">
                                      <p:cBhvr>
                                        <p:cTn id="23" dur="2500"/>
                                        <p:tgtEl>
                                          <p:spTgt spid="30"/>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53"/>
                                        </p:tgtEl>
                                        <p:attrNameLst>
                                          <p:attrName>style.visibility</p:attrName>
                                        </p:attrNameLst>
                                      </p:cBhvr>
                                      <p:to>
                                        <p:strVal val="visible"/>
                                      </p:to>
                                    </p:set>
                                    <p:animEffect transition="in" filter="fade">
                                      <p:cBhvr>
                                        <p:cTn id="28" dur="1250"/>
                                        <p:tgtEl>
                                          <p:spTgt spid="53"/>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033"/>
                                        </p:tgtEl>
                                        <p:attrNameLst>
                                          <p:attrName>style.visibility</p:attrName>
                                        </p:attrNameLst>
                                      </p:cBhvr>
                                      <p:to>
                                        <p:strVal val="visible"/>
                                      </p:to>
                                    </p:set>
                                    <p:animEffect transition="in" filter="fade">
                                      <p:cBhvr>
                                        <p:cTn id="31" dur="1250"/>
                                        <p:tgtEl>
                                          <p:spTgt spid="1033"/>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46"/>
                                        </p:tgtEl>
                                        <p:attrNameLst>
                                          <p:attrName>style.visibility</p:attrName>
                                        </p:attrNameLst>
                                      </p:cBhvr>
                                      <p:to>
                                        <p:strVal val="visible"/>
                                      </p:to>
                                    </p:set>
                                    <p:animEffect transition="in" filter="fade">
                                      <p:cBhvr>
                                        <p:cTn id="36" dur="1250"/>
                                        <p:tgtEl>
                                          <p:spTgt spid="46"/>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55"/>
                                        </p:tgtEl>
                                        <p:attrNameLst>
                                          <p:attrName>style.visibility</p:attrName>
                                        </p:attrNameLst>
                                      </p:cBhvr>
                                      <p:to>
                                        <p:strVal val="visible"/>
                                      </p:to>
                                    </p:set>
                                    <p:animEffect transition="in" filter="fade">
                                      <p:cBhvr>
                                        <p:cTn id="39" dur="1250"/>
                                        <p:tgtEl>
                                          <p:spTgt spid="55"/>
                                        </p:tgtEl>
                                      </p:cBhvr>
                                    </p:animEffect>
                                  </p:childTnLst>
                                </p:cTn>
                              </p:par>
                            </p:childTnLst>
                          </p:cTn>
                        </p:par>
                      </p:childTnLst>
                    </p:cTn>
                  </p:par>
                  <p:par>
                    <p:cTn id="40" fill="hold">
                      <p:stCondLst>
                        <p:cond delay="indefinite"/>
                      </p:stCondLst>
                      <p:childTnLst>
                        <p:par>
                          <p:cTn id="41" fill="hold">
                            <p:stCondLst>
                              <p:cond delay="0"/>
                            </p:stCondLst>
                            <p:childTnLst>
                              <p:par>
                                <p:cTn id="42" presetID="10" presetClass="entr" presetSubtype="0" fill="hold" nodeType="clickEffect">
                                  <p:stCondLst>
                                    <p:cond delay="0"/>
                                  </p:stCondLst>
                                  <p:childTnLst>
                                    <p:set>
                                      <p:cBhvr>
                                        <p:cTn id="43" dur="1" fill="hold">
                                          <p:stCondLst>
                                            <p:cond delay="0"/>
                                          </p:stCondLst>
                                        </p:cTn>
                                        <p:tgtEl>
                                          <p:spTgt spid="34"/>
                                        </p:tgtEl>
                                        <p:attrNameLst>
                                          <p:attrName>style.visibility</p:attrName>
                                        </p:attrNameLst>
                                      </p:cBhvr>
                                      <p:to>
                                        <p:strVal val="visible"/>
                                      </p:to>
                                    </p:set>
                                    <p:animEffect transition="in" filter="fade">
                                      <p:cBhvr>
                                        <p:cTn id="44" dur="1000"/>
                                        <p:tgtEl>
                                          <p:spTgt spid="34"/>
                                        </p:tgtEl>
                                      </p:cBhvr>
                                    </p:animEffect>
                                  </p:childTnLst>
                                </p:cTn>
                              </p:par>
                              <p:par>
                                <p:cTn id="45" presetID="10" presetClass="entr" presetSubtype="0" fill="hold" nodeType="withEffect">
                                  <p:stCondLst>
                                    <p:cond delay="0"/>
                                  </p:stCondLst>
                                  <p:childTnLst>
                                    <p:set>
                                      <p:cBhvr>
                                        <p:cTn id="46" dur="1" fill="hold">
                                          <p:stCondLst>
                                            <p:cond delay="0"/>
                                          </p:stCondLst>
                                        </p:cTn>
                                        <p:tgtEl>
                                          <p:spTgt spid="24"/>
                                        </p:tgtEl>
                                        <p:attrNameLst>
                                          <p:attrName>style.visibility</p:attrName>
                                        </p:attrNameLst>
                                      </p:cBhvr>
                                      <p:to>
                                        <p:strVal val="visible"/>
                                      </p:to>
                                    </p:set>
                                    <p:animEffect transition="in" filter="fade">
                                      <p:cBhvr>
                                        <p:cTn id="47" dur="10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5" grpId="0" animBg="1"/>
      <p:bldP spid="1032" grpId="0" animBg="1"/>
      <p:bldP spid="42" grpId="0" animBg="1"/>
      <p:bldP spid="46" grpId="0"/>
      <p:bldP spid="53" grpId="0" animBg="1"/>
      <p:bldP spid="1033" grpId="0"/>
    </p:bld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cstate="print">
            <a:duotone>
              <a:prstClr val="black"/>
              <a:srgbClr val="D9C3A5">
                <a:tint val="50000"/>
                <a:satMod val="180000"/>
              </a:srgbClr>
            </a:duotone>
            <a:extLst>
              <a:ext uri="{BEBA8EAE-BF5A-486C-A8C5-ECC9F3942E4B}">
                <a14:imgProps xmlns:a14="http://schemas.microsoft.com/office/drawing/2010/main">
                  <a14:imgLayer r:embed="rId4">
                    <a14:imgEffect>
                      <a14:colorTemperature colorTemp="5900"/>
                    </a14:imgEffect>
                  </a14:imgLayer>
                </a14:imgProps>
              </a:ext>
              <a:ext uri="{28A0092B-C50C-407E-A947-70E740481C1C}">
                <a14:useLocalDpi xmlns:a14="http://schemas.microsoft.com/office/drawing/2010/main" val="0"/>
              </a:ext>
            </a:extLst>
          </a:blip>
          <a:stretch>
            <a:fillRect/>
          </a:stretch>
        </p:blipFill>
        <p:spPr>
          <a:xfrm>
            <a:off x="0" y="0"/>
            <a:ext cx="9144000" cy="6858000"/>
          </a:xfrm>
          <a:prstGeom prst="rect">
            <a:avLst/>
          </a:prstGeom>
          <a:ln>
            <a:headEnd type="none" w="med" len="med"/>
            <a:tailEnd type="none" w="med" len="med"/>
          </a:ln>
        </p:spPr>
      </p:pic>
      <p:sp>
        <p:nvSpPr>
          <p:cNvPr id="2" name="Title 1"/>
          <p:cNvSpPr>
            <a:spLocks noGrp="1"/>
          </p:cNvSpPr>
          <p:nvPr>
            <p:ph type="title"/>
          </p:nvPr>
        </p:nvSpPr>
        <p:spPr bwMode="invGray">
          <a:xfrm>
            <a:off x="333281" y="3207603"/>
            <a:ext cx="4293147" cy="1661993"/>
          </a:xfrm>
        </p:spPr>
        <p:txBody>
          <a:bodyPr/>
          <a:lstStyle/>
          <a:p>
            <a:pPr algn="ctr"/>
            <a:r>
              <a:rPr lang="en-US" sz="4000" b="1" dirty="0" smtClean="0"/>
              <a:t>California WaterFix </a:t>
            </a:r>
            <a:br>
              <a:rPr lang="en-US" sz="4000" b="1" dirty="0" smtClean="0"/>
            </a:br>
            <a:r>
              <a:rPr lang="en-US" sz="4000" b="1" dirty="0" smtClean="0"/>
              <a:t>is important for groundwater storage</a:t>
            </a:r>
            <a:endParaRPr lang="en-US" sz="4000" b="1" dirty="0"/>
          </a:p>
        </p:txBody>
      </p:sp>
      <p:sp>
        <p:nvSpPr>
          <p:cNvPr id="3" name="Content Placeholder 2"/>
          <p:cNvSpPr>
            <a:spLocks noGrp="1"/>
          </p:cNvSpPr>
          <p:nvPr>
            <p:ph idx="1"/>
          </p:nvPr>
        </p:nvSpPr>
        <p:spPr>
          <a:xfrm>
            <a:off x="470191" y="5257800"/>
            <a:ext cx="5414722" cy="1371296"/>
          </a:xfrm>
          <a:noFill/>
          <a:ln w="9525">
            <a:noFill/>
            <a:miter lim="800000"/>
            <a:headEnd/>
            <a:tailEnd/>
          </a:ln>
        </p:spPr>
        <p:txBody>
          <a:bodyPr vert="horz" wrap="square" lIns="0" tIns="0" rIns="0" bIns="0" numCol="1" anchor="t" anchorCtr="0" compatLnSpc="1">
            <a:prstTxWarp prst="textNoShape">
              <a:avLst/>
            </a:prstTxWarp>
            <a:noAutofit/>
          </a:bodyPr>
          <a:lstStyle/>
          <a:p>
            <a:pPr marL="346075" indent="-346075">
              <a:spcBef>
                <a:spcPts val="0"/>
              </a:spcBef>
              <a:spcAft>
                <a:spcPts val="600"/>
              </a:spcAft>
            </a:pPr>
            <a:r>
              <a:rPr lang="en-US" sz="2600" dirty="0"/>
              <a:t>Bay Delta provides high quality water </a:t>
            </a:r>
          </a:p>
          <a:p>
            <a:pPr marL="346075" indent="-346075">
              <a:spcBef>
                <a:spcPts val="0"/>
              </a:spcBef>
              <a:spcAft>
                <a:spcPts val="600"/>
              </a:spcAft>
            </a:pPr>
            <a:r>
              <a:rPr lang="en-US" sz="2600" dirty="0"/>
              <a:t>Essential to reduce salt impacts</a:t>
            </a:r>
          </a:p>
          <a:p>
            <a:pPr marL="346075" indent="-346075">
              <a:spcBef>
                <a:spcPts val="0"/>
              </a:spcBef>
              <a:spcAft>
                <a:spcPts val="600"/>
              </a:spcAft>
            </a:pPr>
            <a:r>
              <a:rPr lang="en-US" sz="2600" dirty="0"/>
              <a:t>Critical for groundwater storage</a:t>
            </a:r>
          </a:p>
        </p:txBody>
      </p:sp>
      <p:grpSp>
        <p:nvGrpSpPr>
          <p:cNvPr id="9" name="Group 41"/>
          <p:cNvGrpSpPr/>
          <p:nvPr/>
        </p:nvGrpSpPr>
        <p:grpSpPr bwMode="gray">
          <a:xfrm>
            <a:off x="3830217" y="1802290"/>
            <a:ext cx="1448789" cy="1134094"/>
            <a:chOff x="3830217" y="1786388"/>
            <a:chExt cx="1448789" cy="1134094"/>
          </a:xfrm>
        </p:grpSpPr>
        <p:sp>
          <p:nvSpPr>
            <p:cNvPr id="6" name="Freeform 5"/>
            <p:cNvSpPr/>
            <p:nvPr/>
          </p:nvSpPr>
          <p:spPr bwMode="gray">
            <a:xfrm>
              <a:off x="3830217" y="1786388"/>
              <a:ext cx="1448789" cy="1134094"/>
            </a:xfrm>
            <a:custGeom>
              <a:avLst/>
              <a:gdLst>
                <a:gd name="connsiteX0" fmla="*/ 0 w 1448789"/>
                <a:gd name="connsiteY0" fmla="*/ 641268 h 1134094"/>
                <a:gd name="connsiteX1" fmla="*/ 89065 w 1448789"/>
                <a:gd name="connsiteY1" fmla="*/ 700645 h 1134094"/>
                <a:gd name="connsiteX2" fmla="*/ 290945 w 1448789"/>
                <a:gd name="connsiteY2" fmla="*/ 914400 h 1134094"/>
                <a:gd name="connsiteX3" fmla="*/ 427511 w 1448789"/>
                <a:gd name="connsiteY3" fmla="*/ 1033154 h 1134094"/>
                <a:gd name="connsiteX4" fmla="*/ 540327 w 1448789"/>
                <a:gd name="connsiteY4" fmla="*/ 1134094 h 1134094"/>
                <a:gd name="connsiteX5" fmla="*/ 575953 w 1448789"/>
                <a:gd name="connsiteY5" fmla="*/ 1056904 h 1134094"/>
                <a:gd name="connsiteX6" fmla="*/ 665018 w 1448789"/>
                <a:gd name="connsiteY6" fmla="*/ 938151 h 1134094"/>
                <a:gd name="connsiteX7" fmla="*/ 783771 w 1448789"/>
                <a:gd name="connsiteY7" fmla="*/ 807522 h 1134094"/>
                <a:gd name="connsiteX8" fmla="*/ 860961 w 1448789"/>
                <a:gd name="connsiteY8" fmla="*/ 712520 h 1134094"/>
                <a:gd name="connsiteX9" fmla="*/ 967839 w 1448789"/>
                <a:gd name="connsiteY9" fmla="*/ 653143 h 1134094"/>
                <a:gd name="connsiteX10" fmla="*/ 991589 w 1448789"/>
                <a:gd name="connsiteY10" fmla="*/ 641268 h 1134094"/>
                <a:gd name="connsiteX11" fmla="*/ 991589 w 1448789"/>
                <a:gd name="connsiteY11" fmla="*/ 617517 h 1134094"/>
                <a:gd name="connsiteX12" fmla="*/ 991589 w 1448789"/>
                <a:gd name="connsiteY12" fmla="*/ 575954 h 1134094"/>
                <a:gd name="connsiteX13" fmla="*/ 973776 w 1448789"/>
                <a:gd name="connsiteY13" fmla="*/ 570016 h 1134094"/>
                <a:gd name="connsiteX14" fmla="*/ 950026 w 1448789"/>
                <a:gd name="connsiteY14" fmla="*/ 540328 h 1134094"/>
                <a:gd name="connsiteX15" fmla="*/ 973776 w 1448789"/>
                <a:gd name="connsiteY15" fmla="*/ 510639 h 1134094"/>
                <a:gd name="connsiteX16" fmla="*/ 973776 w 1448789"/>
                <a:gd name="connsiteY16" fmla="*/ 486889 h 1134094"/>
                <a:gd name="connsiteX17" fmla="*/ 961901 w 1448789"/>
                <a:gd name="connsiteY17" fmla="*/ 445325 h 1134094"/>
                <a:gd name="connsiteX18" fmla="*/ 979714 w 1448789"/>
                <a:gd name="connsiteY18" fmla="*/ 415637 h 1134094"/>
                <a:gd name="connsiteX19" fmla="*/ 1027215 w 1448789"/>
                <a:gd name="connsiteY19" fmla="*/ 421574 h 1134094"/>
                <a:gd name="connsiteX20" fmla="*/ 1021278 w 1448789"/>
                <a:gd name="connsiteY20" fmla="*/ 385948 h 1134094"/>
                <a:gd name="connsiteX21" fmla="*/ 961901 w 1448789"/>
                <a:gd name="connsiteY21" fmla="*/ 391886 h 1134094"/>
                <a:gd name="connsiteX22" fmla="*/ 961901 w 1448789"/>
                <a:gd name="connsiteY22" fmla="*/ 362198 h 1134094"/>
                <a:gd name="connsiteX23" fmla="*/ 932213 w 1448789"/>
                <a:gd name="connsiteY23" fmla="*/ 385948 h 1134094"/>
                <a:gd name="connsiteX24" fmla="*/ 890649 w 1448789"/>
                <a:gd name="connsiteY24" fmla="*/ 356260 h 1134094"/>
                <a:gd name="connsiteX25" fmla="*/ 849085 w 1448789"/>
                <a:gd name="connsiteY25" fmla="*/ 308759 h 1134094"/>
                <a:gd name="connsiteX26" fmla="*/ 926275 w 1448789"/>
                <a:gd name="connsiteY26" fmla="*/ 296883 h 1134094"/>
                <a:gd name="connsiteX27" fmla="*/ 944088 w 1448789"/>
                <a:gd name="connsiteY27" fmla="*/ 285008 h 1134094"/>
                <a:gd name="connsiteX28" fmla="*/ 1015340 w 1448789"/>
                <a:gd name="connsiteY28" fmla="*/ 285008 h 1134094"/>
                <a:gd name="connsiteX29" fmla="*/ 1039091 w 1448789"/>
                <a:gd name="connsiteY29" fmla="*/ 296883 h 1134094"/>
                <a:gd name="connsiteX30" fmla="*/ 1039091 w 1448789"/>
                <a:gd name="connsiteY30" fmla="*/ 261257 h 1134094"/>
                <a:gd name="connsiteX31" fmla="*/ 1062841 w 1448789"/>
                <a:gd name="connsiteY31" fmla="*/ 249382 h 1134094"/>
                <a:gd name="connsiteX32" fmla="*/ 1074717 w 1448789"/>
                <a:gd name="connsiteY32" fmla="*/ 225632 h 1134094"/>
                <a:gd name="connsiteX33" fmla="*/ 1122218 w 1448789"/>
                <a:gd name="connsiteY33" fmla="*/ 231569 h 1134094"/>
                <a:gd name="connsiteX34" fmla="*/ 1145969 w 1448789"/>
                <a:gd name="connsiteY34" fmla="*/ 249382 h 1134094"/>
                <a:gd name="connsiteX35" fmla="*/ 1145969 w 1448789"/>
                <a:gd name="connsiteY35" fmla="*/ 219694 h 1134094"/>
                <a:gd name="connsiteX36" fmla="*/ 1223158 w 1448789"/>
                <a:gd name="connsiteY36" fmla="*/ 231569 h 1134094"/>
                <a:gd name="connsiteX37" fmla="*/ 1252847 w 1448789"/>
                <a:gd name="connsiteY37" fmla="*/ 207819 h 1134094"/>
                <a:gd name="connsiteX38" fmla="*/ 1318161 w 1448789"/>
                <a:gd name="connsiteY38" fmla="*/ 225632 h 1134094"/>
                <a:gd name="connsiteX39" fmla="*/ 1371600 w 1448789"/>
                <a:gd name="connsiteY39" fmla="*/ 207819 h 1134094"/>
                <a:gd name="connsiteX40" fmla="*/ 1425039 w 1448789"/>
                <a:gd name="connsiteY40" fmla="*/ 195943 h 1134094"/>
                <a:gd name="connsiteX41" fmla="*/ 1448789 w 1448789"/>
                <a:gd name="connsiteY41" fmla="*/ 166255 h 1134094"/>
                <a:gd name="connsiteX42" fmla="*/ 1442852 w 1448789"/>
                <a:gd name="connsiteY42" fmla="*/ 154380 h 1134094"/>
                <a:gd name="connsiteX43" fmla="*/ 1442852 w 1448789"/>
                <a:gd name="connsiteY43" fmla="*/ 154380 h 1134094"/>
                <a:gd name="connsiteX44" fmla="*/ 1353787 w 1448789"/>
                <a:gd name="connsiteY44" fmla="*/ 166255 h 1134094"/>
                <a:gd name="connsiteX45" fmla="*/ 1335974 w 1448789"/>
                <a:gd name="connsiteY45" fmla="*/ 184068 h 1134094"/>
                <a:gd name="connsiteX46" fmla="*/ 1341911 w 1448789"/>
                <a:gd name="connsiteY46" fmla="*/ 201881 h 1134094"/>
                <a:gd name="connsiteX47" fmla="*/ 1294410 w 1448789"/>
                <a:gd name="connsiteY47" fmla="*/ 190006 h 1134094"/>
                <a:gd name="connsiteX48" fmla="*/ 1240971 w 1448789"/>
                <a:gd name="connsiteY48" fmla="*/ 190006 h 1134094"/>
                <a:gd name="connsiteX49" fmla="*/ 1187532 w 1448789"/>
                <a:gd name="connsiteY49" fmla="*/ 195943 h 1134094"/>
                <a:gd name="connsiteX50" fmla="*/ 1157844 w 1448789"/>
                <a:gd name="connsiteY50" fmla="*/ 172193 h 1134094"/>
                <a:gd name="connsiteX51" fmla="*/ 1128156 w 1448789"/>
                <a:gd name="connsiteY51" fmla="*/ 184068 h 1134094"/>
                <a:gd name="connsiteX52" fmla="*/ 1086592 w 1448789"/>
                <a:gd name="connsiteY52" fmla="*/ 178130 h 1134094"/>
                <a:gd name="connsiteX53" fmla="*/ 1033153 w 1448789"/>
                <a:gd name="connsiteY53" fmla="*/ 231569 h 1134094"/>
                <a:gd name="connsiteX54" fmla="*/ 991589 w 1448789"/>
                <a:gd name="connsiteY54" fmla="*/ 231569 h 1134094"/>
                <a:gd name="connsiteX55" fmla="*/ 1015340 w 1448789"/>
                <a:gd name="connsiteY55" fmla="*/ 166255 h 1134094"/>
                <a:gd name="connsiteX56" fmla="*/ 1056904 w 1448789"/>
                <a:gd name="connsiteY56" fmla="*/ 130629 h 1134094"/>
                <a:gd name="connsiteX57" fmla="*/ 1033153 w 1448789"/>
                <a:gd name="connsiteY57" fmla="*/ 106878 h 1134094"/>
                <a:gd name="connsiteX58" fmla="*/ 973776 w 1448789"/>
                <a:gd name="connsiteY58" fmla="*/ 118754 h 1134094"/>
                <a:gd name="connsiteX59" fmla="*/ 878774 w 1448789"/>
                <a:gd name="connsiteY59" fmla="*/ 77190 h 1134094"/>
                <a:gd name="connsiteX60" fmla="*/ 860961 w 1448789"/>
                <a:gd name="connsiteY60" fmla="*/ 41564 h 1134094"/>
                <a:gd name="connsiteX61" fmla="*/ 920337 w 1448789"/>
                <a:gd name="connsiteY61" fmla="*/ 29689 h 1134094"/>
                <a:gd name="connsiteX62" fmla="*/ 813460 w 1448789"/>
                <a:gd name="connsiteY62" fmla="*/ 0 h 1134094"/>
                <a:gd name="connsiteX63" fmla="*/ 641267 w 1448789"/>
                <a:gd name="connsiteY63" fmla="*/ 154380 h 1134094"/>
                <a:gd name="connsiteX64" fmla="*/ 540327 w 1448789"/>
                <a:gd name="connsiteY64" fmla="*/ 89065 h 1134094"/>
                <a:gd name="connsiteX65" fmla="*/ 504701 w 1448789"/>
                <a:gd name="connsiteY65" fmla="*/ 100941 h 1134094"/>
                <a:gd name="connsiteX66" fmla="*/ 504701 w 1448789"/>
                <a:gd name="connsiteY66" fmla="*/ 100941 h 1134094"/>
                <a:gd name="connsiteX67" fmla="*/ 451262 w 1448789"/>
                <a:gd name="connsiteY67" fmla="*/ 77190 h 1134094"/>
                <a:gd name="connsiteX68" fmla="*/ 433449 w 1448789"/>
                <a:gd name="connsiteY68" fmla="*/ 112816 h 1134094"/>
                <a:gd name="connsiteX69" fmla="*/ 403761 w 1448789"/>
                <a:gd name="connsiteY69" fmla="*/ 118754 h 1134094"/>
                <a:gd name="connsiteX70" fmla="*/ 385948 w 1448789"/>
                <a:gd name="connsiteY70" fmla="*/ 118754 h 1134094"/>
                <a:gd name="connsiteX71" fmla="*/ 385948 w 1448789"/>
                <a:gd name="connsiteY71" fmla="*/ 130629 h 1134094"/>
                <a:gd name="connsiteX72" fmla="*/ 362197 w 1448789"/>
                <a:gd name="connsiteY72" fmla="*/ 136567 h 1134094"/>
                <a:gd name="connsiteX73" fmla="*/ 362197 w 1448789"/>
                <a:gd name="connsiteY73" fmla="*/ 160317 h 1134094"/>
                <a:gd name="connsiteX74" fmla="*/ 332509 w 1448789"/>
                <a:gd name="connsiteY74" fmla="*/ 160317 h 1134094"/>
                <a:gd name="connsiteX75" fmla="*/ 332509 w 1448789"/>
                <a:gd name="connsiteY75" fmla="*/ 184068 h 1134094"/>
                <a:gd name="connsiteX76" fmla="*/ 267195 w 1448789"/>
                <a:gd name="connsiteY76" fmla="*/ 195943 h 1134094"/>
                <a:gd name="connsiteX77" fmla="*/ 285008 w 1448789"/>
                <a:gd name="connsiteY77" fmla="*/ 207819 h 1134094"/>
                <a:gd name="connsiteX78" fmla="*/ 190005 w 1448789"/>
                <a:gd name="connsiteY78" fmla="*/ 302821 h 1134094"/>
                <a:gd name="connsiteX79" fmla="*/ 178130 w 1448789"/>
                <a:gd name="connsiteY79" fmla="*/ 350322 h 1134094"/>
                <a:gd name="connsiteX80" fmla="*/ 178130 w 1448789"/>
                <a:gd name="connsiteY80" fmla="*/ 374073 h 1134094"/>
                <a:gd name="connsiteX81" fmla="*/ 112815 w 1448789"/>
                <a:gd name="connsiteY81" fmla="*/ 427512 h 1134094"/>
                <a:gd name="connsiteX82" fmla="*/ 71252 w 1448789"/>
                <a:gd name="connsiteY82" fmla="*/ 516577 h 1134094"/>
                <a:gd name="connsiteX83" fmla="*/ 77189 w 1448789"/>
                <a:gd name="connsiteY83" fmla="*/ 587829 h 1134094"/>
                <a:gd name="connsiteX84" fmla="*/ 0 w 1448789"/>
                <a:gd name="connsiteY84" fmla="*/ 641268 h 11340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1448789" h="1134094">
                  <a:moveTo>
                    <a:pt x="0" y="641268"/>
                  </a:moveTo>
                  <a:lnTo>
                    <a:pt x="89065" y="700645"/>
                  </a:lnTo>
                  <a:lnTo>
                    <a:pt x="290945" y="914400"/>
                  </a:lnTo>
                  <a:lnTo>
                    <a:pt x="427511" y="1033154"/>
                  </a:lnTo>
                  <a:lnTo>
                    <a:pt x="540327" y="1134094"/>
                  </a:lnTo>
                  <a:lnTo>
                    <a:pt x="575953" y="1056904"/>
                  </a:lnTo>
                  <a:lnTo>
                    <a:pt x="665018" y="938151"/>
                  </a:lnTo>
                  <a:lnTo>
                    <a:pt x="783771" y="807522"/>
                  </a:lnTo>
                  <a:lnTo>
                    <a:pt x="860961" y="712520"/>
                  </a:lnTo>
                  <a:lnTo>
                    <a:pt x="967839" y="653143"/>
                  </a:lnTo>
                  <a:lnTo>
                    <a:pt x="991589" y="641268"/>
                  </a:lnTo>
                  <a:lnTo>
                    <a:pt x="991589" y="617517"/>
                  </a:lnTo>
                  <a:lnTo>
                    <a:pt x="991589" y="575954"/>
                  </a:lnTo>
                  <a:lnTo>
                    <a:pt x="973776" y="570016"/>
                  </a:lnTo>
                  <a:lnTo>
                    <a:pt x="950026" y="540328"/>
                  </a:lnTo>
                  <a:lnTo>
                    <a:pt x="973776" y="510639"/>
                  </a:lnTo>
                  <a:lnTo>
                    <a:pt x="973776" y="486889"/>
                  </a:lnTo>
                  <a:lnTo>
                    <a:pt x="961901" y="445325"/>
                  </a:lnTo>
                  <a:lnTo>
                    <a:pt x="979714" y="415637"/>
                  </a:lnTo>
                  <a:lnTo>
                    <a:pt x="1027215" y="421574"/>
                  </a:lnTo>
                  <a:lnTo>
                    <a:pt x="1021278" y="385948"/>
                  </a:lnTo>
                  <a:lnTo>
                    <a:pt x="961901" y="391886"/>
                  </a:lnTo>
                  <a:lnTo>
                    <a:pt x="961901" y="362198"/>
                  </a:lnTo>
                  <a:lnTo>
                    <a:pt x="932213" y="385948"/>
                  </a:lnTo>
                  <a:lnTo>
                    <a:pt x="890649" y="356260"/>
                  </a:lnTo>
                  <a:lnTo>
                    <a:pt x="849085" y="308759"/>
                  </a:lnTo>
                  <a:lnTo>
                    <a:pt x="926275" y="296883"/>
                  </a:lnTo>
                  <a:lnTo>
                    <a:pt x="944088" y="285008"/>
                  </a:lnTo>
                  <a:lnTo>
                    <a:pt x="1015340" y="285008"/>
                  </a:lnTo>
                  <a:lnTo>
                    <a:pt x="1039091" y="296883"/>
                  </a:lnTo>
                  <a:lnTo>
                    <a:pt x="1039091" y="261257"/>
                  </a:lnTo>
                  <a:lnTo>
                    <a:pt x="1062841" y="249382"/>
                  </a:lnTo>
                  <a:lnTo>
                    <a:pt x="1074717" y="225632"/>
                  </a:lnTo>
                  <a:lnTo>
                    <a:pt x="1122218" y="231569"/>
                  </a:lnTo>
                  <a:lnTo>
                    <a:pt x="1145969" y="249382"/>
                  </a:lnTo>
                  <a:lnTo>
                    <a:pt x="1145969" y="219694"/>
                  </a:lnTo>
                  <a:lnTo>
                    <a:pt x="1223158" y="231569"/>
                  </a:lnTo>
                  <a:lnTo>
                    <a:pt x="1252847" y="207819"/>
                  </a:lnTo>
                  <a:lnTo>
                    <a:pt x="1318161" y="225632"/>
                  </a:lnTo>
                  <a:lnTo>
                    <a:pt x="1371600" y="207819"/>
                  </a:lnTo>
                  <a:lnTo>
                    <a:pt x="1425039" y="195943"/>
                  </a:lnTo>
                  <a:lnTo>
                    <a:pt x="1448789" y="166255"/>
                  </a:lnTo>
                  <a:lnTo>
                    <a:pt x="1442852" y="154380"/>
                  </a:lnTo>
                  <a:lnTo>
                    <a:pt x="1442852" y="154380"/>
                  </a:lnTo>
                  <a:lnTo>
                    <a:pt x="1353787" y="166255"/>
                  </a:lnTo>
                  <a:lnTo>
                    <a:pt x="1335974" y="184068"/>
                  </a:lnTo>
                  <a:lnTo>
                    <a:pt x="1341911" y="201881"/>
                  </a:lnTo>
                  <a:lnTo>
                    <a:pt x="1294410" y="190006"/>
                  </a:lnTo>
                  <a:lnTo>
                    <a:pt x="1240971" y="190006"/>
                  </a:lnTo>
                  <a:lnTo>
                    <a:pt x="1187532" y="195943"/>
                  </a:lnTo>
                  <a:lnTo>
                    <a:pt x="1157844" y="172193"/>
                  </a:lnTo>
                  <a:lnTo>
                    <a:pt x="1128156" y="184068"/>
                  </a:lnTo>
                  <a:lnTo>
                    <a:pt x="1086592" y="178130"/>
                  </a:lnTo>
                  <a:lnTo>
                    <a:pt x="1033153" y="231569"/>
                  </a:lnTo>
                  <a:lnTo>
                    <a:pt x="991589" y="231569"/>
                  </a:lnTo>
                  <a:lnTo>
                    <a:pt x="1015340" y="166255"/>
                  </a:lnTo>
                  <a:lnTo>
                    <a:pt x="1056904" y="130629"/>
                  </a:lnTo>
                  <a:lnTo>
                    <a:pt x="1033153" y="106878"/>
                  </a:lnTo>
                  <a:lnTo>
                    <a:pt x="973776" y="118754"/>
                  </a:lnTo>
                  <a:lnTo>
                    <a:pt x="878774" y="77190"/>
                  </a:lnTo>
                  <a:lnTo>
                    <a:pt x="860961" y="41564"/>
                  </a:lnTo>
                  <a:lnTo>
                    <a:pt x="920337" y="29689"/>
                  </a:lnTo>
                  <a:lnTo>
                    <a:pt x="813460" y="0"/>
                  </a:lnTo>
                  <a:lnTo>
                    <a:pt x="641267" y="154380"/>
                  </a:lnTo>
                  <a:lnTo>
                    <a:pt x="540327" y="89065"/>
                  </a:lnTo>
                  <a:lnTo>
                    <a:pt x="504701" y="100941"/>
                  </a:lnTo>
                  <a:lnTo>
                    <a:pt x="504701" y="100941"/>
                  </a:lnTo>
                  <a:lnTo>
                    <a:pt x="451262" y="77190"/>
                  </a:lnTo>
                  <a:lnTo>
                    <a:pt x="433449" y="112816"/>
                  </a:lnTo>
                  <a:lnTo>
                    <a:pt x="403761" y="118754"/>
                  </a:lnTo>
                  <a:lnTo>
                    <a:pt x="385948" y="118754"/>
                  </a:lnTo>
                  <a:lnTo>
                    <a:pt x="385948" y="130629"/>
                  </a:lnTo>
                  <a:lnTo>
                    <a:pt x="362197" y="136567"/>
                  </a:lnTo>
                  <a:lnTo>
                    <a:pt x="362197" y="160317"/>
                  </a:lnTo>
                  <a:lnTo>
                    <a:pt x="332509" y="160317"/>
                  </a:lnTo>
                  <a:lnTo>
                    <a:pt x="332509" y="184068"/>
                  </a:lnTo>
                  <a:lnTo>
                    <a:pt x="267195" y="195943"/>
                  </a:lnTo>
                  <a:lnTo>
                    <a:pt x="285008" y="207819"/>
                  </a:lnTo>
                  <a:lnTo>
                    <a:pt x="190005" y="302821"/>
                  </a:lnTo>
                  <a:lnTo>
                    <a:pt x="178130" y="350322"/>
                  </a:lnTo>
                  <a:lnTo>
                    <a:pt x="178130" y="374073"/>
                  </a:lnTo>
                  <a:lnTo>
                    <a:pt x="112815" y="427512"/>
                  </a:lnTo>
                  <a:lnTo>
                    <a:pt x="71252" y="516577"/>
                  </a:lnTo>
                  <a:lnTo>
                    <a:pt x="77189" y="587829"/>
                  </a:lnTo>
                  <a:lnTo>
                    <a:pt x="0" y="641268"/>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1200" dirty="0" smtClean="0">
                <a:solidFill>
                  <a:srgbClr val="FFFFFF"/>
                </a:solidFill>
                <a:effectLst>
                  <a:outerShdw blurRad="38100" dist="63500" dir="2700000" algn="tl">
                    <a:srgbClr val="000000"/>
                  </a:outerShdw>
                </a:effectLst>
                <a:latin typeface="Segoe" pitchFamily="34" charset="0"/>
              </a:endParaRPr>
            </a:p>
          </p:txBody>
        </p:sp>
        <p:sp>
          <p:nvSpPr>
            <p:cNvPr id="8" name="TextBox 7"/>
            <p:cNvSpPr txBox="1"/>
            <p:nvPr/>
          </p:nvSpPr>
          <p:spPr bwMode="gray">
            <a:xfrm>
              <a:off x="3942648" y="2095147"/>
              <a:ext cx="811441" cy="523220"/>
            </a:xfrm>
            <a:prstGeom prst="rect">
              <a:avLst/>
            </a:prstGeom>
            <a:noFill/>
          </p:spPr>
          <p:txBody>
            <a:bodyPr wrap="none" rtlCol="0">
              <a:spAutoFit/>
            </a:bodyPr>
            <a:lstStyle/>
            <a:p>
              <a:pPr algn="ctr"/>
              <a:r>
                <a:rPr lang="en-US" sz="1400" b="1" dirty="0" smtClean="0">
                  <a:solidFill>
                    <a:prstClr val="white"/>
                  </a:solidFill>
                  <a:effectLst>
                    <a:outerShdw blurRad="38100" dist="63500" dir="2700000" algn="tl">
                      <a:srgbClr val="000000"/>
                    </a:outerShdw>
                  </a:effectLst>
                </a:rPr>
                <a:t>Orange</a:t>
              </a:r>
            </a:p>
            <a:p>
              <a:pPr algn="ctr"/>
              <a:r>
                <a:rPr lang="en-US" sz="1400" b="1" dirty="0" smtClean="0">
                  <a:solidFill>
                    <a:prstClr val="white"/>
                  </a:solidFill>
                  <a:effectLst>
                    <a:outerShdw blurRad="38100" dist="63500" dir="2700000" algn="tl">
                      <a:srgbClr val="000000"/>
                    </a:outerShdw>
                  </a:effectLst>
                </a:rPr>
                <a:t>County</a:t>
              </a:r>
              <a:endParaRPr lang="en-US" sz="1400" b="1" dirty="0">
                <a:solidFill>
                  <a:prstClr val="white"/>
                </a:solidFill>
                <a:effectLst>
                  <a:outerShdw blurRad="38100" dist="63500" dir="2700000" algn="tl">
                    <a:srgbClr val="000000"/>
                  </a:outerShdw>
                </a:effectLst>
              </a:endParaRPr>
            </a:p>
          </p:txBody>
        </p:sp>
      </p:grpSp>
      <p:grpSp>
        <p:nvGrpSpPr>
          <p:cNvPr id="10" name="Group 40"/>
          <p:cNvGrpSpPr/>
          <p:nvPr/>
        </p:nvGrpSpPr>
        <p:grpSpPr bwMode="gray">
          <a:xfrm>
            <a:off x="3644559" y="960537"/>
            <a:ext cx="1317517" cy="658571"/>
            <a:chOff x="3644559" y="954927"/>
            <a:chExt cx="1317517" cy="658571"/>
          </a:xfrm>
        </p:grpSpPr>
        <p:sp>
          <p:nvSpPr>
            <p:cNvPr id="12" name="Freeform 11"/>
            <p:cNvSpPr/>
            <p:nvPr/>
          </p:nvSpPr>
          <p:spPr bwMode="gray">
            <a:xfrm>
              <a:off x="3720924" y="954927"/>
              <a:ext cx="1241152" cy="658571"/>
            </a:xfrm>
            <a:custGeom>
              <a:avLst/>
              <a:gdLst>
                <a:gd name="connsiteX0" fmla="*/ 425538 w 1241152"/>
                <a:gd name="connsiteY0" fmla="*/ 43061 h 658571"/>
                <a:gd name="connsiteX1" fmla="*/ 341950 w 1241152"/>
                <a:gd name="connsiteY1" fmla="*/ 93720 h 658571"/>
                <a:gd name="connsiteX2" fmla="*/ 243165 w 1241152"/>
                <a:gd name="connsiteY2" fmla="*/ 131715 h 658571"/>
                <a:gd name="connsiteX3" fmla="*/ 164643 w 1241152"/>
                <a:gd name="connsiteY3" fmla="*/ 162110 h 658571"/>
                <a:gd name="connsiteX4" fmla="*/ 106385 w 1241152"/>
                <a:gd name="connsiteY4" fmla="*/ 172242 h 658571"/>
                <a:gd name="connsiteX5" fmla="*/ 55725 w 1241152"/>
                <a:gd name="connsiteY5" fmla="*/ 162110 h 658571"/>
                <a:gd name="connsiteX6" fmla="*/ 37995 w 1241152"/>
                <a:gd name="connsiteY6" fmla="*/ 174775 h 658571"/>
                <a:gd name="connsiteX7" fmla="*/ 43060 w 1241152"/>
                <a:gd name="connsiteY7" fmla="*/ 187440 h 658571"/>
                <a:gd name="connsiteX8" fmla="*/ 43060 w 1241152"/>
                <a:gd name="connsiteY8" fmla="*/ 215302 h 658571"/>
                <a:gd name="connsiteX9" fmla="*/ 22797 w 1241152"/>
                <a:gd name="connsiteY9" fmla="*/ 235566 h 658571"/>
                <a:gd name="connsiteX10" fmla="*/ 20264 w 1241152"/>
                <a:gd name="connsiteY10" fmla="*/ 253297 h 658571"/>
                <a:gd name="connsiteX11" fmla="*/ 0 w 1241152"/>
                <a:gd name="connsiteY11" fmla="*/ 265962 h 658571"/>
                <a:gd name="connsiteX12" fmla="*/ 0 w 1241152"/>
                <a:gd name="connsiteY12" fmla="*/ 303956 h 658571"/>
                <a:gd name="connsiteX13" fmla="*/ 15198 w 1241152"/>
                <a:gd name="connsiteY13" fmla="*/ 291291 h 658571"/>
                <a:gd name="connsiteX14" fmla="*/ 22797 w 1241152"/>
                <a:gd name="connsiteY14" fmla="*/ 314088 h 658571"/>
                <a:gd name="connsiteX15" fmla="*/ 20264 w 1241152"/>
                <a:gd name="connsiteY15" fmla="*/ 331819 h 658571"/>
                <a:gd name="connsiteX16" fmla="*/ 20264 w 1241152"/>
                <a:gd name="connsiteY16" fmla="*/ 349549 h 658571"/>
                <a:gd name="connsiteX17" fmla="*/ 43060 w 1241152"/>
                <a:gd name="connsiteY17" fmla="*/ 344484 h 658571"/>
                <a:gd name="connsiteX18" fmla="*/ 63324 w 1241152"/>
                <a:gd name="connsiteY18" fmla="*/ 349549 h 658571"/>
                <a:gd name="connsiteX19" fmla="*/ 73456 w 1241152"/>
                <a:gd name="connsiteY19" fmla="*/ 367280 h 658571"/>
                <a:gd name="connsiteX20" fmla="*/ 91187 w 1241152"/>
                <a:gd name="connsiteY20" fmla="*/ 354615 h 658571"/>
                <a:gd name="connsiteX21" fmla="*/ 103852 w 1241152"/>
                <a:gd name="connsiteY21" fmla="*/ 367280 h 658571"/>
                <a:gd name="connsiteX22" fmla="*/ 103852 w 1241152"/>
                <a:gd name="connsiteY22" fmla="*/ 379945 h 658571"/>
                <a:gd name="connsiteX23" fmla="*/ 139313 w 1241152"/>
                <a:gd name="connsiteY23" fmla="*/ 362214 h 658571"/>
                <a:gd name="connsiteX24" fmla="*/ 184906 w 1241152"/>
                <a:gd name="connsiteY24" fmla="*/ 369813 h 658571"/>
                <a:gd name="connsiteX25" fmla="*/ 192505 w 1241152"/>
                <a:gd name="connsiteY25" fmla="*/ 390077 h 658571"/>
                <a:gd name="connsiteX26" fmla="*/ 164643 w 1241152"/>
                <a:gd name="connsiteY26" fmla="*/ 402742 h 658571"/>
                <a:gd name="connsiteX27" fmla="*/ 187439 w 1241152"/>
                <a:gd name="connsiteY27" fmla="*/ 417939 h 658571"/>
                <a:gd name="connsiteX28" fmla="*/ 200104 w 1241152"/>
                <a:gd name="connsiteY28" fmla="*/ 455934 h 658571"/>
                <a:gd name="connsiteX29" fmla="*/ 243165 w 1241152"/>
                <a:gd name="connsiteY29" fmla="*/ 443269 h 658571"/>
                <a:gd name="connsiteX30" fmla="*/ 278626 w 1241152"/>
                <a:gd name="connsiteY30" fmla="*/ 445802 h 658571"/>
                <a:gd name="connsiteX31" fmla="*/ 283692 w 1241152"/>
                <a:gd name="connsiteY31" fmla="*/ 471132 h 658571"/>
                <a:gd name="connsiteX32" fmla="*/ 278626 w 1241152"/>
                <a:gd name="connsiteY32" fmla="*/ 491395 h 658571"/>
                <a:gd name="connsiteX33" fmla="*/ 260895 w 1241152"/>
                <a:gd name="connsiteY33" fmla="*/ 501527 h 658571"/>
                <a:gd name="connsiteX34" fmla="*/ 319154 w 1241152"/>
                <a:gd name="connsiteY34" fmla="*/ 501527 h 658571"/>
                <a:gd name="connsiteX35" fmla="*/ 334351 w 1241152"/>
                <a:gd name="connsiteY35" fmla="*/ 524324 h 658571"/>
                <a:gd name="connsiteX36" fmla="*/ 331818 w 1241152"/>
                <a:gd name="connsiteY36" fmla="*/ 536989 h 658571"/>
                <a:gd name="connsiteX37" fmla="*/ 377412 w 1241152"/>
                <a:gd name="connsiteY37" fmla="*/ 531923 h 658571"/>
                <a:gd name="connsiteX38" fmla="*/ 369813 w 1241152"/>
                <a:gd name="connsiteY38" fmla="*/ 509126 h 658571"/>
                <a:gd name="connsiteX39" fmla="*/ 402741 w 1241152"/>
                <a:gd name="connsiteY39" fmla="*/ 481264 h 658571"/>
                <a:gd name="connsiteX40" fmla="*/ 433137 w 1241152"/>
                <a:gd name="connsiteY40" fmla="*/ 476198 h 658571"/>
                <a:gd name="connsiteX41" fmla="*/ 509126 w 1241152"/>
                <a:gd name="connsiteY41" fmla="*/ 481264 h 658571"/>
                <a:gd name="connsiteX42" fmla="*/ 524324 w 1241152"/>
                <a:gd name="connsiteY42" fmla="*/ 498994 h 658571"/>
                <a:gd name="connsiteX43" fmla="*/ 519258 w 1241152"/>
                <a:gd name="connsiteY43" fmla="*/ 526857 h 658571"/>
                <a:gd name="connsiteX44" fmla="*/ 504060 w 1241152"/>
                <a:gd name="connsiteY44" fmla="*/ 554720 h 658571"/>
                <a:gd name="connsiteX45" fmla="*/ 521791 w 1241152"/>
                <a:gd name="connsiteY45" fmla="*/ 569917 h 658571"/>
                <a:gd name="connsiteX46" fmla="*/ 554719 w 1241152"/>
                <a:gd name="connsiteY46" fmla="*/ 577516 h 658571"/>
                <a:gd name="connsiteX47" fmla="*/ 567384 w 1241152"/>
                <a:gd name="connsiteY47" fmla="*/ 590181 h 658571"/>
                <a:gd name="connsiteX48" fmla="*/ 549653 w 1241152"/>
                <a:gd name="connsiteY48" fmla="*/ 612978 h 658571"/>
                <a:gd name="connsiteX49" fmla="*/ 521791 w 1241152"/>
                <a:gd name="connsiteY49" fmla="*/ 615511 h 658571"/>
                <a:gd name="connsiteX50" fmla="*/ 529390 w 1241152"/>
                <a:gd name="connsiteY50" fmla="*/ 630708 h 658571"/>
                <a:gd name="connsiteX51" fmla="*/ 562318 w 1241152"/>
                <a:gd name="connsiteY51" fmla="*/ 658571 h 658571"/>
                <a:gd name="connsiteX52" fmla="*/ 559785 w 1241152"/>
                <a:gd name="connsiteY52" fmla="*/ 628175 h 658571"/>
                <a:gd name="connsiteX53" fmla="*/ 572450 w 1241152"/>
                <a:gd name="connsiteY53" fmla="*/ 612978 h 658571"/>
                <a:gd name="connsiteX54" fmla="*/ 602846 w 1241152"/>
                <a:gd name="connsiteY54" fmla="*/ 595247 h 658571"/>
                <a:gd name="connsiteX55" fmla="*/ 650972 w 1241152"/>
                <a:gd name="connsiteY55" fmla="*/ 542055 h 658571"/>
                <a:gd name="connsiteX56" fmla="*/ 625642 w 1241152"/>
                <a:gd name="connsiteY56" fmla="*/ 498994 h 658571"/>
                <a:gd name="connsiteX57" fmla="*/ 628175 w 1241152"/>
                <a:gd name="connsiteY57" fmla="*/ 486330 h 658571"/>
                <a:gd name="connsiteX58" fmla="*/ 653505 w 1241152"/>
                <a:gd name="connsiteY58" fmla="*/ 476198 h 658571"/>
                <a:gd name="connsiteX59" fmla="*/ 714296 w 1241152"/>
                <a:gd name="connsiteY59" fmla="*/ 498994 h 658571"/>
                <a:gd name="connsiteX60" fmla="*/ 737093 w 1241152"/>
                <a:gd name="connsiteY60" fmla="*/ 491395 h 658571"/>
                <a:gd name="connsiteX61" fmla="*/ 696565 w 1241152"/>
                <a:gd name="connsiteY61" fmla="*/ 448335 h 658571"/>
                <a:gd name="connsiteX62" fmla="*/ 716829 w 1241152"/>
                <a:gd name="connsiteY62" fmla="*/ 417939 h 658571"/>
                <a:gd name="connsiteX63" fmla="*/ 747224 w 1241152"/>
                <a:gd name="connsiteY63" fmla="*/ 407808 h 658571"/>
                <a:gd name="connsiteX64" fmla="*/ 759889 w 1241152"/>
                <a:gd name="connsiteY64" fmla="*/ 417939 h 658571"/>
                <a:gd name="connsiteX65" fmla="*/ 780153 w 1241152"/>
                <a:gd name="connsiteY65" fmla="*/ 387544 h 658571"/>
                <a:gd name="connsiteX66" fmla="*/ 802950 w 1241152"/>
                <a:gd name="connsiteY66" fmla="*/ 395143 h 658571"/>
                <a:gd name="connsiteX67" fmla="*/ 835878 w 1241152"/>
                <a:gd name="connsiteY67" fmla="*/ 367280 h 658571"/>
                <a:gd name="connsiteX68" fmla="*/ 846010 w 1241152"/>
                <a:gd name="connsiteY68" fmla="*/ 372346 h 658571"/>
                <a:gd name="connsiteX69" fmla="*/ 894136 w 1241152"/>
                <a:gd name="connsiteY69" fmla="*/ 347016 h 658571"/>
                <a:gd name="connsiteX70" fmla="*/ 889070 w 1241152"/>
                <a:gd name="connsiteY70" fmla="*/ 329286 h 658571"/>
                <a:gd name="connsiteX71" fmla="*/ 916933 w 1241152"/>
                <a:gd name="connsiteY71" fmla="*/ 326753 h 658571"/>
                <a:gd name="connsiteX72" fmla="*/ 906801 w 1241152"/>
                <a:gd name="connsiteY72" fmla="*/ 303956 h 658571"/>
                <a:gd name="connsiteX73" fmla="*/ 921999 w 1241152"/>
                <a:gd name="connsiteY73" fmla="*/ 288758 h 658571"/>
                <a:gd name="connsiteX74" fmla="*/ 959993 w 1241152"/>
                <a:gd name="connsiteY74" fmla="*/ 301423 h 658571"/>
                <a:gd name="connsiteX75" fmla="*/ 977724 w 1241152"/>
                <a:gd name="connsiteY75" fmla="*/ 278626 h 658571"/>
                <a:gd name="connsiteX76" fmla="*/ 985323 w 1241152"/>
                <a:gd name="connsiteY76" fmla="*/ 260896 h 658571"/>
                <a:gd name="connsiteX77" fmla="*/ 1028383 w 1241152"/>
                <a:gd name="connsiteY77" fmla="*/ 245698 h 658571"/>
                <a:gd name="connsiteX78" fmla="*/ 1046114 w 1241152"/>
                <a:gd name="connsiteY78" fmla="*/ 240632 h 658571"/>
                <a:gd name="connsiteX79" fmla="*/ 1079043 w 1241152"/>
                <a:gd name="connsiteY79" fmla="*/ 233033 h 658571"/>
                <a:gd name="connsiteX80" fmla="*/ 1086642 w 1241152"/>
                <a:gd name="connsiteY80" fmla="*/ 235566 h 658571"/>
                <a:gd name="connsiteX81" fmla="*/ 1124636 w 1241152"/>
                <a:gd name="connsiteY81" fmla="*/ 195039 h 658571"/>
                <a:gd name="connsiteX82" fmla="*/ 1152499 w 1241152"/>
                <a:gd name="connsiteY82" fmla="*/ 192506 h 658571"/>
                <a:gd name="connsiteX83" fmla="*/ 1177828 w 1241152"/>
                <a:gd name="connsiteY83" fmla="*/ 164643 h 658571"/>
                <a:gd name="connsiteX84" fmla="*/ 1157565 w 1241152"/>
                <a:gd name="connsiteY84" fmla="*/ 146912 h 658571"/>
                <a:gd name="connsiteX85" fmla="*/ 1144900 w 1241152"/>
                <a:gd name="connsiteY85" fmla="*/ 134248 h 658571"/>
                <a:gd name="connsiteX86" fmla="*/ 1167696 w 1241152"/>
                <a:gd name="connsiteY86" fmla="*/ 96253 h 658571"/>
                <a:gd name="connsiteX87" fmla="*/ 1210757 w 1241152"/>
                <a:gd name="connsiteY87" fmla="*/ 93720 h 658571"/>
                <a:gd name="connsiteX88" fmla="*/ 1225955 w 1241152"/>
                <a:gd name="connsiteY88" fmla="*/ 98786 h 658571"/>
                <a:gd name="connsiteX89" fmla="*/ 1241152 w 1241152"/>
                <a:gd name="connsiteY89" fmla="*/ 68390 h 658571"/>
                <a:gd name="connsiteX90" fmla="*/ 1238619 w 1241152"/>
                <a:gd name="connsiteY90" fmla="*/ 43061 h 658571"/>
                <a:gd name="connsiteX91" fmla="*/ 1220889 w 1241152"/>
                <a:gd name="connsiteY91" fmla="*/ 58259 h 658571"/>
                <a:gd name="connsiteX92" fmla="*/ 1195559 w 1241152"/>
                <a:gd name="connsiteY92" fmla="*/ 63325 h 658571"/>
                <a:gd name="connsiteX93" fmla="*/ 1172762 w 1241152"/>
                <a:gd name="connsiteY93" fmla="*/ 83588 h 658571"/>
                <a:gd name="connsiteX94" fmla="*/ 1142367 w 1241152"/>
                <a:gd name="connsiteY94" fmla="*/ 91187 h 658571"/>
                <a:gd name="connsiteX95" fmla="*/ 1117037 w 1241152"/>
                <a:gd name="connsiteY95" fmla="*/ 113984 h 658571"/>
                <a:gd name="connsiteX96" fmla="*/ 1086642 w 1241152"/>
                <a:gd name="connsiteY96" fmla="*/ 139313 h 658571"/>
                <a:gd name="connsiteX97" fmla="*/ 1051180 w 1241152"/>
                <a:gd name="connsiteY97" fmla="*/ 149445 h 658571"/>
                <a:gd name="connsiteX98" fmla="*/ 1025851 w 1241152"/>
                <a:gd name="connsiteY98" fmla="*/ 157044 h 658571"/>
                <a:gd name="connsiteX99" fmla="*/ 1003054 w 1241152"/>
                <a:gd name="connsiteY99" fmla="*/ 169709 h 658571"/>
                <a:gd name="connsiteX100" fmla="*/ 957460 w 1241152"/>
                <a:gd name="connsiteY100" fmla="*/ 179841 h 658571"/>
                <a:gd name="connsiteX101" fmla="*/ 901735 w 1241152"/>
                <a:gd name="connsiteY101" fmla="*/ 189973 h 658571"/>
                <a:gd name="connsiteX102" fmla="*/ 873873 w 1241152"/>
                <a:gd name="connsiteY102" fmla="*/ 172242 h 658571"/>
                <a:gd name="connsiteX103" fmla="*/ 894136 w 1241152"/>
                <a:gd name="connsiteY103" fmla="*/ 146912 h 658571"/>
                <a:gd name="connsiteX104" fmla="*/ 924532 w 1241152"/>
                <a:gd name="connsiteY104" fmla="*/ 134248 h 658571"/>
                <a:gd name="connsiteX105" fmla="*/ 965059 w 1241152"/>
                <a:gd name="connsiteY105" fmla="*/ 134248 h 658571"/>
                <a:gd name="connsiteX106" fmla="*/ 1000521 w 1241152"/>
                <a:gd name="connsiteY106" fmla="*/ 139313 h 658571"/>
                <a:gd name="connsiteX107" fmla="*/ 1020785 w 1241152"/>
                <a:gd name="connsiteY107" fmla="*/ 116517 h 658571"/>
                <a:gd name="connsiteX108" fmla="*/ 992922 w 1241152"/>
                <a:gd name="connsiteY108" fmla="*/ 108918 h 658571"/>
                <a:gd name="connsiteX109" fmla="*/ 957460 w 1241152"/>
                <a:gd name="connsiteY109" fmla="*/ 96253 h 658571"/>
                <a:gd name="connsiteX110" fmla="*/ 959993 w 1241152"/>
                <a:gd name="connsiteY110" fmla="*/ 53193 h 658571"/>
                <a:gd name="connsiteX111" fmla="*/ 929598 w 1241152"/>
                <a:gd name="connsiteY111" fmla="*/ 63325 h 658571"/>
                <a:gd name="connsiteX112" fmla="*/ 906801 w 1241152"/>
                <a:gd name="connsiteY112" fmla="*/ 60792 h 658571"/>
                <a:gd name="connsiteX113" fmla="*/ 876406 w 1241152"/>
                <a:gd name="connsiteY113" fmla="*/ 78522 h 658571"/>
                <a:gd name="connsiteX114" fmla="*/ 851076 w 1241152"/>
                <a:gd name="connsiteY114" fmla="*/ 63325 h 658571"/>
                <a:gd name="connsiteX115" fmla="*/ 820680 w 1241152"/>
                <a:gd name="connsiteY115" fmla="*/ 75989 h 658571"/>
                <a:gd name="connsiteX116" fmla="*/ 828279 w 1241152"/>
                <a:gd name="connsiteY116" fmla="*/ 93720 h 658571"/>
                <a:gd name="connsiteX117" fmla="*/ 808016 w 1241152"/>
                <a:gd name="connsiteY117" fmla="*/ 111451 h 658571"/>
                <a:gd name="connsiteX118" fmla="*/ 777620 w 1241152"/>
                <a:gd name="connsiteY118" fmla="*/ 103852 h 658571"/>
                <a:gd name="connsiteX119" fmla="*/ 777620 w 1241152"/>
                <a:gd name="connsiteY119" fmla="*/ 78522 h 658571"/>
                <a:gd name="connsiteX120" fmla="*/ 787752 w 1241152"/>
                <a:gd name="connsiteY120" fmla="*/ 68390 h 658571"/>
                <a:gd name="connsiteX121" fmla="*/ 759889 w 1241152"/>
                <a:gd name="connsiteY121" fmla="*/ 68390 h 658571"/>
                <a:gd name="connsiteX122" fmla="*/ 749757 w 1241152"/>
                <a:gd name="connsiteY122" fmla="*/ 50660 h 658571"/>
                <a:gd name="connsiteX123" fmla="*/ 752290 w 1241152"/>
                <a:gd name="connsiteY123" fmla="*/ 32929 h 658571"/>
                <a:gd name="connsiteX124" fmla="*/ 775087 w 1241152"/>
                <a:gd name="connsiteY124" fmla="*/ 12665 h 658571"/>
                <a:gd name="connsiteX125" fmla="*/ 729494 w 1241152"/>
                <a:gd name="connsiteY125" fmla="*/ 20264 h 658571"/>
                <a:gd name="connsiteX126" fmla="*/ 683900 w 1241152"/>
                <a:gd name="connsiteY126" fmla="*/ 48127 h 658571"/>
                <a:gd name="connsiteX127" fmla="*/ 661104 w 1241152"/>
                <a:gd name="connsiteY127" fmla="*/ 55726 h 658571"/>
                <a:gd name="connsiteX128" fmla="*/ 610444 w 1241152"/>
                <a:gd name="connsiteY128" fmla="*/ 40528 h 658571"/>
                <a:gd name="connsiteX129" fmla="*/ 554719 w 1241152"/>
                <a:gd name="connsiteY129" fmla="*/ 32929 h 658571"/>
                <a:gd name="connsiteX130" fmla="*/ 519258 w 1241152"/>
                <a:gd name="connsiteY130" fmla="*/ 15198 h 658571"/>
                <a:gd name="connsiteX131" fmla="*/ 511659 w 1241152"/>
                <a:gd name="connsiteY131" fmla="*/ 0 h 658571"/>
                <a:gd name="connsiteX132" fmla="*/ 486329 w 1241152"/>
                <a:gd name="connsiteY132" fmla="*/ 17731 h 658571"/>
                <a:gd name="connsiteX133" fmla="*/ 425538 w 1241152"/>
                <a:gd name="connsiteY133" fmla="*/ 43061 h 658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Lst>
              <a:rect l="l" t="t" r="r" b="b"/>
              <a:pathLst>
                <a:path w="1241152" h="658571">
                  <a:moveTo>
                    <a:pt x="425538" y="43061"/>
                  </a:moveTo>
                  <a:lnTo>
                    <a:pt x="341950" y="93720"/>
                  </a:lnTo>
                  <a:lnTo>
                    <a:pt x="243165" y="131715"/>
                  </a:lnTo>
                  <a:lnTo>
                    <a:pt x="164643" y="162110"/>
                  </a:lnTo>
                  <a:lnTo>
                    <a:pt x="106385" y="172242"/>
                  </a:lnTo>
                  <a:lnTo>
                    <a:pt x="55725" y="162110"/>
                  </a:lnTo>
                  <a:lnTo>
                    <a:pt x="37995" y="174775"/>
                  </a:lnTo>
                  <a:lnTo>
                    <a:pt x="43060" y="187440"/>
                  </a:lnTo>
                  <a:lnTo>
                    <a:pt x="43060" y="215302"/>
                  </a:lnTo>
                  <a:lnTo>
                    <a:pt x="22797" y="235566"/>
                  </a:lnTo>
                  <a:lnTo>
                    <a:pt x="20264" y="253297"/>
                  </a:lnTo>
                  <a:lnTo>
                    <a:pt x="0" y="265962"/>
                  </a:lnTo>
                  <a:lnTo>
                    <a:pt x="0" y="303956"/>
                  </a:lnTo>
                  <a:lnTo>
                    <a:pt x="15198" y="291291"/>
                  </a:lnTo>
                  <a:lnTo>
                    <a:pt x="22797" y="314088"/>
                  </a:lnTo>
                  <a:lnTo>
                    <a:pt x="20264" y="331819"/>
                  </a:lnTo>
                  <a:lnTo>
                    <a:pt x="20264" y="349549"/>
                  </a:lnTo>
                  <a:lnTo>
                    <a:pt x="43060" y="344484"/>
                  </a:lnTo>
                  <a:lnTo>
                    <a:pt x="63324" y="349549"/>
                  </a:lnTo>
                  <a:lnTo>
                    <a:pt x="73456" y="367280"/>
                  </a:lnTo>
                  <a:lnTo>
                    <a:pt x="91187" y="354615"/>
                  </a:lnTo>
                  <a:lnTo>
                    <a:pt x="103852" y="367280"/>
                  </a:lnTo>
                  <a:lnTo>
                    <a:pt x="103852" y="379945"/>
                  </a:lnTo>
                  <a:lnTo>
                    <a:pt x="139313" y="362214"/>
                  </a:lnTo>
                  <a:lnTo>
                    <a:pt x="184906" y="369813"/>
                  </a:lnTo>
                  <a:lnTo>
                    <a:pt x="192505" y="390077"/>
                  </a:lnTo>
                  <a:lnTo>
                    <a:pt x="164643" y="402742"/>
                  </a:lnTo>
                  <a:lnTo>
                    <a:pt x="187439" y="417939"/>
                  </a:lnTo>
                  <a:lnTo>
                    <a:pt x="200104" y="455934"/>
                  </a:lnTo>
                  <a:lnTo>
                    <a:pt x="243165" y="443269"/>
                  </a:lnTo>
                  <a:lnTo>
                    <a:pt x="278626" y="445802"/>
                  </a:lnTo>
                  <a:lnTo>
                    <a:pt x="283692" y="471132"/>
                  </a:lnTo>
                  <a:lnTo>
                    <a:pt x="278626" y="491395"/>
                  </a:lnTo>
                  <a:lnTo>
                    <a:pt x="260895" y="501527"/>
                  </a:lnTo>
                  <a:lnTo>
                    <a:pt x="319154" y="501527"/>
                  </a:lnTo>
                  <a:lnTo>
                    <a:pt x="334351" y="524324"/>
                  </a:lnTo>
                  <a:lnTo>
                    <a:pt x="331818" y="536989"/>
                  </a:lnTo>
                  <a:lnTo>
                    <a:pt x="377412" y="531923"/>
                  </a:lnTo>
                  <a:lnTo>
                    <a:pt x="369813" y="509126"/>
                  </a:lnTo>
                  <a:lnTo>
                    <a:pt x="402741" y="481264"/>
                  </a:lnTo>
                  <a:lnTo>
                    <a:pt x="433137" y="476198"/>
                  </a:lnTo>
                  <a:lnTo>
                    <a:pt x="509126" y="481264"/>
                  </a:lnTo>
                  <a:lnTo>
                    <a:pt x="524324" y="498994"/>
                  </a:lnTo>
                  <a:lnTo>
                    <a:pt x="519258" y="526857"/>
                  </a:lnTo>
                  <a:lnTo>
                    <a:pt x="504060" y="554720"/>
                  </a:lnTo>
                  <a:lnTo>
                    <a:pt x="521791" y="569917"/>
                  </a:lnTo>
                  <a:lnTo>
                    <a:pt x="554719" y="577516"/>
                  </a:lnTo>
                  <a:lnTo>
                    <a:pt x="567384" y="590181"/>
                  </a:lnTo>
                  <a:lnTo>
                    <a:pt x="549653" y="612978"/>
                  </a:lnTo>
                  <a:lnTo>
                    <a:pt x="521791" y="615511"/>
                  </a:lnTo>
                  <a:lnTo>
                    <a:pt x="529390" y="630708"/>
                  </a:lnTo>
                  <a:lnTo>
                    <a:pt x="562318" y="658571"/>
                  </a:lnTo>
                  <a:lnTo>
                    <a:pt x="559785" y="628175"/>
                  </a:lnTo>
                  <a:lnTo>
                    <a:pt x="572450" y="612978"/>
                  </a:lnTo>
                  <a:lnTo>
                    <a:pt x="602846" y="595247"/>
                  </a:lnTo>
                  <a:lnTo>
                    <a:pt x="650972" y="542055"/>
                  </a:lnTo>
                  <a:lnTo>
                    <a:pt x="625642" y="498994"/>
                  </a:lnTo>
                  <a:lnTo>
                    <a:pt x="628175" y="486330"/>
                  </a:lnTo>
                  <a:lnTo>
                    <a:pt x="653505" y="476198"/>
                  </a:lnTo>
                  <a:lnTo>
                    <a:pt x="714296" y="498994"/>
                  </a:lnTo>
                  <a:lnTo>
                    <a:pt x="737093" y="491395"/>
                  </a:lnTo>
                  <a:lnTo>
                    <a:pt x="696565" y="448335"/>
                  </a:lnTo>
                  <a:lnTo>
                    <a:pt x="716829" y="417939"/>
                  </a:lnTo>
                  <a:lnTo>
                    <a:pt x="747224" y="407808"/>
                  </a:lnTo>
                  <a:lnTo>
                    <a:pt x="759889" y="417939"/>
                  </a:lnTo>
                  <a:lnTo>
                    <a:pt x="780153" y="387544"/>
                  </a:lnTo>
                  <a:lnTo>
                    <a:pt x="802950" y="395143"/>
                  </a:lnTo>
                  <a:lnTo>
                    <a:pt x="835878" y="367280"/>
                  </a:lnTo>
                  <a:lnTo>
                    <a:pt x="846010" y="372346"/>
                  </a:lnTo>
                  <a:lnTo>
                    <a:pt x="894136" y="347016"/>
                  </a:lnTo>
                  <a:lnTo>
                    <a:pt x="889070" y="329286"/>
                  </a:lnTo>
                  <a:lnTo>
                    <a:pt x="916933" y="326753"/>
                  </a:lnTo>
                  <a:lnTo>
                    <a:pt x="906801" y="303956"/>
                  </a:lnTo>
                  <a:lnTo>
                    <a:pt x="921999" y="288758"/>
                  </a:lnTo>
                  <a:lnTo>
                    <a:pt x="959993" y="301423"/>
                  </a:lnTo>
                  <a:lnTo>
                    <a:pt x="977724" y="278626"/>
                  </a:lnTo>
                  <a:lnTo>
                    <a:pt x="985323" y="260896"/>
                  </a:lnTo>
                  <a:lnTo>
                    <a:pt x="1028383" y="245698"/>
                  </a:lnTo>
                  <a:lnTo>
                    <a:pt x="1046114" y="240632"/>
                  </a:lnTo>
                  <a:lnTo>
                    <a:pt x="1079043" y="233033"/>
                  </a:lnTo>
                  <a:lnTo>
                    <a:pt x="1086642" y="235566"/>
                  </a:lnTo>
                  <a:lnTo>
                    <a:pt x="1124636" y="195039"/>
                  </a:lnTo>
                  <a:lnTo>
                    <a:pt x="1152499" y="192506"/>
                  </a:lnTo>
                  <a:lnTo>
                    <a:pt x="1177828" y="164643"/>
                  </a:lnTo>
                  <a:lnTo>
                    <a:pt x="1157565" y="146912"/>
                  </a:lnTo>
                  <a:lnTo>
                    <a:pt x="1144900" y="134248"/>
                  </a:lnTo>
                  <a:lnTo>
                    <a:pt x="1167696" y="96253"/>
                  </a:lnTo>
                  <a:lnTo>
                    <a:pt x="1210757" y="93720"/>
                  </a:lnTo>
                  <a:lnTo>
                    <a:pt x="1225955" y="98786"/>
                  </a:lnTo>
                  <a:lnTo>
                    <a:pt x="1241152" y="68390"/>
                  </a:lnTo>
                  <a:lnTo>
                    <a:pt x="1238619" y="43061"/>
                  </a:lnTo>
                  <a:lnTo>
                    <a:pt x="1220889" y="58259"/>
                  </a:lnTo>
                  <a:lnTo>
                    <a:pt x="1195559" y="63325"/>
                  </a:lnTo>
                  <a:lnTo>
                    <a:pt x="1172762" y="83588"/>
                  </a:lnTo>
                  <a:lnTo>
                    <a:pt x="1142367" y="91187"/>
                  </a:lnTo>
                  <a:lnTo>
                    <a:pt x="1117037" y="113984"/>
                  </a:lnTo>
                  <a:lnTo>
                    <a:pt x="1086642" y="139313"/>
                  </a:lnTo>
                  <a:lnTo>
                    <a:pt x="1051180" y="149445"/>
                  </a:lnTo>
                  <a:lnTo>
                    <a:pt x="1025851" y="157044"/>
                  </a:lnTo>
                  <a:lnTo>
                    <a:pt x="1003054" y="169709"/>
                  </a:lnTo>
                  <a:lnTo>
                    <a:pt x="957460" y="179841"/>
                  </a:lnTo>
                  <a:lnTo>
                    <a:pt x="901735" y="189973"/>
                  </a:lnTo>
                  <a:lnTo>
                    <a:pt x="873873" y="172242"/>
                  </a:lnTo>
                  <a:lnTo>
                    <a:pt x="894136" y="146912"/>
                  </a:lnTo>
                  <a:lnTo>
                    <a:pt x="924532" y="134248"/>
                  </a:lnTo>
                  <a:lnTo>
                    <a:pt x="965059" y="134248"/>
                  </a:lnTo>
                  <a:lnTo>
                    <a:pt x="1000521" y="139313"/>
                  </a:lnTo>
                  <a:lnTo>
                    <a:pt x="1020785" y="116517"/>
                  </a:lnTo>
                  <a:lnTo>
                    <a:pt x="992922" y="108918"/>
                  </a:lnTo>
                  <a:lnTo>
                    <a:pt x="957460" y="96253"/>
                  </a:lnTo>
                  <a:lnTo>
                    <a:pt x="959993" y="53193"/>
                  </a:lnTo>
                  <a:lnTo>
                    <a:pt x="929598" y="63325"/>
                  </a:lnTo>
                  <a:lnTo>
                    <a:pt x="906801" y="60792"/>
                  </a:lnTo>
                  <a:lnTo>
                    <a:pt x="876406" y="78522"/>
                  </a:lnTo>
                  <a:lnTo>
                    <a:pt x="851076" y="63325"/>
                  </a:lnTo>
                  <a:lnTo>
                    <a:pt x="820680" y="75989"/>
                  </a:lnTo>
                  <a:lnTo>
                    <a:pt x="828279" y="93720"/>
                  </a:lnTo>
                  <a:lnTo>
                    <a:pt x="808016" y="111451"/>
                  </a:lnTo>
                  <a:lnTo>
                    <a:pt x="777620" y="103852"/>
                  </a:lnTo>
                  <a:lnTo>
                    <a:pt x="777620" y="78522"/>
                  </a:lnTo>
                  <a:lnTo>
                    <a:pt x="787752" y="68390"/>
                  </a:lnTo>
                  <a:lnTo>
                    <a:pt x="759889" y="68390"/>
                  </a:lnTo>
                  <a:lnTo>
                    <a:pt x="749757" y="50660"/>
                  </a:lnTo>
                  <a:lnTo>
                    <a:pt x="752290" y="32929"/>
                  </a:lnTo>
                  <a:lnTo>
                    <a:pt x="775087" y="12665"/>
                  </a:lnTo>
                  <a:lnTo>
                    <a:pt x="729494" y="20264"/>
                  </a:lnTo>
                  <a:lnTo>
                    <a:pt x="683900" y="48127"/>
                  </a:lnTo>
                  <a:lnTo>
                    <a:pt x="661104" y="55726"/>
                  </a:lnTo>
                  <a:lnTo>
                    <a:pt x="610444" y="40528"/>
                  </a:lnTo>
                  <a:lnTo>
                    <a:pt x="554719" y="32929"/>
                  </a:lnTo>
                  <a:lnTo>
                    <a:pt x="519258" y="15198"/>
                  </a:lnTo>
                  <a:lnTo>
                    <a:pt x="511659" y="0"/>
                  </a:lnTo>
                  <a:lnTo>
                    <a:pt x="486329" y="17731"/>
                  </a:lnTo>
                  <a:lnTo>
                    <a:pt x="425538" y="43061"/>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1" name="TextBox 20"/>
            <p:cNvSpPr txBox="1"/>
            <p:nvPr/>
          </p:nvSpPr>
          <p:spPr bwMode="gray">
            <a:xfrm>
              <a:off x="3644559" y="977872"/>
              <a:ext cx="1180131" cy="458587"/>
            </a:xfrm>
            <a:prstGeom prst="rect">
              <a:avLst/>
            </a:prstGeom>
            <a:noFill/>
          </p:spPr>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Main</a:t>
              </a:r>
            </a:p>
            <a:p>
              <a:pPr algn="ctr">
                <a:lnSpc>
                  <a:spcPct val="85000"/>
                </a:lnSpc>
              </a:pPr>
              <a:r>
                <a:rPr lang="en-US" sz="1400" b="1" dirty="0" smtClean="0">
                  <a:solidFill>
                    <a:prstClr val="white"/>
                  </a:solidFill>
                  <a:effectLst>
                    <a:outerShdw blurRad="38100" dist="63500" dir="2700000" algn="tl">
                      <a:srgbClr val="000000"/>
                    </a:outerShdw>
                  </a:effectLst>
                </a:rPr>
                <a:t>San Gabriel</a:t>
              </a:r>
              <a:endParaRPr lang="en-US" sz="1400" b="1" dirty="0">
                <a:solidFill>
                  <a:prstClr val="white"/>
                </a:solidFill>
                <a:effectLst>
                  <a:outerShdw blurRad="38100" dist="63500" dir="2700000" algn="tl">
                    <a:srgbClr val="000000"/>
                  </a:outerShdw>
                </a:effectLst>
              </a:endParaRPr>
            </a:p>
          </p:txBody>
        </p:sp>
      </p:grpSp>
      <p:grpSp>
        <p:nvGrpSpPr>
          <p:cNvPr id="11" name="Group 39"/>
          <p:cNvGrpSpPr/>
          <p:nvPr/>
        </p:nvGrpSpPr>
        <p:grpSpPr bwMode="gray">
          <a:xfrm>
            <a:off x="3474341" y="715003"/>
            <a:ext cx="1000595" cy="391902"/>
            <a:chOff x="3474341" y="715003"/>
            <a:chExt cx="1000595" cy="391902"/>
          </a:xfrm>
        </p:grpSpPr>
        <p:sp>
          <p:nvSpPr>
            <p:cNvPr id="13" name="Freeform 12"/>
            <p:cNvSpPr/>
            <p:nvPr/>
          </p:nvSpPr>
          <p:spPr bwMode="gray">
            <a:xfrm>
              <a:off x="3586677" y="732027"/>
              <a:ext cx="572450" cy="374878"/>
            </a:xfrm>
            <a:custGeom>
              <a:avLst/>
              <a:gdLst>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16621 w 572450"/>
                <a:gd name="connsiteY9" fmla="*/ 129181 h 374878"/>
                <a:gd name="connsiteX10" fmla="*/ 263428 w 572450"/>
                <a:gd name="connsiteY10" fmla="*/ 93719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26752 w 572450"/>
                <a:gd name="connsiteY9" fmla="*/ 124115 h 374878"/>
                <a:gd name="connsiteX10" fmla="*/ 263428 w 572450"/>
                <a:gd name="connsiteY10" fmla="*/ 93719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0340 w 572450"/>
                <a:gd name="connsiteY6" fmla="*/ 177307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197571 w 572450"/>
                <a:gd name="connsiteY12" fmla="*/ 73456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22901 w 572450"/>
                <a:gd name="connsiteY11" fmla="*/ 75989 h 374878"/>
                <a:gd name="connsiteX12" fmla="*/ 207703 w 572450"/>
                <a:gd name="connsiteY12" fmla="*/ 60791 h 374878"/>
                <a:gd name="connsiteX13" fmla="*/ 182373 w 572450"/>
                <a:gd name="connsiteY13" fmla="*/ 70923 h 374878"/>
                <a:gd name="connsiteX14" fmla="*/ 164643 w 572450"/>
                <a:gd name="connsiteY14" fmla="*/ 50659 h 374878"/>
                <a:gd name="connsiteX15" fmla="*/ 136780 w 572450"/>
                <a:gd name="connsiteY15" fmla="*/ 50659 h 374878"/>
                <a:gd name="connsiteX16" fmla="*/ 129181 w 572450"/>
                <a:gd name="connsiteY16" fmla="*/ 65857 h 374878"/>
                <a:gd name="connsiteX17" fmla="*/ 103852 w 572450"/>
                <a:gd name="connsiteY17" fmla="*/ 58258 h 374878"/>
                <a:gd name="connsiteX18" fmla="*/ 70923 w 572450"/>
                <a:gd name="connsiteY18" fmla="*/ 53192 h 374878"/>
                <a:gd name="connsiteX19" fmla="*/ 63324 w 572450"/>
                <a:gd name="connsiteY19" fmla="*/ 32928 h 374878"/>
                <a:gd name="connsiteX20" fmla="*/ 65857 w 572450"/>
                <a:gd name="connsiteY20" fmla="*/ 12664 h 374878"/>
                <a:gd name="connsiteX21" fmla="*/ 40527 w 572450"/>
                <a:gd name="connsiteY21" fmla="*/ 17730 h 374878"/>
                <a:gd name="connsiteX22" fmla="*/ 22797 w 572450"/>
                <a:gd name="connsiteY22" fmla="*/ 10131 h 374878"/>
                <a:gd name="connsiteX23" fmla="*/ 10132 w 572450"/>
                <a:gd name="connsiteY23" fmla="*/ 0 h 374878"/>
                <a:gd name="connsiteX24" fmla="*/ 0 w 572450"/>
                <a:gd name="connsiteY24" fmla="*/ 27862 h 374878"/>
                <a:gd name="connsiteX25" fmla="*/ 15198 w 572450"/>
                <a:gd name="connsiteY25" fmla="*/ 50659 h 374878"/>
                <a:gd name="connsiteX26" fmla="*/ 15198 w 572450"/>
                <a:gd name="connsiteY26" fmla="*/ 68390 h 374878"/>
                <a:gd name="connsiteX27" fmla="*/ 20264 w 572450"/>
                <a:gd name="connsiteY27" fmla="*/ 81054 h 374878"/>
                <a:gd name="connsiteX28" fmla="*/ 45593 w 572450"/>
                <a:gd name="connsiteY28" fmla="*/ 86120 h 374878"/>
                <a:gd name="connsiteX29" fmla="*/ 70923 w 572450"/>
                <a:gd name="connsiteY29" fmla="*/ 106384 h 374878"/>
                <a:gd name="connsiteX30" fmla="*/ 96253 w 572450"/>
                <a:gd name="connsiteY30" fmla="*/ 113983 h 374878"/>
                <a:gd name="connsiteX31" fmla="*/ 121582 w 572450"/>
                <a:gd name="connsiteY31" fmla="*/ 136780 h 374878"/>
                <a:gd name="connsiteX32" fmla="*/ 134247 w 572450"/>
                <a:gd name="connsiteY32" fmla="*/ 162109 h 374878"/>
                <a:gd name="connsiteX33" fmla="*/ 129181 w 572450"/>
                <a:gd name="connsiteY33" fmla="*/ 189972 h 374878"/>
                <a:gd name="connsiteX34" fmla="*/ 121582 w 572450"/>
                <a:gd name="connsiteY34" fmla="*/ 207703 h 374878"/>
                <a:gd name="connsiteX35" fmla="*/ 139313 w 572450"/>
                <a:gd name="connsiteY35" fmla="*/ 240631 h 374878"/>
                <a:gd name="connsiteX36" fmla="*/ 154511 w 572450"/>
                <a:gd name="connsiteY36" fmla="*/ 281159 h 374878"/>
                <a:gd name="connsiteX37" fmla="*/ 157044 w 572450"/>
                <a:gd name="connsiteY37" fmla="*/ 314087 h 374878"/>
                <a:gd name="connsiteX38" fmla="*/ 157044 w 572450"/>
                <a:gd name="connsiteY38" fmla="*/ 339417 h 374878"/>
                <a:gd name="connsiteX39" fmla="*/ 157044 w 572450"/>
                <a:gd name="connsiteY39" fmla="*/ 352082 h 374878"/>
                <a:gd name="connsiteX40" fmla="*/ 149445 w 572450"/>
                <a:gd name="connsiteY40" fmla="*/ 374878 h 374878"/>
                <a:gd name="connsiteX41" fmla="*/ 217835 w 572450"/>
                <a:gd name="connsiteY41" fmla="*/ 372345 h 374878"/>
                <a:gd name="connsiteX42" fmla="*/ 288758 w 572450"/>
                <a:gd name="connsiteY42" fmla="*/ 364746 h 374878"/>
                <a:gd name="connsiteX43" fmla="*/ 357148 w 572450"/>
                <a:gd name="connsiteY43" fmla="*/ 344483 h 374878"/>
                <a:gd name="connsiteX44" fmla="*/ 430604 w 572450"/>
                <a:gd name="connsiteY44" fmla="*/ 316620 h 374878"/>
                <a:gd name="connsiteX45" fmla="*/ 491395 w 572450"/>
                <a:gd name="connsiteY45" fmla="*/ 288757 h 374878"/>
                <a:gd name="connsiteX46" fmla="*/ 544587 w 572450"/>
                <a:gd name="connsiteY46" fmla="*/ 253296 h 374878"/>
                <a:gd name="connsiteX0" fmla="*/ 544587 w 572450"/>
                <a:gd name="connsiteY0" fmla="*/ 253296 h 374878"/>
                <a:gd name="connsiteX1" fmla="*/ 572450 w 572450"/>
                <a:gd name="connsiteY1" fmla="*/ 195038 h 374878"/>
                <a:gd name="connsiteX2" fmla="*/ 529389 w 572450"/>
                <a:gd name="connsiteY2" fmla="*/ 202637 h 374878"/>
                <a:gd name="connsiteX3" fmla="*/ 501527 w 572450"/>
                <a:gd name="connsiteY3" fmla="*/ 205170 h 374878"/>
                <a:gd name="connsiteX4" fmla="*/ 483796 w 572450"/>
                <a:gd name="connsiteY4" fmla="*/ 207703 h 374878"/>
                <a:gd name="connsiteX5" fmla="*/ 453401 w 572450"/>
                <a:gd name="connsiteY5" fmla="*/ 192505 h 374878"/>
                <a:gd name="connsiteX6" fmla="*/ 417939 w 572450"/>
                <a:gd name="connsiteY6" fmla="*/ 172241 h 374878"/>
                <a:gd name="connsiteX7" fmla="*/ 400208 w 572450"/>
                <a:gd name="connsiteY7" fmla="*/ 164642 h 374878"/>
                <a:gd name="connsiteX8" fmla="*/ 369813 w 572450"/>
                <a:gd name="connsiteY8" fmla="*/ 172241 h 374878"/>
                <a:gd name="connsiteX9" fmla="*/ 326752 w 572450"/>
                <a:gd name="connsiteY9" fmla="*/ 124115 h 374878"/>
                <a:gd name="connsiteX10" fmla="*/ 271027 w 572450"/>
                <a:gd name="connsiteY10" fmla="*/ 86121 h 374878"/>
                <a:gd name="connsiteX11" fmla="*/ 235566 w 572450"/>
                <a:gd name="connsiteY11" fmla="*/ 68390 h 374878"/>
                <a:gd name="connsiteX12" fmla="*/ 222901 w 572450"/>
                <a:gd name="connsiteY12" fmla="*/ 75989 h 374878"/>
                <a:gd name="connsiteX13" fmla="*/ 207703 w 572450"/>
                <a:gd name="connsiteY13" fmla="*/ 60791 h 374878"/>
                <a:gd name="connsiteX14" fmla="*/ 182373 w 572450"/>
                <a:gd name="connsiteY14" fmla="*/ 70923 h 374878"/>
                <a:gd name="connsiteX15" fmla="*/ 164643 w 572450"/>
                <a:gd name="connsiteY15" fmla="*/ 50659 h 374878"/>
                <a:gd name="connsiteX16" fmla="*/ 136780 w 572450"/>
                <a:gd name="connsiteY16" fmla="*/ 50659 h 374878"/>
                <a:gd name="connsiteX17" fmla="*/ 129181 w 572450"/>
                <a:gd name="connsiteY17" fmla="*/ 65857 h 374878"/>
                <a:gd name="connsiteX18" fmla="*/ 103852 w 572450"/>
                <a:gd name="connsiteY18" fmla="*/ 58258 h 374878"/>
                <a:gd name="connsiteX19" fmla="*/ 70923 w 572450"/>
                <a:gd name="connsiteY19" fmla="*/ 53192 h 374878"/>
                <a:gd name="connsiteX20" fmla="*/ 63324 w 572450"/>
                <a:gd name="connsiteY20" fmla="*/ 32928 h 374878"/>
                <a:gd name="connsiteX21" fmla="*/ 65857 w 572450"/>
                <a:gd name="connsiteY21" fmla="*/ 12664 h 374878"/>
                <a:gd name="connsiteX22" fmla="*/ 40527 w 572450"/>
                <a:gd name="connsiteY22" fmla="*/ 17730 h 374878"/>
                <a:gd name="connsiteX23" fmla="*/ 22797 w 572450"/>
                <a:gd name="connsiteY23" fmla="*/ 10131 h 374878"/>
                <a:gd name="connsiteX24" fmla="*/ 10132 w 572450"/>
                <a:gd name="connsiteY24" fmla="*/ 0 h 374878"/>
                <a:gd name="connsiteX25" fmla="*/ 0 w 572450"/>
                <a:gd name="connsiteY25" fmla="*/ 27862 h 374878"/>
                <a:gd name="connsiteX26" fmla="*/ 15198 w 572450"/>
                <a:gd name="connsiteY26" fmla="*/ 50659 h 374878"/>
                <a:gd name="connsiteX27" fmla="*/ 15198 w 572450"/>
                <a:gd name="connsiteY27" fmla="*/ 68390 h 374878"/>
                <a:gd name="connsiteX28" fmla="*/ 20264 w 572450"/>
                <a:gd name="connsiteY28" fmla="*/ 81054 h 374878"/>
                <a:gd name="connsiteX29" fmla="*/ 45593 w 572450"/>
                <a:gd name="connsiteY29" fmla="*/ 86120 h 374878"/>
                <a:gd name="connsiteX30" fmla="*/ 70923 w 572450"/>
                <a:gd name="connsiteY30" fmla="*/ 106384 h 374878"/>
                <a:gd name="connsiteX31" fmla="*/ 96253 w 572450"/>
                <a:gd name="connsiteY31" fmla="*/ 113983 h 374878"/>
                <a:gd name="connsiteX32" fmla="*/ 121582 w 572450"/>
                <a:gd name="connsiteY32" fmla="*/ 136780 h 374878"/>
                <a:gd name="connsiteX33" fmla="*/ 134247 w 572450"/>
                <a:gd name="connsiteY33" fmla="*/ 162109 h 374878"/>
                <a:gd name="connsiteX34" fmla="*/ 129181 w 572450"/>
                <a:gd name="connsiteY34" fmla="*/ 189972 h 374878"/>
                <a:gd name="connsiteX35" fmla="*/ 121582 w 572450"/>
                <a:gd name="connsiteY35" fmla="*/ 207703 h 374878"/>
                <a:gd name="connsiteX36" fmla="*/ 139313 w 572450"/>
                <a:gd name="connsiteY36" fmla="*/ 240631 h 374878"/>
                <a:gd name="connsiteX37" fmla="*/ 154511 w 572450"/>
                <a:gd name="connsiteY37" fmla="*/ 281159 h 374878"/>
                <a:gd name="connsiteX38" fmla="*/ 157044 w 572450"/>
                <a:gd name="connsiteY38" fmla="*/ 314087 h 374878"/>
                <a:gd name="connsiteX39" fmla="*/ 157044 w 572450"/>
                <a:gd name="connsiteY39" fmla="*/ 339417 h 374878"/>
                <a:gd name="connsiteX40" fmla="*/ 157044 w 572450"/>
                <a:gd name="connsiteY40" fmla="*/ 352082 h 374878"/>
                <a:gd name="connsiteX41" fmla="*/ 149445 w 572450"/>
                <a:gd name="connsiteY41" fmla="*/ 374878 h 374878"/>
                <a:gd name="connsiteX42" fmla="*/ 217835 w 572450"/>
                <a:gd name="connsiteY42" fmla="*/ 372345 h 374878"/>
                <a:gd name="connsiteX43" fmla="*/ 288758 w 572450"/>
                <a:gd name="connsiteY43" fmla="*/ 364746 h 374878"/>
                <a:gd name="connsiteX44" fmla="*/ 357148 w 572450"/>
                <a:gd name="connsiteY44" fmla="*/ 344483 h 374878"/>
                <a:gd name="connsiteX45" fmla="*/ 430604 w 572450"/>
                <a:gd name="connsiteY45" fmla="*/ 316620 h 374878"/>
                <a:gd name="connsiteX46" fmla="*/ 491395 w 572450"/>
                <a:gd name="connsiteY46" fmla="*/ 288757 h 374878"/>
                <a:gd name="connsiteX47" fmla="*/ 544587 w 572450"/>
                <a:gd name="connsiteY47" fmla="*/ 253296 h 3748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572450" h="374878">
                  <a:moveTo>
                    <a:pt x="544587" y="253296"/>
                  </a:moveTo>
                  <a:lnTo>
                    <a:pt x="572450" y="195038"/>
                  </a:lnTo>
                  <a:lnTo>
                    <a:pt x="529389" y="202637"/>
                  </a:lnTo>
                  <a:lnTo>
                    <a:pt x="501527" y="205170"/>
                  </a:lnTo>
                  <a:lnTo>
                    <a:pt x="483796" y="207703"/>
                  </a:lnTo>
                  <a:lnTo>
                    <a:pt x="453401" y="192505"/>
                  </a:lnTo>
                  <a:lnTo>
                    <a:pt x="417939" y="172241"/>
                  </a:lnTo>
                  <a:lnTo>
                    <a:pt x="400208" y="164642"/>
                  </a:lnTo>
                  <a:lnTo>
                    <a:pt x="369813" y="172241"/>
                  </a:lnTo>
                  <a:lnTo>
                    <a:pt x="326752" y="124115"/>
                  </a:lnTo>
                  <a:lnTo>
                    <a:pt x="271027" y="86121"/>
                  </a:lnTo>
                  <a:cubicBezTo>
                    <a:pt x="257518" y="82744"/>
                    <a:pt x="249075" y="71767"/>
                    <a:pt x="235566" y="68390"/>
                  </a:cubicBezTo>
                  <a:lnTo>
                    <a:pt x="222901" y="75989"/>
                  </a:lnTo>
                  <a:lnTo>
                    <a:pt x="207703" y="60791"/>
                  </a:lnTo>
                  <a:lnTo>
                    <a:pt x="182373" y="70923"/>
                  </a:lnTo>
                  <a:lnTo>
                    <a:pt x="164643" y="50659"/>
                  </a:lnTo>
                  <a:lnTo>
                    <a:pt x="136780" y="50659"/>
                  </a:lnTo>
                  <a:lnTo>
                    <a:pt x="129181" y="65857"/>
                  </a:lnTo>
                  <a:lnTo>
                    <a:pt x="103852" y="58258"/>
                  </a:lnTo>
                  <a:lnTo>
                    <a:pt x="70923" y="53192"/>
                  </a:lnTo>
                  <a:lnTo>
                    <a:pt x="63324" y="32928"/>
                  </a:lnTo>
                  <a:lnTo>
                    <a:pt x="65857" y="12664"/>
                  </a:lnTo>
                  <a:lnTo>
                    <a:pt x="40527" y="17730"/>
                  </a:lnTo>
                  <a:lnTo>
                    <a:pt x="22797" y="10131"/>
                  </a:lnTo>
                  <a:lnTo>
                    <a:pt x="10132" y="0"/>
                  </a:lnTo>
                  <a:lnTo>
                    <a:pt x="0" y="27862"/>
                  </a:lnTo>
                  <a:lnTo>
                    <a:pt x="15198" y="50659"/>
                  </a:lnTo>
                  <a:lnTo>
                    <a:pt x="15198" y="68390"/>
                  </a:lnTo>
                  <a:lnTo>
                    <a:pt x="20264" y="81054"/>
                  </a:lnTo>
                  <a:lnTo>
                    <a:pt x="45593" y="86120"/>
                  </a:lnTo>
                  <a:lnTo>
                    <a:pt x="70923" y="106384"/>
                  </a:lnTo>
                  <a:lnTo>
                    <a:pt x="96253" y="113983"/>
                  </a:lnTo>
                  <a:lnTo>
                    <a:pt x="121582" y="136780"/>
                  </a:lnTo>
                  <a:lnTo>
                    <a:pt x="134247" y="162109"/>
                  </a:lnTo>
                  <a:lnTo>
                    <a:pt x="129181" y="189972"/>
                  </a:lnTo>
                  <a:lnTo>
                    <a:pt x="121582" y="207703"/>
                  </a:lnTo>
                  <a:lnTo>
                    <a:pt x="139313" y="240631"/>
                  </a:lnTo>
                  <a:lnTo>
                    <a:pt x="154511" y="281159"/>
                  </a:lnTo>
                  <a:lnTo>
                    <a:pt x="157044" y="314087"/>
                  </a:lnTo>
                  <a:lnTo>
                    <a:pt x="157044" y="339417"/>
                  </a:lnTo>
                  <a:lnTo>
                    <a:pt x="157044" y="352082"/>
                  </a:lnTo>
                  <a:lnTo>
                    <a:pt x="149445" y="374878"/>
                  </a:lnTo>
                  <a:lnTo>
                    <a:pt x="217835" y="372345"/>
                  </a:lnTo>
                  <a:lnTo>
                    <a:pt x="288758" y="364746"/>
                  </a:lnTo>
                  <a:lnTo>
                    <a:pt x="357148" y="344483"/>
                  </a:lnTo>
                  <a:lnTo>
                    <a:pt x="430604" y="316620"/>
                  </a:lnTo>
                  <a:lnTo>
                    <a:pt x="491395" y="288757"/>
                  </a:lnTo>
                  <a:lnTo>
                    <a:pt x="544587" y="253296"/>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3" name="TextBox 22"/>
            <p:cNvSpPr txBox="1"/>
            <p:nvPr/>
          </p:nvSpPr>
          <p:spPr bwMode="gray">
            <a:xfrm>
              <a:off x="3474341" y="715003"/>
              <a:ext cx="1000595" cy="307777"/>
            </a:xfrm>
            <a:prstGeom prst="rect">
              <a:avLst/>
            </a:prstGeom>
            <a:noFill/>
          </p:spPr>
          <p:txBody>
            <a:bodyPr wrap="none" rtlCol="0">
              <a:spAutoFit/>
            </a:bodyPr>
            <a:lstStyle/>
            <a:p>
              <a:pPr algn="ctr"/>
              <a:r>
                <a:rPr lang="en-US" sz="1400" b="1" dirty="0" smtClean="0">
                  <a:solidFill>
                    <a:prstClr val="white"/>
                  </a:solidFill>
                  <a:effectLst>
                    <a:outerShdw blurRad="38100" dist="63500" dir="2700000" algn="tl">
                      <a:srgbClr val="000000"/>
                    </a:outerShdw>
                  </a:effectLst>
                </a:rPr>
                <a:t>Raymond</a:t>
              </a:r>
              <a:endParaRPr lang="en-US" sz="1400" b="1" dirty="0">
                <a:solidFill>
                  <a:prstClr val="white"/>
                </a:solidFill>
                <a:effectLst>
                  <a:outerShdw blurRad="38100" dist="63500" dir="2700000" algn="tl">
                    <a:srgbClr val="000000"/>
                  </a:outerShdw>
                </a:effectLst>
              </a:endParaRPr>
            </a:p>
          </p:txBody>
        </p:sp>
      </p:grpSp>
      <p:grpSp>
        <p:nvGrpSpPr>
          <p:cNvPr id="14" name="Group 84"/>
          <p:cNvGrpSpPr/>
          <p:nvPr/>
        </p:nvGrpSpPr>
        <p:grpSpPr bwMode="gray">
          <a:xfrm>
            <a:off x="4865914" y="965200"/>
            <a:ext cx="1168400" cy="961571"/>
            <a:chOff x="4865914" y="965200"/>
            <a:chExt cx="1168400" cy="961571"/>
          </a:xfrm>
        </p:grpSpPr>
        <p:sp>
          <p:nvSpPr>
            <p:cNvPr id="4" name="Freeform 3"/>
            <p:cNvSpPr/>
            <p:nvPr/>
          </p:nvSpPr>
          <p:spPr bwMode="gray">
            <a:xfrm>
              <a:off x="4865914" y="965200"/>
              <a:ext cx="1168400" cy="961571"/>
            </a:xfrm>
            <a:custGeom>
              <a:avLst/>
              <a:gdLst>
                <a:gd name="connsiteX0" fmla="*/ 838200 w 1168400"/>
                <a:gd name="connsiteY0" fmla="*/ 0 h 961571"/>
                <a:gd name="connsiteX1" fmla="*/ 468086 w 1168400"/>
                <a:gd name="connsiteY1" fmla="*/ 221343 h 961571"/>
                <a:gd name="connsiteX2" fmla="*/ 446315 w 1168400"/>
                <a:gd name="connsiteY2" fmla="*/ 221343 h 961571"/>
                <a:gd name="connsiteX3" fmla="*/ 428172 w 1168400"/>
                <a:gd name="connsiteY3" fmla="*/ 206829 h 961571"/>
                <a:gd name="connsiteX4" fmla="*/ 373743 w 1168400"/>
                <a:gd name="connsiteY4" fmla="*/ 61686 h 961571"/>
                <a:gd name="connsiteX5" fmla="*/ 359229 w 1168400"/>
                <a:gd name="connsiteY5" fmla="*/ 47171 h 961571"/>
                <a:gd name="connsiteX6" fmla="*/ 293915 w 1168400"/>
                <a:gd name="connsiteY6" fmla="*/ 123371 h 961571"/>
                <a:gd name="connsiteX7" fmla="*/ 293915 w 1168400"/>
                <a:gd name="connsiteY7" fmla="*/ 148771 h 961571"/>
                <a:gd name="connsiteX8" fmla="*/ 235857 w 1168400"/>
                <a:gd name="connsiteY8" fmla="*/ 224971 h 961571"/>
                <a:gd name="connsiteX9" fmla="*/ 141515 w 1168400"/>
                <a:gd name="connsiteY9" fmla="*/ 304800 h 961571"/>
                <a:gd name="connsiteX10" fmla="*/ 65315 w 1168400"/>
                <a:gd name="connsiteY10" fmla="*/ 337457 h 961571"/>
                <a:gd name="connsiteX11" fmla="*/ 39915 w 1168400"/>
                <a:gd name="connsiteY11" fmla="*/ 348343 h 961571"/>
                <a:gd name="connsiteX12" fmla="*/ 29029 w 1168400"/>
                <a:gd name="connsiteY12" fmla="*/ 431800 h 961571"/>
                <a:gd name="connsiteX13" fmla="*/ 25400 w 1168400"/>
                <a:gd name="connsiteY13" fmla="*/ 435429 h 961571"/>
                <a:gd name="connsiteX14" fmla="*/ 36286 w 1168400"/>
                <a:gd name="connsiteY14" fmla="*/ 468086 h 961571"/>
                <a:gd name="connsiteX15" fmla="*/ 54429 w 1168400"/>
                <a:gd name="connsiteY15" fmla="*/ 471714 h 961571"/>
                <a:gd name="connsiteX16" fmla="*/ 21772 w 1168400"/>
                <a:gd name="connsiteY16" fmla="*/ 504371 h 961571"/>
                <a:gd name="connsiteX17" fmla="*/ 18143 w 1168400"/>
                <a:gd name="connsiteY17" fmla="*/ 486229 h 961571"/>
                <a:gd name="connsiteX18" fmla="*/ 0 w 1168400"/>
                <a:gd name="connsiteY18" fmla="*/ 478971 h 961571"/>
                <a:gd name="connsiteX19" fmla="*/ 0 w 1168400"/>
                <a:gd name="connsiteY19" fmla="*/ 478971 h 961571"/>
                <a:gd name="connsiteX20" fmla="*/ 18143 w 1168400"/>
                <a:gd name="connsiteY20" fmla="*/ 500743 h 961571"/>
                <a:gd name="connsiteX21" fmla="*/ 54429 w 1168400"/>
                <a:gd name="connsiteY21" fmla="*/ 500743 h 961571"/>
                <a:gd name="connsiteX22" fmla="*/ 65315 w 1168400"/>
                <a:gd name="connsiteY22" fmla="*/ 526143 h 961571"/>
                <a:gd name="connsiteX23" fmla="*/ 97972 w 1168400"/>
                <a:gd name="connsiteY23" fmla="*/ 522514 h 961571"/>
                <a:gd name="connsiteX24" fmla="*/ 123372 w 1168400"/>
                <a:gd name="connsiteY24" fmla="*/ 540657 h 961571"/>
                <a:gd name="connsiteX25" fmla="*/ 134257 w 1168400"/>
                <a:gd name="connsiteY25" fmla="*/ 576943 h 961571"/>
                <a:gd name="connsiteX26" fmla="*/ 123372 w 1168400"/>
                <a:gd name="connsiteY26" fmla="*/ 584200 h 961571"/>
                <a:gd name="connsiteX27" fmla="*/ 123372 w 1168400"/>
                <a:gd name="connsiteY27" fmla="*/ 605971 h 961571"/>
                <a:gd name="connsiteX28" fmla="*/ 90715 w 1168400"/>
                <a:gd name="connsiteY28" fmla="*/ 613229 h 961571"/>
                <a:gd name="connsiteX29" fmla="*/ 123372 w 1168400"/>
                <a:gd name="connsiteY29" fmla="*/ 642257 h 961571"/>
                <a:gd name="connsiteX30" fmla="*/ 152400 w 1168400"/>
                <a:gd name="connsiteY30" fmla="*/ 642257 h 961571"/>
                <a:gd name="connsiteX31" fmla="*/ 166915 w 1168400"/>
                <a:gd name="connsiteY31" fmla="*/ 660400 h 961571"/>
                <a:gd name="connsiteX32" fmla="*/ 170543 w 1168400"/>
                <a:gd name="connsiteY32" fmla="*/ 682171 h 961571"/>
                <a:gd name="connsiteX33" fmla="*/ 170543 w 1168400"/>
                <a:gd name="connsiteY33" fmla="*/ 682171 h 961571"/>
                <a:gd name="connsiteX34" fmla="*/ 159657 w 1168400"/>
                <a:gd name="connsiteY34" fmla="*/ 711200 h 961571"/>
                <a:gd name="connsiteX35" fmla="*/ 203200 w 1168400"/>
                <a:gd name="connsiteY35" fmla="*/ 718457 h 961571"/>
                <a:gd name="connsiteX36" fmla="*/ 228600 w 1168400"/>
                <a:gd name="connsiteY36" fmla="*/ 722086 h 961571"/>
                <a:gd name="connsiteX37" fmla="*/ 254000 w 1168400"/>
                <a:gd name="connsiteY37" fmla="*/ 747486 h 961571"/>
                <a:gd name="connsiteX38" fmla="*/ 268515 w 1168400"/>
                <a:gd name="connsiteY38" fmla="*/ 743857 h 961571"/>
                <a:gd name="connsiteX39" fmla="*/ 275772 w 1168400"/>
                <a:gd name="connsiteY39" fmla="*/ 772886 h 961571"/>
                <a:gd name="connsiteX40" fmla="*/ 330200 w 1168400"/>
                <a:gd name="connsiteY40" fmla="*/ 823686 h 961571"/>
                <a:gd name="connsiteX41" fmla="*/ 319315 w 1168400"/>
                <a:gd name="connsiteY41" fmla="*/ 838200 h 961571"/>
                <a:gd name="connsiteX42" fmla="*/ 359229 w 1168400"/>
                <a:gd name="connsiteY42" fmla="*/ 899886 h 961571"/>
                <a:gd name="connsiteX43" fmla="*/ 370115 w 1168400"/>
                <a:gd name="connsiteY43" fmla="*/ 957943 h 961571"/>
                <a:gd name="connsiteX44" fmla="*/ 384629 w 1168400"/>
                <a:gd name="connsiteY44" fmla="*/ 961571 h 961571"/>
                <a:gd name="connsiteX45" fmla="*/ 406400 w 1168400"/>
                <a:gd name="connsiteY45" fmla="*/ 947057 h 961571"/>
                <a:gd name="connsiteX46" fmla="*/ 460829 w 1168400"/>
                <a:gd name="connsiteY46" fmla="*/ 921657 h 961571"/>
                <a:gd name="connsiteX47" fmla="*/ 508000 w 1168400"/>
                <a:gd name="connsiteY47" fmla="*/ 885371 h 961571"/>
                <a:gd name="connsiteX48" fmla="*/ 500743 w 1168400"/>
                <a:gd name="connsiteY48" fmla="*/ 859971 h 961571"/>
                <a:gd name="connsiteX49" fmla="*/ 562429 w 1168400"/>
                <a:gd name="connsiteY49" fmla="*/ 827314 h 961571"/>
                <a:gd name="connsiteX50" fmla="*/ 602343 w 1168400"/>
                <a:gd name="connsiteY50" fmla="*/ 805543 h 961571"/>
                <a:gd name="connsiteX51" fmla="*/ 635000 w 1168400"/>
                <a:gd name="connsiteY51" fmla="*/ 794657 h 961571"/>
                <a:gd name="connsiteX52" fmla="*/ 631372 w 1168400"/>
                <a:gd name="connsiteY52" fmla="*/ 834571 h 961571"/>
                <a:gd name="connsiteX53" fmla="*/ 627743 w 1168400"/>
                <a:gd name="connsiteY53" fmla="*/ 863600 h 961571"/>
                <a:gd name="connsiteX54" fmla="*/ 627743 w 1168400"/>
                <a:gd name="connsiteY54" fmla="*/ 889000 h 961571"/>
                <a:gd name="connsiteX55" fmla="*/ 656772 w 1168400"/>
                <a:gd name="connsiteY55" fmla="*/ 878114 h 961571"/>
                <a:gd name="connsiteX56" fmla="*/ 671286 w 1168400"/>
                <a:gd name="connsiteY56" fmla="*/ 870857 h 961571"/>
                <a:gd name="connsiteX57" fmla="*/ 696686 w 1168400"/>
                <a:gd name="connsiteY57" fmla="*/ 867229 h 961571"/>
                <a:gd name="connsiteX58" fmla="*/ 711200 w 1168400"/>
                <a:gd name="connsiteY58" fmla="*/ 845457 h 961571"/>
                <a:gd name="connsiteX59" fmla="*/ 722086 w 1168400"/>
                <a:gd name="connsiteY59" fmla="*/ 816429 h 961571"/>
                <a:gd name="connsiteX60" fmla="*/ 703943 w 1168400"/>
                <a:gd name="connsiteY60" fmla="*/ 794657 h 961571"/>
                <a:gd name="connsiteX61" fmla="*/ 703943 w 1168400"/>
                <a:gd name="connsiteY61" fmla="*/ 780143 h 961571"/>
                <a:gd name="connsiteX62" fmla="*/ 736600 w 1168400"/>
                <a:gd name="connsiteY62" fmla="*/ 736600 h 961571"/>
                <a:gd name="connsiteX63" fmla="*/ 776515 w 1168400"/>
                <a:gd name="connsiteY63" fmla="*/ 751114 h 961571"/>
                <a:gd name="connsiteX64" fmla="*/ 798286 w 1168400"/>
                <a:gd name="connsiteY64" fmla="*/ 758371 h 961571"/>
                <a:gd name="connsiteX65" fmla="*/ 812800 w 1168400"/>
                <a:gd name="connsiteY65" fmla="*/ 747486 h 961571"/>
                <a:gd name="connsiteX66" fmla="*/ 823686 w 1168400"/>
                <a:gd name="connsiteY66" fmla="*/ 765629 h 961571"/>
                <a:gd name="connsiteX67" fmla="*/ 845457 w 1168400"/>
                <a:gd name="connsiteY67" fmla="*/ 747486 h 961571"/>
                <a:gd name="connsiteX68" fmla="*/ 841829 w 1168400"/>
                <a:gd name="connsiteY68" fmla="*/ 732971 h 961571"/>
                <a:gd name="connsiteX69" fmla="*/ 903515 w 1168400"/>
                <a:gd name="connsiteY69" fmla="*/ 740229 h 961571"/>
                <a:gd name="connsiteX70" fmla="*/ 943429 w 1168400"/>
                <a:gd name="connsiteY70" fmla="*/ 729343 h 961571"/>
                <a:gd name="connsiteX71" fmla="*/ 954315 w 1168400"/>
                <a:gd name="connsiteY71" fmla="*/ 740229 h 961571"/>
                <a:gd name="connsiteX72" fmla="*/ 957943 w 1168400"/>
                <a:gd name="connsiteY72" fmla="*/ 714829 h 961571"/>
                <a:gd name="connsiteX73" fmla="*/ 986972 w 1168400"/>
                <a:gd name="connsiteY73" fmla="*/ 714829 h 961571"/>
                <a:gd name="connsiteX74" fmla="*/ 986972 w 1168400"/>
                <a:gd name="connsiteY74" fmla="*/ 674914 h 961571"/>
                <a:gd name="connsiteX75" fmla="*/ 947057 w 1168400"/>
                <a:gd name="connsiteY75" fmla="*/ 682171 h 961571"/>
                <a:gd name="connsiteX76" fmla="*/ 939800 w 1168400"/>
                <a:gd name="connsiteY76" fmla="*/ 664029 h 961571"/>
                <a:gd name="connsiteX77" fmla="*/ 957943 w 1168400"/>
                <a:gd name="connsiteY77" fmla="*/ 627743 h 961571"/>
                <a:gd name="connsiteX78" fmla="*/ 928915 w 1168400"/>
                <a:gd name="connsiteY78" fmla="*/ 635000 h 961571"/>
                <a:gd name="connsiteX79" fmla="*/ 910772 w 1168400"/>
                <a:gd name="connsiteY79" fmla="*/ 678543 h 961571"/>
                <a:gd name="connsiteX80" fmla="*/ 885372 w 1168400"/>
                <a:gd name="connsiteY80" fmla="*/ 678543 h 961571"/>
                <a:gd name="connsiteX81" fmla="*/ 874486 w 1168400"/>
                <a:gd name="connsiteY81" fmla="*/ 667657 h 961571"/>
                <a:gd name="connsiteX82" fmla="*/ 892629 w 1168400"/>
                <a:gd name="connsiteY82" fmla="*/ 645886 h 961571"/>
                <a:gd name="connsiteX83" fmla="*/ 907143 w 1168400"/>
                <a:gd name="connsiteY83" fmla="*/ 616857 h 961571"/>
                <a:gd name="connsiteX84" fmla="*/ 943429 w 1168400"/>
                <a:gd name="connsiteY84" fmla="*/ 605971 h 961571"/>
                <a:gd name="connsiteX85" fmla="*/ 972457 w 1168400"/>
                <a:gd name="connsiteY85" fmla="*/ 587829 h 961571"/>
                <a:gd name="connsiteX86" fmla="*/ 994229 w 1168400"/>
                <a:gd name="connsiteY86" fmla="*/ 566057 h 961571"/>
                <a:gd name="connsiteX87" fmla="*/ 1005115 w 1168400"/>
                <a:gd name="connsiteY87" fmla="*/ 533400 h 961571"/>
                <a:gd name="connsiteX88" fmla="*/ 1005115 w 1168400"/>
                <a:gd name="connsiteY88" fmla="*/ 533400 h 961571"/>
                <a:gd name="connsiteX89" fmla="*/ 976086 w 1168400"/>
                <a:gd name="connsiteY89" fmla="*/ 544286 h 961571"/>
                <a:gd name="connsiteX90" fmla="*/ 976086 w 1168400"/>
                <a:gd name="connsiteY90" fmla="*/ 544286 h 961571"/>
                <a:gd name="connsiteX91" fmla="*/ 943429 w 1168400"/>
                <a:gd name="connsiteY91" fmla="*/ 558800 h 961571"/>
                <a:gd name="connsiteX92" fmla="*/ 921657 w 1168400"/>
                <a:gd name="connsiteY92" fmla="*/ 558800 h 961571"/>
                <a:gd name="connsiteX93" fmla="*/ 918029 w 1168400"/>
                <a:gd name="connsiteY93" fmla="*/ 522514 h 961571"/>
                <a:gd name="connsiteX94" fmla="*/ 903515 w 1168400"/>
                <a:gd name="connsiteY94" fmla="*/ 537029 h 961571"/>
                <a:gd name="connsiteX95" fmla="*/ 878115 w 1168400"/>
                <a:gd name="connsiteY95" fmla="*/ 551543 h 961571"/>
                <a:gd name="connsiteX96" fmla="*/ 863600 w 1168400"/>
                <a:gd name="connsiteY96" fmla="*/ 540657 h 961571"/>
                <a:gd name="connsiteX97" fmla="*/ 838200 w 1168400"/>
                <a:gd name="connsiteY97" fmla="*/ 522514 h 961571"/>
                <a:gd name="connsiteX98" fmla="*/ 816429 w 1168400"/>
                <a:gd name="connsiteY98" fmla="*/ 511629 h 961571"/>
                <a:gd name="connsiteX99" fmla="*/ 798286 w 1168400"/>
                <a:gd name="connsiteY99" fmla="*/ 537029 h 961571"/>
                <a:gd name="connsiteX100" fmla="*/ 798286 w 1168400"/>
                <a:gd name="connsiteY100" fmla="*/ 537029 h 961571"/>
                <a:gd name="connsiteX101" fmla="*/ 765629 w 1168400"/>
                <a:gd name="connsiteY101" fmla="*/ 515257 h 961571"/>
                <a:gd name="connsiteX102" fmla="*/ 801915 w 1168400"/>
                <a:gd name="connsiteY102" fmla="*/ 475343 h 961571"/>
                <a:gd name="connsiteX103" fmla="*/ 830943 w 1168400"/>
                <a:gd name="connsiteY103" fmla="*/ 475343 h 961571"/>
                <a:gd name="connsiteX104" fmla="*/ 863600 w 1168400"/>
                <a:gd name="connsiteY104" fmla="*/ 478971 h 961571"/>
                <a:gd name="connsiteX105" fmla="*/ 856343 w 1168400"/>
                <a:gd name="connsiteY105" fmla="*/ 442686 h 961571"/>
                <a:gd name="connsiteX106" fmla="*/ 874486 w 1168400"/>
                <a:gd name="connsiteY106" fmla="*/ 431800 h 961571"/>
                <a:gd name="connsiteX107" fmla="*/ 907143 w 1168400"/>
                <a:gd name="connsiteY107" fmla="*/ 486229 h 961571"/>
                <a:gd name="connsiteX108" fmla="*/ 918029 w 1168400"/>
                <a:gd name="connsiteY108" fmla="*/ 442686 h 961571"/>
                <a:gd name="connsiteX109" fmla="*/ 965200 w 1168400"/>
                <a:gd name="connsiteY109" fmla="*/ 435429 h 961571"/>
                <a:gd name="connsiteX110" fmla="*/ 997857 w 1168400"/>
                <a:gd name="connsiteY110" fmla="*/ 446314 h 961571"/>
                <a:gd name="connsiteX111" fmla="*/ 1030515 w 1168400"/>
                <a:gd name="connsiteY111" fmla="*/ 435429 h 961571"/>
                <a:gd name="connsiteX112" fmla="*/ 1030515 w 1168400"/>
                <a:gd name="connsiteY112" fmla="*/ 435429 h 961571"/>
                <a:gd name="connsiteX113" fmla="*/ 1048657 w 1168400"/>
                <a:gd name="connsiteY113" fmla="*/ 435429 h 961571"/>
                <a:gd name="connsiteX114" fmla="*/ 1121229 w 1168400"/>
                <a:gd name="connsiteY114" fmla="*/ 333829 h 961571"/>
                <a:gd name="connsiteX115" fmla="*/ 1168400 w 1168400"/>
                <a:gd name="connsiteY115" fmla="*/ 272143 h 961571"/>
                <a:gd name="connsiteX116" fmla="*/ 838200 w 1168400"/>
                <a:gd name="connsiteY116" fmla="*/ 0 h 961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Lst>
              <a:rect l="l" t="t" r="r" b="b"/>
              <a:pathLst>
                <a:path w="1168400" h="961571">
                  <a:moveTo>
                    <a:pt x="838200" y="0"/>
                  </a:moveTo>
                  <a:lnTo>
                    <a:pt x="468086" y="221343"/>
                  </a:lnTo>
                  <a:lnTo>
                    <a:pt x="446315" y="221343"/>
                  </a:lnTo>
                  <a:lnTo>
                    <a:pt x="428172" y="206829"/>
                  </a:lnTo>
                  <a:lnTo>
                    <a:pt x="373743" y="61686"/>
                  </a:lnTo>
                  <a:lnTo>
                    <a:pt x="359229" y="47171"/>
                  </a:lnTo>
                  <a:lnTo>
                    <a:pt x="293915" y="123371"/>
                  </a:lnTo>
                  <a:lnTo>
                    <a:pt x="293915" y="148771"/>
                  </a:lnTo>
                  <a:lnTo>
                    <a:pt x="235857" y="224971"/>
                  </a:lnTo>
                  <a:lnTo>
                    <a:pt x="141515" y="304800"/>
                  </a:lnTo>
                  <a:lnTo>
                    <a:pt x="65315" y="337457"/>
                  </a:lnTo>
                  <a:lnTo>
                    <a:pt x="39915" y="348343"/>
                  </a:lnTo>
                  <a:lnTo>
                    <a:pt x="29029" y="431800"/>
                  </a:lnTo>
                  <a:lnTo>
                    <a:pt x="25400" y="435429"/>
                  </a:lnTo>
                  <a:lnTo>
                    <a:pt x="36286" y="468086"/>
                  </a:lnTo>
                  <a:lnTo>
                    <a:pt x="54429" y="471714"/>
                  </a:lnTo>
                  <a:lnTo>
                    <a:pt x="21772" y="504371"/>
                  </a:lnTo>
                  <a:lnTo>
                    <a:pt x="18143" y="486229"/>
                  </a:lnTo>
                  <a:lnTo>
                    <a:pt x="0" y="478971"/>
                  </a:lnTo>
                  <a:lnTo>
                    <a:pt x="0" y="478971"/>
                  </a:lnTo>
                  <a:lnTo>
                    <a:pt x="18143" y="500743"/>
                  </a:lnTo>
                  <a:lnTo>
                    <a:pt x="54429" y="500743"/>
                  </a:lnTo>
                  <a:lnTo>
                    <a:pt x="65315" y="526143"/>
                  </a:lnTo>
                  <a:lnTo>
                    <a:pt x="97972" y="522514"/>
                  </a:lnTo>
                  <a:lnTo>
                    <a:pt x="123372" y="540657"/>
                  </a:lnTo>
                  <a:lnTo>
                    <a:pt x="134257" y="576943"/>
                  </a:lnTo>
                  <a:lnTo>
                    <a:pt x="123372" y="584200"/>
                  </a:lnTo>
                  <a:lnTo>
                    <a:pt x="123372" y="605971"/>
                  </a:lnTo>
                  <a:lnTo>
                    <a:pt x="90715" y="613229"/>
                  </a:lnTo>
                  <a:lnTo>
                    <a:pt x="123372" y="642257"/>
                  </a:lnTo>
                  <a:lnTo>
                    <a:pt x="152400" y="642257"/>
                  </a:lnTo>
                  <a:lnTo>
                    <a:pt x="166915" y="660400"/>
                  </a:lnTo>
                  <a:lnTo>
                    <a:pt x="170543" y="682171"/>
                  </a:lnTo>
                  <a:lnTo>
                    <a:pt x="170543" y="682171"/>
                  </a:lnTo>
                  <a:lnTo>
                    <a:pt x="159657" y="711200"/>
                  </a:lnTo>
                  <a:lnTo>
                    <a:pt x="203200" y="718457"/>
                  </a:lnTo>
                  <a:lnTo>
                    <a:pt x="228600" y="722086"/>
                  </a:lnTo>
                  <a:lnTo>
                    <a:pt x="254000" y="747486"/>
                  </a:lnTo>
                  <a:lnTo>
                    <a:pt x="268515" y="743857"/>
                  </a:lnTo>
                  <a:lnTo>
                    <a:pt x="275772" y="772886"/>
                  </a:lnTo>
                  <a:lnTo>
                    <a:pt x="330200" y="823686"/>
                  </a:lnTo>
                  <a:lnTo>
                    <a:pt x="319315" y="838200"/>
                  </a:lnTo>
                  <a:lnTo>
                    <a:pt x="359229" y="899886"/>
                  </a:lnTo>
                  <a:lnTo>
                    <a:pt x="370115" y="957943"/>
                  </a:lnTo>
                  <a:lnTo>
                    <a:pt x="384629" y="961571"/>
                  </a:lnTo>
                  <a:lnTo>
                    <a:pt x="406400" y="947057"/>
                  </a:lnTo>
                  <a:lnTo>
                    <a:pt x="460829" y="921657"/>
                  </a:lnTo>
                  <a:lnTo>
                    <a:pt x="508000" y="885371"/>
                  </a:lnTo>
                  <a:lnTo>
                    <a:pt x="500743" y="859971"/>
                  </a:lnTo>
                  <a:lnTo>
                    <a:pt x="562429" y="827314"/>
                  </a:lnTo>
                  <a:lnTo>
                    <a:pt x="602343" y="805543"/>
                  </a:lnTo>
                  <a:lnTo>
                    <a:pt x="635000" y="794657"/>
                  </a:lnTo>
                  <a:lnTo>
                    <a:pt x="631372" y="834571"/>
                  </a:lnTo>
                  <a:lnTo>
                    <a:pt x="627743" y="863600"/>
                  </a:lnTo>
                  <a:lnTo>
                    <a:pt x="627743" y="889000"/>
                  </a:lnTo>
                  <a:lnTo>
                    <a:pt x="656772" y="878114"/>
                  </a:lnTo>
                  <a:lnTo>
                    <a:pt x="671286" y="870857"/>
                  </a:lnTo>
                  <a:lnTo>
                    <a:pt x="696686" y="867229"/>
                  </a:lnTo>
                  <a:lnTo>
                    <a:pt x="711200" y="845457"/>
                  </a:lnTo>
                  <a:lnTo>
                    <a:pt x="722086" y="816429"/>
                  </a:lnTo>
                  <a:lnTo>
                    <a:pt x="703943" y="794657"/>
                  </a:lnTo>
                  <a:lnTo>
                    <a:pt x="703943" y="780143"/>
                  </a:lnTo>
                  <a:lnTo>
                    <a:pt x="736600" y="736600"/>
                  </a:lnTo>
                  <a:lnTo>
                    <a:pt x="776515" y="751114"/>
                  </a:lnTo>
                  <a:lnTo>
                    <a:pt x="798286" y="758371"/>
                  </a:lnTo>
                  <a:lnTo>
                    <a:pt x="812800" y="747486"/>
                  </a:lnTo>
                  <a:lnTo>
                    <a:pt x="823686" y="765629"/>
                  </a:lnTo>
                  <a:lnTo>
                    <a:pt x="845457" y="747486"/>
                  </a:lnTo>
                  <a:lnTo>
                    <a:pt x="841829" y="732971"/>
                  </a:lnTo>
                  <a:lnTo>
                    <a:pt x="903515" y="740229"/>
                  </a:lnTo>
                  <a:lnTo>
                    <a:pt x="943429" y="729343"/>
                  </a:lnTo>
                  <a:lnTo>
                    <a:pt x="954315" y="740229"/>
                  </a:lnTo>
                  <a:lnTo>
                    <a:pt x="957943" y="714829"/>
                  </a:lnTo>
                  <a:lnTo>
                    <a:pt x="986972" y="714829"/>
                  </a:lnTo>
                  <a:lnTo>
                    <a:pt x="986972" y="674914"/>
                  </a:lnTo>
                  <a:lnTo>
                    <a:pt x="947057" y="682171"/>
                  </a:lnTo>
                  <a:lnTo>
                    <a:pt x="939800" y="664029"/>
                  </a:lnTo>
                  <a:lnTo>
                    <a:pt x="957943" y="627743"/>
                  </a:lnTo>
                  <a:lnTo>
                    <a:pt x="928915" y="635000"/>
                  </a:lnTo>
                  <a:lnTo>
                    <a:pt x="910772" y="678543"/>
                  </a:lnTo>
                  <a:lnTo>
                    <a:pt x="885372" y="678543"/>
                  </a:lnTo>
                  <a:lnTo>
                    <a:pt x="874486" y="667657"/>
                  </a:lnTo>
                  <a:lnTo>
                    <a:pt x="892629" y="645886"/>
                  </a:lnTo>
                  <a:lnTo>
                    <a:pt x="907143" y="616857"/>
                  </a:lnTo>
                  <a:lnTo>
                    <a:pt x="943429" y="605971"/>
                  </a:lnTo>
                  <a:lnTo>
                    <a:pt x="972457" y="587829"/>
                  </a:lnTo>
                  <a:lnTo>
                    <a:pt x="994229" y="566057"/>
                  </a:lnTo>
                  <a:lnTo>
                    <a:pt x="1005115" y="533400"/>
                  </a:lnTo>
                  <a:lnTo>
                    <a:pt x="1005115" y="533400"/>
                  </a:lnTo>
                  <a:lnTo>
                    <a:pt x="976086" y="544286"/>
                  </a:lnTo>
                  <a:lnTo>
                    <a:pt x="976086" y="544286"/>
                  </a:lnTo>
                  <a:lnTo>
                    <a:pt x="943429" y="558800"/>
                  </a:lnTo>
                  <a:lnTo>
                    <a:pt x="921657" y="558800"/>
                  </a:lnTo>
                  <a:lnTo>
                    <a:pt x="918029" y="522514"/>
                  </a:lnTo>
                  <a:lnTo>
                    <a:pt x="903515" y="537029"/>
                  </a:lnTo>
                  <a:lnTo>
                    <a:pt x="878115" y="551543"/>
                  </a:lnTo>
                  <a:lnTo>
                    <a:pt x="863600" y="540657"/>
                  </a:lnTo>
                  <a:lnTo>
                    <a:pt x="838200" y="522514"/>
                  </a:lnTo>
                  <a:lnTo>
                    <a:pt x="816429" y="511629"/>
                  </a:lnTo>
                  <a:lnTo>
                    <a:pt x="798286" y="537029"/>
                  </a:lnTo>
                  <a:lnTo>
                    <a:pt x="798286" y="537029"/>
                  </a:lnTo>
                  <a:lnTo>
                    <a:pt x="765629" y="515257"/>
                  </a:lnTo>
                  <a:lnTo>
                    <a:pt x="801915" y="475343"/>
                  </a:lnTo>
                  <a:lnTo>
                    <a:pt x="830943" y="475343"/>
                  </a:lnTo>
                  <a:lnTo>
                    <a:pt x="863600" y="478971"/>
                  </a:lnTo>
                  <a:lnTo>
                    <a:pt x="856343" y="442686"/>
                  </a:lnTo>
                  <a:lnTo>
                    <a:pt x="874486" y="431800"/>
                  </a:lnTo>
                  <a:lnTo>
                    <a:pt x="907143" y="486229"/>
                  </a:lnTo>
                  <a:lnTo>
                    <a:pt x="918029" y="442686"/>
                  </a:lnTo>
                  <a:lnTo>
                    <a:pt x="965200" y="435429"/>
                  </a:lnTo>
                  <a:lnTo>
                    <a:pt x="997857" y="446314"/>
                  </a:lnTo>
                  <a:lnTo>
                    <a:pt x="1030515" y="435429"/>
                  </a:lnTo>
                  <a:lnTo>
                    <a:pt x="1030515" y="435429"/>
                  </a:lnTo>
                  <a:lnTo>
                    <a:pt x="1048657" y="435429"/>
                  </a:lnTo>
                  <a:lnTo>
                    <a:pt x="1121229" y="333829"/>
                  </a:lnTo>
                  <a:lnTo>
                    <a:pt x="1168400" y="272143"/>
                  </a:lnTo>
                  <a:lnTo>
                    <a:pt x="838200" y="0"/>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0" name="TextBox 19"/>
            <p:cNvSpPr txBox="1"/>
            <p:nvPr/>
          </p:nvSpPr>
          <p:spPr bwMode="gray">
            <a:xfrm>
              <a:off x="5104506" y="1219200"/>
              <a:ext cx="691216" cy="307777"/>
            </a:xfrm>
            <a:prstGeom prst="rect">
              <a:avLst/>
            </a:prstGeom>
            <a:noFill/>
          </p:spPr>
          <p:txBody>
            <a:bodyPr wrap="none" rtlCol="0">
              <a:spAutoFit/>
            </a:bodyPr>
            <a:lstStyle/>
            <a:p>
              <a:pPr algn="ctr"/>
              <a:r>
                <a:rPr lang="en-US" sz="1400" b="1" dirty="0" smtClean="0">
                  <a:solidFill>
                    <a:prstClr val="white"/>
                  </a:solidFill>
                  <a:effectLst>
                    <a:outerShdw blurRad="38100" dist="63500" dir="2700000" algn="tl">
                      <a:srgbClr val="000000"/>
                    </a:outerShdw>
                  </a:effectLst>
                </a:rPr>
                <a:t>Chino</a:t>
              </a:r>
              <a:endParaRPr lang="en-US" sz="1400" b="1" dirty="0">
                <a:solidFill>
                  <a:prstClr val="white"/>
                </a:solidFill>
                <a:effectLst>
                  <a:outerShdw blurRad="38100" dist="63500" dir="2700000" algn="tl">
                    <a:srgbClr val="000000"/>
                  </a:outerShdw>
                </a:effectLst>
              </a:endParaRPr>
            </a:p>
          </p:txBody>
        </p:sp>
      </p:grpSp>
      <p:grpSp>
        <p:nvGrpSpPr>
          <p:cNvPr id="17" name="Group 47"/>
          <p:cNvGrpSpPr/>
          <p:nvPr/>
        </p:nvGrpSpPr>
        <p:grpSpPr bwMode="gray">
          <a:xfrm>
            <a:off x="6111531" y="1597814"/>
            <a:ext cx="1586197" cy="1078812"/>
            <a:chOff x="6111531" y="1597814"/>
            <a:chExt cx="1586197" cy="1078812"/>
          </a:xfrm>
        </p:grpSpPr>
        <p:grpSp>
          <p:nvGrpSpPr>
            <p:cNvPr id="18" name="Group 46"/>
            <p:cNvGrpSpPr/>
            <p:nvPr/>
          </p:nvGrpSpPr>
          <p:grpSpPr bwMode="gray">
            <a:xfrm>
              <a:off x="6298641" y="1597814"/>
              <a:ext cx="1399087" cy="1078812"/>
              <a:chOff x="6298641" y="1597814"/>
              <a:chExt cx="1399087" cy="1078812"/>
            </a:xfrm>
          </p:grpSpPr>
          <p:sp>
            <p:nvSpPr>
              <p:cNvPr id="31" name="Freeform 30"/>
              <p:cNvSpPr/>
              <p:nvPr/>
            </p:nvSpPr>
            <p:spPr bwMode="gray">
              <a:xfrm>
                <a:off x="6298641" y="1597814"/>
                <a:ext cx="406959" cy="718457"/>
              </a:xfrm>
              <a:custGeom>
                <a:avLst/>
                <a:gdLst>
                  <a:gd name="connsiteX0" fmla="*/ 406959 w 406959"/>
                  <a:gd name="connsiteY0" fmla="*/ 281354 h 718457"/>
                  <a:gd name="connsiteX1" fmla="*/ 296427 w 406959"/>
                  <a:gd name="connsiteY1" fmla="*/ 135653 h 718457"/>
                  <a:gd name="connsiteX2" fmla="*/ 276330 w 406959"/>
                  <a:gd name="connsiteY2" fmla="*/ 160774 h 718457"/>
                  <a:gd name="connsiteX3" fmla="*/ 261258 w 406959"/>
                  <a:gd name="connsiteY3" fmla="*/ 160774 h 718457"/>
                  <a:gd name="connsiteX4" fmla="*/ 261258 w 406959"/>
                  <a:gd name="connsiteY4" fmla="*/ 185895 h 718457"/>
                  <a:gd name="connsiteX5" fmla="*/ 226088 w 406959"/>
                  <a:gd name="connsiteY5" fmla="*/ 165798 h 718457"/>
                  <a:gd name="connsiteX6" fmla="*/ 216040 w 406959"/>
                  <a:gd name="connsiteY6" fmla="*/ 140677 h 718457"/>
                  <a:gd name="connsiteX7" fmla="*/ 180871 w 406959"/>
                  <a:gd name="connsiteY7" fmla="*/ 115556 h 718457"/>
                  <a:gd name="connsiteX8" fmla="*/ 160774 w 406959"/>
                  <a:gd name="connsiteY8" fmla="*/ 100484 h 718457"/>
                  <a:gd name="connsiteX9" fmla="*/ 150726 w 406959"/>
                  <a:gd name="connsiteY9" fmla="*/ 60290 h 718457"/>
                  <a:gd name="connsiteX10" fmla="*/ 140677 w 406959"/>
                  <a:gd name="connsiteY10" fmla="*/ 45218 h 718457"/>
                  <a:gd name="connsiteX11" fmla="*/ 135653 w 406959"/>
                  <a:gd name="connsiteY11" fmla="*/ 70339 h 718457"/>
                  <a:gd name="connsiteX12" fmla="*/ 80387 w 406959"/>
                  <a:gd name="connsiteY12" fmla="*/ 50242 h 718457"/>
                  <a:gd name="connsiteX13" fmla="*/ 30146 w 406959"/>
                  <a:gd name="connsiteY13" fmla="*/ 0 h 718457"/>
                  <a:gd name="connsiteX14" fmla="*/ 10049 w 406959"/>
                  <a:gd name="connsiteY14" fmla="*/ 15073 h 718457"/>
                  <a:gd name="connsiteX15" fmla="*/ 35170 w 406959"/>
                  <a:gd name="connsiteY15" fmla="*/ 30145 h 718457"/>
                  <a:gd name="connsiteX16" fmla="*/ 35170 w 406959"/>
                  <a:gd name="connsiteY16" fmla="*/ 70339 h 718457"/>
                  <a:gd name="connsiteX17" fmla="*/ 65315 w 406959"/>
                  <a:gd name="connsiteY17" fmla="*/ 105508 h 718457"/>
                  <a:gd name="connsiteX18" fmla="*/ 65315 w 406959"/>
                  <a:gd name="connsiteY18" fmla="*/ 130629 h 718457"/>
                  <a:gd name="connsiteX19" fmla="*/ 45218 w 406959"/>
                  <a:gd name="connsiteY19" fmla="*/ 150725 h 718457"/>
                  <a:gd name="connsiteX20" fmla="*/ 55266 w 406959"/>
                  <a:gd name="connsiteY20" fmla="*/ 190919 h 718457"/>
                  <a:gd name="connsiteX21" fmla="*/ 0 w 406959"/>
                  <a:gd name="connsiteY21" fmla="*/ 321547 h 718457"/>
                  <a:gd name="connsiteX22" fmla="*/ 0 w 406959"/>
                  <a:gd name="connsiteY22" fmla="*/ 386862 h 718457"/>
                  <a:gd name="connsiteX23" fmla="*/ 35170 w 406959"/>
                  <a:gd name="connsiteY23" fmla="*/ 442128 h 718457"/>
                  <a:gd name="connsiteX24" fmla="*/ 50242 w 406959"/>
                  <a:gd name="connsiteY24" fmla="*/ 552659 h 718457"/>
                  <a:gd name="connsiteX25" fmla="*/ 70339 w 406959"/>
                  <a:gd name="connsiteY25" fmla="*/ 562708 h 718457"/>
                  <a:gd name="connsiteX26" fmla="*/ 125605 w 406959"/>
                  <a:gd name="connsiteY26" fmla="*/ 708409 h 718457"/>
                  <a:gd name="connsiteX27" fmla="*/ 150726 w 406959"/>
                  <a:gd name="connsiteY27" fmla="*/ 718457 h 718457"/>
                  <a:gd name="connsiteX28" fmla="*/ 281354 w 406959"/>
                  <a:gd name="connsiteY28" fmla="*/ 693336 h 718457"/>
                  <a:gd name="connsiteX29" fmla="*/ 286379 w 406959"/>
                  <a:gd name="connsiteY29" fmla="*/ 643095 h 718457"/>
                  <a:gd name="connsiteX30" fmla="*/ 261258 w 406959"/>
                  <a:gd name="connsiteY30" fmla="*/ 633046 h 718457"/>
                  <a:gd name="connsiteX31" fmla="*/ 251209 w 406959"/>
                  <a:gd name="connsiteY31" fmla="*/ 597877 h 718457"/>
                  <a:gd name="connsiteX32" fmla="*/ 266282 w 406959"/>
                  <a:gd name="connsiteY32" fmla="*/ 577780 h 718457"/>
                  <a:gd name="connsiteX33" fmla="*/ 291403 w 406959"/>
                  <a:gd name="connsiteY33" fmla="*/ 577780 h 718457"/>
                  <a:gd name="connsiteX34" fmla="*/ 271306 w 406959"/>
                  <a:gd name="connsiteY34" fmla="*/ 527539 h 718457"/>
                  <a:gd name="connsiteX35" fmla="*/ 256233 w 406959"/>
                  <a:gd name="connsiteY35" fmla="*/ 517490 h 718457"/>
                  <a:gd name="connsiteX36" fmla="*/ 241161 w 406959"/>
                  <a:gd name="connsiteY36" fmla="*/ 472273 h 718457"/>
                  <a:gd name="connsiteX37" fmla="*/ 211016 w 406959"/>
                  <a:gd name="connsiteY37" fmla="*/ 437103 h 718457"/>
                  <a:gd name="connsiteX38" fmla="*/ 231113 w 406959"/>
                  <a:gd name="connsiteY38" fmla="*/ 381837 h 718457"/>
                  <a:gd name="connsiteX39" fmla="*/ 236137 w 406959"/>
                  <a:gd name="connsiteY39" fmla="*/ 356717 h 718457"/>
                  <a:gd name="connsiteX40" fmla="*/ 291403 w 406959"/>
                  <a:gd name="connsiteY40" fmla="*/ 341644 h 718457"/>
                  <a:gd name="connsiteX41" fmla="*/ 406959 w 406959"/>
                  <a:gd name="connsiteY41" fmla="*/ 281354 h 718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406959" h="718457">
                    <a:moveTo>
                      <a:pt x="406959" y="281354"/>
                    </a:moveTo>
                    <a:lnTo>
                      <a:pt x="296427" y="135653"/>
                    </a:lnTo>
                    <a:lnTo>
                      <a:pt x="276330" y="160774"/>
                    </a:lnTo>
                    <a:lnTo>
                      <a:pt x="261258" y="160774"/>
                    </a:lnTo>
                    <a:lnTo>
                      <a:pt x="261258" y="185895"/>
                    </a:lnTo>
                    <a:lnTo>
                      <a:pt x="226088" y="165798"/>
                    </a:lnTo>
                    <a:lnTo>
                      <a:pt x="216040" y="140677"/>
                    </a:lnTo>
                    <a:lnTo>
                      <a:pt x="180871" y="115556"/>
                    </a:lnTo>
                    <a:lnTo>
                      <a:pt x="160774" y="100484"/>
                    </a:lnTo>
                    <a:lnTo>
                      <a:pt x="150726" y="60290"/>
                    </a:lnTo>
                    <a:lnTo>
                      <a:pt x="140677" y="45218"/>
                    </a:lnTo>
                    <a:lnTo>
                      <a:pt x="135653" y="70339"/>
                    </a:lnTo>
                    <a:lnTo>
                      <a:pt x="80387" y="50242"/>
                    </a:lnTo>
                    <a:lnTo>
                      <a:pt x="30146" y="0"/>
                    </a:lnTo>
                    <a:lnTo>
                      <a:pt x="10049" y="15073"/>
                    </a:lnTo>
                    <a:lnTo>
                      <a:pt x="35170" y="30145"/>
                    </a:lnTo>
                    <a:lnTo>
                      <a:pt x="35170" y="70339"/>
                    </a:lnTo>
                    <a:lnTo>
                      <a:pt x="65315" y="105508"/>
                    </a:lnTo>
                    <a:lnTo>
                      <a:pt x="65315" y="130629"/>
                    </a:lnTo>
                    <a:lnTo>
                      <a:pt x="45218" y="150725"/>
                    </a:lnTo>
                    <a:lnTo>
                      <a:pt x="55266" y="190919"/>
                    </a:lnTo>
                    <a:lnTo>
                      <a:pt x="0" y="321547"/>
                    </a:lnTo>
                    <a:lnTo>
                      <a:pt x="0" y="386862"/>
                    </a:lnTo>
                    <a:lnTo>
                      <a:pt x="35170" y="442128"/>
                    </a:lnTo>
                    <a:lnTo>
                      <a:pt x="50242" y="552659"/>
                    </a:lnTo>
                    <a:lnTo>
                      <a:pt x="70339" y="562708"/>
                    </a:lnTo>
                    <a:lnTo>
                      <a:pt x="125605" y="708409"/>
                    </a:lnTo>
                    <a:lnTo>
                      <a:pt x="150726" y="718457"/>
                    </a:lnTo>
                    <a:lnTo>
                      <a:pt x="281354" y="693336"/>
                    </a:lnTo>
                    <a:lnTo>
                      <a:pt x="286379" y="643095"/>
                    </a:lnTo>
                    <a:lnTo>
                      <a:pt x="261258" y="633046"/>
                    </a:lnTo>
                    <a:lnTo>
                      <a:pt x="251209" y="597877"/>
                    </a:lnTo>
                    <a:lnTo>
                      <a:pt x="266282" y="577780"/>
                    </a:lnTo>
                    <a:lnTo>
                      <a:pt x="291403" y="577780"/>
                    </a:lnTo>
                    <a:lnTo>
                      <a:pt x="271306" y="527539"/>
                    </a:lnTo>
                    <a:lnTo>
                      <a:pt x="256233" y="517490"/>
                    </a:lnTo>
                    <a:lnTo>
                      <a:pt x="241161" y="472273"/>
                    </a:lnTo>
                    <a:lnTo>
                      <a:pt x="211016" y="437103"/>
                    </a:lnTo>
                    <a:lnTo>
                      <a:pt x="231113" y="381837"/>
                    </a:lnTo>
                    <a:lnTo>
                      <a:pt x="236137" y="356717"/>
                    </a:lnTo>
                    <a:lnTo>
                      <a:pt x="291403" y="341644"/>
                    </a:lnTo>
                    <a:lnTo>
                      <a:pt x="406959" y="281354"/>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2" name="Freeform 31"/>
              <p:cNvSpPr/>
              <p:nvPr/>
            </p:nvSpPr>
            <p:spPr bwMode="gray">
              <a:xfrm>
                <a:off x="6588537" y="1689339"/>
                <a:ext cx="401934" cy="432079"/>
              </a:xfrm>
              <a:custGeom>
                <a:avLst/>
                <a:gdLst>
                  <a:gd name="connsiteX0" fmla="*/ 0 w 401934"/>
                  <a:gd name="connsiteY0" fmla="*/ 35169 h 432079"/>
                  <a:gd name="connsiteX1" fmla="*/ 45217 w 401934"/>
                  <a:gd name="connsiteY1" fmla="*/ 0 h 432079"/>
                  <a:gd name="connsiteX2" fmla="*/ 296426 w 401934"/>
                  <a:gd name="connsiteY2" fmla="*/ 226088 h 432079"/>
                  <a:gd name="connsiteX3" fmla="*/ 296426 w 401934"/>
                  <a:gd name="connsiteY3" fmla="*/ 271305 h 432079"/>
                  <a:gd name="connsiteX4" fmla="*/ 331595 w 401934"/>
                  <a:gd name="connsiteY4" fmla="*/ 301450 h 432079"/>
                  <a:gd name="connsiteX5" fmla="*/ 401934 w 401934"/>
                  <a:gd name="connsiteY5" fmla="*/ 361741 h 432079"/>
                  <a:gd name="connsiteX6" fmla="*/ 326571 w 401934"/>
                  <a:gd name="connsiteY6" fmla="*/ 406958 h 432079"/>
                  <a:gd name="connsiteX7" fmla="*/ 331595 w 401934"/>
                  <a:gd name="connsiteY7" fmla="*/ 432079 h 432079"/>
                  <a:gd name="connsiteX8" fmla="*/ 241160 w 401934"/>
                  <a:gd name="connsiteY8" fmla="*/ 361741 h 432079"/>
                  <a:gd name="connsiteX9" fmla="*/ 205991 w 401934"/>
                  <a:gd name="connsiteY9" fmla="*/ 341644 h 432079"/>
                  <a:gd name="connsiteX10" fmla="*/ 205991 w 401934"/>
                  <a:gd name="connsiteY10" fmla="*/ 321547 h 432079"/>
                  <a:gd name="connsiteX11" fmla="*/ 180870 w 401934"/>
                  <a:gd name="connsiteY11" fmla="*/ 321547 h 432079"/>
                  <a:gd name="connsiteX12" fmla="*/ 155749 w 401934"/>
                  <a:gd name="connsiteY12" fmla="*/ 296426 h 432079"/>
                  <a:gd name="connsiteX13" fmla="*/ 160773 w 401934"/>
                  <a:gd name="connsiteY13" fmla="*/ 216039 h 432079"/>
                  <a:gd name="connsiteX14" fmla="*/ 0 w 401934"/>
                  <a:gd name="connsiteY14" fmla="*/ 35169 h 432079"/>
                  <a:gd name="connsiteX0" fmla="*/ 0 w 401934"/>
                  <a:gd name="connsiteY0" fmla="*/ 35169 h 432079"/>
                  <a:gd name="connsiteX1" fmla="*/ 45217 w 401934"/>
                  <a:gd name="connsiteY1" fmla="*/ 0 h 432079"/>
                  <a:gd name="connsiteX2" fmla="*/ 296426 w 401934"/>
                  <a:gd name="connsiteY2" fmla="*/ 226088 h 432079"/>
                  <a:gd name="connsiteX3" fmla="*/ 296426 w 401934"/>
                  <a:gd name="connsiteY3" fmla="*/ 271305 h 432079"/>
                  <a:gd name="connsiteX4" fmla="*/ 339456 w 401934"/>
                  <a:gd name="connsiteY4" fmla="*/ 288350 h 432079"/>
                  <a:gd name="connsiteX5" fmla="*/ 401934 w 401934"/>
                  <a:gd name="connsiteY5" fmla="*/ 361741 h 432079"/>
                  <a:gd name="connsiteX6" fmla="*/ 326571 w 401934"/>
                  <a:gd name="connsiteY6" fmla="*/ 406958 h 432079"/>
                  <a:gd name="connsiteX7" fmla="*/ 331595 w 401934"/>
                  <a:gd name="connsiteY7" fmla="*/ 432079 h 432079"/>
                  <a:gd name="connsiteX8" fmla="*/ 241160 w 401934"/>
                  <a:gd name="connsiteY8" fmla="*/ 361741 h 432079"/>
                  <a:gd name="connsiteX9" fmla="*/ 205991 w 401934"/>
                  <a:gd name="connsiteY9" fmla="*/ 341644 h 432079"/>
                  <a:gd name="connsiteX10" fmla="*/ 205991 w 401934"/>
                  <a:gd name="connsiteY10" fmla="*/ 321547 h 432079"/>
                  <a:gd name="connsiteX11" fmla="*/ 180870 w 401934"/>
                  <a:gd name="connsiteY11" fmla="*/ 321547 h 432079"/>
                  <a:gd name="connsiteX12" fmla="*/ 155749 w 401934"/>
                  <a:gd name="connsiteY12" fmla="*/ 296426 h 432079"/>
                  <a:gd name="connsiteX13" fmla="*/ 160773 w 401934"/>
                  <a:gd name="connsiteY13" fmla="*/ 216039 h 432079"/>
                  <a:gd name="connsiteX14" fmla="*/ 0 w 401934"/>
                  <a:gd name="connsiteY14" fmla="*/ 35169 h 4320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01934" h="432079">
                    <a:moveTo>
                      <a:pt x="0" y="35169"/>
                    </a:moveTo>
                    <a:lnTo>
                      <a:pt x="45217" y="0"/>
                    </a:lnTo>
                    <a:lnTo>
                      <a:pt x="296426" y="226088"/>
                    </a:lnTo>
                    <a:lnTo>
                      <a:pt x="296426" y="271305"/>
                    </a:lnTo>
                    <a:lnTo>
                      <a:pt x="339456" y="288350"/>
                    </a:lnTo>
                    <a:lnTo>
                      <a:pt x="401934" y="361741"/>
                    </a:lnTo>
                    <a:lnTo>
                      <a:pt x="326571" y="406958"/>
                    </a:lnTo>
                    <a:lnTo>
                      <a:pt x="331595" y="432079"/>
                    </a:lnTo>
                    <a:lnTo>
                      <a:pt x="241160" y="361741"/>
                    </a:lnTo>
                    <a:lnTo>
                      <a:pt x="205991" y="341644"/>
                    </a:lnTo>
                    <a:lnTo>
                      <a:pt x="205991" y="321547"/>
                    </a:lnTo>
                    <a:lnTo>
                      <a:pt x="180870" y="321547"/>
                    </a:lnTo>
                    <a:lnTo>
                      <a:pt x="155749" y="296426"/>
                    </a:lnTo>
                    <a:lnTo>
                      <a:pt x="160773" y="216039"/>
                    </a:lnTo>
                    <a:lnTo>
                      <a:pt x="0" y="35169"/>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3" name="Freeform 32"/>
              <p:cNvSpPr/>
              <p:nvPr/>
            </p:nvSpPr>
            <p:spPr bwMode="gray">
              <a:xfrm>
                <a:off x="6933363" y="2054887"/>
                <a:ext cx="649201" cy="621739"/>
              </a:xfrm>
              <a:custGeom>
                <a:avLst/>
                <a:gdLst>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82804 w 628022"/>
                  <a:gd name="connsiteY8" fmla="*/ 57275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77564 w 628022"/>
                  <a:gd name="connsiteY8" fmla="*/ 58585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606385 w 628022"/>
                  <a:gd name="connsiteY8" fmla="*/ 57537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28022"/>
                  <a:gd name="connsiteY0" fmla="*/ 0 h 633046"/>
                  <a:gd name="connsiteX1" fmla="*/ 0 w 628022"/>
                  <a:gd name="connsiteY1" fmla="*/ 45217 h 633046"/>
                  <a:gd name="connsiteX2" fmla="*/ 0 w 628022"/>
                  <a:gd name="connsiteY2" fmla="*/ 75363 h 633046"/>
                  <a:gd name="connsiteX3" fmla="*/ 105507 w 628022"/>
                  <a:gd name="connsiteY3" fmla="*/ 140677 h 633046"/>
                  <a:gd name="connsiteX4" fmla="*/ 140677 w 628022"/>
                  <a:gd name="connsiteY4" fmla="*/ 231112 h 633046"/>
                  <a:gd name="connsiteX5" fmla="*/ 170822 w 628022"/>
                  <a:gd name="connsiteY5" fmla="*/ 236136 h 633046"/>
                  <a:gd name="connsiteX6" fmla="*/ 226088 w 628022"/>
                  <a:gd name="connsiteY6" fmla="*/ 311499 h 633046"/>
                  <a:gd name="connsiteX7" fmla="*/ 417006 w 628022"/>
                  <a:gd name="connsiteY7" fmla="*/ 487345 h 633046"/>
                  <a:gd name="connsiteX8" fmla="*/ 577564 w 628022"/>
                  <a:gd name="connsiteY8" fmla="*/ 577996 h 633046"/>
                  <a:gd name="connsiteX9" fmla="*/ 628022 w 628022"/>
                  <a:gd name="connsiteY9" fmla="*/ 633046 h 633046"/>
                  <a:gd name="connsiteX10" fmla="*/ 628022 w 628022"/>
                  <a:gd name="connsiteY10" fmla="*/ 633046 h 633046"/>
                  <a:gd name="connsiteX11" fmla="*/ 537586 w 628022"/>
                  <a:gd name="connsiteY11" fmla="*/ 517490 h 633046"/>
                  <a:gd name="connsiteX12" fmla="*/ 522514 w 628022"/>
                  <a:gd name="connsiteY12" fmla="*/ 467248 h 633046"/>
                  <a:gd name="connsiteX13" fmla="*/ 457200 w 628022"/>
                  <a:gd name="connsiteY13" fmla="*/ 411982 h 633046"/>
                  <a:gd name="connsiteX14" fmla="*/ 437103 w 628022"/>
                  <a:gd name="connsiteY14" fmla="*/ 316523 h 633046"/>
                  <a:gd name="connsiteX15" fmla="*/ 386861 w 628022"/>
                  <a:gd name="connsiteY15" fmla="*/ 256233 h 633046"/>
                  <a:gd name="connsiteX16" fmla="*/ 306474 w 628022"/>
                  <a:gd name="connsiteY16" fmla="*/ 170822 h 633046"/>
                  <a:gd name="connsiteX17" fmla="*/ 190918 w 628022"/>
                  <a:gd name="connsiteY17" fmla="*/ 85411 h 633046"/>
                  <a:gd name="connsiteX18" fmla="*/ 130628 w 628022"/>
                  <a:gd name="connsiteY18" fmla="*/ 15072 h 633046"/>
                  <a:gd name="connsiteX19" fmla="*/ 55266 w 628022"/>
                  <a:gd name="connsiteY19" fmla="*/ 0 h 633046"/>
                  <a:gd name="connsiteX0" fmla="*/ 55266 w 643743"/>
                  <a:gd name="connsiteY0" fmla="*/ 0 h 633580"/>
                  <a:gd name="connsiteX1" fmla="*/ 0 w 643743"/>
                  <a:gd name="connsiteY1" fmla="*/ 45217 h 633580"/>
                  <a:gd name="connsiteX2" fmla="*/ 0 w 643743"/>
                  <a:gd name="connsiteY2" fmla="*/ 75363 h 633580"/>
                  <a:gd name="connsiteX3" fmla="*/ 105507 w 643743"/>
                  <a:gd name="connsiteY3" fmla="*/ 140677 h 633580"/>
                  <a:gd name="connsiteX4" fmla="*/ 140677 w 643743"/>
                  <a:gd name="connsiteY4" fmla="*/ 231112 h 633580"/>
                  <a:gd name="connsiteX5" fmla="*/ 170822 w 643743"/>
                  <a:gd name="connsiteY5" fmla="*/ 236136 h 633580"/>
                  <a:gd name="connsiteX6" fmla="*/ 226088 w 643743"/>
                  <a:gd name="connsiteY6" fmla="*/ 311499 h 633580"/>
                  <a:gd name="connsiteX7" fmla="*/ 417006 w 643743"/>
                  <a:gd name="connsiteY7" fmla="*/ 487345 h 633580"/>
                  <a:gd name="connsiteX8" fmla="*/ 577564 w 643743"/>
                  <a:gd name="connsiteY8" fmla="*/ 577996 h 633580"/>
                  <a:gd name="connsiteX9" fmla="*/ 628022 w 643743"/>
                  <a:gd name="connsiteY9" fmla="*/ 633046 h 633580"/>
                  <a:gd name="connsiteX10" fmla="*/ 643743 w 643743"/>
                  <a:gd name="connsiteY10" fmla="*/ 604225 h 633580"/>
                  <a:gd name="connsiteX11" fmla="*/ 537586 w 643743"/>
                  <a:gd name="connsiteY11" fmla="*/ 517490 h 633580"/>
                  <a:gd name="connsiteX12" fmla="*/ 522514 w 643743"/>
                  <a:gd name="connsiteY12" fmla="*/ 467248 h 633580"/>
                  <a:gd name="connsiteX13" fmla="*/ 457200 w 643743"/>
                  <a:gd name="connsiteY13" fmla="*/ 411982 h 633580"/>
                  <a:gd name="connsiteX14" fmla="*/ 437103 w 643743"/>
                  <a:gd name="connsiteY14" fmla="*/ 316523 h 633580"/>
                  <a:gd name="connsiteX15" fmla="*/ 386861 w 643743"/>
                  <a:gd name="connsiteY15" fmla="*/ 256233 h 633580"/>
                  <a:gd name="connsiteX16" fmla="*/ 306474 w 643743"/>
                  <a:gd name="connsiteY16" fmla="*/ 170822 h 633580"/>
                  <a:gd name="connsiteX17" fmla="*/ 190918 w 643743"/>
                  <a:gd name="connsiteY17" fmla="*/ 85411 h 633580"/>
                  <a:gd name="connsiteX18" fmla="*/ 130628 w 643743"/>
                  <a:gd name="connsiteY18" fmla="*/ 15072 h 633580"/>
                  <a:gd name="connsiteX19" fmla="*/ 55266 w 643743"/>
                  <a:gd name="connsiteY19" fmla="*/ 0 h 633580"/>
                  <a:gd name="connsiteX0" fmla="*/ 55266 w 649201"/>
                  <a:gd name="connsiteY0" fmla="*/ 0 h 621739"/>
                  <a:gd name="connsiteX1" fmla="*/ 0 w 649201"/>
                  <a:gd name="connsiteY1" fmla="*/ 45217 h 621739"/>
                  <a:gd name="connsiteX2" fmla="*/ 0 w 649201"/>
                  <a:gd name="connsiteY2" fmla="*/ 75363 h 621739"/>
                  <a:gd name="connsiteX3" fmla="*/ 105507 w 649201"/>
                  <a:gd name="connsiteY3" fmla="*/ 140677 h 621739"/>
                  <a:gd name="connsiteX4" fmla="*/ 140677 w 649201"/>
                  <a:gd name="connsiteY4" fmla="*/ 231112 h 621739"/>
                  <a:gd name="connsiteX5" fmla="*/ 170822 w 649201"/>
                  <a:gd name="connsiteY5" fmla="*/ 236136 h 621739"/>
                  <a:gd name="connsiteX6" fmla="*/ 226088 w 649201"/>
                  <a:gd name="connsiteY6" fmla="*/ 311499 h 621739"/>
                  <a:gd name="connsiteX7" fmla="*/ 417006 w 649201"/>
                  <a:gd name="connsiteY7" fmla="*/ 487345 h 621739"/>
                  <a:gd name="connsiteX8" fmla="*/ 577564 w 649201"/>
                  <a:gd name="connsiteY8" fmla="*/ 577996 h 621739"/>
                  <a:gd name="connsiteX9" fmla="*/ 628022 w 649201"/>
                  <a:gd name="connsiteY9" fmla="*/ 619945 h 621739"/>
                  <a:gd name="connsiteX10" fmla="*/ 643743 w 649201"/>
                  <a:gd name="connsiteY10" fmla="*/ 604225 h 621739"/>
                  <a:gd name="connsiteX11" fmla="*/ 537586 w 649201"/>
                  <a:gd name="connsiteY11" fmla="*/ 517490 h 621739"/>
                  <a:gd name="connsiteX12" fmla="*/ 522514 w 649201"/>
                  <a:gd name="connsiteY12" fmla="*/ 467248 h 621739"/>
                  <a:gd name="connsiteX13" fmla="*/ 457200 w 649201"/>
                  <a:gd name="connsiteY13" fmla="*/ 411982 h 621739"/>
                  <a:gd name="connsiteX14" fmla="*/ 437103 w 649201"/>
                  <a:gd name="connsiteY14" fmla="*/ 316523 h 621739"/>
                  <a:gd name="connsiteX15" fmla="*/ 386861 w 649201"/>
                  <a:gd name="connsiteY15" fmla="*/ 256233 h 621739"/>
                  <a:gd name="connsiteX16" fmla="*/ 306474 w 649201"/>
                  <a:gd name="connsiteY16" fmla="*/ 170822 h 621739"/>
                  <a:gd name="connsiteX17" fmla="*/ 190918 w 649201"/>
                  <a:gd name="connsiteY17" fmla="*/ 85411 h 621739"/>
                  <a:gd name="connsiteX18" fmla="*/ 130628 w 649201"/>
                  <a:gd name="connsiteY18" fmla="*/ 15072 h 621739"/>
                  <a:gd name="connsiteX19" fmla="*/ 55266 w 649201"/>
                  <a:gd name="connsiteY19" fmla="*/ 0 h 621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49201" h="621739">
                    <a:moveTo>
                      <a:pt x="55266" y="0"/>
                    </a:moveTo>
                    <a:lnTo>
                      <a:pt x="0" y="45217"/>
                    </a:lnTo>
                    <a:lnTo>
                      <a:pt x="0" y="75363"/>
                    </a:lnTo>
                    <a:lnTo>
                      <a:pt x="105507" y="140677"/>
                    </a:lnTo>
                    <a:lnTo>
                      <a:pt x="140677" y="231112"/>
                    </a:lnTo>
                    <a:lnTo>
                      <a:pt x="170822" y="236136"/>
                    </a:lnTo>
                    <a:lnTo>
                      <a:pt x="226088" y="311499"/>
                    </a:lnTo>
                    <a:lnTo>
                      <a:pt x="417006" y="487345"/>
                    </a:lnTo>
                    <a:lnTo>
                      <a:pt x="577564" y="577996"/>
                    </a:lnTo>
                    <a:cubicBezTo>
                      <a:pt x="594383" y="596346"/>
                      <a:pt x="616992" y="615574"/>
                      <a:pt x="628022" y="619945"/>
                    </a:cubicBezTo>
                    <a:cubicBezTo>
                      <a:pt x="639052" y="624316"/>
                      <a:pt x="658816" y="621301"/>
                      <a:pt x="643743" y="604225"/>
                    </a:cubicBezTo>
                    <a:cubicBezTo>
                      <a:pt x="628670" y="587149"/>
                      <a:pt x="572972" y="546402"/>
                      <a:pt x="537586" y="517490"/>
                    </a:cubicBezTo>
                    <a:lnTo>
                      <a:pt x="522514" y="467248"/>
                    </a:lnTo>
                    <a:lnTo>
                      <a:pt x="457200" y="411982"/>
                    </a:lnTo>
                    <a:lnTo>
                      <a:pt x="437103" y="316523"/>
                    </a:lnTo>
                    <a:lnTo>
                      <a:pt x="386861" y="256233"/>
                    </a:lnTo>
                    <a:lnTo>
                      <a:pt x="306474" y="170822"/>
                    </a:lnTo>
                    <a:lnTo>
                      <a:pt x="190918" y="85411"/>
                    </a:lnTo>
                    <a:lnTo>
                      <a:pt x="130628" y="15072"/>
                    </a:lnTo>
                    <a:lnTo>
                      <a:pt x="55266" y="0"/>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7" name="Freeform 36"/>
              <p:cNvSpPr/>
              <p:nvPr/>
            </p:nvSpPr>
            <p:spPr bwMode="gray">
              <a:xfrm>
                <a:off x="7380701" y="2300410"/>
                <a:ext cx="317027" cy="277726"/>
              </a:xfrm>
              <a:custGeom>
                <a:avLst/>
                <a:gdLst>
                  <a:gd name="connsiteX0" fmla="*/ 317027 w 317027"/>
                  <a:gd name="connsiteY0" fmla="*/ 277726 h 277726"/>
                  <a:gd name="connsiteX1" fmla="*/ 264626 w 317027"/>
                  <a:gd name="connsiteY1" fmla="*/ 209605 h 277726"/>
                  <a:gd name="connsiteX2" fmla="*/ 170304 w 317027"/>
                  <a:gd name="connsiteY2" fmla="*/ 183404 h 277726"/>
                  <a:gd name="connsiteX3" fmla="*/ 102183 w 317027"/>
                  <a:gd name="connsiteY3" fmla="*/ 138863 h 277726"/>
                  <a:gd name="connsiteX4" fmla="*/ 125763 w 317027"/>
                  <a:gd name="connsiteY4" fmla="*/ 125763 h 277726"/>
                  <a:gd name="connsiteX5" fmla="*/ 49782 w 317027"/>
                  <a:gd name="connsiteY5" fmla="*/ 102183 h 277726"/>
                  <a:gd name="connsiteX6" fmla="*/ 36681 w 317027"/>
                  <a:gd name="connsiteY6" fmla="*/ 81222 h 277726"/>
                  <a:gd name="connsiteX7" fmla="*/ 73362 w 317027"/>
                  <a:gd name="connsiteY7" fmla="*/ 55022 h 277726"/>
                  <a:gd name="connsiteX8" fmla="*/ 96943 w 317027"/>
                  <a:gd name="connsiteY8" fmla="*/ 28821 h 277726"/>
                  <a:gd name="connsiteX9" fmla="*/ 102183 w 317027"/>
                  <a:gd name="connsiteY9" fmla="*/ 15721 h 277726"/>
                  <a:gd name="connsiteX10" fmla="*/ 83842 w 317027"/>
                  <a:gd name="connsiteY10" fmla="*/ 0 h 277726"/>
                  <a:gd name="connsiteX11" fmla="*/ 60262 w 317027"/>
                  <a:gd name="connsiteY11" fmla="*/ 31441 h 277726"/>
                  <a:gd name="connsiteX12" fmla="*/ 28821 w 317027"/>
                  <a:gd name="connsiteY12" fmla="*/ 5240 h 277726"/>
                  <a:gd name="connsiteX13" fmla="*/ 34061 w 317027"/>
                  <a:gd name="connsiteY13" fmla="*/ 39301 h 277726"/>
                  <a:gd name="connsiteX14" fmla="*/ 0 w 317027"/>
                  <a:gd name="connsiteY14" fmla="*/ 73362 h 277726"/>
                  <a:gd name="connsiteX15" fmla="*/ 20961 w 317027"/>
                  <a:gd name="connsiteY15" fmla="*/ 170304 h 277726"/>
                  <a:gd name="connsiteX16" fmla="*/ 73362 w 317027"/>
                  <a:gd name="connsiteY16" fmla="*/ 214845 h 277726"/>
                  <a:gd name="connsiteX17" fmla="*/ 75982 w 317027"/>
                  <a:gd name="connsiteY17" fmla="*/ 188644 h 277726"/>
                  <a:gd name="connsiteX18" fmla="*/ 138863 w 317027"/>
                  <a:gd name="connsiteY18" fmla="*/ 225325 h 277726"/>
                  <a:gd name="connsiteX19" fmla="*/ 191265 w 317027"/>
                  <a:gd name="connsiteY19" fmla="*/ 220085 h 277726"/>
                  <a:gd name="connsiteX20" fmla="*/ 256766 w 317027"/>
                  <a:gd name="connsiteY20" fmla="*/ 230565 h 277726"/>
                  <a:gd name="connsiteX21" fmla="*/ 317027 w 317027"/>
                  <a:gd name="connsiteY21" fmla="*/ 277726 h 2777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317027" h="277726">
                    <a:moveTo>
                      <a:pt x="317027" y="277726"/>
                    </a:moveTo>
                    <a:lnTo>
                      <a:pt x="264626" y="209605"/>
                    </a:lnTo>
                    <a:lnTo>
                      <a:pt x="170304" y="183404"/>
                    </a:lnTo>
                    <a:lnTo>
                      <a:pt x="102183" y="138863"/>
                    </a:lnTo>
                    <a:lnTo>
                      <a:pt x="125763" y="125763"/>
                    </a:lnTo>
                    <a:lnTo>
                      <a:pt x="49782" y="102183"/>
                    </a:lnTo>
                    <a:lnTo>
                      <a:pt x="36681" y="81222"/>
                    </a:lnTo>
                    <a:lnTo>
                      <a:pt x="73362" y="55022"/>
                    </a:lnTo>
                    <a:lnTo>
                      <a:pt x="96943" y="28821"/>
                    </a:lnTo>
                    <a:lnTo>
                      <a:pt x="102183" y="15721"/>
                    </a:lnTo>
                    <a:lnTo>
                      <a:pt x="83842" y="0"/>
                    </a:lnTo>
                    <a:lnTo>
                      <a:pt x="60262" y="31441"/>
                    </a:lnTo>
                    <a:lnTo>
                      <a:pt x="28821" y="5240"/>
                    </a:lnTo>
                    <a:lnTo>
                      <a:pt x="34061" y="39301"/>
                    </a:lnTo>
                    <a:lnTo>
                      <a:pt x="0" y="73362"/>
                    </a:lnTo>
                    <a:lnTo>
                      <a:pt x="20961" y="170304"/>
                    </a:lnTo>
                    <a:lnTo>
                      <a:pt x="73362" y="214845"/>
                    </a:lnTo>
                    <a:lnTo>
                      <a:pt x="75982" y="188644"/>
                    </a:lnTo>
                    <a:lnTo>
                      <a:pt x="138863" y="225325"/>
                    </a:lnTo>
                    <a:lnTo>
                      <a:pt x="191265" y="220085"/>
                    </a:lnTo>
                    <a:lnTo>
                      <a:pt x="256766" y="230565"/>
                    </a:lnTo>
                    <a:lnTo>
                      <a:pt x="317027" y="277726"/>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8" name="Freeform 37"/>
              <p:cNvSpPr/>
              <p:nvPr/>
            </p:nvSpPr>
            <p:spPr bwMode="gray">
              <a:xfrm>
                <a:off x="6620885" y="2025304"/>
                <a:ext cx="296066" cy="290827"/>
              </a:xfrm>
              <a:custGeom>
                <a:avLst/>
                <a:gdLst>
                  <a:gd name="connsiteX0" fmla="*/ 296066 w 296066"/>
                  <a:gd name="connsiteY0" fmla="*/ 133623 h 290827"/>
                  <a:gd name="connsiteX1" fmla="*/ 246285 w 296066"/>
                  <a:gd name="connsiteY1" fmla="*/ 146724 h 290827"/>
                  <a:gd name="connsiteX2" fmla="*/ 259385 w 296066"/>
                  <a:gd name="connsiteY2" fmla="*/ 178164 h 290827"/>
                  <a:gd name="connsiteX3" fmla="*/ 235805 w 296066"/>
                  <a:gd name="connsiteY3" fmla="*/ 191264 h 290827"/>
                  <a:gd name="connsiteX4" fmla="*/ 220085 w 296066"/>
                  <a:gd name="connsiteY4" fmla="*/ 186024 h 290827"/>
                  <a:gd name="connsiteX5" fmla="*/ 199124 w 296066"/>
                  <a:gd name="connsiteY5" fmla="*/ 206985 h 290827"/>
                  <a:gd name="connsiteX6" fmla="*/ 230565 w 296066"/>
                  <a:gd name="connsiteY6" fmla="*/ 238426 h 290827"/>
                  <a:gd name="connsiteX7" fmla="*/ 212224 w 296066"/>
                  <a:gd name="connsiteY7" fmla="*/ 259386 h 290827"/>
                  <a:gd name="connsiteX8" fmla="*/ 199124 w 296066"/>
                  <a:gd name="connsiteY8" fmla="*/ 238426 h 290827"/>
                  <a:gd name="connsiteX9" fmla="*/ 159823 w 296066"/>
                  <a:gd name="connsiteY9" fmla="*/ 275106 h 290827"/>
                  <a:gd name="connsiteX10" fmla="*/ 91702 w 296066"/>
                  <a:gd name="connsiteY10" fmla="*/ 269866 h 290827"/>
                  <a:gd name="connsiteX11" fmla="*/ 83842 w 296066"/>
                  <a:gd name="connsiteY11" fmla="*/ 285587 h 290827"/>
                  <a:gd name="connsiteX12" fmla="*/ 47161 w 296066"/>
                  <a:gd name="connsiteY12" fmla="*/ 290827 h 290827"/>
                  <a:gd name="connsiteX13" fmla="*/ 13100 w 296066"/>
                  <a:gd name="connsiteY13" fmla="*/ 238426 h 290827"/>
                  <a:gd name="connsiteX14" fmla="*/ 18340 w 296066"/>
                  <a:gd name="connsiteY14" fmla="*/ 212225 h 290827"/>
                  <a:gd name="connsiteX15" fmla="*/ 0 w 296066"/>
                  <a:gd name="connsiteY15" fmla="*/ 172924 h 290827"/>
                  <a:gd name="connsiteX16" fmla="*/ 49781 w 296066"/>
                  <a:gd name="connsiteY16" fmla="*/ 120523 h 290827"/>
                  <a:gd name="connsiteX17" fmla="*/ 96942 w 296066"/>
                  <a:gd name="connsiteY17" fmla="*/ 65502 h 290827"/>
                  <a:gd name="connsiteX18" fmla="*/ 99562 w 296066"/>
                  <a:gd name="connsiteY18" fmla="*/ 26201 h 290827"/>
                  <a:gd name="connsiteX19" fmla="*/ 144103 w 296066"/>
                  <a:gd name="connsiteY19" fmla="*/ 0 h 290827"/>
                  <a:gd name="connsiteX20" fmla="*/ 151963 w 296066"/>
                  <a:gd name="connsiteY20" fmla="*/ 23581 h 290827"/>
                  <a:gd name="connsiteX21" fmla="*/ 144103 w 296066"/>
                  <a:gd name="connsiteY21" fmla="*/ 75982 h 290827"/>
                  <a:gd name="connsiteX22" fmla="*/ 170304 w 296066"/>
                  <a:gd name="connsiteY22" fmla="*/ 65502 h 290827"/>
                  <a:gd name="connsiteX23" fmla="*/ 193884 w 296066"/>
                  <a:gd name="connsiteY23" fmla="*/ 31441 h 290827"/>
                  <a:gd name="connsiteX24" fmla="*/ 296066 w 296066"/>
                  <a:gd name="connsiteY24" fmla="*/ 133623 h 290827"/>
                  <a:gd name="connsiteX0" fmla="*/ 296066 w 296066"/>
                  <a:gd name="connsiteY0" fmla="*/ 133623 h 290827"/>
                  <a:gd name="connsiteX1" fmla="*/ 246285 w 296066"/>
                  <a:gd name="connsiteY1" fmla="*/ 146724 h 290827"/>
                  <a:gd name="connsiteX2" fmla="*/ 259385 w 296066"/>
                  <a:gd name="connsiteY2" fmla="*/ 178164 h 290827"/>
                  <a:gd name="connsiteX3" fmla="*/ 235805 w 296066"/>
                  <a:gd name="connsiteY3" fmla="*/ 191264 h 290827"/>
                  <a:gd name="connsiteX4" fmla="*/ 220085 w 296066"/>
                  <a:gd name="connsiteY4" fmla="*/ 186024 h 290827"/>
                  <a:gd name="connsiteX5" fmla="*/ 199124 w 296066"/>
                  <a:gd name="connsiteY5" fmla="*/ 206985 h 290827"/>
                  <a:gd name="connsiteX6" fmla="*/ 230565 w 296066"/>
                  <a:gd name="connsiteY6" fmla="*/ 238426 h 290827"/>
                  <a:gd name="connsiteX7" fmla="*/ 212224 w 296066"/>
                  <a:gd name="connsiteY7" fmla="*/ 259386 h 290827"/>
                  <a:gd name="connsiteX8" fmla="*/ 199124 w 296066"/>
                  <a:gd name="connsiteY8" fmla="*/ 238426 h 290827"/>
                  <a:gd name="connsiteX9" fmla="*/ 159823 w 296066"/>
                  <a:gd name="connsiteY9" fmla="*/ 275106 h 290827"/>
                  <a:gd name="connsiteX10" fmla="*/ 91702 w 296066"/>
                  <a:gd name="connsiteY10" fmla="*/ 269866 h 290827"/>
                  <a:gd name="connsiteX11" fmla="*/ 83842 w 296066"/>
                  <a:gd name="connsiteY11" fmla="*/ 285587 h 290827"/>
                  <a:gd name="connsiteX12" fmla="*/ 47161 w 296066"/>
                  <a:gd name="connsiteY12" fmla="*/ 290827 h 290827"/>
                  <a:gd name="connsiteX13" fmla="*/ 13100 w 296066"/>
                  <a:gd name="connsiteY13" fmla="*/ 238426 h 290827"/>
                  <a:gd name="connsiteX14" fmla="*/ 18340 w 296066"/>
                  <a:gd name="connsiteY14" fmla="*/ 212225 h 290827"/>
                  <a:gd name="connsiteX15" fmla="*/ 0 w 296066"/>
                  <a:gd name="connsiteY15" fmla="*/ 172924 h 290827"/>
                  <a:gd name="connsiteX16" fmla="*/ 49781 w 296066"/>
                  <a:gd name="connsiteY16" fmla="*/ 120523 h 290827"/>
                  <a:gd name="connsiteX17" fmla="*/ 96942 w 296066"/>
                  <a:gd name="connsiteY17" fmla="*/ 65502 h 290827"/>
                  <a:gd name="connsiteX18" fmla="*/ 99562 w 296066"/>
                  <a:gd name="connsiteY18" fmla="*/ 26201 h 290827"/>
                  <a:gd name="connsiteX19" fmla="*/ 144103 w 296066"/>
                  <a:gd name="connsiteY19" fmla="*/ 0 h 290827"/>
                  <a:gd name="connsiteX20" fmla="*/ 151963 w 296066"/>
                  <a:gd name="connsiteY20" fmla="*/ 23581 h 290827"/>
                  <a:gd name="connsiteX21" fmla="*/ 144103 w 296066"/>
                  <a:gd name="connsiteY21" fmla="*/ 75982 h 290827"/>
                  <a:gd name="connsiteX22" fmla="*/ 170304 w 296066"/>
                  <a:gd name="connsiteY22" fmla="*/ 65502 h 290827"/>
                  <a:gd name="connsiteX23" fmla="*/ 193884 w 296066"/>
                  <a:gd name="connsiteY23" fmla="*/ 31441 h 290827"/>
                  <a:gd name="connsiteX24" fmla="*/ 293446 w 296066"/>
                  <a:gd name="connsiteY24" fmla="*/ 102183 h 290827"/>
                  <a:gd name="connsiteX25" fmla="*/ 296066 w 296066"/>
                  <a:gd name="connsiteY25" fmla="*/ 133623 h 290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96066" h="290827">
                    <a:moveTo>
                      <a:pt x="296066" y="133623"/>
                    </a:moveTo>
                    <a:lnTo>
                      <a:pt x="246285" y="146724"/>
                    </a:lnTo>
                    <a:lnTo>
                      <a:pt x="259385" y="178164"/>
                    </a:lnTo>
                    <a:lnTo>
                      <a:pt x="235805" y="191264"/>
                    </a:lnTo>
                    <a:lnTo>
                      <a:pt x="220085" y="186024"/>
                    </a:lnTo>
                    <a:lnTo>
                      <a:pt x="199124" y="206985"/>
                    </a:lnTo>
                    <a:lnTo>
                      <a:pt x="230565" y="238426"/>
                    </a:lnTo>
                    <a:lnTo>
                      <a:pt x="212224" y="259386"/>
                    </a:lnTo>
                    <a:lnTo>
                      <a:pt x="199124" y="238426"/>
                    </a:lnTo>
                    <a:lnTo>
                      <a:pt x="159823" y="275106"/>
                    </a:lnTo>
                    <a:lnTo>
                      <a:pt x="91702" y="269866"/>
                    </a:lnTo>
                    <a:lnTo>
                      <a:pt x="83842" y="285587"/>
                    </a:lnTo>
                    <a:lnTo>
                      <a:pt x="47161" y="290827"/>
                    </a:lnTo>
                    <a:lnTo>
                      <a:pt x="13100" y="238426"/>
                    </a:lnTo>
                    <a:lnTo>
                      <a:pt x="18340" y="212225"/>
                    </a:lnTo>
                    <a:lnTo>
                      <a:pt x="0" y="172924"/>
                    </a:lnTo>
                    <a:lnTo>
                      <a:pt x="49781" y="120523"/>
                    </a:lnTo>
                    <a:lnTo>
                      <a:pt x="96942" y="65502"/>
                    </a:lnTo>
                    <a:lnTo>
                      <a:pt x="99562" y="26201"/>
                    </a:lnTo>
                    <a:lnTo>
                      <a:pt x="144103" y="0"/>
                    </a:lnTo>
                    <a:lnTo>
                      <a:pt x="151963" y="23581"/>
                    </a:lnTo>
                    <a:lnTo>
                      <a:pt x="144103" y="75982"/>
                    </a:lnTo>
                    <a:lnTo>
                      <a:pt x="170304" y="65502"/>
                    </a:lnTo>
                    <a:lnTo>
                      <a:pt x="193884" y="31441"/>
                    </a:lnTo>
                    <a:cubicBezTo>
                      <a:pt x="218338" y="54148"/>
                      <a:pt x="268992" y="79476"/>
                      <a:pt x="293446" y="102183"/>
                    </a:cubicBezTo>
                    <a:lnTo>
                      <a:pt x="296066" y="133623"/>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46" name="TextBox 45"/>
            <p:cNvSpPr txBox="1"/>
            <p:nvPr/>
          </p:nvSpPr>
          <p:spPr bwMode="gray">
            <a:xfrm>
              <a:off x="6111531" y="1813641"/>
              <a:ext cx="1188146" cy="307777"/>
            </a:xfrm>
            <a:prstGeom prst="rect">
              <a:avLst/>
            </a:prstGeom>
            <a:noFill/>
          </p:spPr>
          <p:txBody>
            <a:bodyPr wrap="none" rtlCol="0">
              <a:spAutoFit/>
            </a:bodyPr>
            <a:lstStyle/>
            <a:p>
              <a:pPr algn="ctr"/>
              <a:r>
                <a:rPr lang="en-US" sz="1400" b="1" dirty="0" smtClean="0">
                  <a:solidFill>
                    <a:prstClr val="white"/>
                  </a:solidFill>
                  <a:effectLst>
                    <a:outerShdw blurRad="38100" dist="63500" dir="2700000" algn="tl">
                      <a:srgbClr val="000000"/>
                    </a:outerShdw>
                  </a:effectLst>
                </a:rPr>
                <a:t>San Jacinto</a:t>
              </a:r>
              <a:endParaRPr lang="en-US" sz="1400" b="1" dirty="0">
                <a:solidFill>
                  <a:prstClr val="white"/>
                </a:solidFill>
                <a:effectLst>
                  <a:outerShdw blurRad="38100" dist="63500" dir="2700000" algn="tl">
                    <a:srgbClr val="000000"/>
                  </a:outerShdw>
                </a:effectLst>
              </a:endParaRPr>
            </a:p>
          </p:txBody>
        </p:sp>
      </p:grpSp>
      <p:grpSp>
        <p:nvGrpSpPr>
          <p:cNvPr id="19" name="Group 82"/>
          <p:cNvGrpSpPr/>
          <p:nvPr/>
        </p:nvGrpSpPr>
        <p:grpSpPr bwMode="gray">
          <a:xfrm>
            <a:off x="900992" y="289501"/>
            <a:ext cx="1069525" cy="307154"/>
            <a:chOff x="900992" y="289501"/>
            <a:chExt cx="1069525" cy="307154"/>
          </a:xfrm>
        </p:grpSpPr>
        <p:sp>
          <p:nvSpPr>
            <p:cNvPr id="39" name="Freeform 38"/>
            <p:cNvSpPr/>
            <p:nvPr/>
          </p:nvSpPr>
          <p:spPr bwMode="gray">
            <a:xfrm>
              <a:off x="1263920" y="289501"/>
              <a:ext cx="413068" cy="307154"/>
            </a:xfrm>
            <a:custGeom>
              <a:avLst/>
              <a:gdLst>
                <a:gd name="connsiteX0" fmla="*/ 91793 w 413068"/>
                <a:gd name="connsiteY0" fmla="*/ 77671 h 307154"/>
                <a:gd name="connsiteX1" fmla="*/ 52957 w 413068"/>
                <a:gd name="connsiteY1" fmla="*/ 254196 h 307154"/>
                <a:gd name="connsiteX2" fmla="*/ 0 w 413068"/>
                <a:gd name="connsiteY2" fmla="*/ 307154 h 307154"/>
                <a:gd name="connsiteX3" fmla="*/ 95323 w 413068"/>
                <a:gd name="connsiteY3" fmla="*/ 282440 h 307154"/>
                <a:gd name="connsiteX4" fmla="*/ 127098 w 413068"/>
                <a:gd name="connsiteY4" fmla="*/ 293032 h 307154"/>
                <a:gd name="connsiteX5" fmla="*/ 134159 w 413068"/>
                <a:gd name="connsiteY5" fmla="*/ 268318 h 307154"/>
                <a:gd name="connsiteX6" fmla="*/ 194177 w 413068"/>
                <a:gd name="connsiteY6" fmla="*/ 247135 h 307154"/>
                <a:gd name="connsiteX7" fmla="*/ 395416 w 413068"/>
                <a:gd name="connsiteY7" fmla="*/ 102385 h 307154"/>
                <a:gd name="connsiteX8" fmla="*/ 413068 w 413068"/>
                <a:gd name="connsiteY8" fmla="*/ 38836 h 307154"/>
                <a:gd name="connsiteX9" fmla="*/ 395416 w 413068"/>
                <a:gd name="connsiteY9" fmla="*/ 38836 h 307154"/>
                <a:gd name="connsiteX10" fmla="*/ 374233 w 413068"/>
                <a:gd name="connsiteY10" fmla="*/ 63549 h 307154"/>
                <a:gd name="connsiteX11" fmla="*/ 384824 w 413068"/>
                <a:gd name="connsiteY11" fmla="*/ 7061 h 307154"/>
                <a:gd name="connsiteX12" fmla="*/ 374233 w 413068"/>
                <a:gd name="connsiteY12" fmla="*/ 0 h 307154"/>
                <a:gd name="connsiteX13" fmla="*/ 310684 w 413068"/>
                <a:gd name="connsiteY13" fmla="*/ 28244 h 307154"/>
                <a:gd name="connsiteX14" fmla="*/ 218891 w 413068"/>
                <a:gd name="connsiteY14" fmla="*/ 45897 h 307154"/>
                <a:gd name="connsiteX15" fmla="*/ 155342 w 413068"/>
                <a:gd name="connsiteY15" fmla="*/ 52958 h 307154"/>
                <a:gd name="connsiteX16" fmla="*/ 91793 w 413068"/>
                <a:gd name="connsiteY16" fmla="*/ 77671 h 3071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3068" h="307154">
                  <a:moveTo>
                    <a:pt x="91793" y="77671"/>
                  </a:moveTo>
                  <a:lnTo>
                    <a:pt x="52957" y="254196"/>
                  </a:lnTo>
                  <a:lnTo>
                    <a:pt x="0" y="307154"/>
                  </a:lnTo>
                  <a:lnTo>
                    <a:pt x="95323" y="282440"/>
                  </a:lnTo>
                  <a:lnTo>
                    <a:pt x="127098" y="293032"/>
                  </a:lnTo>
                  <a:lnTo>
                    <a:pt x="134159" y="268318"/>
                  </a:lnTo>
                  <a:lnTo>
                    <a:pt x="194177" y="247135"/>
                  </a:lnTo>
                  <a:lnTo>
                    <a:pt x="395416" y="102385"/>
                  </a:lnTo>
                  <a:lnTo>
                    <a:pt x="413068" y="38836"/>
                  </a:lnTo>
                  <a:lnTo>
                    <a:pt x="395416" y="38836"/>
                  </a:lnTo>
                  <a:lnTo>
                    <a:pt x="374233" y="63549"/>
                  </a:lnTo>
                  <a:lnTo>
                    <a:pt x="384824" y="7061"/>
                  </a:lnTo>
                  <a:lnTo>
                    <a:pt x="374233" y="0"/>
                  </a:lnTo>
                  <a:lnTo>
                    <a:pt x="310684" y="28244"/>
                  </a:lnTo>
                  <a:lnTo>
                    <a:pt x="218891" y="45897"/>
                  </a:lnTo>
                  <a:lnTo>
                    <a:pt x="155342" y="52958"/>
                  </a:lnTo>
                  <a:lnTo>
                    <a:pt x="91793" y="77671"/>
                  </a:lnTo>
                  <a:close/>
                </a:path>
              </a:pathLst>
            </a:custGeom>
            <a:ln>
              <a:headEnd type="none" w="med" len="med"/>
              <a:tailEnd type="none" w="med" len="med"/>
            </a:ln>
            <a:scene3d>
              <a:camera prst="orthographicFront" fov="0">
                <a:rot lat="0" lon="0" rev="0"/>
              </a:camera>
              <a:lightRig rig="glow" dir="t">
                <a:rot lat="0" lon="0" rev="6360000"/>
              </a:lightRig>
            </a:scene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35" name="TextBox 34"/>
            <p:cNvSpPr txBox="1"/>
            <p:nvPr/>
          </p:nvSpPr>
          <p:spPr bwMode="gray">
            <a:xfrm>
              <a:off x="900992" y="304800"/>
              <a:ext cx="1069525" cy="275460"/>
            </a:xfrm>
            <a:prstGeom prst="rect">
              <a:avLst/>
            </a:prstGeom>
            <a:noFill/>
          </p:spPr>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Las Posas</a:t>
              </a:r>
              <a:endParaRPr lang="en-US" sz="1400" b="1" dirty="0">
                <a:solidFill>
                  <a:prstClr val="white"/>
                </a:solidFill>
                <a:effectLst>
                  <a:outerShdw blurRad="38100" dist="63500" dir="2700000" algn="tl">
                    <a:srgbClr val="000000"/>
                  </a:outerShdw>
                </a:effectLst>
              </a:endParaRPr>
            </a:p>
          </p:txBody>
        </p:sp>
      </p:grpSp>
      <p:grpSp>
        <p:nvGrpSpPr>
          <p:cNvPr id="24" name="Group 83"/>
          <p:cNvGrpSpPr/>
          <p:nvPr/>
        </p:nvGrpSpPr>
        <p:grpSpPr bwMode="gray">
          <a:xfrm>
            <a:off x="5232400" y="838200"/>
            <a:ext cx="1332290" cy="341086"/>
            <a:chOff x="5232400" y="838200"/>
            <a:chExt cx="1332290" cy="341086"/>
          </a:xfrm>
        </p:grpSpPr>
        <p:sp>
          <p:nvSpPr>
            <p:cNvPr id="7" name="Freeform 6"/>
            <p:cNvSpPr/>
            <p:nvPr/>
          </p:nvSpPr>
          <p:spPr bwMode="gray">
            <a:xfrm>
              <a:off x="5232400" y="910771"/>
              <a:ext cx="453571" cy="268515"/>
            </a:xfrm>
            <a:custGeom>
              <a:avLst/>
              <a:gdLst>
                <a:gd name="connsiteX0" fmla="*/ 0 w 453571"/>
                <a:gd name="connsiteY0" fmla="*/ 72572 h 268515"/>
                <a:gd name="connsiteX1" fmla="*/ 43543 w 453571"/>
                <a:gd name="connsiteY1" fmla="*/ 181429 h 268515"/>
                <a:gd name="connsiteX2" fmla="*/ 68943 w 453571"/>
                <a:gd name="connsiteY2" fmla="*/ 250372 h 268515"/>
                <a:gd name="connsiteX3" fmla="*/ 79829 w 453571"/>
                <a:gd name="connsiteY3" fmla="*/ 268515 h 268515"/>
                <a:gd name="connsiteX4" fmla="*/ 97971 w 453571"/>
                <a:gd name="connsiteY4" fmla="*/ 264886 h 268515"/>
                <a:gd name="connsiteX5" fmla="*/ 391886 w 453571"/>
                <a:gd name="connsiteY5" fmla="*/ 87086 h 268515"/>
                <a:gd name="connsiteX6" fmla="*/ 453571 w 453571"/>
                <a:gd name="connsiteY6" fmla="*/ 58058 h 268515"/>
                <a:gd name="connsiteX7" fmla="*/ 449943 w 453571"/>
                <a:gd name="connsiteY7" fmla="*/ 39915 h 268515"/>
                <a:gd name="connsiteX8" fmla="*/ 435429 w 453571"/>
                <a:gd name="connsiteY8" fmla="*/ 25400 h 268515"/>
                <a:gd name="connsiteX9" fmla="*/ 410029 w 453571"/>
                <a:gd name="connsiteY9" fmla="*/ 43543 h 268515"/>
                <a:gd name="connsiteX10" fmla="*/ 381000 w 453571"/>
                <a:gd name="connsiteY10" fmla="*/ 43543 h 268515"/>
                <a:gd name="connsiteX11" fmla="*/ 370114 w 453571"/>
                <a:gd name="connsiteY11" fmla="*/ 47172 h 268515"/>
                <a:gd name="connsiteX12" fmla="*/ 330200 w 453571"/>
                <a:gd name="connsiteY12" fmla="*/ 0 h 268515"/>
                <a:gd name="connsiteX13" fmla="*/ 319314 w 453571"/>
                <a:gd name="connsiteY13" fmla="*/ 32658 h 268515"/>
                <a:gd name="connsiteX14" fmla="*/ 283029 w 453571"/>
                <a:gd name="connsiteY14" fmla="*/ 43543 h 268515"/>
                <a:gd name="connsiteX15" fmla="*/ 254000 w 453571"/>
                <a:gd name="connsiteY15" fmla="*/ 39915 h 268515"/>
                <a:gd name="connsiteX16" fmla="*/ 254000 w 453571"/>
                <a:gd name="connsiteY16" fmla="*/ 39915 h 268515"/>
                <a:gd name="connsiteX17" fmla="*/ 254000 w 453571"/>
                <a:gd name="connsiteY17" fmla="*/ 39915 h 268515"/>
                <a:gd name="connsiteX18" fmla="*/ 206829 w 453571"/>
                <a:gd name="connsiteY18" fmla="*/ 43543 h 268515"/>
                <a:gd name="connsiteX19" fmla="*/ 206829 w 453571"/>
                <a:gd name="connsiteY19" fmla="*/ 65315 h 268515"/>
                <a:gd name="connsiteX20" fmla="*/ 206829 w 453571"/>
                <a:gd name="connsiteY20" fmla="*/ 65315 h 268515"/>
                <a:gd name="connsiteX21" fmla="*/ 170543 w 453571"/>
                <a:gd name="connsiteY21" fmla="*/ 54429 h 268515"/>
                <a:gd name="connsiteX22" fmla="*/ 156029 w 453571"/>
                <a:gd name="connsiteY22" fmla="*/ 68943 h 268515"/>
                <a:gd name="connsiteX23" fmla="*/ 123371 w 453571"/>
                <a:gd name="connsiteY23" fmla="*/ 72572 h 268515"/>
                <a:gd name="connsiteX24" fmla="*/ 97971 w 453571"/>
                <a:gd name="connsiteY24" fmla="*/ 58058 h 268515"/>
                <a:gd name="connsiteX25" fmla="*/ 83457 w 453571"/>
                <a:gd name="connsiteY25" fmla="*/ 58058 h 268515"/>
                <a:gd name="connsiteX26" fmla="*/ 54429 w 453571"/>
                <a:gd name="connsiteY26" fmla="*/ 47172 h 268515"/>
                <a:gd name="connsiteX27" fmla="*/ 0 w 453571"/>
                <a:gd name="connsiteY27" fmla="*/ 72572 h 268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453571" h="268515">
                  <a:moveTo>
                    <a:pt x="0" y="72572"/>
                  </a:moveTo>
                  <a:lnTo>
                    <a:pt x="43543" y="181429"/>
                  </a:lnTo>
                  <a:lnTo>
                    <a:pt x="68943" y="250372"/>
                  </a:lnTo>
                  <a:lnTo>
                    <a:pt x="79829" y="268515"/>
                  </a:lnTo>
                  <a:lnTo>
                    <a:pt x="97971" y="264886"/>
                  </a:lnTo>
                  <a:lnTo>
                    <a:pt x="391886" y="87086"/>
                  </a:lnTo>
                  <a:lnTo>
                    <a:pt x="453571" y="58058"/>
                  </a:lnTo>
                  <a:lnTo>
                    <a:pt x="449943" y="39915"/>
                  </a:lnTo>
                  <a:lnTo>
                    <a:pt x="435429" y="25400"/>
                  </a:lnTo>
                  <a:lnTo>
                    <a:pt x="410029" y="43543"/>
                  </a:lnTo>
                  <a:lnTo>
                    <a:pt x="381000" y="43543"/>
                  </a:lnTo>
                  <a:lnTo>
                    <a:pt x="370114" y="47172"/>
                  </a:lnTo>
                  <a:lnTo>
                    <a:pt x="330200" y="0"/>
                  </a:lnTo>
                  <a:lnTo>
                    <a:pt x="319314" y="32658"/>
                  </a:lnTo>
                  <a:lnTo>
                    <a:pt x="283029" y="43543"/>
                  </a:lnTo>
                  <a:lnTo>
                    <a:pt x="254000" y="39915"/>
                  </a:lnTo>
                  <a:lnTo>
                    <a:pt x="254000" y="39915"/>
                  </a:lnTo>
                  <a:lnTo>
                    <a:pt x="254000" y="39915"/>
                  </a:lnTo>
                  <a:lnTo>
                    <a:pt x="206829" y="43543"/>
                  </a:lnTo>
                  <a:lnTo>
                    <a:pt x="206829" y="65315"/>
                  </a:lnTo>
                  <a:lnTo>
                    <a:pt x="206829" y="65315"/>
                  </a:lnTo>
                  <a:lnTo>
                    <a:pt x="170543" y="54429"/>
                  </a:lnTo>
                  <a:lnTo>
                    <a:pt x="156029" y="68943"/>
                  </a:lnTo>
                  <a:lnTo>
                    <a:pt x="123371" y="72572"/>
                  </a:lnTo>
                  <a:lnTo>
                    <a:pt x="97971" y="58058"/>
                  </a:lnTo>
                  <a:lnTo>
                    <a:pt x="83457" y="58058"/>
                  </a:lnTo>
                  <a:lnTo>
                    <a:pt x="54429" y="47172"/>
                  </a:lnTo>
                  <a:lnTo>
                    <a:pt x="0" y="72572"/>
                  </a:lnTo>
                  <a:close/>
                </a:path>
              </a:pathLst>
            </a:custGeom>
            <a:solidFill>
              <a:schemeClr val="accent3">
                <a:lumMod val="75000"/>
              </a:schemeClr>
            </a:solidFill>
            <a:ln>
              <a:headEnd type="none" w="med" len="med"/>
              <a:tailEnd type="none" w="med" len="med"/>
            </a:ln>
            <a:scene3d>
              <a:camera prst="orthographicFront" fov="0">
                <a:rot lat="0" lon="0" rev="0"/>
              </a:camera>
              <a:lightRig rig="glow" dir="t">
                <a:rot lat="0" lon="0" rev="6360000"/>
              </a:lightRig>
            </a:scene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48" name="TextBox 47"/>
            <p:cNvSpPr txBox="1"/>
            <p:nvPr/>
          </p:nvSpPr>
          <p:spPr bwMode="gray">
            <a:xfrm>
              <a:off x="5246700" y="838200"/>
              <a:ext cx="1317990" cy="275460"/>
            </a:xfrm>
            <a:prstGeom prst="rect">
              <a:avLst/>
            </a:prstGeom>
            <a:noFill/>
          </p:spPr>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Cuchamonga</a:t>
              </a:r>
              <a:endParaRPr lang="en-US" sz="1400" b="1" dirty="0">
                <a:solidFill>
                  <a:prstClr val="white"/>
                </a:solidFill>
                <a:effectLst>
                  <a:outerShdw blurRad="38100" dist="63500" dir="2700000" algn="tl">
                    <a:srgbClr val="000000"/>
                  </a:outerShdw>
                </a:effectLst>
              </a:endParaRPr>
            </a:p>
          </p:txBody>
        </p:sp>
      </p:grpSp>
      <p:grpSp>
        <p:nvGrpSpPr>
          <p:cNvPr id="25" name="Group 57"/>
          <p:cNvGrpSpPr/>
          <p:nvPr/>
        </p:nvGrpSpPr>
        <p:grpSpPr bwMode="gray">
          <a:xfrm>
            <a:off x="7467600" y="3969623"/>
            <a:ext cx="1244892" cy="527564"/>
            <a:chOff x="7467600" y="3969623"/>
            <a:chExt cx="1244892" cy="527564"/>
          </a:xfrm>
        </p:grpSpPr>
        <p:sp>
          <p:nvSpPr>
            <p:cNvPr id="57" name="Freeform 56"/>
            <p:cNvSpPr/>
            <p:nvPr/>
          </p:nvSpPr>
          <p:spPr bwMode="gray">
            <a:xfrm>
              <a:off x="7748565" y="3969623"/>
              <a:ext cx="585043" cy="472368"/>
            </a:xfrm>
            <a:custGeom>
              <a:avLst/>
              <a:gdLst>
                <a:gd name="connsiteX0" fmla="*/ 212349 w 585043"/>
                <a:gd name="connsiteY0" fmla="*/ 472368 h 472368"/>
                <a:gd name="connsiteX1" fmla="*/ 190680 w 585043"/>
                <a:gd name="connsiteY1" fmla="*/ 398695 h 472368"/>
                <a:gd name="connsiteX2" fmla="*/ 216682 w 585043"/>
                <a:gd name="connsiteY2" fmla="*/ 385695 h 472368"/>
                <a:gd name="connsiteX3" fmla="*/ 238351 w 585043"/>
                <a:gd name="connsiteY3" fmla="*/ 381361 h 472368"/>
                <a:gd name="connsiteX4" fmla="*/ 260019 w 585043"/>
                <a:gd name="connsiteY4" fmla="*/ 359693 h 472368"/>
                <a:gd name="connsiteX5" fmla="*/ 238351 w 585043"/>
                <a:gd name="connsiteY5" fmla="*/ 316356 h 472368"/>
                <a:gd name="connsiteX6" fmla="*/ 312023 w 585043"/>
                <a:gd name="connsiteY6" fmla="*/ 299022 h 472368"/>
                <a:gd name="connsiteX7" fmla="*/ 433365 w 585043"/>
                <a:gd name="connsiteY7" fmla="*/ 368360 h 472368"/>
                <a:gd name="connsiteX8" fmla="*/ 463700 w 585043"/>
                <a:gd name="connsiteY8" fmla="*/ 364026 h 472368"/>
                <a:gd name="connsiteX9" fmla="*/ 502703 w 585043"/>
                <a:gd name="connsiteY9" fmla="*/ 377027 h 472368"/>
                <a:gd name="connsiteX10" fmla="*/ 524371 w 585043"/>
                <a:gd name="connsiteY10" fmla="*/ 398695 h 472368"/>
                <a:gd name="connsiteX11" fmla="*/ 515704 w 585043"/>
                <a:gd name="connsiteY11" fmla="*/ 424697 h 472368"/>
                <a:gd name="connsiteX12" fmla="*/ 541706 w 585043"/>
                <a:gd name="connsiteY12" fmla="*/ 403029 h 472368"/>
                <a:gd name="connsiteX13" fmla="*/ 580709 w 585043"/>
                <a:gd name="connsiteY13" fmla="*/ 403029 h 472368"/>
                <a:gd name="connsiteX14" fmla="*/ 585043 w 585043"/>
                <a:gd name="connsiteY14" fmla="*/ 385695 h 472368"/>
                <a:gd name="connsiteX15" fmla="*/ 520038 w 585043"/>
                <a:gd name="connsiteY15" fmla="*/ 368360 h 472368"/>
                <a:gd name="connsiteX16" fmla="*/ 489702 w 585043"/>
                <a:gd name="connsiteY16" fmla="*/ 342358 h 472368"/>
                <a:gd name="connsiteX17" fmla="*/ 528705 w 585043"/>
                <a:gd name="connsiteY17" fmla="*/ 312022 h 472368"/>
                <a:gd name="connsiteX18" fmla="*/ 515704 w 585043"/>
                <a:gd name="connsiteY18" fmla="*/ 307689 h 472368"/>
                <a:gd name="connsiteX19" fmla="*/ 481035 w 585043"/>
                <a:gd name="connsiteY19" fmla="*/ 333691 h 472368"/>
                <a:gd name="connsiteX20" fmla="*/ 459367 w 585043"/>
                <a:gd name="connsiteY20" fmla="*/ 307689 h 472368"/>
                <a:gd name="connsiteX21" fmla="*/ 450699 w 585043"/>
                <a:gd name="connsiteY21" fmla="*/ 281687 h 472368"/>
                <a:gd name="connsiteX22" fmla="*/ 355359 w 585043"/>
                <a:gd name="connsiteY22" fmla="*/ 290354 h 472368"/>
                <a:gd name="connsiteX23" fmla="*/ 338025 w 585043"/>
                <a:gd name="connsiteY23" fmla="*/ 260019 h 472368"/>
                <a:gd name="connsiteX24" fmla="*/ 381361 w 585043"/>
                <a:gd name="connsiteY24" fmla="*/ 212349 h 472368"/>
                <a:gd name="connsiteX25" fmla="*/ 416030 w 585043"/>
                <a:gd name="connsiteY25" fmla="*/ 199348 h 472368"/>
                <a:gd name="connsiteX26" fmla="*/ 437699 w 585043"/>
                <a:gd name="connsiteY26" fmla="*/ 169012 h 472368"/>
                <a:gd name="connsiteX27" fmla="*/ 416030 w 585043"/>
                <a:gd name="connsiteY27" fmla="*/ 156011 h 472368"/>
                <a:gd name="connsiteX28" fmla="*/ 377027 w 585043"/>
                <a:gd name="connsiteY28" fmla="*/ 164678 h 472368"/>
                <a:gd name="connsiteX29" fmla="*/ 385695 w 585043"/>
                <a:gd name="connsiteY29" fmla="*/ 130009 h 472368"/>
                <a:gd name="connsiteX30" fmla="*/ 333691 w 585043"/>
                <a:gd name="connsiteY30" fmla="*/ 169012 h 472368"/>
                <a:gd name="connsiteX31" fmla="*/ 320690 w 585043"/>
                <a:gd name="connsiteY31" fmla="*/ 125676 h 472368"/>
                <a:gd name="connsiteX32" fmla="*/ 364026 w 585043"/>
                <a:gd name="connsiteY32" fmla="*/ 95340 h 472368"/>
                <a:gd name="connsiteX33" fmla="*/ 333691 w 585043"/>
                <a:gd name="connsiteY33" fmla="*/ 86673 h 472368"/>
                <a:gd name="connsiteX34" fmla="*/ 277353 w 585043"/>
                <a:gd name="connsiteY34" fmla="*/ 0 h 472368"/>
                <a:gd name="connsiteX35" fmla="*/ 251352 w 585043"/>
                <a:gd name="connsiteY35" fmla="*/ 47670 h 472368"/>
                <a:gd name="connsiteX36" fmla="*/ 221016 w 585043"/>
                <a:gd name="connsiteY36" fmla="*/ 30335 h 472368"/>
                <a:gd name="connsiteX37" fmla="*/ 242684 w 585043"/>
                <a:gd name="connsiteY37" fmla="*/ 95340 h 472368"/>
                <a:gd name="connsiteX38" fmla="*/ 203681 w 585043"/>
                <a:gd name="connsiteY38" fmla="*/ 104007 h 472368"/>
                <a:gd name="connsiteX39" fmla="*/ 156011 w 585043"/>
                <a:gd name="connsiteY39" fmla="*/ 138677 h 472368"/>
                <a:gd name="connsiteX40" fmla="*/ 82339 w 585043"/>
                <a:gd name="connsiteY40" fmla="*/ 117008 h 472368"/>
                <a:gd name="connsiteX41" fmla="*/ 21668 w 585043"/>
                <a:gd name="connsiteY41" fmla="*/ 95340 h 472368"/>
                <a:gd name="connsiteX42" fmla="*/ 0 w 585043"/>
                <a:gd name="connsiteY42" fmla="*/ 117008 h 472368"/>
                <a:gd name="connsiteX43" fmla="*/ 17335 w 585043"/>
                <a:gd name="connsiteY43" fmla="*/ 134343 h 472368"/>
                <a:gd name="connsiteX44" fmla="*/ 69338 w 585043"/>
                <a:gd name="connsiteY44" fmla="*/ 160345 h 472368"/>
                <a:gd name="connsiteX45" fmla="*/ 99674 w 585043"/>
                <a:gd name="connsiteY45" fmla="*/ 221016 h 472368"/>
                <a:gd name="connsiteX46" fmla="*/ 82339 w 585043"/>
                <a:gd name="connsiteY46" fmla="*/ 242684 h 472368"/>
                <a:gd name="connsiteX47" fmla="*/ 73672 w 585043"/>
                <a:gd name="connsiteY47" fmla="*/ 281687 h 472368"/>
                <a:gd name="connsiteX48" fmla="*/ 65005 w 585043"/>
                <a:gd name="connsiteY48" fmla="*/ 316356 h 472368"/>
                <a:gd name="connsiteX49" fmla="*/ 65005 w 585043"/>
                <a:gd name="connsiteY49" fmla="*/ 359693 h 472368"/>
                <a:gd name="connsiteX50" fmla="*/ 108341 w 585043"/>
                <a:gd name="connsiteY50" fmla="*/ 403029 h 472368"/>
                <a:gd name="connsiteX51" fmla="*/ 212349 w 585043"/>
                <a:gd name="connsiteY51" fmla="*/ 472368 h 4723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585043" h="472368">
                  <a:moveTo>
                    <a:pt x="212349" y="472368"/>
                  </a:moveTo>
                  <a:lnTo>
                    <a:pt x="190680" y="398695"/>
                  </a:lnTo>
                  <a:lnTo>
                    <a:pt x="216682" y="385695"/>
                  </a:lnTo>
                  <a:lnTo>
                    <a:pt x="238351" y="381361"/>
                  </a:lnTo>
                  <a:lnTo>
                    <a:pt x="260019" y="359693"/>
                  </a:lnTo>
                  <a:lnTo>
                    <a:pt x="238351" y="316356"/>
                  </a:lnTo>
                  <a:lnTo>
                    <a:pt x="312023" y="299022"/>
                  </a:lnTo>
                  <a:lnTo>
                    <a:pt x="433365" y="368360"/>
                  </a:lnTo>
                  <a:lnTo>
                    <a:pt x="463700" y="364026"/>
                  </a:lnTo>
                  <a:lnTo>
                    <a:pt x="502703" y="377027"/>
                  </a:lnTo>
                  <a:lnTo>
                    <a:pt x="524371" y="398695"/>
                  </a:lnTo>
                  <a:lnTo>
                    <a:pt x="515704" y="424697"/>
                  </a:lnTo>
                  <a:lnTo>
                    <a:pt x="541706" y="403029"/>
                  </a:lnTo>
                  <a:lnTo>
                    <a:pt x="580709" y="403029"/>
                  </a:lnTo>
                  <a:lnTo>
                    <a:pt x="585043" y="385695"/>
                  </a:lnTo>
                  <a:lnTo>
                    <a:pt x="520038" y="368360"/>
                  </a:lnTo>
                  <a:lnTo>
                    <a:pt x="489702" y="342358"/>
                  </a:lnTo>
                  <a:lnTo>
                    <a:pt x="528705" y="312022"/>
                  </a:lnTo>
                  <a:lnTo>
                    <a:pt x="515704" y="307689"/>
                  </a:lnTo>
                  <a:lnTo>
                    <a:pt x="481035" y="333691"/>
                  </a:lnTo>
                  <a:lnTo>
                    <a:pt x="459367" y="307689"/>
                  </a:lnTo>
                  <a:lnTo>
                    <a:pt x="450699" y="281687"/>
                  </a:lnTo>
                  <a:lnTo>
                    <a:pt x="355359" y="290354"/>
                  </a:lnTo>
                  <a:lnTo>
                    <a:pt x="338025" y="260019"/>
                  </a:lnTo>
                  <a:lnTo>
                    <a:pt x="381361" y="212349"/>
                  </a:lnTo>
                  <a:lnTo>
                    <a:pt x="416030" y="199348"/>
                  </a:lnTo>
                  <a:lnTo>
                    <a:pt x="437699" y="169012"/>
                  </a:lnTo>
                  <a:lnTo>
                    <a:pt x="416030" y="156011"/>
                  </a:lnTo>
                  <a:lnTo>
                    <a:pt x="377027" y="164678"/>
                  </a:lnTo>
                  <a:lnTo>
                    <a:pt x="385695" y="130009"/>
                  </a:lnTo>
                  <a:lnTo>
                    <a:pt x="333691" y="169012"/>
                  </a:lnTo>
                  <a:lnTo>
                    <a:pt x="320690" y="125676"/>
                  </a:lnTo>
                  <a:lnTo>
                    <a:pt x="364026" y="95340"/>
                  </a:lnTo>
                  <a:lnTo>
                    <a:pt x="333691" y="86673"/>
                  </a:lnTo>
                  <a:lnTo>
                    <a:pt x="277353" y="0"/>
                  </a:lnTo>
                  <a:lnTo>
                    <a:pt x="251352" y="47670"/>
                  </a:lnTo>
                  <a:lnTo>
                    <a:pt x="221016" y="30335"/>
                  </a:lnTo>
                  <a:lnTo>
                    <a:pt x="242684" y="95340"/>
                  </a:lnTo>
                  <a:lnTo>
                    <a:pt x="203681" y="104007"/>
                  </a:lnTo>
                  <a:lnTo>
                    <a:pt x="156011" y="138677"/>
                  </a:lnTo>
                  <a:lnTo>
                    <a:pt x="82339" y="117008"/>
                  </a:lnTo>
                  <a:lnTo>
                    <a:pt x="21668" y="95340"/>
                  </a:lnTo>
                  <a:lnTo>
                    <a:pt x="0" y="117008"/>
                  </a:lnTo>
                  <a:lnTo>
                    <a:pt x="17335" y="134343"/>
                  </a:lnTo>
                  <a:lnTo>
                    <a:pt x="69338" y="160345"/>
                  </a:lnTo>
                  <a:lnTo>
                    <a:pt x="99674" y="221016"/>
                  </a:lnTo>
                  <a:lnTo>
                    <a:pt x="82339" y="242684"/>
                  </a:lnTo>
                  <a:lnTo>
                    <a:pt x="73672" y="281687"/>
                  </a:lnTo>
                  <a:lnTo>
                    <a:pt x="65005" y="316356"/>
                  </a:lnTo>
                  <a:lnTo>
                    <a:pt x="65005" y="359693"/>
                  </a:lnTo>
                  <a:lnTo>
                    <a:pt x="108341" y="403029"/>
                  </a:lnTo>
                  <a:lnTo>
                    <a:pt x="212349" y="47236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55" name="TextBox 54"/>
            <p:cNvSpPr txBox="1"/>
            <p:nvPr/>
          </p:nvSpPr>
          <p:spPr bwMode="gray">
            <a:xfrm>
              <a:off x="7467600" y="4038600"/>
              <a:ext cx="1244892" cy="458587"/>
            </a:xfrm>
            <a:prstGeom prst="rect">
              <a:avLst/>
            </a:prstGeom>
            <a:noFill/>
          </p:spPr>
          <p:txBody>
            <a:bodyPr wrap="squar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Warner Valley</a:t>
              </a:r>
              <a:endParaRPr lang="en-US" sz="1400" b="1" dirty="0">
                <a:solidFill>
                  <a:prstClr val="white"/>
                </a:solidFill>
                <a:effectLst>
                  <a:outerShdw blurRad="38100" dist="63500" dir="2700000" algn="tl">
                    <a:srgbClr val="000000"/>
                  </a:outerShdw>
                </a:effectLst>
              </a:endParaRPr>
            </a:p>
          </p:txBody>
        </p:sp>
      </p:grpSp>
      <p:grpSp>
        <p:nvGrpSpPr>
          <p:cNvPr id="26" name="Group 59"/>
          <p:cNvGrpSpPr/>
          <p:nvPr/>
        </p:nvGrpSpPr>
        <p:grpSpPr bwMode="gray">
          <a:xfrm>
            <a:off x="5707343" y="2618360"/>
            <a:ext cx="891591" cy="358857"/>
            <a:chOff x="5707343" y="2618360"/>
            <a:chExt cx="891591" cy="358857"/>
          </a:xfrm>
        </p:grpSpPr>
        <p:sp>
          <p:nvSpPr>
            <p:cNvPr id="59" name="Freeform 58"/>
            <p:cNvSpPr/>
            <p:nvPr/>
          </p:nvSpPr>
          <p:spPr bwMode="gray">
            <a:xfrm>
              <a:off x="5906764" y="2634859"/>
              <a:ext cx="459367" cy="342358"/>
            </a:xfrm>
            <a:custGeom>
              <a:avLst/>
              <a:gdLst>
                <a:gd name="connsiteX0" fmla="*/ 329357 w 459367"/>
                <a:gd name="connsiteY0" fmla="*/ 342358 h 342358"/>
                <a:gd name="connsiteX1" fmla="*/ 459367 w 459367"/>
                <a:gd name="connsiteY1" fmla="*/ 242684 h 342358"/>
                <a:gd name="connsiteX2" fmla="*/ 442032 w 459367"/>
                <a:gd name="connsiteY2" fmla="*/ 225350 h 342358"/>
                <a:gd name="connsiteX3" fmla="*/ 407363 w 459367"/>
                <a:gd name="connsiteY3" fmla="*/ 238350 h 342358"/>
                <a:gd name="connsiteX4" fmla="*/ 368360 w 459367"/>
                <a:gd name="connsiteY4" fmla="*/ 203681 h 342358"/>
                <a:gd name="connsiteX5" fmla="*/ 355359 w 459367"/>
                <a:gd name="connsiteY5" fmla="*/ 151677 h 342358"/>
                <a:gd name="connsiteX6" fmla="*/ 346692 w 459367"/>
                <a:gd name="connsiteY6" fmla="*/ 143010 h 342358"/>
                <a:gd name="connsiteX7" fmla="*/ 333691 w 459367"/>
                <a:gd name="connsiteY7" fmla="*/ 117008 h 342358"/>
                <a:gd name="connsiteX8" fmla="*/ 316356 w 459367"/>
                <a:gd name="connsiteY8" fmla="*/ 138677 h 342358"/>
                <a:gd name="connsiteX9" fmla="*/ 273020 w 459367"/>
                <a:gd name="connsiteY9" fmla="*/ 130009 h 342358"/>
                <a:gd name="connsiteX10" fmla="*/ 260019 w 459367"/>
                <a:gd name="connsiteY10" fmla="*/ 143010 h 342358"/>
                <a:gd name="connsiteX11" fmla="*/ 260019 w 459367"/>
                <a:gd name="connsiteY11" fmla="*/ 143010 h 342358"/>
                <a:gd name="connsiteX12" fmla="*/ 273020 w 459367"/>
                <a:gd name="connsiteY12" fmla="*/ 104007 h 342358"/>
                <a:gd name="connsiteX13" fmla="*/ 251352 w 459367"/>
                <a:gd name="connsiteY13" fmla="*/ 78005 h 342358"/>
                <a:gd name="connsiteX14" fmla="*/ 234017 w 459367"/>
                <a:gd name="connsiteY14" fmla="*/ 112675 h 342358"/>
                <a:gd name="connsiteX15" fmla="*/ 156011 w 459367"/>
                <a:gd name="connsiteY15" fmla="*/ 78005 h 342358"/>
                <a:gd name="connsiteX16" fmla="*/ 86673 w 459367"/>
                <a:gd name="connsiteY16" fmla="*/ 13001 h 342358"/>
                <a:gd name="connsiteX17" fmla="*/ 78006 w 459367"/>
                <a:gd name="connsiteY17" fmla="*/ 30335 h 342358"/>
                <a:gd name="connsiteX18" fmla="*/ 60671 w 459367"/>
                <a:gd name="connsiteY18" fmla="*/ 0 h 342358"/>
                <a:gd name="connsiteX19" fmla="*/ 30336 w 459367"/>
                <a:gd name="connsiteY19" fmla="*/ 4333 h 342358"/>
                <a:gd name="connsiteX20" fmla="*/ 47670 w 459367"/>
                <a:gd name="connsiteY20" fmla="*/ 43336 h 342358"/>
                <a:gd name="connsiteX21" fmla="*/ 34669 w 459367"/>
                <a:gd name="connsiteY21" fmla="*/ 60671 h 342358"/>
                <a:gd name="connsiteX22" fmla="*/ 43336 w 459367"/>
                <a:gd name="connsiteY22" fmla="*/ 73672 h 342358"/>
                <a:gd name="connsiteX23" fmla="*/ 0 w 459367"/>
                <a:gd name="connsiteY23" fmla="*/ 82339 h 342358"/>
                <a:gd name="connsiteX24" fmla="*/ 43336 w 459367"/>
                <a:gd name="connsiteY24" fmla="*/ 112675 h 342358"/>
                <a:gd name="connsiteX25" fmla="*/ 69338 w 459367"/>
                <a:gd name="connsiteY25" fmla="*/ 160345 h 342358"/>
                <a:gd name="connsiteX26" fmla="*/ 91007 w 459367"/>
                <a:gd name="connsiteY26" fmla="*/ 190680 h 342358"/>
                <a:gd name="connsiteX27" fmla="*/ 108341 w 459367"/>
                <a:gd name="connsiteY27" fmla="*/ 164678 h 342358"/>
                <a:gd name="connsiteX28" fmla="*/ 138677 w 459367"/>
                <a:gd name="connsiteY28" fmla="*/ 186347 h 342358"/>
                <a:gd name="connsiteX29" fmla="*/ 125676 w 459367"/>
                <a:gd name="connsiteY29" fmla="*/ 208015 h 342358"/>
                <a:gd name="connsiteX30" fmla="*/ 156011 w 459367"/>
                <a:gd name="connsiteY30" fmla="*/ 199348 h 342358"/>
                <a:gd name="connsiteX31" fmla="*/ 164679 w 459367"/>
                <a:gd name="connsiteY31" fmla="*/ 238350 h 342358"/>
                <a:gd name="connsiteX32" fmla="*/ 190681 w 459367"/>
                <a:gd name="connsiteY32" fmla="*/ 229683 h 342358"/>
                <a:gd name="connsiteX33" fmla="*/ 199348 w 459367"/>
                <a:gd name="connsiteY33" fmla="*/ 251351 h 342358"/>
                <a:gd name="connsiteX34" fmla="*/ 216682 w 459367"/>
                <a:gd name="connsiteY34" fmla="*/ 251351 h 342358"/>
                <a:gd name="connsiteX35" fmla="*/ 234017 w 459367"/>
                <a:gd name="connsiteY35" fmla="*/ 277353 h 342358"/>
                <a:gd name="connsiteX36" fmla="*/ 255685 w 459367"/>
                <a:gd name="connsiteY36" fmla="*/ 268686 h 342358"/>
                <a:gd name="connsiteX37" fmla="*/ 251352 w 459367"/>
                <a:gd name="connsiteY37" fmla="*/ 312023 h 342358"/>
                <a:gd name="connsiteX38" fmla="*/ 329357 w 459367"/>
                <a:gd name="connsiteY38" fmla="*/ 342358 h 342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459367" h="342358">
                  <a:moveTo>
                    <a:pt x="329357" y="342358"/>
                  </a:moveTo>
                  <a:lnTo>
                    <a:pt x="459367" y="242684"/>
                  </a:lnTo>
                  <a:lnTo>
                    <a:pt x="442032" y="225350"/>
                  </a:lnTo>
                  <a:lnTo>
                    <a:pt x="407363" y="238350"/>
                  </a:lnTo>
                  <a:lnTo>
                    <a:pt x="368360" y="203681"/>
                  </a:lnTo>
                  <a:lnTo>
                    <a:pt x="355359" y="151677"/>
                  </a:lnTo>
                  <a:lnTo>
                    <a:pt x="346692" y="143010"/>
                  </a:lnTo>
                  <a:lnTo>
                    <a:pt x="333691" y="117008"/>
                  </a:lnTo>
                  <a:lnTo>
                    <a:pt x="316356" y="138677"/>
                  </a:lnTo>
                  <a:lnTo>
                    <a:pt x="273020" y="130009"/>
                  </a:lnTo>
                  <a:lnTo>
                    <a:pt x="260019" y="143010"/>
                  </a:lnTo>
                  <a:lnTo>
                    <a:pt x="260019" y="143010"/>
                  </a:lnTo>
                  <a:lnTo>
                    <a:pt x="273020" y="104007"/>
                  </a:lnTo>
                  <a:lnTo>
                    <a:pt x="251352" y="78005"/>
                  </a:lnTo>
                  <a:lnTo>
                    <a:pt x="234017" y="112675"/>
                  </a:lnTo>
                  <a:lnTo>
                    <a:pt x="156011" y="78005"/>
                  </a:lnTo>
                  <a:lnTo>
                    <a:pt x="86673" y="13001"/>
                  </a:lnTo>
                  <a:lnTo>
                    <a:pt x="78006" y="30335"/>
                  </a:lnTo>
                  <a:lnTo>
                    <a:pt x="60671" y="0"/>
                  </a:lnTo>
                  <a:lnTo>
                    <a:pt x="30336" y="4333"/>
                  </a:lnTo>
                  <a:lnTo>
                    <a:pt x="47670" y="43336"/>
                  </a:lnTo>
                  <a:lnTo>
                    <a:pt x="34669" y="60671"/>
                  </a:lnTo>
                  <a:lnTo>
                    <a:pt x="43336" y="73672"/>
                  </a:lnTo>
                  <a:lnTo>
                    <a:pt x="0" y="82339"/>
                  </a:lnTo>
                  <a:lnTo>
                    <a:pt x="43336" y="112675"/>
                  </a:lnTo>
                  <a:lnTo>
                    <a:pt x="69338" y="160345"/>
                  </a:lnTo>
                  <a:lnTo>
                    <a:pt x="91007" y="190680"/>
                  </a:lnTo>
                  <a:lnTo>
                    <a:pt x="108341" y="164678"/>
                  </a:lnTo>
                  <a:lnTo>
                    <a:pt x="138677" y="186347"/>
                  </a:lnTo>
                  <a:lnTo>
                    <a:pt x="125676" y="208015"/>
                  </a:lnTo>
                  <a:lnTo>
                    <a:pt x="156011" y="199348"/>
                  </a:lnTo>
                  <a:lnTo>
                    <a:pt x="164679" y="238350"/>
                  </a:lnTo>
                  <a:lnTo>
                    <a:pt x="190681" y="229683"/>
                  </a:lnTo>
                  <a:lnTo>
                    <a:pt x="199348" y="251351"/>
                  </a:lnTo>
                  <a:lnTo>
                    <a:pt x="216682" y="251351"/>
                  </a:lnTo>
                  <a:lnTo>
                    <a:pt x="234017" y="277353"/>
                  </a:lnTo>
                  <a:lnTo>
                    <a:pt x="255685" y="268686"/>
                  </a:lnTo>
                  <a:lnTo>
                    <a:pt x="251352" y="312023"/>
                  </a:lnTo>
                  <a:lnTo>
                    <a:pt x="329357" y="34235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49" name="TextBox 48"/>
            <p:cNvSpPr txBox="1"/>
            <p:nvPr/>
          </p:nvSpPr>
          <p:spPr bwMode="gray">
            <a:xfrm>
              <a:off x="5707343" y="2618360"/>
              <a:ext cx="891591" cy="275460"/>
            </a:xfrm>
            <a:prstGeom prst="rect">
              <a:avLst/>
            </a:prstGeom>
            <a:noFill/>
          </p:spPr>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Elsinore</a:t>
              </a:r>
              <a:endParaRPr lang="en-US" sz="1400" b="1" dirty="0">
                <a:solidFill>
                  <a:prstClr val="white"/>
                </a:solidFill>
                <a:effectLst>
                  <a:outerShdw blurRad="38100" dist="63500" dir="2700000" algn="tl">
                    <a:srgbClr val="000000"/>
                  </a:outerShdw>
                </a:effectLst>
              </a:endParaRPr>
            </a:p>
          </p:txBody>
        </p:sp>
      </p:grpSp>
      <p:grpSp>
        <p:nvGrpSpPr>
          <p:cNvPr id="27" name="Group 61"/>
          <p:cNvGrpSpPr/>
          <p:nvPr/>
        </p:nvGrpSpPr>
        <p:grpSpPr bwMode="gray">
          <a:xfrm>
            <a:off x="4740940" y="2696184"/>
            <a:ext cx="1293374" cy="608991"/>
            <a:chOff x="4943272" y="2696184"/>
            <a:chExt cx="888709" cy="608991"/>
          </a:xfrm>
        </p:grpSpPr>
        <p:sp>
          <p:nvSpPr>
            <p:cNvPr id="61" name="Upper San Juan 60"/>
            <p:cNvSpPr/>
            <p:nvPr/>
          </p:nvSpPr>
          <p:spPr bwMode="gray">
            <a:xfrm>
              <a:off x="5394325" y="3006725"/>
              <a:ext cx="168275" cy="298450"/>
            </a:xfrm>
            <a:custGeom>
              <a:avLst/>
              <a:gdLst>
                <a:gd name="connsiteX0" fmla="*/ 0 w 168275"/>
                <a:gd name="connsiteY0" fmla="*/ 241300 h 298450"/>
                <a:gd name="connsiteX1" fmla="*/ 12700 w 168275"/>
                <a:gd name="connsiteY1" fmla="*/ 298450 h 298450"/>
                <a:gd name="connsiteX2" fmla="*/ 50800 w 168275"/>
                <a:gd name="connsiteY2" fmla="*/ 279400 h 298450"/>
                <a:gd name="connsiteX3" fmla="*/ 66675 w 168275"/>
                <a:gd name="connsiteY3" fmla="*/ 260350 h 298450"/>
                <a:gd name="connsiteX4" fmla="*/ 85725 w 168275"/>
                <a:gd name="connsiteY4" fmla="*/ 244475 h 298450"/>
                <a:gd name="connsiteX5" fmla="*/ 92075 w 168275"/>
                <a:gd name="connsiteY5" fmla="*/ 228600 h 298450"/>
                <a:gd name="connsiteX6" fmla="*/ 111125 w 168275"/>
                <a:gd name="connsiteY6" fmla="*/ 219075 h 298450"/>
                <a:gd name="connsiteX7" fmla="*/ 114300 w 168275"/>
                <a:gd name="connsiteY7" fmla="*/ 190500 h 298450"/>
                <a:gd name="connsiteX8" fmla="*/ 114300 w 168275"/>
                <a:gd name="connsiteY8" fmla="*/ 161925 h 298450"/>
                <a:gd name="connsiteX9" fmla="*/ 111125 w 168275"/>
                <a:gd name="connsiteY9" fmla="*/ 130175 h 298450"/>
                <a:gd name="connsiteX10" fmla="*/ 114300 w 168275"/>
                <a:gd name="connsiteY10" fmla="*/ 95250 h 298450"/>
                <a:gd name="connsiteX11" fmla="*/ 114300 w 168275"/>
                <a:gd name="connsiteY11" fmla="*/ 95250 h 298450"/>
                <a:gd name="connsiteX12" fmla="*/ 168275 w 168275"/>
                <a:gd name="connsiteY12" fmla="*/ 50800 h 298450"/>
                <a:gd name="connsiteX13" fmla="*/ 149225 w 168275"/>
                <a:gd name="connsiteY13" fmla="*/ 41275 h 298450"/>
                <a:gd name="connsiteX14" fmla="*/ 117475 w 168275"/>
                <a:gd name="connsiteY14" fmla="*/ 63500 h 298450"/>
                <a:gd name="connsiteX15" fmla="*/ 95250 w 168275"/>
                <a:gd name="connsiteY15" fmla="*/ 85725 h 298450"/>
                <a:gd name="connsiteX16" fmla="*/ 92075 w 168275"/>
                <a:gd name="connsiteY16" fmla="*/ 136525 h 298450"/>
                <a:gd name="connsiteX17" fmla="*/ 85725 w 168275"/>
                <a:gd name="connsiteY17" fmla="*/ 149225 h 298450"/>
                <a:gd name="connsiteX18" fmla="*/ 69850 w 168275"/>
                <a:gd name="connsiteY18" fmla="*/ 130175 h 298450"/>
                <a:gd name="connsiteX19" fmla="*/ 73025 w 168275"/>
                <a:gd name="connsiteY19" fmla="*/ 92075 h 298450"/>
                <a:gd name="connsiteX20" fmla="*/ 66675 w 168275"/>
                <a:gd name="connsiteY20" fmla="*/ 47625 h 298450"/>
                <a:gd name="connsiteX21" fmla="*/ 85725 w 168275"/>
                <a:gd name="connsiteY21" fmla="*/ 0 h 298450"/>
                <a:gd name="connsiteX22" fmla="*/ 53975 w 168275"/>
                <a:gd name="connsiteY22" fmla="*/ 0 h 298450"/>
                <a:gd name="connsiteX23" fmla="*/ 47625 w 168275"/>
                <a:gd name="connsiteY23" fmla="*/ 76200 h 298450"/>
                <a:gd name="connsiteX24" fmla="*/ 47625 w 168275"/>
                <a:gd name="connsiteY24" fmla="*/ 107950 h 298450"/>
                <a:gd name="connsiteX25" fmla="*/ 53975 w 168275"/>
                <a:gd name="connsiteY25" fmla="*/ 168275 h 298450"/>
                <a:gd name="connsiteX26" fmla="*/ 73025 w 168275"/>
                <a:gd name="connsiteY26" fmla="*/ 193675 h 298450"/>
                <a:gd name="connsiteX27" fmla="*/ 79375 w 168275"/>
                <a:gd name="connsiteY27" fmla="*/ 209550 h 298450"/>
                <a:gd name="connsiteX28" fmla="*/ 60325 w 168275"/>
                <a:gd name="connsiteY28" fmla="*/ 222250 h 298450"/>
                <a:gd name="connsiteX29" fmla="*/ 44450 w 168275"/>
                <a:gd name="connsiteY29" fmla="*/ 209550 h 298450"/>
                <a:gd name="connsiteX30" fmla="*/ 0 w 168275"/>
                <a:gd name="connsiteY30" fmla="*/ 241300 h 298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68275" h="298450">
                  <a:moveTo>
                    <a:pt x="0" y="241300"/>
                  </a:moveTo>
                  <a:lnTo>
                    <a:pt x="12700" y="298450"/>
                  </a:lnTo>
                  <a:lnTo>
                    <a:pt x="50800" y="279400"/>
                  </a:lnTo>
                  <a:lnTo>
                    <a:pt x="66675" y="260350"/>
                  </a:lnTo>
                  <a:lnTo>
                    <a:pt x="85725" y="244475"/>
                  </a:lnTo>
                  <a:lnTo>
                    <a:pt x="92075" y="228600"/>
                  </a:lnTo>
                  <a:lnTo>
                    <a:pt x="111125" y="219075"/>
                  </a:lnTo>
                  <a:lnTo>
                    <a:pt x="114300" y="190500"/>
                  </a:lnTo>
                  <a:lnTo>
                    <a:pt x="114300" y="161925"/>
                  </a:lnTo>
                  <a:lnTo>
                    <a:pt x="111125" y="130175"/>
                  </a:lnTo>
                  <a:lnTo>
                    <a:pt x="114300" y="95250"/>
                  </a:lnTo>
                  <a:lnTo>
                    <a:pt x="114300" y="95250"/>
                  </a:lnTo>
                  <a:lnTo>
                    <a:pt x="168275" y="50800"/>
                  </a:lnTo>
                  <a:lnTo>
                    <a:pt x="149225" y="41275"/>
                  </a:lnTo>
                  <a:lnTo>
                    <a:pt x="117475" y="63500"/>
                  </a:lnTo>
                  <a:lnTo>
                    <a:pt x="95250" y="85725"/>
                  </a:lnTo>
                  <a:lnTo>
                    <a:pt x="92075" y="136525"/>
                  </a:lnTo>
                  <a:lnTo>
                    <a:pt x="85725" y="149225"/>
                  </a:lnTo>
                  <a:lnTo>
                    <a:pt x="69850" y="130175"/>
                  </a:lnTo>
                  <a:lnTo>
                    <a:pt x="73025" y="92075"/>
                  </a:lnTo>
                  <a:lnTo>
                    <a:pt x="66675" y="47625"/>
                  </a:lnTo>
                  <a:lnTo>
                    <a:pt x="85725" y="0"/>
                  </a:lnTo>
                  <a:lnTo>
                    <a:pt x="53975" y="0"/>
                  </a:lnTo>
                  <a:lnTo>
                    <a:pt x="47625" y="76200"/>
                  </a:lnTo>
                  <a:lnTo>
                    <a:pt x="47625" y="107950"/>
                  </a:lnTo>
                  <a:lnTo>
                    <a:pt x="53975" y="168275"/>
                  </a:lnTo>
                  <a:lnTo>
                    <a:pt x="73025" y="193675"/>
                  </a:lnTo>
                  <a:lnTo>
                    <a:pt x="79375" y="209550"/>
                  </a:lnTo>
                  <a:lnTo>
                    <a:pt x="60325" y="222250"/>
                  </a:lnTo>
                  <a:lnTo>
                    <a:pt x="44450" y="209550"/>
                  </a:lnTo>
                  <a:lnTo>
                    <a:pt x="0" y="24130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51" name="Upper San Juan"/>
            <p:cNvSpPr txBox="1"/>
            <p:nvPr/>
          </p:nvSpPr>
          <p:spPr bwMode="gray">
            <a:xfrm>
              <a:off x="4943272" y="2696184"/>
              <a:ext cx="888709" cy="458587"/>
            </a:xfrm>
            <a:prstGeom prst="rect">
              <a:avLst/>
            </a:prstGeom>
            <a:noFill/>
          </p:spPr>
          <p:txBody>
            <a:bodyPr wrap="squar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Upper </a:t>
              </a:r>
              <a:br>
                <a:rPr lang="en-US" sz="1400" b="1" dirty="0" smtClean="0">
                  <a:solidFill>
                    <a:prstClr val="white"/>
                  </a:solidFill>
                  <a:effectLst>
                    <a:outerShdw blurRad="38100" dist="63500" dir="2700000" algn="tl">
                      <a:srgbClr val="000000"/>
                    </a:outerShdw>
                  </a:effectLst>
                </a:rPr>
              </a:br>
              <a:r>
                <a:rPr lang="en-US" sz="1400" b="1" dirty="0" smtClean="0">
                  <a:solidFill>
                    <a:prstClr val="white"/>
                  </a:solidFill>
                  <a:effectLst>
                    <a:outerShdw blurRad="38100" dist="63500" dir="2700000" algn="tl">
                      <a:srgbClr val="000000"/>
                    </a:outerShdw>
                  </a:effectLst>
                </a:rPr>
                <a:t>San Juan</a:t>
              </a:r>
              <a:endParaRPr lang="en-US" sz="1400" b="1" dirty="0">
                <a:solidFill>
                  <a:prstClr val="white"/>
                </a:solidFill>
                <a:effectLst>
                  <a:outerShdw blurRad="38100" dist="63500" dir="2700000" algn="tl">
                    <a:srgbClr val="000000"/>
                  </a:outerShdw>
                </a:effectLst>
              </a:endParaRPr>
            </a:p>
          </p:txBody>
        </p:sp>
      </p:grpSp>
      <p:grpSp>
        <p:nvGrpSpPr>
          <p:cNvPr id="28" name="Group 68"/>
          <p:cNvGrpSpPr/>
          <p:nvPr/>
        </p:nvGrpSpPr>
        <p:grpSpPr bwMode="gray">
          <a:xfrm>
            <a:off x="5038177" y="3291840"/>
            <a:ext cx="1327954" cy="521335"/>
            <a:chOff x="5235888" y="3291840"/>
            <a:chExt cx="932531" cy="521335"/>
          </a:xfrm>
        </p:grpSpPr>
        <p:grpSp>
          <p:nvGrpSpPr>
            <p:cNvPr id="29" name="San Mateo &amp; San Onofre"/>
            <p:cNvGrpSpPr/>
            <p:nvPr/>
          </p:nvGrpSpPr>
          <p:grpSpPr bwMode="gray">
            <a:xfrm>
              <a:off x="5362575" y="3502819"/>
              <a:ext cx="279400" cy="310356"/>
              <a:chOff x="5362575" y="3502819"/>
              <a:chExt cx="279400" cy="310356"/>
            </a:xfrm>
          </p:grpSpPr>
          <p:sp>
            <p:nvSpPr>
              <p:cNvPr id="63" name="Freeform 62"/>
              <p:cNvSpPr/>
              <p:nvPr/>
            </p:nvSpPr>
            <p:spPr bwMode="gray">
              <a:xfrm>
                <a:off x="5416550" y="3698875"/>
                <a:ext cx="225425" cy="114300"/>
              </a:xfrm>
              <a:custGeom>
                <a:avLst/>
                <a:gdLst>
                  <a:gd name="connsiteX0" fmla="*/ 0 w 225425"/>
                  <a:gd name="connsiteY0" fmla="*/ 66675 h 114300"/>
                  <a:gd name="connsiteX1" fmla="*/ 50800 w 225425"/>
                  <a:gd name="connsiteY1" fmla="*/ 114300 h 114300"/>
                  <a:gd name="connsiteX2" fmla="*/ 76200 w 225425"/>
                  <a:gd name="connsiteY2" fmla="*/ 85725 h 114300"/>
                  <a:gd name="connsiteX3" fmla="*/ 73025 w 225425"/>
                  <a:gd name="connsiteY3" fmla="*/ 63500 h 114300"/>
                  <a:gd name="connsiteX4" fmla="*/ 111125 w 225425"/>
                  <a:gd name="connsiteY4" fmla="*/ 41275 h 114300"/>
                  <a:gd name="connsiteX5" fmla="*/ 146050 w 225425"/>
                  <a:gd name="connsiteY5" fmla="*/ 38100 h 114300"/>
                  <a:gd name="connsiteX6" fmla="*/ 158750 w 225425"/>
                  <a:gd name="connsiteY6" fmla="*/ 28575 h 114300"/>
                  <a:gd name="connsiteX7" fmla="*/ 215900 w 225425"/>
                  <a:gd name="connsiteY7" fmla="*/ 57150 h 114300"/>
                  <a:gd name="connsiteX8" fmla="*/ 225425 w 225425"/>
                  <a:gd name="connsiteY8" fmla="*/ 63500 h 114300"/>
                  <a:gd name="connsiteX9" fmla="*/ 225425 w 225425"/>
                  <a:gd name="connsiteY9" fmla="*/ 63500 h 114300"/>
                  <a:gd name="connsiteX10" fmla="*/ 209550 w 225425"/>
                  <a:gd name="connsiteY10" fmla="*/ 34925 h 114300"/>
                  <a:gd name="connsiteX11" fmla="*/ 222250 w 225425"/>
                  <a:gd name="connsiteY11" fmla="*/ 0 h 114300"/>
                  <a:gd name="connsiteX12" fmla="*/ 190500 w 225425"/>
                  <a:gd name="connsiteY12" fmla="*/ 15875 h 114300"/>
                  <a:gd name="connsiteX13" fmla="*/ 146050 w 225425"/>
                  <a:gd name="connsiteY13" fmla="*/ 9525 h 114300"/>
                  <a:gd name="connsiteX14" fmla="*/ 114300 w 225425"/>
                  <a:gd name="connsiteY14" fmla="*/ 15875 h 114300"/>
                  <a:gd name="connsiteX15" fmla="*/ 79375 w 225425"/>
                  <a:gd name="connsiteY15" fmla="*/ 41275 h 114300"/>
                  <a:gd name="connsiteX16" fmla="*/ 0 w 225425"/>
                  <a:gd name="connsiteY16" fmla="*/ 66675 h 114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25425" h="114300">
                    <a:moveTo>
                      <a:pt x="0" y="66675"/>
                    </a:moveTo>
                    <a:lnTo>
                      <a:pt x="50800" y="114300"/>
                    </a:lnTo>
                    <a:lnTo>
                      <a:pt x="76200" y="85725"/>
                    </a:lnTo>
                    <a:lnTo>
                      <a:pt x="73025" y="63500"/>
                    </a:lnTo>
                    <a:lnTo>
                      <a:pt x="111125" y="41275"/>
                    </a:lnTo>
                    <a:lnTo>
                      <a:pt x="146050" y="38100"/>
                    </a:lnTo>
                    <a:lnTo>
                      <a:pt x="158750" y="28575"/>
                    </a:lnTo>
                    <a:lnTo>
                      <a:pt x="215900" y="57150"/>
                    </a:lnTo>
                    <a:lnTo>
                      <a:pt x="225425" y="63500"/>
                    </a:lnTo>
                    <a:lnTo>
                      <a:pt x="225425" y="63500"/>
                    </a:lnTo>
                    <a:lnTo>
                      <a:pt x="209550" y="34925"/>
                    </a:lnTo>
                    <a:lnTo>
                      <a:pt x="222250" y="0"/>
                    </a:lnTo>
                    <a:lnTo>
                      <a:pt x="190500" y="15875"/>
                    </a:lnTo>
                    <a:lnTo>
                      <a:pt x="146050" y="9525"/>
                    </a:lnTo>
                    <a:lnTo>
                      <a:pt x="114300" y="15875"/>
                    </a:lnTo>
                    <a:lnTo>
                      <a:pt x="79375" y="41275"/>
                    </a:lnTo>
                    <a:lnTo>
                      <a:pt x="0" y="66675"/>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67" name="Freeform 66"/>
              <p:cNvSpPr/>
              <p:nvPr/>
            </p:nvSpPr>
            <p:spPr bwMode="gray">
              <a:xfrm>
                <a:off x="5362575" y="3502819"/>
                <a:ext cx="276225" cy="254793"/>
              </a:xfrm>
              <a:custGeom>
                <a:avLst/>
                <a:gdLst>
                  <a:gd name="connsiteX0" fmla="*/ 0 w 276225"/>
                  <a:gd name="connsiteY0" fmla="*/ 245269 h 245269"/>
                  <a:gd name="connsiteX1" fmla="*/ 59531 w 276225"/>
                  <a:gd name="connsiteY1" fmla="*/ 128587 h 245269"/>
                  <a:gd name="connsiteX2" fmla="*/ 64294 w 276225"/>
                  <a:gd name="connsiteY2" fmla="*/ 83344 h 245269"/>
                  <a:gd name="connsiteX3" fmla="*/ 66675 w 276225"/>
                  <a:gd name="connsiteY3" fmla="*/ 16669 h 245269"/>
                  <a:gd name="connsiteX4" fmla="*/ 85725 w 276225"/>
                  <a:gd name="connsiteY4" fmla="*/ 16669 h 245269"/>
                  <a:gd name="connsiteX5" fmla="*/ 78581 w 276225"/>
                  <a:gd name="connsiteY5" fmla="*/ 76200 h 245269"/>
                  <a:gd name="connsiteX6" fmla="*/ 83344 w 276225"/>
                  <a:gd name="connsiteY6" fmla="*/ 109537 h 245269"/>
                  <a:gd name="connsiteX7" fmla="*/ 130969 w 276225"/>
                  <a:gd name="connsiteY7" fmla="*/ 119062 h 245269"/>
                  <a:gd name="connsiteX8" fmla="*/ 169069 w 276225"/>
                  <a:gd name="connsiteY8" fmla="*/ 114300 h 245269"/>
                  <a:gd name="connsiteX9" fmla="*/ 192881 w 276225"/>
                  <a:gd name="connsiteY9" fmla="*/ 104775 h 245269"/>
                  <a:gd name="connsiteX10" fmla="*/ 235744 w 276225"/>
                  <a:gd name="connsiteY10" fmla="*/ 42862 h 245269"/>
                  <a:gd name="connsiteX11" fmla="*/ 276225 w 276225"/>
                  <a:gd name="connsiteY11" fmla="*/ 0 h 245269"/>
                  <a:gd name="connsiteX12" fmla="*/ 276225 w 276225"/>
                  <a:gd name="connsiteY12" fmla="*/ 30956 h 245269"/>
                  <a:gd name="connsiteX13" fmla="*/ 242888 w 276225"/>
                  <a:gd name="connsiteY13" fmla="*/ 61912 h 245269"/>
                  <a:gd name="connsiteX14" fmla="*/ 219075 w 276225"/>
                  <a:gd name="connsiteY14" fmla="*/ 100012 h 245269"/>
                  <a:gd name="connsiteX15" fmla="*/ 190500 w 276225"/>
                  <a:gd name="connsiteY15" fmla="*/ 130969 h 245269"/>
                  <a:gd name="connsiteX16" fmla="*/ 145256 w 276225"/>
                  <a:gd name="connsiteY16" fmla="*/ 142875 h 245269"/>
                  <a:gd name="connsiteX17" fmla="*/ 109538 w 276225"/>
                  <a:gd name="connsiteY17" fmla="*/ 142875 h 245269"/>
                  <a:gd name="connsiteX18" fmla="*/ 76200 w 276225"/>
                  <a:gd name="connsiteY18" fmla="*/ 140494 h 245269"/>
                  <a:gd name="connsiteX19" fmla="*/ 73819 w 276225"/>
                  <a:gd name="connsiteY19" fmla="*/ 188119 h 245269"/>
                  <a:gd name="connsiteX20" fmla="*/ 0 w 276225"/>
                  <a:gd name="connsiteY20" fmla="*/ 245269 h 245269"/>
                  <a:gd name="connsiteX0" fmla="*/ 0 w 276225"/>
                  <a:gd name="connsiteY0" fmla="*/ 245269 h 245269"/>
                  <a:gd name="connsiteX1" fmla="*/ 59531 w 276225"/>
                  <a:gd name="connsiteY1" fmla="*/ 128587 h 245269"/>
                  <a:gd name="connsiteX2" fmla="*/ 64294 w 276225"/>
                  <a:gd name="connsiteY2" fmla="*/ 83344 h 245269"/>
                  <a:gd name="connsiteX3" fmla="*/ 66675 w 276225"/>
                  <a:gd name="connsiteY3" fmla="*/ 16669 h 245269"/>
                  <a:gd name="connsiteX4" fmla="*/ 85725 w 276225"/>
                  <a:gd name="connsiteY4" fmla="*/ 16669 h 245269"/>
                  <a:gd name="connsiteX5" fmla="*/ 78581 w 276225"/>
                  <a:gd name="connsiteY5" fmla="*/ 76200 h 245269"/>
                  <a:gd name="connsiteX6" fmla="*/ 83344 w 276225"/>
                  <a:gd name="connsiteY6" fmla="*/ 109537 h 245269"/>
                  <a:gd name="connsiteX7" fmla="*/ 130969 w 276225"/>
                  <a:gd name="connsiteY7" fmla="*/ 119062 h 245269"/>
                  <a:gd name="connsiteX8" fmla="*/ 169069 w 276225"/>
                  <a:gd name="connsiteY8" fmla="*/ 114300 h 245269"/>
                  <a:gd name="connsiteX9" fmla="*/ 192881 w 276225"/>
                  <a:gd name="connsiteY9" fmla="*/ 104775 h 245269"/>
                  <a:gd name="connsiteX10" fmla="*/ 235744 w 276225"/>
                  <a:gd name="connsiteY10" fmla="*/ 42862 h 245269"/>
                  <a:gd name="connsiteX11" fmla="*/ 276225 w 276225"/>
                  <a:gd name="connsiteY11" fmla="*/ 0 h 245269"/>
                  <a:gd name="connsiteX12" fmla="*/ 276225 w 276225"/>
                  <a:gd name="connsiteY12" fmla="*/ 30956 h 245269"/>
                  <a:gd name="connsiteX13" fmla="*/ 242888 w 276225"/>
                  <a:gd name="connsiteY13" fmla="*/ 61912 h 245269"/>
                  <a:gd name="connsiteX14" fmla="*/ 219075 w 276225"/>
                  <a:gd name="connsiteY14" fmla="*/ 100012 h 245269"/>
                  <a:gd name="connsiteX15" fmla="*/ 190500 w 276225"/>
                  <a:gd name="connsiteY15" fmla="*/ 130969 h 245269"/>
                  <a:gd name="connsiteX16" fmla="*/ 145256 w 276225"/>
                  <a:gd name="connsiteY16" fmla="*/ 142875 h 245269"/>
                  <a:gd name="connsiteX17" fmla="*/ 109538 w 276225"/>
                  <a:gd name="connsiteY17" fmla="*/ 142875 h 245269"/>
                  <a:gd name="connsiteX18" fmla="*/ 76200 w 276225"/>
                  <a:gd name="connsiteY18" fmla="*/ 140494 h 245269"/>
                  <a:gd name="connsiteX19" fmla="*/ 73819 w 276225"/>
                  <a:gd name="connsiteY19" fmla="*/ 188119 h 245269"/>
                  <a:gd name="connsiteX20" fmla="*/ 47625 w 276225"/>
                  <a:gd name="connsiteY20" fmla="*/ 230981 h 245269"/>
                  <a:gd name="connsiteX21" fmla="*/ 0 w 276225"/>
                  <a:gd name="connsiteY21" fmla="*/ 245269 h 245269"/>
                  <a:gd name="connsiteX0" fmla="*/ 0 w 276225"/>
                  <a:gd name="connsiteY0" fmla="*/ 245269 h 254793"/>
                  <a:gd name="connsiteX1" fmla="*/ 59531 w 276225"/>
                  <a:gd name="connsiteY1" fmla="*/ 128587 h 254793"/>
                  <a:gd name="connsiteX2" fmla="*/ 64294 w 276225"/>
                  <a:gd name="connsiteY2" fmla="*/ 83344 h 254793"/>
                  <a:gd name="connsiteX3" fmla="*/ 66675 w 276225"/>
                  <a:gd name="connsiteY3" fmla="*/ 16669 h 254793"/>
                  <a:gd name="connsiteX4" fmla="*/ 85725 w 276225"/>
                  <a:gd name="connsiteY4" fmla="*/ 16669 h 254793"/>
                  <a:gd name="connsiteX5" fmla="*/ 78581 w 276225"/>
                  <a:gd name="connsiteY5" fmla="*/ 76200 h 254793"/>
                  <a:gd name="connsiteX6" fmla="*/ 83344 w 276225"/>
                  <a:gd name="connsiteY6" fmla="*/ 109537 h 254793"/>
                  <a:gd name="connsiteX7" fmla="*/ 130969 w 276225"/>
                  <a:gd name="connsiteY7" fmla="*/ 119062 h 254793"/>
                  <a:gd name="connsiteX8" fmla="*/ 169069 w 276225"/>
                  <a:gd name="connsiteY8" fmla="*/ 114300 h 254793"/>
                  <a:gd name="connsiteX9" fmla="*/ 192881 w 276225"/>
                  <a:gd name="connsiteY9" fmla="*/ 104775 h 254793"/>
                  <a:gd name="connsiteX10" fmla="*/ 235744 w 276225"/>
                  <a:gd name="connsiteY10" fmla="*/ 42862 h 254793"/>
                  <a:gd name="connsiteX11" fmla="*/ 276225 w 276225"/>
                  <a:gd name="connsiteY11" fmla="*/ 0 h 254793"/>
                  <a:gd name="connsiteX12" fmla="*/ 276225 w 276225"/>
                  <a:gd name="connsiteY12" fmla="*/ 30956 h 254793"/>
                  <a:gd name="connsiteX13" fmla="*/ 242888 w 276225"/>
                  <a:gd name="connsiteY13" fmla="*/ 61912 h 254793"/>
                  <a:gd name="connsiteX14" fmla="*/ 219075 w 276225"/>
                  <a:gd name="connsiteY14" fmla="*/ 100012 h 254793"/>
                  <a:gd name="connsiteX15" fmla="*/ 190500 w 276225"/>
                  <a:gd name="connsiteY15" fmla="*/ 130969 h 254793"/>
                  <a:gd name="connsiteX16" fmla="*/ 145256 w 276225"/>
                  <a:gd name="connsiteY16" fmla="*/ 142875 h 254793"/>
                  <a:gd name="connsiteX17" fmla="*/ 109538 w 276225"/>
                  <a:gd name="connsiteY17" fmla="*/ 142875 h 254793"/>
                  <a:gd name="connsiteX18" fmla="*/ 76200 w 276225"/>
                  <a:gd name="connsiteY18" fmla="*/ 140494 h 254793"/>
                  <a:gd name="connsiteX19" fmla="*/ 73819 w 276225"/>
                  <a:gd name="connsiteY19" fmla="*/ 188119 h 254793"/>
                  <a:gd name="connsiteX20" fmla="*/ 30956 w 276225"/>
                  <a:gd name="connsiteY20" fmla="*/ 254793 h 254793"/>
                  <a:gd name="connsiteX21" fmla="*/ 0 w 276225"/>
                  <a:gd name="connsiteY21" fmla="*/ 245269 h 254793"/>
                  <a:gd name="connsiteX0" fmla="*/ 0 w 276225"/>
                  <a:gd name="connsiteY0" fmla="*/ 245269 h 254793"/>
                  <a:gd name="connsiteX1" fmla="*/ 59531 w 276225"/>
                  <a:gd name="connsiteY1" fmla="*/ 128587 h 254793"/>
                  <a:gd name="connsiteX2" fmla="*/ 64294 w 276225"/>
                  <a:gd name="connsiteY2" fmla="*/ 83344 h 254793"/>
                  <a:gd name="connsiteX3" fmla="*/ 66675 w 276225"/>
                  <a:gd name="connsiteY3" fmla="*/ 16669 h 254793"/>
                  <a:gd name="connsiteX4" fmla="*/ 85725 w 276225"/>
                  <a:gd name="connsiteY4" fmla="*/ 16669 h 254793"/>
                  <a:gd name="connsiteX5" fmla="*/ 78581 w 276225"/>
                  <a:gd name="connsiteY5" fmla="*/ 76200 h 254793"/>
                  <a:gd name="connsiteX6" fmla="*/ 83344 w 276225"/>
                  <a:gd name="connsiteY6" fmla="*/ 109537 h 254793"/>
                  <a:gd name="connsiteX7" fmla="*/ 130969 w 276225"/>
                  <a:gd name="connsiteY7" fmla="*/ 119062 h 254793"/>
                  <a:gd name="connsiteX8" fmla="*/ 169069 w 276225"/>
                  <a:gd name="connsiteY8" fmla="*/ 114300 h 254793"/>
                  <a:gd name="connsiteX9" fmla="*/ 192881 w 276225"/>
                  <a:gd name="connsiteY9" fmla="*/ 104775 h 254793"/>
                  <a:gd name="connsiteX10" fmla="*/ 235744 w 276225"/>
                  <a:gd name="connsiteY10" fmla="*/ 42862 h 254793"/>
                  <a:gd name="connsiteX11" fmla="*/ 276225 w 276225"/>
                  <a:gd name="connsiteY11" fmla="*/ 0 h 254793"/>
                  <a:gd name="connsiteX12" fmla="*/ 276225 w 276225"/>
                  <a:gd name="connsiteY12" fmla="*/ 30956 h 254793"/>
                  <a:gd name="connsiteX13" fmla="*/ 242888 w 276225"/>
                  <a:gd name="connsiteY13" fmla="*/ 61912 h 254793"/>
                  <a:gd name="connsiteX14" fmla="*/ 219075 w 276225"/>
                  <a:gd name="connsiteY14" fmla="*/ 100012 h 254793"/>
                  <a:gd name="connsiteX15" fmla="*/ 190500 w 276225"/>
                  <a:gd name="connsiteY15" fmla="*/ 130969 h 254793"/>
                  <a:gd name="connsiteX16" fmla="*/ 145256 w 276225"/>
                  <a:gd name="connsiteY16" fmla="*/ 142875 h 254793"/>
                  <a:gd name="connsiteX17" fmla="*/ 109538 w 276225"/>
                  <a:gd name="connsiteY17" fmla="*/ 142875 h 254793"/>
                  <a:gd name="connsiteX18" fmla="*/ 76200 w 276225"/>
                  <a:gd name="connsiteY18" fmla="*/ 140494 h 254793"/>
                  <a:gd name="connsiteX19" fmla="*/ 66675 w 276225"/>
                  <a:gd name="connsiteY19" fmla="*/ 188119 h 254793"/>
                  <a:gd name="connsiteX20" fmla="*/ 30956 w 276225"/>
                  <a:gd name="connsiteY20" fmla="*/ 254793 h 254793"/>
                  <a:gd name="connsiteX21" fmla="*/ 0 w 276225"/>
                  <a:gd name="connsiteY21" fmla="*/ 245269 h 2547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76225" h="254793">
                    <a:moveTo>
                      <a:pt x="0" y="245269"/>
                    </a:moveTo>
                    <a:lnTo>
                      <a:pt x="59531" y="128587"/>
                    </a:lnTo>
                    <a:lnTo>
                      <a:pt x="64294" y="83344"/>
                    </a:lnTo>
                    <a:cubicBezTo>
                      <a:pt x="65088" y="61119"/>
                      <a:pt x="65881" y="38894"/>
                      <a:pt x="66675" y="16669"/>
                    </a:cubicBezTo>
                    <a:lnTo>
                      <a:pt x="85725" y="16669"/>
                    </a:lnTo>
                    <a:lnTo>
                      <a:pt x="78581" y="76200"/>
                    </a:lnTo>
                    <a:lnTo>
                      <a:pt x="83344" y="109537"/>
                    </a:lnTo>
                    <a:lnTo>
                      <a:pt x="130969" y="119062"/>
                    </a:lnTo>
                    <a:lnTo>
                      <a:pt x="169069" y="114300"/>
                    </a:lnTo>
                    <a:lnTo>
                      <a:pt x="192881" y="104775"/>
                    </a:lnTo>
                    <a:lnTo>
                      <a:pt x="235744" y="42862"/>
                    </a:lnTo>
                    <a:lnTo>
                      <a:pt x="276225" y="0"/>
                    </a:lnTo>
                    <a:lnTo>
                      <a:pt x="276225" y="30956"/>
                    </a:lnTo>
                    <a:lnTo>
                      <a:pt x="242888" y="61912"/>
                    </a:lnTo>
                    <a:lnTo>
                      <a:pt x="219075" y="100012"/>
                    </a:lnTo>
                    <a:lnTo>
                      <a:pt x="190500" y="130969"/>
                    </a:lnTo>
                    <a:lnTo>
                      <a:pt x="145256" y="142875"/>
                    </a:lnTo>
                    <a:lnTo>
                      <a:pt x="109538" y="142875"/>
                    </a:lnTo>
                    <a:lnTo>
                      <a:pt x="76200" y="140494"/>
                    </a:lnTo>
                    <a:lnTo>
                      <a:pt x="66675" y="188119"/>
                    </a:lnTo>
                    <a:lnTo>
                      <a:pt x="30956" y="254793"/>
                    </a:lnTo>
                    <a:lnTo>
                      <a:pt x="0" y="2452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53" name="San Mateo &amp; San Onofre"/>
            <p:cNvSpPr txBox="1"/>
            <p:nvPr/>
          </p:nvSpPr>
          <p:spPr bwMode="gray">
            <a:xfrm>
              <a:off x="5235888" y="3291840"/>
              <a:ext cx="932531" cy="458587"/>
            </a:xfrm>
            <a:prstGeom prst="rect">
              <a:avLst/>
            </a:prstGeom>
            <a:noFill/>
          </p:spPr>
          <p:txBody>
            <a:bodyPr wrap="squar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San Mateo &amp; San Onofre</a:t>
              </a:r>
              <a:endParaRPr lang="en-US" sz="1400" b="1" dirty="0">
                <a:solidFill>
                  <a:prstClr val="white"/>
                </a:solidFill>
                <a:effectLst>
                  <a:outerShdw blurRad="38100" dist="63500" dir="2700000" algn="tl">
                    <a:srgbClr val="000000"/>
                  </a:outerShdw>
                </a:effectLst>
              </a:endParaRPr>
            </a:p>
          </p:txBody>
        </p:sp>
      </p:grpSp>
      <p:sp>
        <p:nvSpPr>
          <p:cNvPr id="71" name="Freeform 70"/>
          <p:cNvSpPr/>
          <p:nvPr/>
        </p:nvSpPr>
        <p:spPr bwMode="auto">
          <a:xfrm>
            <a:off x="4810069" y="1168701"/>
            <a:ext cx="37874" cy="32463"/>
          </a:xfrm>
          <a:custGeom>
            <a:avLst/>
            <a:gdLst>
              <a:gd name="connsiteX0" fmla="*/ 37874 w 37874"/>
              <a:gd name="connsiteY0" fmla="*/ 0 h 32463"/>
              <a:gd name="connsiteX1" fmla="*/ 0 w 37874"/>
              <a:gd name="connsiteY1" fmla="*/ 32463 h 32463"/>
              <a:gd name="connsiteX2" fmla="*/ 37874 w 37874"/>
              <a:gd name="connsiteY2" fmla="*/ 0 h 32463"/>
            </a:gdLst>
            <a:ahLst/>
            <a:cxnLst>
              <a:cxn ang="0">
                <a:pos x="connsiteX0" y="connsiteY0"/>
              </a:cxn>
              <a:cxn ang="0">
                <a:pos x="connsiteX1" y="connsiteY1"/>
              </a:cxn>
              <a:cxn ang="0">
                <a:pos x="connsiteX2" y="connsiteY2"/>
              </a:cxn>
            </a:cxnLst>
            <a:rect l="l" t="t" r="r" b="b"/>
            <a:pathLst>
              <a:path w="37874" h="32463">
                <a:moveTo>
                  <a:pt x="37874" y="0"/>
                </a:moveTo>
                <a:lnTo>
                  <a:pt x="0" y="32463"/>
                </a:lnTo>
                <a:lnTo>
                  <a:pt x="37874" y="0"/>
                </a:lnTo>
                <a:close/>
              </a:path>
            </a:pathLst>
          </a:custGeom>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grpSp>
        <p:nvGrpSpPr>
          <p:cNvPr id="30" name="Group 81"/>
          <p:cNvGrpSpPr/>
          <p:nvPr/>
        </p:nvGrpSpPr>
        <p:grpSpPr bwMode="gray">
          <a:xfrm>
            <a:off x="4626428" y="760613"/>
            <a:ext cx="762000" cy="534787"/>
            <a:chOff x="4626428" y="760613"/>
            <a:chExt cx="762000" cy="534787"/>
          </a:xfrm>
        </p:grpSpPr>
        <p:grpSp>
          <p:nvGrpSpPr>
            <p:cNvPr id="36" name="Group 80"/>
            <p:cNvGrpSpPr/>
            <p:nvPr/>
          </p:nvGrpSpPr>
          <p:grpSpPr bwMode="gray">
            <a:xfrm>
              <a:off x="4804658" y="921544"/>
              <a:ext cx="422186" cy="373856"/>
              <a:chOff x="4804658" y="921544"/>
              <a:chExt cx="422186" cy="373856"/>
            </a:xfrm>
          </p:grpSpPr>
          <p:sp>
            <p:nvSpPr>
              <p:cNvPr id="73" name="Freeform 72"/>
              <p:cNvSpPr/>
              <p:nvPr/>
            </p:nvSpPr>
            <p:spPr bwMode="gray">
              <a:xfrm>
                <a:off x="4804658" y="1149763"/>
                <a:ext cx="135266" cy="62223"/>
              </a:xfrm>
              <a:custGeom>
                <a:avLst/>
                <a:gdLst>
                  <a:gd name="connsiteX0" fmla="*/ 135266 w 135266"/>
                  <a:gd name="connsiteY0" fmla="*/ 0 h 62223"/>
                  <a:gd name="connsiteX1" fmla="*/ 64928 w 135266"/>
                  <a:gd name="connsiteY1" fmla="*/ 54107 h 62223"/>
                  <a:gd name="connsiteX2" fmla="*/ 0 w 135266"/>
                  <a:gd name="connsiteY2" fmla="*/ 62223 h 62223"/>
                  <a:gd name="connsiteX3" fmla="*/ 40580 w 135266"/>
                  <a:gd name="connsiteY3" fmla="*/ 13527 h 62223"/>
                  <a:gd name="connsiteX4" fmla="*/ 135266 w 135266"/>
                  <a:gd name="connsiteY4" fmla="*/ 0 h 622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5266" h="62223">
                    <a:moveTo>
                      <a:pt x="135266" y="0"/>
                    </a:moveTo>
                    <a:lnTo>
                      <a:pt x="64928" y="54107"/>
                    </a:lnTo>
                    <a:lnTo>
                      <a:pt x="0" y="62223"/>
                    </a:lnTo>
                    <a:lnTo>
                      <a:pt x="40580" y="13527"/>
                    </a:lnTo>
                    <a:lnTo>
                      <a:pt x="135266"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6" name="Freeform 75"/>
              <p:cNvSpPr/>
              <p:nvPr/>
            </p:nvSpPr>
            <p:spPr bwMode="gray">
              <a:xfrm>
                <a:off x="4912519" y="1100138"/>
                <a:ext cx="71437" cy="38100"/>
              </a:xfrm>
              <a:custGeom>
                <a:avLst/>
                <a:gdLst>
                  <a:gd name="connsiteX0" fmla="*/ 66675 w 66675"/>
                  <a:gd name="connsiteY0" fmla="*/ 35718 h 38100"/>
                  <a:gd name="connsiteX1" fmla="*/ 0 w 66675"/>
                  <a:gd name="connsiteY1" fmla="*/ 38100 h 38100"/>
                  <a:gd name="connsiteX2" fmla="*/ 23812 w 66675"/>
                  <a:gd name="connsiteY2" fmla="*/ 0 h 38100"/>
                  <a:gd name="connsiteX3" fmla="*/ 66675 w 66675"/>
                  <a:gd name="connsiteY3" fmla="*/ 35718 h 38100"/>
                  <a:gd name="connsiteX0" fmla="*/ 66675 w 116681"/>
                  <a:gd name="connsiteY0" fmla="*/ 69056 h 71438"/>
                  <a:gd name="connsiteX1" fmla="*/ 0 w 116681"/>
                  <a:gd name="connsiteY1" fmla="*/ 71438 h 71438"/>
                  <a:gd name="connsiteX2" fmla="*/ 23812 w 116681"/>
                  <a:gd name="connsiteY2" fmla="*/ 33338 h 71438"/>
                  <a:gd name="connsiteX3" fmla="*/ 116681 w 116681"/>
                  <a:gd name="connsiteY3" fmla="*/ 0 h 71438"/>
                  <a:gd name="connsiteX4" fmla="*/ 66675 w 116681"/>
                  <a:gd name="connsiteY4" fmla="*/ 69056 h 71438"/>
                  <a:gd name="connsiteX0" fmla="*/ 66675 w 71437"/>
                  <a:gd name="connsiteY0" fmla="*/ 35718 h 38100"/>
                  <a:gd name="connsiteX1" fmla="*/ 0 w 71437"/>
                  <a:gd name="connsiteY1" fmla="*/ 38100 h 38100"/>
                  <a:gd name="connsiteX2" fmla="*/ 23812 w 71437"/>
                  <a:gd name="connsiteY2" fmla="*/ 0 h 38100"/>
                  <a:gd name="connsiteX3" fmla="*/ 71437 w 71437"/>
                  <a:gd name="connsiteY3" fmla="*/ 7143 h 38100"/>
                  <a:gd name="connsiteX4" fmla="*/ 66675 w 71437"/>
                  <a:gd name="connsiteY4" fmla="*/ 35718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1437" h="38100">
                    <a:moveTo>
                      <a:pt x="66675" y="35718"/>
                    </a:moveTo>
                    <a:lnTo>
                      <a:pt x="0" y="38100"/>
                    </a:lnTo>
                    <a:lnTo>
                      <a:pt x="23812" y="0"/>
                    </a:lnTo>
                    <a:lnTo>
                      <a:pt x="71437" y="7143"/>
                    </a:lnTo>
                    <a:lnTo>
                      <a:pt x="66675" y="35718"/>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7" name="Freeform 76"/>
              <p:cNvSpPr/>
              <p:nvPr/>
            </p:nvSpPr>
            <p:spPr bwMode="gray">
              <a:xfrm>
                <a:off x="4807744" y="1138238"/>
                <a:ext cx="288131" cy="157162"/>
              </a:xfrm>
              <a:custGeom>
                <a:avLst/>
                <a:gdLst>
                  <a:gd name="connsiteX0" fmla="*/ 114300 w 288131"/>
                  <a:gd name="connsiteY0" fmla="*/ 157162 h 157162"/>
                  <a:gd name="connsiteX1" fmla="*/ 185737 w 288131"/>
                  <a:gd name="connsiteY1" fmla="*/ 126206 h 157162"/>
                  <a:gd name="connsiteX2" fmla="*/ 247650 w 288131"/>
                  <a:gd name="connsiteY2" fmla="*/ 85725 h 157162"/>
                  <a:gd name="connsiteX3" fmla="*/ 276225 w 288131"/>
                  <a:gd name="connsiteY3" fmla="*/ 47625 h 157162"/>
                  <a:gd name="connsiteX4" fmla="*/ 288131 w 288131"/>
                  <a:gd name="connsiteY4" fmla="*/ 0 h 157162"/>
                  <a:gd name="connsiteX5" fmla="*/ 192881 w 288131"/>
                  <a:gd name="connsiteY5" fmla="*/ 2381 h 157162"/>
                  <a:gd name="connsiteX6" fmla="*/ 126206 w 288131"/>
                  <a:gd name="connsiteY6" fmla="*/ 7143 h 157162"/>
                  <a:gd name="connsiteX7" fmla="*/ 73819 w 288131"/>
                  <a:gd name="connsiteY7" fmla="*/ 64293 h 157162"/>
                  <a:gd name="connsiteX8" fmla="*/ 0 w 288131"/>
                  <a:gd name="connsiteY8" fmla="*/ 76200 h 157162"/>
                  <a:gd name="connsiteX9" fmla="*/ 0 w 288131"/>
                  <a:gd name="connsiteY9" fmla="*/ 95250 h 157162"/>
                  <a:gd name="connsiteX10" fmla="*/ 42862 w 288131"/>
                  <a:gd name="connsiteY10" fmla="*/ 114300 h 157162"/>
                  <a:gd name="connsiteX11" fmla="*/ 114300 w 288131"/>
                  <a:gd name="connsiteY11" fmla="*/ 157162 h 1571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88131" h="157162">
                    <a:moveTo>
                      <a:pt x="114300" y="157162"/>
                    </a:moveTo>
                    <a:lnTo>
                      <a:pt x="185737" y="126206"/>
                    </a:lnTo>
                    <a:lnTo>
                      <a:pt x="247650" y="85725"/>
                    </a:lnTo>
                    <a:lnTo>
                      <a:pt x="276225" y="47625"/>
                    </a:lnTo>
                    <a:lnTo>
                      <a:pt x="288131" y="0"/>
                    </a:lnTo>
                    <a:lnTo>
                      <a:pt x="192881" y="2381"/>
                    </a:lnTo>
                    <a:lnTo>
                      <a:pt x="126206" y="7143"/>
                    </a:lnTo>
                    <a:lnTo>
                      <a:pt x="73819" y="64293"/>
                    </a:lnTo>
                    <a:lnTo>
                      <a:pt x="0" y="76200"/>
                    </a:lnTo>
                    <a:lnTo>
                      <a:pt x="0" y="95250"/>
                    </a:lnTo>
                    <a:lnTo>
                      <a:pt x="42862" y="114300"/>
                    </a:lnTo>
                    <a:lnTo>
                      <a:pt x="114300" y="157162"/>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8" name="Freeform 77"/>
              <p:cNvSpPr/>
              <p:nvPr/>
            </p:nvSpPr>
            <p:spPr bwMode="gray">
              <a:xfrm>
                <a:off x="4986338" y="1097756"/>
                <a:ext cx="95250" cy="40482"/>
              </a:xfrm>
              <a:custGeom>
                <a:avLst/>
                <a:gdLst>
                  <a:gd name="connsiteX0" fmla="*/ 47625 w 95250"/>
                  <a:gd name="connsiteY0" fmla="*/ 0 h 40482"/>
                  <a:gd name="connsiteX1" fmla="*/ 95250 w 95250"/>
                  <a:gd name="connsiteY1" fmla="*/ 26194 h 40482"/>
                  <a:gd name="connsiteX2" fmla="*/ 83343 w 95250"/>
                  <a:gd name="connsiteY2" fmla="*/ 38100 h 40482"/>
                  <a:gd name="connsiteX3" fmla="*/ 0 w 95250"/>
                  <a:gd name="connsiteY3" fmla="*/ 40482 h 40482"/>
                  <a:gd name="connsiteX4" fmla="*/ 47625 w 95250"/>
                  <a:gd name="connsiteY4" fmla="*/ 0 h 404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5250" h="40482">
                    <a:moveTo>
                      <a:pt x="47625" y="0"/>
                    </a:moveTo>
                    <a:lnTo>
                      <a:pt x="95250" y="26194"/>
                    </a:lnTo>
                    <a:lnTo>
                      <a:pt x="83343" y="38100"/>
                    </a:lnTo>
                    <a:lnTo>
                      <a:pt x="0" y="40482"/>
                    </a:lnTo>
                    <a:lnTo>
                      <a:pt x="47625"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79" name="Freeform 78"/>
              <p:cNvSpPr/>
              <p:nvPr/>
            </p:nvSpPr>
            <p:spPr bwMode="gray">
              <a:xfrm>
                <a:off x="5031581" y="983456"/>
                <a:ext cx="195263" cy="202407"/>
              </a:xfrm>
              <a:custGeom>
                <a:avLst/>
                <a:gdLst>
                  <a:gd name="connsiteX0" fmla="*/ 123825 w 195263"/>
                  <a:gd name="connsiteY0" fmla="*/ 130969 h 202407"/>
                  <a:gd name="connsiteX1" fmla="*/ 64294 w 195263"/>
                  <a:gd name="connsiteY1" fmla="*/ 202407 h 202407"/>
                  <a:gd name="connsiteX2" fmla="*/ 69057 w 195263"/>
                  <a:gd name="connsiteY2" fmla="*/ 152400 h 202407"/>
                  <a:gd name="connsiteX3" fmla="*/ 50007 w 195263"/>
                  <a:gd name="connsiteY3" fmla="*/ 152400 h 202407"/>
                  <a:gd name="connsiteX4" fmla="*/ 57150 w 195263"/>
                  <a:gd name="connsiteY4" fmla="*/ 130969 h 202407"/>
                  <a:gd name="connsiteX5" fmla="*/ 0 w 195263"/>
                  <a:gd name="connsiteY5" fmla="*/ 109538 h 202407"/>
                  <a:gd name="connsiteX6" fmla="*/ 111919 w 195263"/>
                  <a:gd name="connsiteY6" fmla="*/ 38100 h 202407"/>
                  <a:gd name="connsiteX7" fmla="*/ 152400 w 195263"/>
                  <a:gd name="connsiteY7" fmla="*/ 0 h 202407"/>
                  <a:gd name="connsiteX8" fmla="*/ 195263 w 195263"/>
                  <a:gd name="connsiteY8" fmla="*/ 0 h 202407"/>
                  <a:gd name="connsiteX9" fmla="*/ 190500 w 195263"/>
                  <a:gd name="connsiteY9" fmla="*/ 30957 h 202407"/>
                  <a:gd name="connsiteX10" fmla="*/ 123825 w 195263"/>
                  <a:gd name="connsiteY10" fmla="*/ 130969 h 2024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95263" h="202407">
                    <a:moveTo>
                      <a:pt x="123825" y="130969"/>
                    </a:moveTo>
                    <a:lnTo>
                      <a:pt x="64294" y="202407"/>
                    </a:lnTo>
                    <a:lnTo>
                      <a:pt x="69057" y="152400"/>
                    </a:lnTo>
                    <a:lnTo>
                      <a:pt x="50007" y="152400"/>
                    </a:lnTo>
                    <a:lnTo>
                      <a:pt x="57150" y="130969"/>
                    </a:lnTo>
                    <a:lnTo>
                      <a:pt x="0" y="109538"/>
                    </a:lnTo>
                    <a:lnTo>
                      <a:pt x="111919" y="38100"/>
                    </a:lnTo>
                    <a:lnTo>
                      <a:pt x="152400" y="0"/>
                    </a:lnTo>
                    <a:lnTo>
                      <a:pt x="195263" y="0"/>
                    </a:lnTo>
                    <a:lnTo>
                      <a:pt x="190500" y="30957"/>
                    </a:lnTo>
                    <a:lnTo>
                      <a:pt x="123825" y="1309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0" name="Freeform 79"/>
              <p:cNvSpPr/>
              <p:nvPr/>
            </p:nvSpPr>
            <p:spPr bwMode="gray">
              <a:xfrm>
                <a:off x="4962525" y="921544"/>
                <a:ext cx="219075" cy="209550"/>
              </a:xfrm>
              <a:custGeom>
                <a:avLst/>
                <a:gdLst>
                  <a:gd name="connsiteX0" fmla="*/ 185738 w 185738"/>
                  <a:gd name="connsiteY0" fmla="*/ 0 h 192881"/>
                  <a:gd name="connsiteX1" fmla="*/ 164306 w 185738"/>
                  <a:gd name="connsiteY1" fmla="*/ 69056 h 192881"/>
                  <a:gd name="connsiteX2" fmla="*/ 140494 w 185738"/>
                  <a:gd name="connsiteY2" fmla="*/ 76200 h 192881"/>
                  <a:gd name="connsiteX3" fmla="*/ 114300 w 185738"/>
                  <a:gd name="connsiteY3" fmla="*/ 104775 h 192881"/>
                  <a:gd name="connsiteX4" fmla="*/ 102394 w 185738"/>
                  <a:gd name="connsiteY4" fmla="*/ 88106 h 192881"/>
                  <a:gd name="connsiteX5" fmla="*/ 69056 w 185738"/>
                  <a:gd name="connsiteY5" fmla="*/ 119062 h 192881"/>
                  <a:gd name="connsiteX6" fmla="*/ 76200 w 185738"/>
                  <a:gd name="connsiteY6" fmla="*/ 135731 h 192881"/>
                  <a:gd name="connsiteX7" fmla="*/ 40481 w 185738"/>
                  <a:gd name="connsiteY7" fmla="*/ 152400 h 192881"/>
                  <a:gd name="connsiteX8" fmla="*/ 11906 w 185738"/>
                  <a:gd name="connsiteY8" fmla="*/ 142875 h 192881"/>
                  <a:gd name="connsiteX9" fmla="*/ 0 w 185738"/>
                  <a:gd name="connsiteY9" fmla="*/ 123825 h 192881"/>
                  <a:gd name="connsiteX10" fmla="*/ 2381 w 185738"/>
                  <a:gd name="connsiteY10" fmla="*/ 159543 h 192881"/>
                  <a:gd name="connsiteX11" fmla="*/ 28575 w 185738"/>
                  <a:gd name="connsiteY11" fmla="*/ 176212 h 192881"/>
                  <a:gd name="connsiteX12" fmla="*/ 30956 w 185738"/>
                  <a:gd name="connsiteY12" fmla="*/ 192881 h 192881"/>
                  <a:gd name="connsiteX13" fmla="*/ 69056 w 185738"/>
                  <a:gd name="connsiteY13" fmla="*/ 154781 h 192881"/>
                  <a:gd name="connsiteX14" fmla="*/ 114300 w 185738"/>
                  <a:gd name="connsiteY14" fmla="*/ 119062 h 192881"/>
                  <a:gd name="connsiteX15" fmla="*/ 180975 w 185738"/>
                  <a:gd name="connsiteY15" fmla="*/ 80962 h 192881"/>
                  <a:gd name="connsiteX16" fmla="*/ 185738 w 185738"/>
                  <a:gd name="connsiteY16" fmla="*/ 0 h 192881"/>
                  <a:gd name="connsiteX0" fmla="*/ 185738 w 219075"/>
                  <a:gd name="connsiteY0" fmla="*/ 0 h 192881"/>
                  <a:gd name="connsiteX1" fmla="*/ 164306 w 219075"/>
                  <a:gd name="connsiteY1" fmla="*/ 69056 h 192881"/>
                  <a:gd name="connsiteX2" fmla="*/ 140494 w 219075"/>
                  <a:gd name="connsiteY2" fmla="*/ 76200 h 192881"/>
                  <a:gd name="connsiteX3" fmla="*/ 114300 w 219075"/>
                  <a:gd name="connsiteY3" fmla="*/ 104775 h 192881"/>
                  <a:gd name="connsiteX4" fmla="*/ 102394 w 219075"/>
                  <a:gd name="connsiteY4" fmla="*/ 88106 h 192881"/>
                  <a:gd name="connsiteX5" fmla="*/ 69056 w 219075"/>
                  <a:gd name="connsiteY5" fmla="*/ 119062 h 192881"/>
                  <a:gd name="connsiteX6" fmla="*/ 76200 w 219075"/>
                  <a:gd name="connsiteY6" fmla="*/ 135731 h 192881"/>
                  <a:gd name="connsiteX7" fmla="*/ 40481 w 219075"/>
                  <a:gd name="connsiteY7" fmla="*/ 152400 h 192881"/>
                  <a:gd name="connsiteX8" fmla="*/ 11906 w 219075"/>
                  <a:gd name="connsiteY8" fmla="*/ 142875 h 192881"/>
                  <a:gd name="connsiteX9" fmla="*/ 0 w 219075"/>
                  <a:gd name="connsiteY9" fmla="*/ 123825 h 192881"/>
                  <a:gd name="connsiteX10" fmla="*/ 2381 w 219075"/>
                  <a:gd name="connsiteY10" fmla="*/ 159543 h 192881"/>
                  <a:gd name="connsiteX11" fmla="*/ 28575 w 219075"/>
                  <a:gd name="connsiteY11" fmla="*/ 176212 h 192881"/>
                  <a:gd name="connsiteX12" fmla="*/ 30956 w 219075"/>
                  <a:gd name="connsiteY12" fmla="*/ 192881 h 192881"/>
                  <a:gd name="connsiteX13" fmla="*/ 69056 w 219075"/>
                  <a:gd name="connsiteY13" fmla="*/ 154781 h 192881"/>
                  <a:gd name="connsiteX14" fmla="*/ 114300 w 219075"/>
                  <a:gd name="connsiteY14" fmla="*/ 119062 h 192881"/>
                  <a:gd name="connsiteX15" fmla="*/ 180975 w 219075"/>
                  <a:gd name="connsiteY15" fmla="*/ 80962 h 192881"/>
                  <a:gd name="connsiteX16" fmla="*/ 219075 w 219075"/>
                  <a:gd name="connsiteY16" fmla="*/ 52387 h 192881"/>
                  <a:gd name="connsiteX17" fmla="*/ 185738 w 219075"/>
                  <a:gd name="connsiteY17" fmla="*/ 0 h 192881"/>
                  <a:gd name="connsiteX0" fmla="*/ 185738 w 219075"/>
                  <a:gd name="connsiteY0" fmla="*/ 16669 h 209550"/>
                  <a:gd name="connsiteX1" fmla="*/ 164306 w 219075"/>
                  <a:gd name="connsiteY1" fmla="*/ 85725 h 209550"/>
                  <a:gd name="connsiteX2" fmla="*/ 140494 w 219075"/>
                  <a:gd name="connsiteY2" fmla="*/ 92869 h 209550"/>
                  <a:gd name="connsiteX3" fmla="*/ 114300 w 219075"/>
                  <a:gd name="connsiteY3" fmla="*/ 121444 h 209550"/>
                  <a:gd name="connsiteX4" fmla="*/ 102394 w 219075"/>
                  <a:gd name="connsiteY4" fmla="*/ 104775 h 209550"/>
                  <a:gd name="connsiteX5" fmla="*/ 69056 w 219075"/>
                  <a:gd name="connsiteY5" fmla="*/ 135731 h 209550"/>
                  <a:gd name="connsiteX6" fmla="*/ 76200 w 219075"/>
                  <a:gd name="connsiteY6" fmla="*/ 152400 h 209550"/>
                  <a:gd name="connsiteX7" fmla="*/ 40481 w 219075"/>
                  <a:gd name="connsiteY7" fmla="*/ 169069 h 209550"/>
                  <a:gd name="connsiteX8" fmla="*/ 11906 w 219075"/>
                  <a:gd name="connsiteY8" fmla="*/ 159544 h 209550"/>
                  <a:gd name="connsiteX9" fmla="*/ 0 w 219075"/>
                  <a:gd name="connsiteY9" fmla="*/ 140494 h 209550"/>
                  <a:gd name="connsiteX10" fmla="*/ 2381 w 219075"/>
                  <a:gd name="connsiteY10" fmla="*/ 176212 h 209550"/>
                  <a:gd name="connsiteX11" fmla="*/ 28575 w 219075"/>
                  <a:gd name="connsiteY11" fmla="*/ 192881 h 209550"/>
                  <a:gd name="connsiteX12" fmla="*/ 30956 w 219075"/>
                  <a:gd name="connsiteY12" fmla="*/ 209550 h 209550"/>
                  <a:gd name="connsiteX13" fmla="*/ 69056 w 219075"/>
                  <a:gd name="connsiteY13" fmla="*/ 171450 h 209550"/>
                  <a:gd name="connsiteX14" fmla="*/ 114300 w 219075"/>
                  <a:gd name="connsiteY14" fmla="*/ 135731 h 209550"/>
                  <a:gd name="connsiteX15" fmla="*/ 180975 w 219075"/>
                  <a:gd name="connsiteY15" fmla="*/ 97631 h 209550"/>
                  <a:gd name="connsiteX16" fmla="*/ 219075 w 219075"/>
                  <a:gd name="connsiteY16" fmla="*/ 69056 h 209550"/>
                  <a:gd name="connsiteX17" fmla="*/ 185738 w 219075"/>
                  <a:gd name="connsiteY17" fmla="*/ 0 h 209550"/>
                  <a:gd name="connsiteX18" fmla="*/ 185738 w 219075"/>
                  <a:gd name="connsiteY18" fmla="*/ 16669 h 209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19075" h="209550">
                    <a:moveTo>
                      <a:pt x="185738" y="16669"/>
                    </a:moveTo>
                    <a:lnTo>
                      <a:pt x="164306" y="85725"/>
                    </a:lnTo>
                    <a:lnTo>
                      <a:pt x="140494" y="92869"/>
                    </a:lnTo>
                    <a:lnTo>
                      <a:pt x="114300" y="121444"/>
                    </a:lnTo>
                    <a:lnTo>
                      <a:pt x="102394" y="104775"/>
                    </a:lnTo>
                    <a:lnTo>
                      <a:pt x="69056" y="135731"/>
                    </a:lnTo>
                    <a:lnTo>
                      <a:pt x="76200" y="152400"/>
                    </a:lnTo>
                    <a:lnTo>
                      <a:pt x="40481" y="169069"/>
                    </a:lnTo>
                    <a:lnTo>
                      <a:pt x="11906" y="159544"/>
                    </a:lnTo>
                    <a:lnTo>
                      <a:pt x="0" y="140494"/>
                    </a:lnTo>
                    <a:lnTo>
                      <a:pt x="2381" y="176212"/>
                    </a:lnTo>
                    <a:lnTo>
                      <a:pt x="28575" y="192881"/>
                    </a:lnTo>
                    <a:lnTo>
                      <a:pt x="30956" y="209550"/>
                    </a:lnTo>
                    <a:lnTo>
                      <a:pt x="69056" y="171450"/>
                    </a:lnTo>
                    <a:lnTo>
                      <a:pt x="114300" y="135731"/>
                    </a:lnTo>
                    <a:lnTo>
                      <a:pt x="180975" y="97631"/>
                    </a:lnTo>
                    <a:lnTo>
                      <a:pt x="219075" y="69056"/>
                    </a:lnTo>
                    <a:lnTo>
                      <a:pt x="185738" y="0"/>
                    </a:lnTo>
                    <a:lnTo>
                      <a:pt x="185738" y="16669"/>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grpSp>
        <p:sp>
          <p:nvSpPr>
            <p:cNvPr id="47" name="TextBox 46"/>
            <p:cNvSpPr txBox="1"/>
            <p:nvPr/>
          </p:nvSpPr>
          <p:spPr bwMode="gray">
            <a:xfrm>
              <a:off x="4626428" y="760613"/>
              <a:ext cx="762000" cy="432426"/>
            </a:xfrm>
            <a:prstGeom prst="rect">
              <a:avLst/>
            </a:prstGeom>
            <a:noFill/>
            <a:sp3d/>
          </p:spPr>
          <p:txBody>
            <a:bodyPr wrap="square" rtlCol="0">
              <a:spAutoFit/>
            </a:bodyPr>
            <a:lstStyle/>
            <a:p>
              <a:pPr algn="ctr">
                <a:lnSpc>
                  <a:spcPct val="85000"/>
                </a:lnSpc>
              </a:pPr>
              <a:r>
                <a:rPr lang="en-US" sz="1300" b="1" dirty="0" smtClean="0">
                  <a:solidFill>
                    <a:prstClr val="white"/>
                  </a:solidFill>
                  <a:effectLst>
                    <a:outerShdw blurRad="38100" dist="63500" dir="2700000" algn="tl">
                      <a:srgbClr val="000000"/>
                    </a:outerShdw>
                  </a:effectLst>
                </a:rPr>
                <a:t>Six Basins</a:t>
              </a:r>
              <a:endParaRPr lang="en-US" sz="1300" b="1" dirty="0">
                <a:solidFill>
                  <a:prstClr val="white"/>
                </a:solidFill>
                <a:effectLst>
                  <a:outerShdw blurRad="38100" dist="63500" dir="2700000" algn="tl">
                    <a:srgbClr val="000000"/>
                  </a:outerShdw>
                </a:effectLst>
              </a:endParaRPr>
            </a:p>
          </p:txBody>
        </p:sp>
      </p:grpSp>
      <p:grpSp>
        <p:nvGrpSpPr>
          <p:cNvPr id="40" name="Group 91"/>
          <p:cNvGrpSpPr/>
          <p:nvPr/>
        </p:nvGrpSpPr>
        <p:grpSpPr bwMode="gray">
          <a:xfrm>
            <a:off x="2590800" y="152400"/>
            <a:ext cx="695063" cy="316742"/>
            <a:chOff x="2590800" y="152400"/>
            <a:chExt cx="695063" cy="316742"/>
          </a:xfrm>
        </p:grpSpPr>
        <p:sp>
          <p:nvSpPr>
            <p:cNvPr id="16" name="Freeform 15"/>
            <p:cNvSpPr/>
            <p:nvPr/>
          </p:nvSpPr>
          <p:spPr bwMode="gray">
            <a:xfrm>
              <a:off x="2831854" y="355159"/>
              <a:ext cx="225434" cy="113983"/>
            </a:xfrm>
            <a:custGeom>
              <a:avLst/>
              <a:gdLst>
                <a:gd name="connsiteX0" fmla="*/ 192505 w 225434"/>
                <a:gd name="connsiteY0" fmla="*/ 86121 h 113983"/>
                <a:gd name="connsiteX1" fmla="*/ 225434 w 225434"/>
                <a:gd name="connsiteY1" fmla="*/ 32929 h 113983"/>
                <a:gd name="connsiteX2" fmla="*/ 210236 w 225434"/>
                <a:gd name="connsiteY2" fmla="*/ 25330 h 113983"/>
                <a:gd name="connsiteX3" fmla="*/ 220368 w 225434"/>
                <a:gd name="connsiteY3" fmla="*/ 2533 h 113983"/>
                <a:gd name="connsiteX4" fmla="*/ 177307 w 225434"/>
                <a:gd name="connsiteY4" fmla="*/ 2533 h 113983"/>
                <a:gd name="connsiteX5" fmla="*/ 134247 w 225434"/>
                <a:gd name="connsiteY5" fmla="*/ 0 h 113983"/>
                <a:gd name="connsiteX6" fmla="*/ 86121 w 225434"/>
                <a:gd name="connsiteY6" fmla="*/ 7599 h 113983"/>
                <a:gd name="connsiteX7" fmla="*/ 58258 w 225434"/>
                <a:gd name="connsiteY7" fmla="*/ 12665 h 113983"/>
                <a:gd name="connsiteX8" fmla="*/ 27862 w 225434"/>
                <a:gd name="connsiteY8" fmla="*/ 0 h 113983"/>
                <a:gd name="connsiteX9" fmla="*/ 0 w 225434"/>
                <a:gd name="connsiteY9" fmla="*/ 17731 h 113983"/>
                <a:gd name="connsiteX10" fmla="*/ 15198 w 225434"/>
                <a:gd name="connsiteY10" fmla="*/ 43060 h 113983"/>
                <a:gd name="connsiteX11" fmla="*/ 15198 w 225434"/>
                <a:gd name="connsiteY11" fmla="*/ 73456 h 113983"/>
                <a:gd name="connsiteX12" fmla="*/ 27862 w 225434"/>
                <a:gd name="connsiteY12" fmla="*/ 101319 h 113983"/>
                <a:gd name="connsiteX13" fmla="*/ 32928 w 225434"/>
                <a:gd name="connsiteY13" fmla="*/ 106385 h 113983"/>
                <a:gd name="connsiteX14" fmla="*/ 43060 w 225434"/>
                <a:gd name="connsiteY14" fmla="*/ 98786 h 113983"/>
                <a:gd name="connsiteX15" fmla="*/ 60791 w 225434"/>
                <a:gd name="connsiteY15" fmla="*/ 113983 h 113983"/>
                <a:gd name="connsiteX16" fmla="*/ 93719 w 225434"/>
                <a:gd name="connsiteY16" fmla="*/ 113983 h 113983"/>
                <a:gd name="connsiteX17" fmla="*/ 126648 w 225434"/>
                <a:gd name="connsiteY17" fmla="*/ 98786 h 113983"/>
                <a:gd name="connsiteX18" fmla="*/ 192505 w 225434"/>
                <a:gd name="connsiteY18" fmla="*/ 86121 h 113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25434" h="113983">
                  <a:moveTo>
                    <a:pt x="192505" y="86121"/>
                  </a:moveTo>
                  <a:lnTo>
                    <a:pt x="225434" y="32929"/>
                  </a:lnTo>
                  <a:lnTo>
                    <a:pt x="210236" y="25330"/>
                  </a:lnTo>
                  <a:lnTo>
                    <a:pt x="220368" y="2533"/>
                  </a:lnTo>
                  <a:lnTo>
                    <a:pt x="177307" y="2533"/>
                  </a:lnTo>
                  <a:lnTo>
                    <a:pt x="134247" y="0"/>
                  </a:lnTo>
                  <a:lnTo>
                    <a:pt x="86121" y="7599"/>
                  </a:lnTo>
                  <a:lnTo>
                    <a:pt x="58258" y="12665"/>
                  </a:lnTo>
                  <a:lnTo>
                    <a:pt x="27862" y="0"/>
                  </a:lnTo>
                  <a:lnTo>
                    <a:pt x="0" y="17731"/>
                  </a:lnTo>
                  <a:lnTo>
                    <a:pt x="15198" y="43060"/>
                  </a:lnTo>
                  <a:lnTo>
                    <a:pt x="15198" y="73456"/>
                  </a:lnTo>
                  <a:lnTo>
                    <a:pt x="27862" y="101319"/>
                  </a:lnTo>
                  <a:lnTo>
                    <a:pt x="32928" y="106385"/>
                  </a:lnTo>
                  <a:lnTo>
                    <a:pt x="43060" y="98786"/>
                  </a:lnTo>
                  <a:lnTo>
                    <a:pt x="60791" y="113983"/>
                  </a:lnTo>
                  <a:lnTo>
                    <a:pt x="93719" y="113983"/>
                  </a:lnTo>
                  <a:lnTo>
                    <a:pt x="126648" y="98786"/>
                  </a:lnTo>
                  <a:lnTo>
                    <a:pt x="192505" y="86121"/>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6" name="TextBox 85"/>
            <p:cNvSpPr txBox="1"/>
            <p:nvPr/>
          </p:nvSpPr>
          <p:spPr bwMode="gray">
            <a:xfrm>
              <a:off x="2590800" y="152400"/>
              <a:ext cx="695063" cy="277064"/>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Sylmar</a:t>
              </a:r>
              <a:endParaRPr lang="en-US" sz="1400" b="1" dirty="0">
                <a:solidFill>
                  <a:prstClr val="white"/>
                </a:solidFill>
                <a:effectLst>
                  <a:outerShdw blurRad="38100" dist="63500" dir="2700000" algn="tl">
                    <a:srgbClr val="000000"/>
                  </a:outerShdw>
                </a:effectLst>
              </a:endParaRPr>
            </a:p>
          </p:txBody>
        </p:sp>
      </p:grpSp>
      <p:grpSp>
        <p:nvGrpSpPr>
          <p:cNvPr id="41" name="Group 87"/>
          <p:cNvGrpSpPr/>
          <p:nvPr/>
        </p:nvGrpSpPr>
        <p:grpSpPr bwMode="gray">
          <a:xfrm>
            <a:off x="3386292" y="484936"/>
            <a:ext cx="804708" cy="450272"/>
            <a:chOff x="3386292" y="484936"/>
            <a:chExt cx="804708" cy="450272"/>
          </a:xfrm>
        </p:grpSpPr>
        <p:sp>
          <p:nvSpPr>
            <p:cNvPr id="15" name="Freeform 14"/>
            <p:cNvSpPr/>
            <p:nvPr/>
          </p:nvSpPr>
          <p:spPr bwMode="gray">
            <a:xfrm>
              <a:off x="3427100" y="623653"/>
              <a:ext cx="151978" cy="311555"/>
            </a:xfrm>
            <a:custGeom>
              <a:avLst/>
              <a:gdLst>
                <a:gd name="connsiteX0" fmla="*/ 0 w 151978"/>
                <a:gd name="connsiteY0" fmla="*/ 0 h 311555"/>
                <a:gd name="connsiteX1" fmla="*/ 12665 w 151978"/>
                <a:gd name="connsiteY1" fmla="*/ 63324 h 311555"/>
                <a:gd name="connsiteX2" fmla="*/ 7599 w 151978"/>
                <a:gd name="connsiteY2" fmla="*/ 75989 h 311555"/>
                <a:gd name="connsiteX3" fmla="*/ 48127 w 151978"/>
                <a:gd name="connsiteY3" fmla="*/ 106385 h 311555"/>
                <a:gd name="connsiteX4" fmla="*/ 70923 w 151978"/>
                <a:gd name="connsiteY4" fmla="*/ 141846 h 311555"/>
                <a:gd name="connsiteX5" fmla="*/ 98786 w 151978"/>
                <a:gd name="connsiteY5" fmla="*/ 182374 h 311555"/>
                <a:gd name="connsiteX6" fmla="*/ 113984 w 151978"/>
                <a:gd name="connsiteY6" fmla="*/ 200104 h 311555"/>
                <a:gd name="connsiteX7" fmla="*/ 113984 w 151978"/>
                <a:gd name="connsiteY7" fmla="*/ 217835 h 311555"/>
                <a:gd name="connsiteX8" fmla="*/ 124116 w 151978"/>
                <a:gd name="connsiteY8" fmla="*/ 248231 h 311555"/>
                <a:gd name="connsiteX9" fmla="*/ 119050 w 151978"/>
                <a:gd name="connsiteY9" fmla="*/ 271027 h 311555"/>
                <a:gd name="connsiteX10" fmla="*/ 126648 w 151978"/>
                <a:gd name="connsiteY10" fmla="*/ 296357 h 311555"/>
                <a:gd name="connsiteX11" fmla="*/ 129181 w 151978"/>
                <a:gd name="connsiteY11" fmla="*/ 311555 h 311555"/>
                <a:gd name="connsiteX12" fmla="*/ 141846 w 151978"/>
                <a:gd name="connsiteY12" fmla="*/ 278626 h 311555"/>
                <a:gd name="connsiteX13" fmla="*/ 134247 w 151978"/>
                <a:gd name="connsiteY13" fmla="*/ 238099 h 311555"/>
                <a:gd name="connsiteX14" fmla="*/ 131714 w 151978"/>
                <a:gd name="connsiteY14" fmla="*/ 205170 h 311555"/>
                <a:gd name="connsiteX15" fmla="*/ 151978 w 151978"/>
                <a:gd name="connsiteY15" fmla="*/ 154511 h 311555"/>
                <a:gd name="connsiteX16" fmla="*/ 119050 w 151978"/>
                <a:gd name="connsiteY16" fmla="*/ 124115 h 311555"/>
                <a:gd name="connsiteX17" fmla="*/ 126648 w 151978"/>
                <a:gd name="connsiteY17" fmla="*/ 88654 h 311555"/>
                <a:gd name="connsiteX18" fmla="*/ 131714 w 151978"/>
                <a:gd name="connsiteY18" fmla="*/ 65857 h 311555"/>
                <a:gd name="connsiteX19" fmla="*/ 144379 w 151978"/>
                <a:gd name="connsiteY19" fmla="*/ 43061 h 311555"/>
                <a:gd name="connsiteX20" fmla="*/ 136780 w 151978"/>
                <a:gd name="connsiteY20" fmla="*/ 35462 h 311555"/>
                <a:gd name="connsiteX21" fmla="*/ 119050 w 151978"/>
                <a:gd name="connsiteY21" fmla="*/ 53192 h 311555"/>
                <a:gd name="connsiteX22" fmla="*/ 91187 w 151978"/>
                <a:gd name="connsiteY22" fmla="*/ 40528 h 311555"/>
                <a:gd name="connsiteX23" fmla="*/ 65857 w 151978"/>
                <a:gd name="connsiteY23" fmla="*/ 27863 h 311555"/>
                <a:gd name="connsiteX24" fmla="*/ 58258 w 151978"/>
                <a:gd name="connsiteY24" fmla="*/ 15198 h 311555"/>
                <a:gd name="connsiteX25" fmla="*/ 0 w 151978"/>
                <a:gd name="connsiteY25" fmla="*/ 0 h 311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51978" h="311555">
                  <a:moveTo>
                    <a:pt x="0" y="0"/>
                  </a:moveTo>
                  <a:lnTo>
                    <a:pt x="12665" y="63324"/>
                  </a:lnTo>
                  <a:lnTo>
                    <a:pt x="7599" y="75989"/>
                  </a:lnTo>
                  <a:lnTo>
                    <a:pt x="48127" y="106385"/>
                  </a:lnTo>
                  <a:lnTo>
                    <a:pt x="70923" y="141846"/>
                  </a:lnTo>
                  <a:lnTo>
                    <a:pt x="98786" y="182374"/>
                  </a:lnTo>
                  <a:lnTo>
                    <a:pt x="113984" y="200104"/>
                  </a:lnTo>
                  <a:lnTo>
                    <a:pt x="113984" y="217835"/>
                  </a:lnTo>
                  <a:lnTo>
                    <a:pt x="124116" y="248231"/>
                  </a:lnTo>
                  <a:lnTo>
                    <a:pt x="119050" y="271027"/>
                  </a:lnTo>
                  <a:lnTo>
                    <a:pt x="126648" y="296357"/>
                  </a:lnTo>
                  <a:lnTo>
                    <a:pt x="129181" y="311555"/>
                  </a:lnTo>
                  <a:lnTo>
                    <a:pt x="141846" y="278626"/>
                  </a:lnTo>
                  <a:lnTo>
                    <a:pt x="134247" y="238099"/>
                  </a:lnTo>
                  <a:lnTo>
                    <a:pt x="131714" y="205170"/>
                  </a:lnTo>
                  <a:lnTo>
                    <a:pt x="151978" y="154511"/>
                  </a:lnTo>
                  <a:lnTo>
                    <a:pt x="119050" y="124115"/>
                  </a:lnTo>
                  <a:lnTo>
                    <a:pt x="126648" y="88654"/>
                  </a:lnTo>
                  <a:lnTo>
                    <a:pt x="131714" y="65857"/>
                  </a:lnTo>
                  <a:lnTo>
                    <a:pt x="144379" y="43061"/>
                  </a:lnTo>
                  <a:lnTo>
                    <a:pt x="136780" y="35462"/>
                  </a:lnTo>
                  <a:lnTo>
                    <a:pt x="119050" y="53192"/>
                  </a:lnTo>
                  <a:lnTo>
                    <a:pt x="91187" y="40528"/>
                  </a:lnTo>
                  <a:lnTo>
                    <a:pt x="65857" y="27863"/>
                  </a:lnTo>
                  <a:lnTo>
                    <a:pt x="58258" y="15198"/>
                  </a:lnTo>
                  <a:lnTo>
                    <a:pt x="0" y="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87" name="TextBox 86"/>
            <p:cNvSpPr txBox="1"/>
            <p:nvPr/>
          </p:nvSpPr>
          <p:spPr bwMode="gray">
            <a:xfrm>
              <a:off x="3386292" y="484936"/>
              <a:ext cx="804708" cy="277064"/>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Verdugo</a:t>
              </a:r>
              <a:endParaRPr lang="en-US" sz="1400" b="1" dirty="0">
                <a:solidFill>
                  <a:prstClr val="white"/>
                </a:solidFill>
                <a:effectLst>
                  <a:outerShdw blurRad="38100" dist="63500" dir="2700000" algn="tl">
                    <a:srgbClr val="000000"/>
                  </a:outerShdw>
                </a:effectLst>
              </a:endParaRPr>
            </a:p>
          </p:txBody>
        </p:sp>
      </p:grpSp>
      <p:grpSp>
        <p:nvGrpSpPr>
          <p:cNvPr id="42" name="Group 90"/>
          <p:cNvGrpSpPr/>
          <p:nvPr/>
        </p:nvGrpSpPr>
        <p:grpSpPr bwMode="gray">
          <a:xfrm>
            <a:off x="2590800" y="420210"/>
            <a:ext cx="989860" cy="825623"/>
            <a:chOff x="2590800" y="420210"/>
            <a:chExt cx="989860" cy="825623"/>
          </a:xfrm>
        </p:grpSpPr>
        <p:sp>
          <p:nvSpPr>
            <p:cNvPr id="90" name="Freeform 89"/>
            <p:cNvSpPr/>
            <p:nvPr/>
          </p:nvSpPr>
          <p:spPr bwMode="gray">
            <a:xfrm>
              <a:off x="2852691" y="420210"/>
              <a:ext cx="727969" cy="825623"/>
            </a:xfrm>
            <a:custGeom>
              <a:avLst/>
              <a:gdLst>
                <a:gd name="connsiteX0" fmla="*/ 17756 w 727969"/>
                <a:gd name="connsiteY0" fmla="*/ 112450 h 825623"/>
                <a:gd name="connsiteX1" fmla="*/ 0 w 727969"/>
                <a:gd name="connsiteY1" fmla="*/ 574089 h 825623"/>
                <a:gd name="connsiteX2" fmla="*/ 26633 w 727969"/>
                <a:gd name="connsiteY2" fmla="*/ 574089 h 825623"/>
                <a:gd name="connsiteX3" fmla="*/ 41429 w 727969"/>
                <a:gd name="connsiteY3" fmla="*/ 580007 h 825623"/>
                <a:gd name="connsiteX4" fmla="*/ 56226 w 727969"/>
                <a:gd name="connsiteY4" fmla="*/ 574089 h 825623"/>
                <a:gd name="connsiteX5" fmla="*/ 79899 w 727969"/>
                <a:gd name="connsiteY5" fmla="*/ 594804 h 825623"/>
                <a:gd name="connsiteX6" fmla="*/ 91736 w 727969"/>
                <a:gd name="connsiteY6" fmla="*/ 580007 h 825623"/>
                <a:gd name="connsiteX7" fmla="*/ 130206 w 727969"/>
                <a:gd name="connsiteY7" fmla="*/ 594804 h 825623"/>
                <a:gd name="connsiteX8" fmla="*/ 142043 w 727969"/>
                <a:gd name="connsiteY8" fmla="*/ 609600 h 825623"/>
                <a:gd name="connsiteX9" fmla="*/ 142043 w 727969"/>
                <a:gd name="connsiteY9" fmla="*/ 609600 h 825623"/>
                <a:gd name="connsiteX10" fmla="*/ 142043 w 727969"/>
                <a:gd name="connsiteY10" fmla="*/ 609600 h 825623"/>
                <a:gd name="connsiteX11" fmla="*/ 174594 w 727969"/>
                <a:gd name="connsiteY11" fmla="*/ 582967 h 825623"/>
                <a:gd name="connsiteX12" fmla="*/ 221942 w 727969"/>
                <a:gd name="connsiteY12" fmla="*/ 636233 h 825623"/>
                <a:gd name="connsiteX13" fmla="*/ 230820 w 727969"/>
                <a:gd name="connsiteY13" fmla="*/ 612559 h 825623"/>
                <a:gd name="connsiteX14" fmla="*/ 221942 w 727969"/>
                <a:gd name="connsiteY14" fmla="*/ 594804 h 825623"/>
                <a:gd name="connsiteX15" fmla="*/ 257453 w 727969"/>
                <a:gd name="connsiteY15" fmla="*/ 612559 h 825623"/>
                <a:gd name="connsiteX16" fmla="*/ 275208 w 727969"/>
                <a:gd name="connsiteY16" fmla="*/ 603681 h 825623"/>
                <a:gd name="connsiteX17" fmla="*/ 301841 w 727969"/>
                <a:gd name="connsiteY17" fmla="*/ 621437 h 825623"/>
                <a:gd name="connsiteX18" fmla="*/ 331433 w 727969"/>
                <a:gd name="connsiteY18" fmla="*/ 594804 h 825623"/>
                <a:gd name="connsiteX19" fmla="*/ 343270 w 727969"/>
                <a:gd name="connsiteY19" fmla="*/ 603681 h 825623"/>
                <a:gd name="connsiteX20" fmla="*/ 408373 w 727969"/>
                <a:gd name="connsiteY20" fmla="*/ 574089 h 825623"/>
                <a:gd name="connsiteX21" fmla="*/ 458680 w 727969"/>
                <a:gd name="connsiteY21" fmla="*/ 553374 h 825623"/>
                <a:gd name="connsiteX22" fmla="*/ 523783 w 727969"/>
                <a:gd name="connsiteY22" fmla="*/ 550415 h 825623"/>
                <a:gd name="connsiteX23" fmla="*/ 538579 w 727969"/>
                <a:gd name="connsiteY23" fmla="*/ 582967 h 825623"/>
                <a:gd name="connsiteX24" fmla="*/ 508987 w 727969"/>
                <a:gd name="connsiteY24" fmla="*/ 580007 h 825623"/>
                <a:gd name="connsiteX25" fmla="*/ 532660 w 727969"/>
                <a:gd name="connsiteY25" fmla="*/ 624396 h 825623"/>
                <a:gd name="connsiteX26" fmla="*/ 562253 w 727969"/>
                <a:gd name="connsiteY26" fmla="*/ 639192 h 825623"/>
                <a:gd name="connsiteX27" fmla="*/ 565212 w 727969"/>
                <a:gd name="connsiteY27" fmla="*/ 680621 h 825623"/>
                <a:gd name="connsiteX28" fmla="*/ 588886 w 727969"/>
                <a:gd name="connsiteY28" fmla="*/ 713173 h 825623"/>
                <a:gd name="connsiteX29" fmla="*/ 633274 w 727969"/>
                <a:gd name="connsiteY29" fmla="*/ 739806 h 825623"/>
                <a:gd name="connsiteX30" fmla="*/ 671744 w 727969"/>
                <a:gd name="connsiteY30" fmla="*/ 798990 h 825623"/>
                <a:gd name="connsiteX31" fmla="*/ 704295 w 727969"/>
                <a:gd name="connsiteY31" fmla="*/ 825623 h 825623"/>
                <a:gd name="connsiteX32" fmla="*/ 727969 w 727969"/>
                <a:gd name="connsiteY32" fmla="*/ 801949 h 825623"/>
                <a:gd name="connsiteX33" fmla="*/ 719092 w 727969"/>
                <a:gd name="connsiteY33" fmla="*/ 772357 h 825623"/>
                <a:gd name="connsiteX34" fmla="*/ 683581 w 727969"/>
                <a:gd name="connsiteY34" fmla="*/ 748683 h 825623"/>
                <a:gd name="connsiteX35" fmla="*/ 674703 w 727969"/>
                <a:gd name="connsiteY35" fmla="*/ 727969 h 825623"/>
                <a:gd name="connsiteX36" fmla="*/ 686540 w 727969"/>
                <a:gd name="connsiteY36" fmla="*/ 686540 h 825623"/>
                <a:gd name="connsiteX37" fmla="*/ 665826 w 727969"/>
                <a:gd name="connsiteY37" fmla="*/ 686540 h 825623"/>
                <a:gd name="connsiteX38" fmla="*/ 651029 w 727969"/>
                <a:gd name="connsiteY38" fmla="*/ 674703 h 825623"/>
                <a:gd name="connsiteX39" fmla="*/ 633274 w 727969"/>
                <a:gd name="connsiteY39" fmla="*/ 671743 h 825623"/>
                <a:gd name="connsiteX40" fmla="*/ 627356 w 727969"/>
                <a:gd name="connsiteY40" fmla="*/ 648070 h 825623"/>
                <a:gd name="connsiteX41" fmla="*/ 656948 w 727969"/>
                <a:gd name="connsiteY41" fmla="*/ 633273 h 825623"/>
                <a:gd name="connsiteX42" fmla="*/ 686540 w 727969"/>
                <a:gd name="connsiteY42" fmla="*/ 612559 h 825623"/>
                <a:gd name="connsiteX43" fmla="*/ 713173 w 727969"/>
                <a:gd name="connsiteY43" fmla="*/ 600722 h 825623"/>
                <a:gd name="connsiteX44" fmla="*/ 725010 w 727969"/>
                <a:gd name="connsiteY44" fmla="*/ 591844 h 825623"/>
                <a:gd name="connsiteX45" fmla="*/ 701336 w 727969"/>
                <a:gd name="connsiteY45" fmla="*/ 574089 h 825623"/>
                <a:gd name="connsiteX46" fmla="*/ 680622 w 727969"/>
                <a:gd name="connsiteY46" fmla="*/ 550415 h 825623"/>
                <a:gd name="connsiteX47" fmla="*/ 686540 w 727969"/>
                <a:gd name="connsiteY47" fmla="*/ 517864 h 825623"/>
                <a:gd name="connsiteX48" fmla="*/ 651029 w 727969"/>
                <a:gd name="connsiteY48" fmla="*/ 520823 h 825623"/>
                <a:gd name="connsiteX49" fmla="*/ 606641 w 727969"/>
                <a:gd name="connsiteY49" fmla="*/ 497149 h 825623"/>
                <a:gd name="connsiteX50" fmla="*/ 562253 w 727969"/>
                <a:gd name="connsiteY50" fmla="*/ 464598 h 825623"/>
                <a:gd name="connsiteX51" fmla="*/ 526742 w 727969"/>
                <a:gd name="connsiteY51" fmla="*/ 432046 h 825623"/>
                <a:gd name="connsiteX52" fmla="*/ 494191 w 727969"/>
                <a:gd name="connsiteY52" fmla="*/ 411332 h 825623"/>
                <a:gd name="connsiteX53" fmla="*/ 482354 w 727969"/>
                <a:gd name="connsiteY53" fmla="*/ 378780 h 825623"/>
                <a:gd name="connsiteX54" fmla="*/ 473476 w 727969"/>
                <a:gd name="connsiteY54" fmla="*/ 402454 h 825623"/>
                <a:gd name="connsiteX55" fmla="*/ 443884 w 727969"/>
                <a:gd name="connsiteY55" fmla="*/ 387658 h 825623"/>
                <a:gd name="connsiteX56" fmla="*/ 405414 w 727969"/>
                <a:gd name="connsiteY56" fmla="*/ 358066 h 825623"/>
                <a:gd name="connsiteX57" fmla="*/ 390618 w 727969"/>
                <a:gd name="connsiteY57" fmla="*/ 352147 h 825623"/>
                <a:gd name="connsiteX58" fmla="*/ 343270 w 727969"/>
                <a:gd name="connsiteY58" fmla="*/ 337351 h 825623"/>
                <a:gd name="connsiteX59" fmla="*/ 346229 w 727969"/>
                <a:gd name="connsiteY59" fmla="*/ 310718 h 825623"/>
                <a:gd name="connsiteX60" fmla="*/ 322556 w 727969"/>
                <a:gd name="connsiteY60" fmla="*/ 292963 h 825623"/>
                <a:gd name="connsiteX61" fmla="*/ 366944 w 727969"/>
                <a:gd name="connsiteY61" fmla="*/ 269289 h 825623"/>
                <a:gd name="connsiteX62" fmla="*/ 304800 w 727969"/>
                <a:gd name="connsiteY62" fmla="*/ 257452 h 825623"/>
                <a:gd name="connsiteX63" fmla="*/ 292963 w 727969"/>
                <a:gd name="connsiteY63" fmla="*/ 236738 h 825623"/>
                <a:gd name="connsiteX64" fmla="*/ 355107 w 727969"/>
                <a:gd name="connsiteY64" fmla="*/ 221941 h 825623"/>
                <a:gd name="connsiteX65" fmla="*/ 372862 w 727969"/>
                <a:gd name="connsiteY65" fmla="*/ 198268 h 825623"/>
                <a:gd name="connsiteX66" fmla="*/ 313678 w 727969"/>
                <a:gd name="connsiteY66" fmla="*/ 210105 h 825623"/>
                <a:gd name="connsiteX67" fmla="*/ 290004 w 727969"/>
                <a:gd name="connsiteY67" fmla="*/ 204186 h 825623"/>
                <a:gd name="connsiteX68" fmla="*/ 290004 w 727969"/>
                <a:gd name="connsiteY68" fmla="*/ 174594 h 825623"/>
                <a:gd name="connsiteX69" fmla="*/ 287045 w 727969"/>
                <a:gd name="connsiteY69" fmla="*/ 153879 h 825623"/>
                <a:gd name="connsiteX70" fmla="*/ 328474 w 727969"/>
                <a:gd name="connsiteY70" fmla="*/ 156839 h 825623"/>
                <a:gd name="connsiteX71" fmla="*/ 372862 w 727969"/>
                <a:gd name="connsiteY71" fmla="*/ 159798 h 825623"/>
                <a:gd name="connsiteX72" fmla="*/ 402455 w 727969"/>
                <a:gd name="connsiteY72" fmla="*/ 165716 h 825623"/>
                <a:gd name="connsiteX73" fmla="*/ 432047 w 727969"/>
                <a:gd name="connsiteY73" fmla="*/ 156839 h 825623"/>
                <a:gd name="connsiteX74" fmla="*/ 429088 w 727969"/>
                <a:gd name="connsiteY74" fmla="*/ 180512 h 825623"/>
                <a:gd name="connsiteX75" fmla="*/ 435006 w 727969"/>
                <a:gd name="connsiteY75" fmla="*/ 198268 h 825623"/>
                <a:gd name="connsiteX76" fmla="*/ 479394 w 727969"/>
                <a:gd name="connsiteY76" fmla="*/ 207145 h 825623"/>
                <a:gd name="connsiteX77" fmla="*/ 506027 w 727969"/>
                <a:gd name="connsiteY77" fmla="*/ 204186 h 825623"/>
                <a:gd name="connsiteX78" fmla="*/ 532660 w 727969"/>
                <a:gd name="connsiteY78" fmla="*/ 227860 h 825623"/>
                <a:gd name="connsiteX79" fmla="*/ 571130 w 727969"/>
                <a:gd name="connsiteY79" fmla="*/ 233778 h 825623"/>
                <a:gd name="connsiteX80" fmla="*/ 565212 w 727969"/>
                <a:gd name="connsiteY80" fmla="*/ 198268 h 825623"/>
                <a:gd name="connsiteX81" fmla="*/ 565212 w 727969"/>
                <a:gd name="connsiteY81" fmla="*/ 198268 h 825623"/>
                <a:gd name="connsiteX82" fmla="*/ 529701 w 727969"/>
                <a:gd name="connsiteY82" fmla="*/ 171635 h 825623"/>
                <a:gd name="connsiteX83" fmla="*/ 526742 w 727969"/>
                <a:gd name="connsiteY83" fmla="*/ 150920 h 825623"/>
                <a:gd name="connsiteX84" fmla="*/ 500109 w 727969"/>
                <a:gd name="connsiteY84" fmla="*/ 150920 h 825623"/>
                <a:gd name="connsiteX85" fmla="*/ 488272 w 727969"/>
                <a:gd name="connsiteY85" fmla="*/ 130206 h 825623"/>
                <a:gd name="connsiteX86" fmla="*/ 547457 w 727969"/>
                <a:gd name="connsiteY86" fmla="*/ 97654 h 825623"/>
                <a:gd name="connsiteX87" fmla="*/ 529701 w 727969"/>
                <a:gd name="connsiteY87" fmla="*/ 71021 h 825623"/>
                <a:gd name="connsiteX88" fmla="*/ 470517 w 727969"/>
                <a:gd name="connsiteY88" fmla="*/ 118369 h 825623"/>
                <a:gd name="connsiteX89" fmla="*/ 443884 w 727969"/>
                <a:gd name="connsiteY89" fmla="*/ 136124 h 825623"/>
                <a:gd name="connsiteX90" fmla="*/ 399495 w 727969"/>
                <a:gd name="connsiteY90" fmla="*/ 139083 h 825623"/>
                <a:gd name="connsiteX91" fmla="*/ 292963 w 727969"/>
                <a:gd name="connsiteY91" fmla="*/ 109491 h 825623"/>
                <a:gd name="connsiteX92" fmla="*/ 307759 w 727969"/>
                <a:gd name="connsiteY92" fmla="*/ 91736 h 825623"/>
                <a:gd name="connsiteX93" fmla="*/ 322556 w 727969"/>
                <a:gd name="connsiteY93" fmla="*/ 68062 h 825623"/>
                <a:gd name="connsiteX94" fmla="*/ 355107 w 727969"/>
                <a:gd name="connsiteY94" fmla="*/ 56225 h 825623"/>
                <a:gd name="connsiteX95" fmla="*/ 372862 w 727969"/>
                <a:gd name="connsiteY95" fmla="*/ 32551 h 825623"/>
                <a:gd name="connsiteX96" fmla="*/ 369903 w 727969"/>
                <a:gd name="connsiteY96" fmla="*/ 0 h 825623"/>
                <a:gd name="connsiteX97" fmla="*/ 340311 w 727969"/>
                <a:gd name="connsiteY97" fmla="*/ 35510 h 825623"/>
                <a:gd name="connsiteX98" fmla="*/ 310719 w 727969"/>
                <a:gd name="connsiteY98" fmla="*/ 65103 h 825623"/>
                <a:gd name="connsiteX99" fmla="*/ 281126 w 727969"/>
                <a:gd name="connsiteY99" fmla="*/ 94695 h 825623"/>
                <a:gd name="connsiteX100" fmla="*/ 233779 w 727969"/>
                <a:gd name="connsiteY100" fmla="*/ 85817 h 825623"/>
                <a:gd name="connsiteX101" fmla="*/ 195309 w 727969"/>
                <a:gd name="connsiteY101" fmla="*/ 71021 h 825623"/>
                <a:gd name="connsiteX102" fmla="*/ 183472 w 727969"/>
                <a:gd name="connsiteY102" fmla="*/ 79899 h 825623"/>
                <a:gd name="connsiteX103" fmla="*/ 174594 w 727969"/>
                <a:gd name="connsiteY103" fmla="*/ 53266 h 825623"/>
                <a:gd name="connsiteX104" fmla="*/ 174594 w 727969"/>
                <a:gd name="connsiteY104" fmla="*/ 26633 h 825623"/>
                <a:gd name="connsiteX105" fmla="*/ 109492 w 727969"/>
                <a:gd name="connsiteY105" fmla="*/ 47347 h 825623"/>
                <a:gd name="connsiteX106" fmla="*/ 53266 w 727969"/>
                <a:gd name="connsiteY106" fmla="*/ 62143 h 825623"/>
                <a:gd name="connsiteX107" fmla="*/ 17756 w 727969"/>
                <a:gd name="connsiteY107" fmla="*/ 112450 h 825623"/>
                <a:gd name="connsiteX0" fmla="*/ 4439 w 727969"/>
                <a:gd name="connsiteY0" fmla="*/ 111710 h 825623"/>
                <a:gd name="connsiteX1" fmla="*/ 0 w 727969"/>
                <a:gd name="connsiteY1" fmla="*/ 574089 h 825623"/>
                <a:gd name="connsiteX2" fmla="*/ 26633 w 727969"/>
                <a:gd name="connsiteY2" fmla="*/ 574089 h 825623"/>
                <a:gd name="connsiteX3" fmla="*/ 41429 w 727969"/>
                <a:gd name="connsiteY3" fmla="*/ 580007 h 825623"/>
                <a:gd name="connsiteX4" fmla="*/ 56226 w 727969"/>
                <a:gd name="connsiteY4" fmla="*/ 574089 h 825623"/>
                <a:gd name="connsiteX5" fmla="*/ 79899 w 727969"/>
                <a:gd name="connsiteY5" fmla="*/ 594804 h 825623"/>
                <a:gd name="connsiteX6" fmla="*/ 91736 w 727969"/>
                <a:gd name="connsiteY6" fmla="*/ 580007 h 825623"/>
                <a:gd name="connsiteX7" fmla="*/ 130206 w 727969"/>
                <a:gd name="connsiteY7" fmla="*/ 594804 h 825623"/>
                <a:gd name="connsiteX8" fmla="*/ 142043 w 727969"/>
                <a:gd name="connsiteY8" fmla="*/ 609600 h 825623"/>
                <a:gd name="connsiteX9" fmla="*/ 142043 w 727969"/>
                <a:gd name="connsiteY9" fmla="*/ 609600 h 825623"/>
                <a:gd name="connsiteX10" fmla="*/ 142043 w 727969"/>
                <a:gd name="connsiteY10" fmla="*/ 609600 h 825623"/>
                <a:gd name="connsiteX11" fmla="*/ 174594 w 727969"/>
                <a:gd name="connsiteY11" fmla="*/ 582967 h 825623"/>
                <a:gd name="connsiteX12" fmla="*/ 221942 w 727969"/>
                <a:gd name="connsiteY12" fmla="*/ 636233 h 825623"/>
                <a:gd name="connsiteX13" fmla="*/ 230820 w 727969"/>
                <a:gd name="connsiteY13" fmla="*/ 612559 h 825623"/>
                <a:gd name="connsiteX14" fmla="*/ 221942 w 727969"/>
                <a:gd name="connsiteY14" fmla="*/ 594804 h 825623"/>
                <a:gd name="connsiteX15" fmla="*/ 257453 w 727969"/>
                <a:gd name="connsiteY15" fmla="*/ 612559 h 825623"/>
                <a:gd name="connsiteX16" fmla="*/ 275208 w 727969"/>
                <a:gd name="connsiteY16" fmla="*/ 603681 h 825623"/>
                <a:gd name="connsiteX17" fmla="*/ 301841 w 727969"/>
                <a:gd name="connsiteY17" fmla="*/ 621437 h 825623"/>
                <a:gd name="connsiteX18" fmla="*/ 331433 w 727969"/>
                <a:gd name="connsiteY18" fmla="*/ 594804 h 825623"/>
                <a:gd name="connsiteX19" fmla="*/ 343270 w 727969"/>
                <a:gd name="connsiteY19" fmla="*/ 603681 h 825623"/>
                <a:gd name="connsiteX20" fmla="*/ 408373 w 727969"/>
                <a:gd name="connsiteY20" fmla="*/ 574089 h 825623"/>
                <a:gd name="connsiteX21" fmla="*/ 458680 w 727969"/>
                <a:gd name="connsiteY21" fmla="*/ 553374 h 825623"/>
                <a:gd name="connsiteX22" fmla="*/ 523783 w 727969"/>
                <a:gd name="connsiteY22" fmla="*/ 550415 h 825623"/>
                <a:gd name="connsiteX23" fmla="*/ 538579 w 727969"/>
                <a:gd name="connsiteY23" fmla="*/ 582967 h 825623"/>
                <a:gd name="connsiteX24" fmla="*/ 508987 w 727969"/>
                <a:gd name="connsiteY24" fmla="*/ 580007 h 825623"/>
                <a:gd name="connsiteX25" fmla="*/ 532660 w 727969"/>
                <a:gd name="connsiteY25" fmla="*/ 624396 h 825623"/>
                <a:gd name="connsiteX26" fmla="*/ 562253 w 727969"/>
                <a:gd name="connsiteY26" fmla="*/ 639192 h 825623"/>
                <a:gd name="connsiteX27" fmla="*/ 565212 w 727969"/>
                <a:gd name="connsiteY27" fmla="*/ 680621 h 825623"/>
                <a:gd name="connsiteX28" fmla="*/ 588886 w 727969"/>
                <a:gd name="connsiteY28" fmla="*/ 713173 h 825623"/>
                <a:gd name="connsiteX29" fmla="*/ 633274 w 727969"/>
                <a:gd name="connsiteY29" fmla="*/ 739806 h 825623"/>
                <a:gd name="connsiteX30" fmla="*/ 671744 w 727969"/>
                <a:gd name="connsiteY30" fmla="*/ 798990 h 825623"/>
                <a:gd name="connsiteX31" fmla="*/ 704295 w 727969"/>
                <a:gd name="connsiteY31" fmla="*/ 825623 h 825623"/>
                <a:gd name="connsiteX32" fmla="*/ 727969 w 727969"/>
                <a:gd name="connsiteY32" fmla="*/ 801949 h 825623"/>
                <a:gd name="connsiteX33" fmla="*/ 719092 w 727969"/>
                <a:gd name="connsiteY33" fmla="*/ 772357 h 825623"/>
                <a:gd name="connsiteX34" fmla="*/ 683581 w 727969"/>
                <a:gd name="connsiteY34" fmla="*/ 748683 h 825623"/>
                <a:gd name="connsiteX35" fmla="*/ 674703 w 727969"/>
                <a:gd name="connsiteY35" fmla="*/ 727969 h 825623"/>
                <a:gd name="connsiteX36" fmla="*/ 686540 w 727969"/>
                <a:gd name="connsiteY36" fmla="*/ 686540 h 825623"/>
                <a:gd name="connsiteX37" fmla="*/ 665826 w 727969"/>
                <a:gd name="connsiteY37" fmla="*/ 686540 h 825623"/>
                <a:gd name="connsiteX38" fmla="*/ 651029 w 727969"/>
                <a:gd name="connsiteY38" fmla="*/ 674703 h 825623"/>
                <a:gd name="connsiteX39" fmla="*/ 633274 w 727969"/>
                <a:gd name="connsiteY39" fmla="*/ 671743 h 825623"/>
                <a:gd name="connsiteX40" fmla="*/ 627356 w 727969"/>
                <a:gd name="connsiteY40" fmla="*/ 648070 h 825623"/>
                <a:gd name="connsiteX41" fmla="*/ 656948 w 727969"/>
                <a:gd name="connsiteY41" fmla="*/ 633273 h 825623"/>
                <a:gd name="connsiteX42" fmla="*/ 686540 w 727969"/>
                <a:gd name="connsiteY42" fmla="*/ 612559 h 825623"/>
                <a:gd name="connsiteX43" fmla="*/ 713173 w 727969"/>
                <a:gd name="connsiteY43" fmla="*/ 600722 h 825623"/>
                <a:gd name="connsiteX44" fmla="*/ 725010 w 727969"/>
                <a:gd name="connsiteY44" fmla="*/ 591844 h 825623"/>
                <a:gd name="connsiteX45" fmla="*/ 701336 w 727969"/>
                <a:gd name="connsiteY45" fmla="*/ 574089 h 825623"/>
                <a:gd name="connsiteX46" fmla="*/ 680622 w 727969"/>
                <a:gd name="connsiteY46" fmla="*/ 550415 h 825623"/>
                <a:gd name="connsiteX47" fmla="*/ 686540 w 727969"/>
                <a:gd name="connsiteY47" fmla="*/ 517864 h 825623"/>
                <a:gd name="connsiteX48" fmla="*/ 651029 w 727969"/>
                <a:gd name="connsiteY48" fmla="*/ 520823 h 825623"/>
                <a:gd name="connsiteX49" fmla="*/ 606641 w 727969"/>
                <a:gd name="connsiteY49" fmla="*/ 497149 h 825623"/>
                <a:gd name="connsiteX50" fmla="*/ 562253 w 727969"/>
                <a:gd name="connsiteY50" fmla="*/ 464598 h 825623"/>
                <a:gd name="connsiteX51" fmla="*/ 526742 w 727969"/>
                <a:gd name="connsiteY51" fmla="*/ 432046 h 825623"/>
                <a:gd name="connsiteX52" fmla="*/ 494191 w 727969"/>
                <a:gd name="connsiteY52" fmla="*/ 411332 h 825623"/>
                <a:gd name="connsiteX53" fmla="*/ 482354 w 727969"/>
                <a:gd name="connsiteY53" fmla="*/ 378780 h 825623"/>
                <a:gd name="connsiteX54" fmla="*/ 473476 w 727969"/>
                <a:gd name="connsiteY54" fmla="*/ 402454 h 825623"/>
                <a:gd name="connsiteX55" fmla="*/ 443884 w 727969"/>
                <a:gd name="connsiteY55" fmla="*/ 387658 h 825623"/>
                <a:gd name="connsiteX56" fmla="*/ 405414 w 727969"/>
                <a:gd name="connsiteY56" fmla="*/ 358066 h 825623"/>
                <a:gd name="connsiteX57" fmla="*/ 390618 w 727969"/>
                <a:gd name="connsiteY57" fmla="*/ 352147 h 825623"/>
                <a:gd name="connsiteX58" fmla="*/ 343270 w 727969"/>
                <a:gd name="connsiteY58" fmla="*/ 337351 h 825623"/>
                <a:gd name="connsiteX59" fmla="*/ 346229 w 727969"/>
                <a:gd name="connsiteY59" fmla="*/ 310718 h 825623"/>
                <a:gd name="connsiteX60" fmla="*/ 322556 w 727969"/>
                <a:gd name="connsiteY60" fmla="*/ 292963 h 825623"/>
                <a:gd name="connsiteX61" fmla="*/ 366944 w 727969"/>
                <a:gd name="connsiteY61" fmla="*/ 269289 h 825623"/>
                <a:gd name="connsiteX62" fmla="*/ 304800 w 727969"/>
                <a:gd name="connsiteY62" fmla="*/ 257452 h 825623"/>
                <a:gd name="connsiteX63" fmla="*/ 292963 w 727969"/>
                <a:gd name="connsiteY63" fmla="*/ 236738 h 825623"/>
                <a:gd name="connsiteX64" fmla="*/ 355107 w 727969"/>
                <a:gd name="connsiteY64" fmla="*/ 221941 h 825623"/>
                <a:gd name="connsiteX65" fmla="*/ 372862 w 727969"/>
                <a:gd name="connsiteY65" fmla="*/ 198268 h 825623"/>
                <a:gd name="connsiteX66" fmla="*/ 313678 w 727969"/>
                <a:gd name="connsiteY66" fmla="*/ 210105 h 825623"/>
                <a:gd name="connsiteX67" fmla="*/ 290004 w 727969"/>
                <a:gd name="connsiteY67" fmla="*/ 204186 h 825623"/>
                <a:gd name="connsiteX68" fmla="*/ 290004 w 727969"/>
                <a:gd name="connsiteY68" fmla="*/ 174594 h 825623"/>
                <a:gd name="connsiteX69" fmla="*/ 287045 w 727969"/>
                <a:gd name="connsiteY69" fmla="*/ 153879 h 825623"/>
                <a:gd name="connsiteX70" fmla="*/ 328474 w 727969"/>
                <a:gd name="connsiteY70" fmla="*/ 156839 h 825623"/>
                <a:gd name="connsiteX71" fmla="*/ 372862 w 727969"/>
                <a:gd name="connsiteY71" fmla="*/ 159798 h 825623"/>
                <a:gd name="connsiteX72" fmla="*/ 402455 w 727969"/>
                <a:gd name="connsiteY72" fmla="*/ 165716 h 825623"/>
                <a:gd name="connsiteX73" fmla="*/ 432047 w 727969"/>
                <a:gd name="connsiteY73" fmla="*/ 156839 h 825623"/>
                <a:gd name="connsiteX74" fmla="*/ 429088 w 727969"/>
                <a:gd name="connsiteY74" fmla="*/ 180512 h 825623"/>
                <a:gd name="connsiteX75" fmla="*/ 435006 w 727969"/>
                <a:gd name="connsiteY75" fmla="*/ 198268 h 825623"/>
                <a:gd name="connsiteX76" fmla="*/ 479394 w 727969"/>
                <a:gd name="connsiteY76" fmla="*/ 207145 h 825623"/>
                <a:gd name="connsiteX77" fmla="*/ 506027 w 727969"/>
                <a:gd name="connsiteY77" fmla="*/ 204186 h 825623"/>
                <a:gd name="connsiteX78" fmla="*/ 532660 w 727969"/>
                <a:gd name="connsiteY78" fmla="*/ 227860 h 825623"/>
                <a:gd name="connsiteX79" fmla="*/ 571130 w 727969"/>
                <a:gd name="connsiteY79" fmla="*/ 233778 h 825623"/>
                <a:gd name="connsiteX80" fmla="*/ 565212 w 727969"/>
                <a:gd name="connsiteY80" fmla="*/ 198268 h 825623"/>
                <a:gd name="connsiteX81" fmla="*/ 565212 w 727969"/>
                <a:gd name="connsiteY81" fmla="*/ 198268 h 825623"/>
                <a:gd name="connsiteX82" fmla="*/ 529701 w 727969"/>
                <a:gd name="connsiteY82" fmla="*/ 171635 h 825623"/>
                <a:gd name="connsiteX83" fmla="*/ 526742 w 727969"/>
                <a:gd name="connsiteY83" fmla="*/ 150920 h 825623"/>
                <a:gd name="connsiteX84" fmla="*/ 500109 w 727969"/>
                <a:gd name="connsiteY84" fmla="*/ 150920 h 825623"/>
                <a:gd name="connsiteX85" fmla="*/ 488272 w 727969"/>
                <a:gd name="connsiteY85" fmla="*/ 130206 h 825623"/>
                <a:gd name="connsiteX86" fmla="*/ 547457 w 727969"/>
                <a:gd name="connsiteY86" fmla="*/ 97654 h 825623"/>
                <a:gd name="connsiteX87" fmla="*/ 529701 w 727969"/>
                <a:gd name="connsiteY87" fmla="*/ 71021 h 825623"/>
                <a:gd name="connsiteX88" fmla="*/ 470517 w 727969"/>
                <a:gd name="connsiteY88" fmla="*/ 118369 h 825623"/>
                <a:gd name="connsiteX89" fmla="*/ 443884 w 727969"/>
                <a:gd name="connsiteY89" fmla="*/ 136124 h 825623"/>
                <a:gd name="connsiteX90" fmla="*/ 399495 w 727969"/>
                <a:gd name="connsiteY90" fmla="*/ 139083 h 825623"/>
                <a:gd name="connsiteX91" fmla="*/ 292963 w 727969"/>
                <a:gd name="connsiteY91" fmla="*/ 109491 h 825623"/>
                <a:gd name="connsiteX92" fmla="*/ 307759 w 727969"/>
                <a:gd name="connsiteY92" fmla="*/ 91736 h 825623"/>
                <a:gd name="connsiteX93" fmla="*/ 322556 w 727969"/>
                <a:gd name="connsiteY93" fmla="*/ 68062 h 825623"/>
                <a:gd name="connsiteX94" fmla="*/ 355107 w 727969"/>
                <a:gd name="connsiteY94" fmla="*/ 56225 h 825623"/>
                <a:gd name="connsiteX95" fmla="*/ 372862 w 727969"/>
                <a:gd name="connsiteY95" fmla="*/ 32551 h 825623"/>
                <a:gd name="connsiteX96" fmla="*/ 369903 w 727969"/>
                <a:gd name="connsiteY96" fmla="*/ 0 h 825623"/>
                <a:gd name="connsiteX97" fmla="*/ 340311 w 727969"/>
                <a:gd name="connsiteY97" fmla="*/ 35510 h 825623"/>
                <a:gd name="connsiteX98" fmla="*/ 310719 w 727969"/>
                <a:gd name="connsiteY98" fmla="*/ 65103 h 825623"/>
                <a:gd name="connsiteX99" fmla="*/ 281126 w 727969"/>
                <a:gd name="connsiteY99" fmla="*/ 94695 h 825623"/>
                <a:gd name="connsiteX100" fmla="*/ 233779 w 727969"/>
                <a:gd name="connsiteY100" fmla="*/ 85817 h 825623"/>
                <a:gd name="connsiteX101" fmla="*/ 195309 w 727969"/>
                <a:gd name="connsiteY101" fmla="*/ 71021 h 825623"/>
                <a:gd name="connsiteX102" fmla="*/ 183472 w 727969"/>
                <a:gd name="connsiteY102" fmla="*/ 79899 h 825623"/>
                <a:gd name="connsiteX103" fmla="*/ 174594 w 727969"/>
                <a:gd name="connsiteY103" fmla="*/ 53266 h 825623"/>
                <a:gd name="connsiteX104" fmla="*/ 174594 w 727969"/>
                <a:gd name="connsiteY104" fmla="*/ 26633 h 825623"/>
                <a:gd name="connsiteX105" fmla="*/ 109492 w 727969"/>
                <a:gd name="connsiteY105" fmla="*/ 47347 h 825623"/>
                <a:gd name="connsiteX106" fmla="*/ 53266 w 727969"/>
                <a:gd name="connsiteY106" fmla="*/ 62143 h 825623"/>
                <a:gd name="connsiteX107" fmla="*/ 4439 w 727969"/>
                <a:gd name="connsiteY107" fmla="*/ 111710 h 8256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Lst>
              <a:rect l="l" t="t" r="r" b="b"/>
              <a:pathLst>
                <a:path w="727969" h="825623">
                  <a:moveTo>
                    <a:pt x="4439" y="111710"/>
                  </a:moveTo>
                  <a:cubicBezTo>
                    <a:pt x="2959" y="265836"/>
                    <a:pt x="1480" y="419963"/>
                    <a:pt x="0" y="574089"/>
                  </a:cubicBezTo>
                  <a:lnTo>
                    <a:pt x="26633" y="574089"/>
                  </a:lnTo>
                  <a:lnTo>
                    <a:pt x="41429" y="580007"/>
                  </a:lnTo>
                  <a:lnTo>
                    <a:pt x="56226" y="574089"/>
                  </a:lnTo>
                  <a:lnTo>
                    <a:pt x="79899" y="594804"/>
                  </a:lnTo>
                  <a:lnTo>
                    <a:pt x="91736" y="580007"/>
                  </a:lnTo>
                  <a:lnTo>
                    <a:pt x="130206" y="594804"/>
                  </a:lnTo>
                  <a:lnTo>
                    <a:pt x="142043" y="609600"/>
                  </a:lnTo>
                  <a:lnTo>
                    <a:pt x="142043" y="609600"/>
                  </a:lnTo>
                  <a:lnTo>
                    <a:pt x="142043" y="609600"/>
                  </a:lnTo>
                  <a:lnTo>
                    <a:pt x="174594" y="582967"/>
                  </a:lnTo>
                  <a:lnTo>
                    <a:pt x="221942" y="636233"/>
                  </a:lnTo>
                  <a:lnTo>
                    <a:pt x="230820" y="612559"/>
                  </a:lnTo>
                  <a:lnTo>
                    <a:pt x="221942" y="594804"/>
                  </a:lnTo>
                  <a:lnTo>
                    <a:pt x="257453" y="612559"/>
                  </a:lnTo>
                  <a:lnTo>
                    <a:pt x="275208" y="603681"/>
                  </a:lnTo>
                  <a:lnTo>
                    <a:pt x="301841" y="621437"/>
                  </a:lnTo>
                  <a:lnTo>
                    <a:pt x="331433" y="594804"/>
                  </a:lnTo>
                  <a:lnTo>
                    <a:pt x="343270" y="603681"/>
                  </a:lnTo>
                  <a:lnTo>
                    <a:pt x="408373" y="574089"/>
                  </a:lnTo>
                  <a:lnTo>
                    <a:pt x="458680" y="553374"/>
                  </a:lnTo>
                  <a:lnTo>
                    <a:pt x="523783" y="550415"/>
                  </a:lnTo>
                  <a:lnTo>
                    <a:pt x="538579" y="582967"/>
                  </a:lnTo>
                  <a:lnTo>
                    <a:pt x="508987" y="580007"/>
                  </a:lnTo>
                  <a:lnTo>
                    <a:pt x="532660" y="624396"/>
                  </a:lnTo>
                  <a:lnTo>
                    <a:pt x="562253" y="639192"/>
                  </a:lnTo>
                  <a:lnTo>
                    <a:pt x="565212" y="680621"/>
                  </a:lnTo>
                  <a:lnTo>
                    <a:pt x="588886" y="713173"/>
                  </a:lnTo>
                  <a:lnTo>
                    <a:pt x="633274" y="739806"/>
                  </a:lnTo>
                  <a:lnTo>
                    <a:pt x="671744" y="798990"/>
                  </a:lnTo>
                  <a:lnTo>
                    <a:pt x="704295" y="825623"/>
                  </a:lnTo>
                  <a:lnTo>
                    <a:pt x="727969" y="801949"/>
                  </a:lnTo>
                  <a:lnTo>
                    <a:pt x="719092" y="772357"/>
                  </a:lnTo>
                  <a:lnTo>
                    <a:pt x="683581" y="748683"/>
                  </a:lnTo>
                  <a:lnTo>
                    <a:pt x="674703" y="727969"/>
                  </a:lnTo>
                  <a:lnTo>
                    <a:pt x="686540" y="686540"/>
                  </a:lnTo>
                  <a:lnTo>
                    <a:pt x="665826" y="686540"/>
                  </a:lnTo>
                  <a:lnTo>
                    <a:pt x="651029" y="674703"/>
                  </a:lnTo>
                  <a:lnTo>
                    <a:pt x="633274" y="671743"/>
                  </a:lnTo>
                  <a:lnTo>
                    <a:pt x="627356" y="648070"/>
                  </a:lnTo>
                  <a:lnTo>
                    <a:pt x="656948" y="633273"/>
                  </a:lnTo>
                  <a:lnTo>
                    <a:pt x="686540" y="612559"/>
                  </a:lnTo>
                  <a:lnTo>
                    <a:pt x="713173" y="600722"/>
                  </a:lnTo>
                  <a:lnTo>
                    <a:pt x="725010" y="591844"/>
                  </a:lnTo>
                  <a:lnTo>
                    <a:pt x="701336" y="574089"/>
                  </a:lnTo>
                  <a:lnTo>
                    <a:pt x="680622" y="550415"/>
                  </a:lnTo>
                  <a:lnTo>
                    <a:pt x="686540" y="517864"/>
                  </a:lnTo>
                  <a:lnTo>
                    <a:pt x="651029" y="520823"/>
                  </a:lnTo>
                  <a:lnTo>
                    <a:pt x="606641" y="497149"/>
                  </a:lnTo>
                  <a:lnTo>
                    <a:pt x="562253" y="464598"/>
                  </a:lnTo>
                  <a:lnTo>
                    <a:pt x="526742" y="432046"/>
                  </a:lnTo>
                  <a:lnTo>
                    <a:pt x="494191" y="411332"/>
                  </a:lnTo>
                  <a:lnTo>
                    <a:pt x="482354" y="378780"/>
                  </a:lnTo>
                  <a:lnTo>
                    <a:pt x="473476" y="402454"/>
                  </a:lnTo>
                  <a:lnTo>
                    <a:pt x="443884" y="387658"/>
                  </a:lnTo>
                  <a:lnTo>
                    <a:pt x="405414" y="358066"/>
                  </a:lnTo>
                  <a:lnTo>
                    <a:pt x="390618" y="352147"/>
                  </a:lnTo>
                  <a:lnTo>
                    <a:pt x="343270" y="337351"/>
                  </a:lnTo>
                  <a:lnTo>
                    <a:pt x="346229" y="310718"/>
                  </a:lnTo>
                  <a:lnTo>
                    <a:pt x="322556" y="292963"/>
                  </a:lnTo>
                  <a:lnTo>
                    <a:pt x="366944" y="269289"/>
                  </a:lnTo>
                  <a:lnTo>
                    <a:pt x="304800" y="257452"/>
                  </a:lnTo>
                  <a:lnTo>
                    <a:pt x="292963" y="236738"/>
                  </a:lnTo>
                  <a:lnTo>
                    <a:pt x="355107" y="221941"/>
                  </a:lnTo>
                  <a:lnTo>
                    <a:pt x="372862" y="198268"/>
                  </a:lnTo>
                  <a:lnTo>
                    <a:pt x="313678" y="210105"/>
                  </a:lnTo>
                  <a:lnTo>
                    <a:pt x="290004" y="204186"/>
                  </a:lnTo>
                  <a:lnTo>
                    <a:pt x="290004" y="174594"/>
                  </a:lnTo>
                  <a:lnTo>
                    <a:pt x="287045" y="153879"/>
                  </a:lnTo>
                  <a:lnTo>
                    <a:pt x="328474" y="156839"/>
                  </a:lnTo>
                  <a:lnTo>
                    <a:pt x="372862" y="159798"/>
                  </a:lnTo>
                  <a:lnTo>
                    <a:pt x="402455" y="165716"/>
                  </a:lnTo>
                  <a:lnTo>
                    <a:pt x="432047" y="156839"/>
                  </a:lnTo>
                  <a:lnTo>
                    <a:pt x="429088" y="180512"/>
                  </a:lnTo>
                  <a:lnTo>
                    <a:pt x="435006" y="198268"/>
                  </a:lnTo>
                  <a:lnTo>
                    <a:pt x="479394" y="207145"/>
                  </a:lnTo>
                  <a:lnTo>
                    <a:pt x="506027" y="204186"/>
                  </a:lnTo>
                  <a:lnTo>
                    <a:pt x="532660" y="227860"/>
                  </a:lnTo>
                  <a:lnTo>
                    <a:pt x="571130" y="233778"/>
                  </a:lnTo>
                  <a:lnTo>
                    <a:pt x="565212" y="198268"/>
                  </a:lnTo>
                  <a:lnTo>
                    <a:pt x="565212" y="198268"/>
                  </a:lnTo>
                  <a:lnTo>
                    <a:pt x="529701" y="171635"/>
                  </a:lnTo>
                  <a:lnTo>
                    <a:pt x="526742" y="150920"/>
                  </a:lnTo>
                  <a:lnTo>
                    <a:pt x="500109" y="150920"/>
                  </a:lnTo>
                  <a:lnTo>
                    <a:pt x="488272" y="130206"/>
                  </a:lnTo>
                  <a:lnTo>
                    <a:pt x="547457" y="97654"/>
                  </a:lnTo>
                  <a:lnTo>
                    <a:pt x="529701" y="71021"/>
                  </a:lnTo>
                  <a:lnTo>
                    <a:pt x="470517" y="118369"/>
                  </a:lnTo>
                  <a:lnTo>
                    <a:pt x="443884" y="136124"/>
                  </a:lnTo>
                  <a:lnTo>
                    <a:pt x="399495" y="139083"/>
                  </a:lnTo>
                  <a:lnTo>
                    <a:pt x="292963" y="109491"/>
                  </a:lnTo>
                  <a:lnTo>
                    <a:pt x="307759" y="91736"/>
                  </a:lnTo>
                  <a:lnTo>
                    <a:pt x="322556" y="68062"/>
                  </a:lnTo>
                  <a:lnTo>
                    <a:pt x="355107" y="56225"/>
                  </a:lnTo>
                  <a:lnTo>
                    <a:pt x="372862" y="32551"/>
                  </a:lnTo>
                  <a:lnTo>
                    <a:pt x="369903" y="0"/>
                  </a:lnTo>
                  <a:lnTo>
                    <a:pt x="340311" y="35510"/>
                  </a:lnTo>
                  <a:lnTo>
                    <a:pt x="310719" y="65103"/>
                  </a:lnTo>
                  <a:lnTo>
                    <a:pt x="281126" y="94695"/>
                  </a:lnTo>
                  <a:lnTo>
                    <a:pt x="233779" y="85817"/>
                  </a:lnTo>
                  <a:lnTo>
                    <a:pt x="195309" y="71021"/>
                  </a:lnTo>
                  <a:lnTo>
                    <a:pt x="183472" y="79899"/>
                  </a:lnTo>
                  <a:lnTo>
                    <a:pt x="174594" y="53266"/>
                  </a:lnTo>
                  <a:lnTo>
                    <a:pt x="174594" y="26633"/>
                  </a:lnTo>
                  <a:lnTo>
                    <a:pt x="109492" y="47347"/>
                  </a:lnTo>
                  <a:lnTo>
                    <a:pt x="53266" y="62143"/>
                  </a:lnTo>
                  <a:lnTo>
                    <a:pt x="4439" y="111710"/>
                  </a:lnTo>
                  <a:close/>
                </a:path>
              </a:pathLst>
            </a:custGeom>
            <a:ln>
              <a:headEnd type="none" w="med" len="med"/>
              <a:tailEnd type="none" w="med" len="med"/>
            </a:ln>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63500" dir="2700000" algn="tl">
                    <a:srgbClr val="000000"/>
                  </a:outerShdw>
                </a:effectLst>
                <a:latin typeface="Segoe" pitchFamily="34" charset="0"/>
              </a:endParaRPr>
            </a:p>
          </p:txBody>
        </p:sp>
        <p:sp>
          <p:nvSpPr>
            <p:cNvPr id="22" name="TextBox 21"/>
            <p:cNvSpPr txBox="1"/>
            <p:nvPr/>
          </p:nvSpPr>
          <p:spPr bwMode="gray">
            <a:xfrm>
              <a:off x="2590800" y="533400"/>
              <a:ext cx="890565" cy="458587"/>
            </a:xfrm>
            <a:prstGeom prst="rect">
              <a:avLst/>
            </a:prstGeom>
            <a:noFill/>
            <a:scene3d>
              <a:camera prst="orthographicFront" fov="0">
                <a:rot lat="0" lon="0" rev="0"/>
              </a:camera>
              <a:lightRig rig="glow" dir="t">
                <a:rot lat="0" lon="0" rev="6360000"/>
              </a:lightRig>
            </a:scene3d>
            <a:sp3d contourW="1000" prstMaterial="flat">
              <a:contourClr>
                <a:schemeClr val="accent3">
                  <a:satMod val="300000"/>
                </a:schemeClr>
              </a:contourClr>
            </a:sp3d>
          </p:spPr>
          <p:style>
            <a:lnRef idx="0">
              <a:schemeClr val="accent3"/>
            </a:lnRef>
            <a:fillRef idx="3">
              <a:schemeClr val="accent3"/>
            </a:fillRef>
            <a:effectRef idx="3">
              <a:schemeClr val="accent3"/>
            </a:effectRef>
            <a:fontRef idx="minor">
              <a:schemeClr val="lt1"/>
            </a:fontRef>
          </p:style>
          <p:txBody>
            <a:bodyPr wrap="none" rtlCol="0">
              <a:spAutoFit/>
            </a:bodyPr>
            <a:lstStyle/>
            <a:p>
              <a:pPr algn="ctr">
                <a:lnSpc>
                  <a:spcPct val="85000"/>
                </a:lnSpc>
              </a:pPr>
              <a:r>
                <a:rPr lang="en-US" sz="1400" b="1" dirty="0" smtClean="0">
                  <a:solidFill>
                    <a:prstClr val="white"/>
                  </a:solidFill>
                  <a:effectLst>
                    <a:outerShdw blurRad="38100" dist="63500" dir="2700000" algn="tl">
                      <a:srgbClr val="000000"/>
                    </a:outerShdw>
                  </a:effectLst>
                </a:rPr>
                <a:t>East San</a:t>
              </a:r>
            </a:p>
            <a:p>
              <a:pPr algn="ctr">
                <a:lnSpc>
                  <a:spcPct val="85000"/>
                </a:lnSpc>
              </a:pPr>
              <a:r>
                <a:rPr lang="en-US" sz="1400" b="1" dirty="0" smtClean="0">
                  <a:solidFill>
                    <a:prstClr val="white"/>
                  </a:solidFill>
                  <a:effectLst>
                    <a:outerShdw blurRad="38100" dist="63500" dir="2700000" algn="tl">
                      <a:srgbClr val="000000"/>
                    </a:outerShdw>
                  </a:effectLst>
                </a:rPr>
                <a:t>Fernando</a:t>
              </a:r>
              <a:endParaRPr lang="en-US" sz="1400" b="1" dirty="0">
                <a:solidFill>
                  <a:prstClr val="white"/>
                </a:solidFill>
                <a:effectLst>
                  <a:outerShdw blurRad="38100" dist="63500" dir="2700000" algn="tl">
                    <a:srgbClr val="000000"/>
                  </a:outerShdw>
                </a:effectLst>
              </a:endParaRPr>
            </a:p>
          </p:txBody>
        </p:sp>
      </p:grpSp>
      <p:sp>
        <p:nvSpPr>
          <p:cNvPr id="64" name="Slide Number Placeholder 32"/>
          <p:cNvSpPr txBox="1">
            <a:spLocks noGrp="1"/>
          </p:cNvSpPr>
          <p:nvPr/>
        </p:nvSpPr>
        <p:spPr bwMode="auto">
          <a:xfrm>
            <a:off x="8458200" y="6427788"/>
            <a:ext cx="685800" cy="365125"/>
          </a:xfrm>
          <a:prstGeom prst="rect">
            <a:avLst/>
          </a:prstGeom>
          <a:noFill/>
          <a:ln>
            <a:miter lim="800000"/>
            <a:headEnd/>
            <a:tailEnd/>
          </a:ln>
        </p:spPr>
        <p:txBody>
          <a:bodyPr/>
          <a:lstStyle/>
          <a:p>
            <a:pPr algn="ctr"/>
            <a:fld id="{0FDEAEE8-88C6-4A34-99AA-1F41DD91E381}" type="slidenum">
              <a:rPr lang="en-US" sz="1400">
                <a:solidFill>
                  <a:prstClr val="white"/>
                </a:solidFill>
                <a:effectLst>
                  <a:outerShdw blurRad="38100" dist="38100" dir="2700000" algn="tl">
                    <a:srgbClr val="000000"/>
                  </a:outerShdw>
                </a:effectLst>
              </a:rPr>
              <a:pPr algn="ctr"/>
              <a:t>84</a:t>
            </a:fld>
            <a:endParaRPr lang="en-US" sz="1400" dirty="0">
              <a:solidFill>
                <a:prstClr val="white"/>
              </a:solidFill>
              <a:effectLst>
                <a:outerShdw blurRad="38100" dist="38100" dir="2700000" algn="tl">
                  <a:srgbClr val="000000"/>
                </a:outerShdw>
              </a:effectLst>
            </a:endParaRPr>
          </a:p>
        </p:txBody>
      </p:sp>
    </p:spTree>
    <p:extLst>
      <p:ext uri="{BB962C8B-B14F-4D97-AF65-F5344CB8AC3E}">
        <p14:creationId xmlns:p14="http://schemas.microsoft.com/office/powerpoint/2010/main" val="354217507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25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125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1250"/>
                                        <p:tgtEl>
                                          <p:spTgt spid="3">
                                            <p:txEl>
                                              <p:pRg st="2" end="2"/>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19"/>
                                        </p:tgtEl>
                                        <p:attrNameLst>
                                          <p:attrName>style.visibility</p:attrName>
                                        </p:attrNameLst>
                                      </p:cBhvr>
                                      <p:to>
                                        <p:strVal val="visible"/>
                                      </p:to>
                                    </p:set>
                                    <p:animEffect transition="in" filter="fade">
                                      <p:cBhvr>
                                        <p:cTn id="20" dur="2000"/>
                                        <p:tgtEl>
                                          <p:spTgt spid="19"/>
                                        </p:tgtEl>
                                      </p:cBhvr>
                                    </p:animEffect>
                                  </p:childTnLst>
                                </p:cTn>
                              </p:par>
                              <p:par>
                                <p:cTn id="21" presetID="10" presetClass="entr" presetSubtype="0" fill="hold" nodeType="withEffect">
                                  <p:stCondLst>
                                    <p:cond delay="0"/>
                                  </p:stCondLst>
                                  <p:childTnLst>
                                    <p:set>
                                      <p:cBhvr>
                                        <p:cTn id="22" dur="1" fill="hold">
                                          <p:stCondLst>
                                            <p:cond delay="0"/>
                                          </p:stCondLst>
                                        </p:cTn>
                                        <p:tgtEl>
                                          <p:spTgt spid="40"/>
                                        </p:tgtEl>
                                        <p:attrNameLst>
                                          <p:attrName>style.visibility</p:attrName>
                                        </p:attrNameLst>
                                      </p:cBhvr>
                                      <p:to>
                                        <p:strVal val="visible"/>
                                      </p:to>
                                    </p:set>
                                    <p:animEffect transition="in" filter="fade">
                                      <p:cBhvr>
                                        <p:cTn id="23" dur="2000"/>
                                        <p:tgtEl>
                                          <p:spTgt spid="40"/>
                                        </p:tgtEl>
                                      </p:cBhvr>
                                    </p:animEffect>
                                  </p:childTnLst>
                                </p:cTn>
                              </p:par>
                              <p:par>
                                <p:cTn id="24" presetID="10" presetClass="entr" presetSubtype="0" fill="hold" nodeType="withEffect">
                                  <p:stCondLst>
                                    <p:cond delay="0"/>
                                  </p:stCondLst>
                                  <p:childTnLst>
                                    <p:set>
                                      <p:cBhvr>
                                        <p:cTn id="25" dur="1" fill="hold">
                                          <p:stCondLst>
                                            <p:cond delay="0"/>
                                          </p:stCondLst>
                                        </p:cTn>
                                        <p:tgtEl>
                                          <p:spTgt spid="42"/>
                                        </p:tgtEl>
                                        <p:attrNameLst>
                                          <p:attrName>style.visibility</p:attrName>
                                        </p:attrNameLst>
                                      </p:cBhvr>
                                      <p:to>
                                        <p:strVal val="visible"/>
                                      </p:to>
                                    </p:set>
                                    <p:animEffect transition="in" filter="fade">
                                      <p:cBhvr>
                                        <p:cTn id="26" dur="2000"/>
                                        <p:tgtEl>
                                          <p:spTgt spid="42"/>
                                        </p:tgtEl>
                                      </p:cBhvr>
                                    </p:animEffect>
                                  </p:childTnLst>
                                </p:cTn>
                              </p:par>
                              <p:par>
                                <p:cTn id="27" presetID="10" presetClass="entr" presetSubtype="0" fill="hold" nodeType="withEffect">
                                  <p:stCondLst>
                                    <p:cond delay="0"/>
                                  </p:stCondLst>
                                  <p:childTnLst>
                                    <p:set>
                                      <p:cBhvr>
                                        <p:cTn id="28" dur="1" fill="hold">
                                          <p:stCondLst>
                                            <p:cond delay="0"/>
                                          </p:stCondLst>
                                        </p:cTn>
                                        <p:tgtEl>
                                          <p:spTgt spid="41"/>
                                        </p:tgtEl>
                                        <p:attrNameLst>
                                          <p:attrName>style.visibility</p:attrName>
                                        </p:attrNameLst>
                                      </p:cBhvr>
                                      <p:to>
                                        <p:strVal val="visible"/>
                                      </p:to>
                                    </p:set>
                                    <p:animEffect transition="in" filter="fade">
                                      <p:cBhvr>
                                        <p:cTn id="29" dur="2000"/>
                                        <p:tgtEl>
                                          <p:spTgt spid="41"/>
                                        </p:tgtEl>
                                      </p:cBhvr>
                                    </p:animEffect>
                                  </p:childTnLst>
                                </p:cTn>
                              </p:par>
                              <p:par>
                                <p:cTn id="30" presetID="10" presetClass="entr" presetSubtype="0" fill="hold" nodeType="withEffect">
                                  <p:stCondLst>
                                    <p:cond delay="0"/>
                                  </p:stCondLst>
                                  <p:childTnLst>
                                    <p:set>
                                      <p:cBhvr>
                                        <p:cTn id="31" dur="1" fill="hold">
                                          <p:stCondLst>
                                            <p:cond delay="0"/>
                                          </p:stCondLst>
                                        </p:cTn>
                                        <p:tgtEl>
                                          <p:spTgt spid="11"/>
                                        </p:tgtEl>
                                        <p:attrNameLst>
                                          <p:attrName>style.visibility</p:attrName>
                                        </p:attrNameLst>
                                      </p:cBhvr>
                                      <p:to>
                                        <p:strVal val="visible"/>
                                      </p:to>
                                    </p:set>
                                    <p:animEffect transition="in" filter="fade">
                                      <p:cBhvr>
                                        <p:cTn id="32" dur="2000"/>
                                        <p:tgtEl>
                                          <p:spTgt spid="11"/>
                                        </p:tgtEl>
                                      </p:cBhvr>
                                    </p:animEffect>
                                  </p:childTnLst>
                                </p:cTn>
                              </p:par>
                              <p:par>
                                <p:cTn id="33" presetID="10" presetClass="entr" presetSubtype="0" fill="hold" nodeType="withEffect">
                                  <p:stCondLst>
                                    <p:cond delay="0"/>
                                  </p:stCondLst>
                                  <p:childTnLst>
                                    <p:set>
                                      <p:cBhvr>
                                        <p:cTn id="34" dur="1" fill="hold">
                                          <p:stCondLst>
                                            <p:cond delay="0"/>
                                          </p:stCondLst>
                                        </p:cTn>
                                        <p:tgtEl>
                                          <p:spTgt spid="10"/>
                                        </p:tgtEl>
                                        <p:attrNameLst>
                                          <p:attrName>style.visibility</p:attrName>
                                        </p:attrNameLst>
                                      </p:cBhvr>
                                      <p:to>
                                        <p:strVal val="visible"/>
                                      </p:to>
                                    </p:set>
                                    <p:animEffect transition="in" filter="fade">
                                      <p:cBhvr>
                                        <p:cTn id="35" dur="2000"/>
                                        <p:tgtEl>
                                          <p:spTgt spid="10"/>
                                        </p:tgtEl>
                                      </p:cBhvr>
                                    </p:animEffect>
                                  </p:childTnLst>
                                </p:cTn>
                              </p:par>
                              <p:par>
                                <p:cTn id="36" presetID="10" presetClass="entr" presetSubtype="0" fill="hold" nodeType="withEffect">
                                  <p:stCondLst>
                                    <p:cond delay="0"/>
                                  </p:stCondLst>
                                  <p:childTnLst>
                                    <p:set>
                                      <p:cBhvr>
                                        <p:cTn id="37" dur="1" fill="hold">
                                          <p:stCondLst>
                                            <p:cond delay="0"/>
                                          </p:stCondLst>
                                        </p:cTn>
                                        <p:tgtEl>
                                          <p:spTgt spid="30"/>
                                        </p:tgtEl>
                                        <p:attrNameLst>
                                          <p:attrName>style.visibility</p:attrName>
                                        </p:attrNameLst>
                                      </p:cBhvr>
                                      <p:to>
                                        <p:strVal val="visible"/>
                                      </p:to>
                                    </p:set>
                                    <p:animEffect transition="in" filter="fade">
                                      <p:cBhvr>
                                        <p:cTn id="38" dur="2000"/>
                                        <p:tgtEl>
                                          <p:spTgt spid="30"/>
                                        </p:tgtEl>
                                      </p:cBhvr>
                                    </p:animEffect>
                                  </p:childTnLst>
                                </p:cTn>
                              </p:par>
                              <p:par>
                                <p:cTn id="39" presetID="10" presetClass="entr" presetSubtype="0" fill="hold" nodeType="withEffect">
                                  <p:stCondLst>
                                    <p:cond delay="0"/>
                                  </p:stCondLst>
                                  <p:childTnLst>
                                    <p:set>
                                      <p:cBhvr>
                                        <p:cTn id="40" dur="1" fill="hold">
                                          <p:stCondLst>
                                            <p:cond delay="0"/>
                                          </p:stCondLst>
                                        </p:cTn>
                                        <p:tgtEl>
                                          <p:spTgt spid="24"/>
                                        </p:tgtEl>
                                        <p:attrNameLst>
                                          <p:attrName>style.visibility</p:attrName>
                                        </p:attrNameLst>
                                      </p:cBhvr>
                                      <p:to>
                                        <p:strVal val="visible"/>
                                      </p:to>
                                    </p:set>
                                    <p:animEffect transition="in" filter="fade">
                                      <p:cBhvr>
                                        <p:cTn id="41" dur="2000"/>
                                        <p:tgtEl>
                                          <p:spTgt spid="24"/>
                                        </p:tgtEl>
                                      </p:cBhvr>
                                    </p:animEffect>
                                  </p:childTnLst>
                                </p:cTn>
                              </p:par>
                              <p:par>
                                <p:cTn id="42" presetID="10" presetClass="entr" presetSubtype="0" fill="hold" nodeType="with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20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9"/>
                                        </p:tgtEl>
                                        <p:attrNameLst>
                                          <p:attrName>style.visibility</p:attrName>
                                        </p:attrNameLst>
                                      </p:cBhvr>
                                      <p:to>
                                        <p:strVal val="visible"/>
                                      </p:to>
                                    </p:set>
                                    <p:animEffect transition="in" filter="fade">
                                      <p:cBhvr>
                                        <p:cTn id="47" dur="2000"/>
                                        <p:tgtEl>
                                          <p:spTgt spid="9"/>
                                        </p:tgtEl>
                                      </p:cBhvr>
                                    </p:animEffect>
                                  </p:childTnLst>
                                </p:cTn>
                              </p:par>
                              <p:par>
                                <p:cTn id="48" presetID="10" presetClass="entr" presetSubtype="0" fill="hold" nodeType="withEffect">
                                  <p:stCondLst>
                                    <p:cond delay="0"/>
                                  </p:stCondLst>
                                  <p:childTnLst>
                                    <p:set>
                                      <p:cBhvr>
                                        <p:cTn id="49" dur="1" fill="hold">
                                          <p:stCondLst>
                                            <p:cond delay="0"/>
                                          </p:stCondLst>
                                        </p:cTn>
                                        <p:tgtEl>
                                          <p:spTgt spid="17"/>
                                        </p:tgtEl>
                                        <p:attrNameLst>
                                          <p:attrName>style.visibility</p:attrName>
                                        </p:attrNameLst>
                                      </p:cBhvr>
                                      <p:to>
                                        <p:strVal val="visible"/>
                                      </p:to>
                                    </p:set>
                                    <p:animEffect transition="in" filter="fade">
                                      <p:cBhvr>
                                        <p:cTn id="50" dur="2000"/>
                                        <p:tgtEl>
                                          <p:spTgt spid="17"/>
                                        </p:tgtEl>
                                      </p:cBhvr>
                                    </p:animEffect>
                                  </p:childTnLst>
                                </p:cTn>
                              </p:par>
                              <p:par>
                                <p:cTn id="51" presetID="10" presetClass="entr" presetSubtype="0" fill="hold" nodeType="withEffect">
                                  <p:stCondLst>
                                    <p:cond delay="0"/>
                                  </p:stCondLst>
                                  <p:childTnLst>
                                    <p:set>
                                      <p:cBhvr>
                                        <p:cTn id="52" dur="1" fill="hold">
                                          <p:stCondLst>
                                            <p:cond delay="0"/>
                                          </p:stCondLst>
                                        </p:cTn>
                                        <p:tgtEl>
                                          <p:spTgt spid="26"/>
                                        </p:tgtEl>
                                        <p:attrNameLst>
                                          <p:attrName>style.visibility</p:attrName>
                                        </p:attrNameLst>
                                      </p:cBhvr>
                                      <p:to>
                                        <p:strVal val="visible"/>
                                      </p:to>
                                    </p:set>
                                    <p:animEffect transition="in" filter="fade">
                                      <p:cBhvr>
                                        <p:cTn id="53" dur="2000"/>
                                        <p:tgtEl>
                                          <p:spTgt spid="26"/>
                                        </p:tgtEl>
                                      </p:cBhvr>
                                    </p:animEffect>
                                  </p:childTnLst>
                                </p:cTn>
                              </p:par>
                              <p:par>
                                <p:cTn id="54" presetID="10" presetClass="entr" presetSubtype="0" fill="hold" nodeType="withEffect">
                                  <p:stCondLst>
                                    <p:cond delay="0"/>
                                  </p:stCondLst>
                                  <p:childTnLst>
                                    <p:set>
                                      <p:cBhvr>
                                        <p:cTn id="55" dur="1" fill="hold">
                                          <p:stCondLst>
                                            <p:cond delay="0"/>
                                          </p:stCondLst>
                                        </p:cTn>
                                        <p:tgtEl>
                                          <p:spTgt spid="27"/>
                                        </p:tgtEl>
                                        <p:attrNameLst>
                                          <p:attrName>style.visibility</p:attrName>
                                        </p:attrNameLst>
                                      </p:cBhvr>
                                      <p:to>
                                        <p:strVal val="visible"/>
                                      </p:to>
                                    </p:set>
                                    <p:animEffect transition="in" filter="fade">
                                      <p:cBhvr>
                                        <p:cTn id="56" dur="2000"/>
                                        <p:tgtEl>
                                          <p:spTgt spid="27"/>
                                        </p:tgtEl>
                                      </p:cBhvr>
                                    </p:animEffect>
                                  </p:childTnLst>
                                </p:cTn>
                              </p:par>
                              <p:par>
                                <p:cTn id="57" presetID="10" presetClass="entr" presetSubtype="0" fill="hold" nodeType="withEffect">
                                  <p:stCondLst>
                                    <p:cond delay="0"/>
                                  </p:stCondLst>
                                  <p:childTnLst>
                                    <p:set>
                                      <p:cBhvr>
                                        <p:cTn id="58" dur="1" fill="hold">
                                          <p:stCondLst>
                                            <p:cond delay="0"/>
                                          </p:stCondLst>
                                        </p:cTn>
                                        <p:tgtEl>
                                          <p:spTgt spid="28"/>
                                        </p:tgtEl>
                                        <p:attrNameLst>
                                          <p:attrName>style.visibility</p:attrName>
                                        </p:attrNameLst>
                                      </p:cBhvr>
                                      <p:to>
                                        <p:strVal val="visible"/>
                                      </p:to>
                                    </p:set>
                                    <p:animEffect transition="in" filter="fade">
                                      <p:cBhvr>
                                        <p:cTn id="59" dur="2000"/>
                                        <p:tgtEl>
                                          <p:spTgt spid="28"/>
                                        </p:tgtEl>
                                      </p:cBhvr>
                                    </p:animEffect>
                                  </p:childTnLst>
                                </p:cTn>
                              </p:par>
                              <p:par>
                                <p:cTn id="60" presetID="10" presetClass="entr" presetSubtype="0" fill="hold" nodeType="withEffect">
                                  <p:stCondLst>
                                    <p:cond delay="0"/>
                                  </p:stCondLst>
                                  <p:childTnLst>
                                    <p:set>
                                      <p:cBhvr>
                                        <p:cTn id="61" dur="1" fill="hold">
                                          <p:stCondLst>
                                            <p:cond delay="0"/>
                                          </p:stCondLst>
                                        </p:cTn>
                                        <p:tgtEl>
                                          <p:spTgt spid="25"/>
                                        </p:tgtEl>
                                        <p:attrNameLst>
                                          <p:attrName>style.visibility</p:attrName>
                                        </p:attrNameLst>
                                      </p:cBhvr>
                                      <p:to>
                                        <p:strVal val="visible"/>
                                      </p:to>
                                    </p:set>
                                    <p:animEffect transition="in" filter="fade">
                                      <p:cBhvr>
                                        <p:cTn id="62" dur="20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Delta Wetlands</a:t>
            </a:r>
            <a:endParaRPr lang="en-US" sz="6000" dirty="0"/>
          </a:p>
        </p:txBody>
      </p:sp>
    </p:spTree>
    <p:extLst>
      <p:ext uri="{BB962C8B-B14F-4D97-AF65-F5344CB8AC3E}">
        <p14:creationId xmlns:p14="http://schemas.microsoft.com/office/powerpoint/2010/main" val="3642565451"/>
      </p:ext>
    </p:extLst>
  </p:cSld>
  <p:clrMapOvr>
    <a:masterClrMapping/>
  </p:clrMapOvr>
  <p:transition>
    <p:fade/>
  </p:transition>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102" name="Slide Number Placeholder 32"/>
          <p:cNvSpPr txBox="1">
            <a:spLocks noGrp="1"/>
          </p:cNvSpPr>
          <p:nvPr/>
        </p:nvSpPr>
        <p:spPr bwMode="auto">
          <a:xfrm>
            <a:off x="8458200" y="6492875"/>
            <a:ext cx="685800" cy="365125"/>
          </a:xfrm>
          <a:prstGeom prst="rect">
            <a:avLst/>
          </a:prstGeom>
          <a:noFill/>
          <a:ln>
            <a:miter lim="800000"/>
            <a:headEnd/>
            <a:tailEnd/>
          </a:ln>
        </p:spPr>
        <p:txBody>
          <a:bodyPr/>
          <a:lstStyle/>
          <a:p>
            <a:pPr algn="ctr">
              <a:defRPr/>
            </a:pPr>
            <a:fld id="{E33413DC-CD34-4353-A23B-DED72AF95523}" type="slidenum">
              <a:rPr lang="en-US">
                <a:solidFill>
                  <a:prstClr val="white"/>
                </a:solidFill>
                <a:effectLst>
                  <a:outerShdw blurRad="38100" dist="38100" dir="2700000" algn="tl">
                    <a:srgbClr val="000000">
                      <a:alpha val="43137"/>
                    </a:srgbClr>
                  </a:outerShdw>
                </a:effectLst>
                <a:cs typeface="Arial" charset="0"/>
              </a:rPr>
              <a:pPr algn="ctr">
                <a:defRPr/>
              </a:pPr>
              <a:t>86</a:t>
            </a:fld>
            <a:endParaRPr lang="en-US" dirty="0">
              <a:solidFill>
                <a:prstClr val="white"/>
              </a:solidFill>
              <a:effectLst>
                <a:outerShdw blurRad="38100" dist="38100" dir="2700000" algn="tl">
                  <a:srgbClr val="000000">
                    <a:alpha val="43137"/>
                  </a:srgbClr>
                </a:outerShdw>
              </a:effectLst>
              <a:cs typeface="Arial" charset="0"/>
            </a:endParaRPr>
          </a:p>
        </p:txBody>
      </p:sp>
      <p:grpSp>
        <p:nvGrpSpPr>
          <p:cNvPr id="5" name="Bacground Pic"/>
          <p:cNvGrpSpPr>
            <a:grpSpLocks/>
          </p:cNvGrpSpPr>
          <p:nvPr/>
        </p:nvGrpSpPr>
        <p:grpSpPr bwMode="auto">
          <a:xfrm>
            <a:off x="-34925" y="1176338"/>
            <a:ext cx="9178925" cy="5681662"/>
            <a:chOff x="-34506" y="1176338"/>
            <a:chExt cx="9178507" cy="5681662"/>
          </a:xfrm>
          <a:effectLst>
            <a:outerShdw blurRad="25400" dist="12700" dir="2700000" algn="tl" rotWithShape="0">
              <a:prstClr val="black"/>
            </a:outerShdw>
          </a:effectLst>
        </p:grpSpPr>
        <p:pic>
          <p:nvPicPr>
            <p:cNvPr id="11300" name="Picture 44" descr="\\USMWD108\FSDStWtrPrj\shared\Bay-Delta\Presentations &amp; Photos\3D Oblique Maps &amp; Animation\Oblique Maps &amp; Animations\Delta\Delta 3-D Map w-no blue sky 5-5-05.gif"/>
            <p:cNvPicPr>
              <a:picLocks noChangeAspect="1" noChangeArrowheads="1"/>
            </p:cNvPicPr>
            <p:nvPr/>
          </p:nvPicPr>
          <p:blipFill>
            <a:blip r:embed="rId3" cstate="print"/>
            <a:srcRect/>
            <a:stretch>
              <a:fillRect/>
            </a:stretch>
          </p:blipFill>
          <p:spPr bwMode="ltGray">
            <a:xfrm>
              <a:off x="0" y="1176338"/>
              <a:ext cx="9144001" cy="5681662"/>
            </a:xfrm>
            <a:prstGeom prst="rect">
              <a:avLst/>
            </a:prstGeom>
            <a:noFill/>
            <a:ln w="9525">
              <a:noFill/>
              <a:miter lim="800000"/>
              <a:headEnd/>
              <a:tailEnd/>
            </a:ln>
          </p:spPr>
        </p:pic>
        <p:sp>
          <p:nvSpPr>
            <p:cNvPr id="25" name="Freeform 24" hidden="1"/>
            <p:cNvSpPr>
              <a:spLocks noChangeAspect="1"/>
            </p:cNvSpPr>
            <p:nvPr/>
          </p:nvSpPr>
          <p:spPr bwMode="auto">
            <a:xfrm>
              <a:off x="-34506" y="4028536"/>
              <a:ext cx="3252161" cy="683077"/>
            </a:xfrm>
            <a:custGeom>
              <a:avLst/>
              <a:gdLst>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09623 w 3252161"/>
                <a:gd name="connsiteY41" fmla="*/ 534838 h 683077"/>
                <a:gd name="connsiteX42" fmla="*/ 1548442 w 3252161"/>
                <a:gd name="connsiteY42" fmla="*/ 543464 h 683077"/>
                <a:gd name="connsiteX43" fmla="*/ 1570008 w 3252161"/>
                <a:gd name="connsiteY43" fmla="*/ 560717 h 683077"/>
                <a:gd name="connsiteX44" fmla="*/ 1595887 w 3252161"/>
                <a:gd name="connsiteY44" fmla="*/ 577970 h 683077"/>
                <a:gd name="connsiteX45" fmla="*/ 1604514 w 3252161"/>
                <a:gd name="connsiteY45" fmla="*/ 586596 h 683077"/>
                <a:gd name="connsiteX46" fmla="*/ 1742536 w 3252161"/>
                <a:gd name="connsiteY46" fmla="*/ 590909 h 683077"/>
                <a:gd name="connsiteX47" fmla="*/ 1979763 w 3252161"/>
                <a:gd name="connsiteY47" fmla="*/ 599536 h 683077"/>
                <a:gd name="connsiteX48" fmla="*/ 2001329 w 3252161"/>
                <a:gd name="connsiteY48" fmla="*/ 603849 h 683077"/>
                <a:gd name="connsiteX49" fmla="*/ 2031521 w 3252161"/>
                <a:gd name="connsiteY49" fmla="*/ 608162 h 683077"/>
                <a:gd name="connsiteX50" fmla="*/ 2286000 w 3252161"/>
                <a:gd name="connsiteY50" fmla="*/ 608162 h 683077"/>
                <a:gd name="connsiteX51" fmla="*/ 2311880 w 3252161"/>
                <a:gd name="connsiteY51" fmla="*/ 599536 h 683077"/>
                <a:gd name="connsiteX52" fmla="*/ 2333446 w 3252161"/>
                <a:gd name="connsiteY52" fmla="*/ 595222 h 683077"/>
                <a:gd name="connsiteX53" fmla="*/ 2467155 w 3252161"/>
                <a:gd name="connsiteY53" fmla="*/ 599536 h 683077"/>
                <a:gd name="connsiteX54" fmla="*/ 2484408 w 3252161"/>
                <a:gd name="connsiteY54" fmla="*/ 603849 h 683077"/>
                <a:gd name="connsiteX55" fmla="*/ 2566359 w 3252161"/>
                <a:gd name="connsiteY55" fmla="*/ 608162 h 683077"/>
                <a:gd name="connsiteX56" fmla="*/ 2609491 w 3252161"/>
                <a:gd name="connsiteY56" fmla="*/ 616789 h 683077"/>
                <a:gd name="connsiteX57" fmla="*/ 2626744 w 3252161"/>
                <a:gd name="connsiteY57" fmla="*/ 621102 h 683077"/>
                <a:gd name="connsiteX58" fmla="*/ 2665563 w 3252161"/>
                <a:gd name="connsiteY58" fmla="*/ 638355 h 683077"/>
                <a:gd name="connsiteX59" fmla="*/ 2704381 w 3252161"/>
                <a:gd name="connsiteY59" fmla="*/ 655607 h 683077"/>
                <a:gd name="connsiteX60" fmla="*/ 2717321 w 3252161"/>
                <a:gd name="connsiteY60" fmla="*/ 664234 h 683077"/>
                <a:gd name="connsiteX61" fmla="*/ 2954548 w 3252161"/>
                <a:gd name="connsiteY61" fmla="*/ 655607 h 683077"/>
                <a:gd name="connsiteX62" fmla="*/ 3148642 w 3252161"/>
                <a:gd name="connsiteY62" fmla="*/ 655607 h 683077"/>
                <a:gd name="connsiteX63" fmla="*/ 3187461 w 3252161"/>
                <a:gd name="connsiteY63" fmla="*/ 642668 h 683077"/>
                <a:gd name="connsiteX64" fmla="*/ 3226280 w 3252161"/>
                <a:gd name="connsiteY64" fmla="*/ 638355 h 683077"/>
                <a:gd name="connsiteX65" fmla="*/ 3221966 w 3252161"/>
                <a:gd name="connsiteY65" fmla="*/ 616789 h 683077"/>
                <a:gd name="connsiteX66" fmla="*/ 3200400 w 3252161"/>
                <a:gd name="connsiteY66" fmla="*/ 599536 h 683077"/>
                <a:gd name="connsiteX67" fmla="*/ 3174521 w 3252161"/>
                <a:gd name="connsiteY67" fmla="*/ 590909 h 683077"/>
                <a:gd name="connsiteX68" fmla="*/ 2915729 w 3252161"/>
                <a:gd name="connsiteY68" fmla="*/ 595222 h 683077"/>
                <a:gd name="connsiteX69" fmla="*/ 2829464 w 3252161"/>
                <a:gd name="connsiteY69" fmla="*/ 586596 h 683077"/>
                <a:gd name="connsiteX70" fmla="*/ 2820838 w 3252161"/>
                <a:gd name="connsiteY70" fmla="*/ 573656 h 683077"/>
                <a:gd name="connsiteX71" fmla="*/ 2851031 w 3252161"/>
                <a:gd name="connsiteY71" fmla="*/ 543464 h 683077"/>
                <a:gd name="connsiteX72" fmla="*/ 3075317 w 3252161"/>
                <a:gd name="connsiteY72" fmla="*/ 539151 h 683077"/>
                <a:gd name="connsiteX73" fmla="*/ 3088257 w 3252161"/>
                <a:gd name="connsiteY73" fmla="*/ 534838 h 683077"/>
                <a:gd name="connsiteX74" fmla="*/ 3105510 w 3252161"/>
                <a:gd name="connsiteY74" fmla="*/ 517585 h 683077"/>
                <a:gd name="connsiteX75" fmla="*/ 3178834 w 3252161"/>
                <a:gd name="connsiteY75" fmla="*/ 504645 h 683077"/>
                <a:gd name="connsiteX76" fmla="*/ 3187461 w 3252161"/>
                <a:gd name="connsiteY76" fmla="*/ 496019 h 683077"/>
                <a:gd name="connsiteX77" fmla="*/ 3191774 w 3252161"/>
                <a:gd name="connsiteY77" fmla="*/ 483079 h 683077"/>
                <a:gd name="connsiteX78" fmla="*/ 3204714 w 3252161"/>
                <a:gd name="connsiteY78" fmla="*/ 478766 h 683077"/>
                <a:gd name="connsiteX79" fmla="*/ 3196087 w 3252161"/>
                <a:gd name="connsiteY79" fmla="*/ 470139 h 683077"/>
                <a:gd name="connsiteX80" fmla="*/ 2846717 w 3252161"/>
                <a:gd name="connsiteY80" fmla="*/ 478766 h 683077"/>
                <a:gd name="connsiteX81" fmla="*/ 2820838 w 3252161"/>
                <a:gd name="connsiteY81" fmla="*/ 487392 h 683077"/>
                <a:gd name="connsiteX82" fmla="*/ 2807898 w 3252161"/>
                <a:gd name="connsiteY82" fmla="*/ 496019 h 683077"/>
                <a:gd name="connsiteX83" fmla="*/ 2743200 w 3252161"/>
                <a:gd name="connsiteY83" fmla="*/ 500332 h 683077"/>
                <a:gd name="connsiteX84" fmla="*/ 2691442 w 3252161"/>
                <a:gd name="connsiteY84" fmla="*/ 517585 h 683077"/>
                <a:gd name="connsiteX85" fmla="*/ 2678502 w 3252161"/>
                <a:gd name="connsiteY85" fmla="*/ 521898 h 683077"/>
                <a:gd name="connsiteX86" fmla="*/ 2540480 w 3252161"/>
                <a:gd name="connsiteY86" fmla="*/ 530524 h 683077"/>
                <a:gd name="connsiteX87" fmla="*/ 2303253 w 3252161"/>
                <a:gd name="connsiteY87" fmla="*/ 539151 h 683077"/>
                <a:gd name="connsiteX88" fmla="*/ 2225615 w 3252161"/>
                <a:gd name="connsiteY88" fmla="*/ 534838 h 683077"/>
                <a:gd name="connsiteX89" fmla="*/ 2216989 w 3252161"/>
                <a:gd name="connsiteY89" fmla="*/ 526211 h 683077"/>
                <a:gd name="connsiteX90" fmla="*/ 2147978 w 3252161"/>
                <a:gd name="connsiteY90" fmla="*/ 521898 h 683077"/>
                <a:gd name="connsiteX91" fmla="*/ 2135038 w 3252161"/>
                <a:gd name="connsiteY91" fmla="*/ 526211 h 683077"/>
                <a:gd name="connsiteX92" fmla="*/ 2126412 w 3252161"/>
                <a:gd name="connsiteY92" fmla="*/ 534838 h 683077"/>
                <a:gd name="connsiteX93" fmla="*/ 2053087 w 3252161"/>
                <a:gd name="connsiteY93" fmla="*/ 539151 h 683077"/>
                <a:gd name="connsiteX94" fmla="*/ 2040148 w 3252161"/>
                <a:gd name="connsiteY94" fmla="*/ 543464 h 683077"/>
                <a:gd name="connsiteX95" fmla="*/ 2022895 w 3252161"/>
                <a:gd name="connsiteY95" fmla="*/ 560717 h 683077"/>
                <a:gd name="connsiteX96" fmla="*/ 2014268 w 3252161"/>
                <a:gd name="connsiteY96" fmla="*/ 569343 h 683077"/>
                <a:gd name="connsiteX97" fmla="*/ 2001329 w 3252161"/>
                <a:gd name="connsiteY97" fmla="*/ 573656 h 683077"/>
                <a:gd name="connsiteX98" fmla="*/ 1686464 w 3252161"/>
                <a:gd name="connsiteY98" fmla="*/ 569343 h 683077"/>
                <a:gd name="connsiteX99" fmla="*/ 1673525 w 3252161"/>
                <a:gd name="connsiteY99" fmla="*/ 565030 h 683077"/>
                <a:gd name="connsiteX100" fmla="*/ 1651959 w 3252161"/>
                <a:gd name="connsiteY100" fmla="*/ 552090 h 683077"/>
                <a:gd name="connsiteX101" fmla="*/ 1634706 w 3252161"/>
                <a:gd name="connsiteY101" fmla="*/ 530524 h 683077"/>
                <a:gd name="connsiteX102" fmla="*/ 1630393 w 3252161"/>
                <a:gd name="connsiteY102" fmla="*/ 517585 h 683077"/>
                <a:gd name="connsiteX103" fmla="*/ 1634706 w 3252161"/>
                <a:gd name="connsiteY103" fmla="*/ 504645 h 683077"/>
                <a:gd name="connsiteX104" fmla="*/ 1664898 w 3252161"/>
                <a:gd name="connsiteY104" fmla="*/ 491706 h 683077"/>
                <a:gd name="connsiteX105" fmla="*/ 1669212 w 3252161"/>
                <a:gd name="connsiteY105" fmla="*/ 478766 h 683077"/>
                <a:gd name="connsiteX106" fmla="*/ 1660585 w 3252161"/>
                <a:gd name="connsiteY106" fmla="*/ 470139 h 683077"/>
                <a:gd name="connsiteX107" fmla="*/ 1621766 w 3252161"/>
                <a:gd name="connsiteY107" fmla="*/ 465826 h 683077"/>
                <a:gd name="connsiteX108" fmla="*/ 1613140 w 3252161"/>
                <a:gd name="connsiteY108" fmla="*/ 452887 h 683077"/>
                <a:gd name="connsiteX109" fmla="*/ 1617453 w 3252161"/>
                <a:gd name="connsiteY109" fmla="*/ 427007 h 683077"/>
                <a:gd name="connsiteX110" fmla="*/ 1630393 w 3252161"/>
                <a:gd name="connsiteY110" fmla="*/ 383875 h 683077"/>
                <a:gd name="connsiteX111" fmla="*/ 1643332 w 3252161"/>
                <a:gd name="connsiteY111" fmla="*/ 370936 h 683077"/>
                <a:gd name="connsiteX112" fmla="*/ 1807234 w 3252161"/>
                <a:gd name="connsiteY112" fmla="*/ 375249 h 683077"/>
                <a:gd name="connsiteX113" fmla="*/ 1846053 w 3252161"/>
                <a:gd name="connsiteY113" fmla="*/ 388189 h 683077"/>
                <a:gd name="connsiteX114" fmla="*/ 1858993 w 3252161"/>
                <a:gd name="connsiteY114" fmla="*/ 392502 h 683077"/>
                <a:gd name="connsiteX115" fmla="*/ 1876246 w 3252161"/>
                <a:gd name="connsiteY115" fmla="*/ 431321 h 683077"/>
                <a:gd name="connsiteX116" fmla="*/ 1884872 w 3252161"/>
                <a:gd name="connsiteY116" fmla="*/ 465826 h 683077"/>
                <a:gd name="connsiteX117" fmla="*/ 1893498 w 3252161"/>
                <a:gd name="connsiteY117" fmla="*/ 474453 h 683077"/>
                <a:gd name="connsiteX118" fmla="*/ 1919378 w 3252161"/>
                <a:gd name="connsiteY118" fmla="*/ 504645 h 683077"/>
                <a:gd name="connsiteX119" fmla="*/ 1928004 w 3252161"/>
                <a:gd name="connsiteY119" fmla="*/ 513272 h 683077"/>
                <a:gd name="connsiteX120" fmla="*/ 1932317 w 3252161"/>
                <a:gd name="connsiteY120" fmla="*/ 526211 h 683077"/>
                <a:gd name="connsiteX121" fmla="*/ 1979763 w 3252161"/>
                <a:gd name="connsiteY121" fmla="*/ 526211 h 683077"/>
                <a:gd name="connsiteX122" fmla="*/ 1984076 w 3252161"/>
                <a:gd name="connsiteY122" fmla="*/ 508958 h 683077"/>
                <a:gd name="connsiteX123" fmla="*/ 2001329 w 3252161"/>
                <a:gd name="connsiteY123" fmla="*/ 487392 h 683077"/>
                <a:gd name="connsiteX124" fmla="*/ 2018581 w 3252161"/>
                <a:gd name="connsiteY124" fmla="*/ 491706 h 683077"/>
                <a:gd name="connsiteX125" fmla="*/ 2027208 w 3252161"/>
                <a:gd name="connsiteY125" fmla="*/ 500332 h 683077"/>
                <a:gd name="connsiteX126" fmla="*/ 2040148 w 3252161"/>
                <a:gd name="connsiteY126" fmla="*/ 508958 h 683077"/>
                <a:gd name="connsiteX127" fmla="*/ 2122098 w 3252161"/>
                <a:gd name="connsiteY127" fmla="*/ 504645 h 683077"/>
                <a:gd name="connsiteX128" fmla="*/ 2130725 w 3252161"/>
                <a:gd name="connsiteY128" fmla="*/ 496019 h 683077"/>
                <a:gd name="connsiteX129" fmla="*/ 2135038 w 3252161"/>
                <a:gd name="connsiteY129" fmla="*/ 461513 h 683077"/>
                <a:gd name="connsiteX130" fmla="*/ 2139351 w 3252161"/>
                <a:gd name="connsiteY130" fmla="*/ 439947 h 683077"/>
                <a:gd name="connsiteX131" fmla="*/ 2143664 w 3252161"/>
                <a:gd name="connsiteY131" fmla="*/ 427007 h 683077"/>
                <a:gd name="connsiteX132" fmla="*/ 2100532 w 3252161"/>
                <a:gd name="connsiteY132" fmla="*/ 418381 h 683077"/>
                <a:gd name="connsiteX133" fmla="*/ 2083280 w 3252161"/>
                <a:gd name="connsiteY133" fmla="*/ 414068 h 683077"/>
                <a:gd name="connsiteX134" fmla="*/ 2096219 w 3252161"/>
                <a:gd name="connsiteY134" fmla="*/ 409755 h 683077"/>
                <a:gd name="connsiteX135" fmla="*/ 2311880 w 3252161"/>
                <a:gd name="connsiteY135" fmla="*/ 401128 h 683077"/>
                <a:gd name="connsiteX136" fmla="*/ 2333446 w 3252161"/>
                <a:gd name="connsiteY136" fmla="*/ 388189 h 683077"/>
                <a:gd name="connsiteX137" fmla="*/ 2424023 w 3252161"/>
                <a:gd name="connsiteY137" fmla="*/ 375249 h 683077"/>
                <a:gd name="connsiteX138" fmla="*/ 2454215 w 3252161"/>
                <a:gd name="connsiteY138" fmla="*/ 366622 h 683077"/>
                <a:gd name="connsiteX139" fmla="*/ 2467155 w 3252161"/>
                <a:gd name="connsiteY139" fmla="*/ 362309 h 683077"/>
                <a:gd name="connsiteX140" fmla="*/ 2695755 w 3252161"/>
                <a:gd name="connsiteY140" fmla="*/ 353683 h 683077"/>
                <a:gd name="connsiteX141" fmla="*/ 2708695 w 3252161"/>
                <a:gd name="connsiteY141" fmla="*/ 349370 h 683077"/>
                <a:gd name="connsiteX142" fmla="*/ 2725948 w 3252161"/>
                <a:gd name="connsiteY142" fmla="*/ 332117 h 683077"/>
                <a:gd name="connsiteX143" fmla="*/ 2751827 w 3252161"/>
                <a:gd name="connsiteY143" fmla="*/ 323490 h 683077"/>
                <a:gd name="connsiteX144" fmla="*/ 2764766 w 3252161"/>
                <a:gd name="connsiteY144" fmla="*/ 319177 h 683077"/>
                <a:gd name="connsiteX145" fmla="*/ 2794959 w 3252161"/>
                <a:gd name="connsiteY145" fmla="*/ 306238 h 683077"/>
                <a:gd name="connsiteX146" fmla="*/ 2825151 w 3252161"/>
                <a:gd name="connsiteY146" fmla="*/ 297611 h 683077"/>
                <a:gd name="connsiteX147" fmla="*/ 2842404 w 3252161"/>
                <a:gd name="connsiteY147" fmla="*/ 293298 h 683077"/>
                <a:gd name="connsiteX148" fmla="*/ 2838091 w 3252161"/>
                <a:gd name="connsiteY148" fmla="*/ 271732 h 683077"/>
                <a:gd name="connsiteX149" fmla="*/ 2725948 w 3252161"/>
                <a:gd name="connsiteY149" fmla="*/ 276045 h 683077"/>
                <a:gd name="connsiteX150" fmla="*/ 2704381 w 3252161"/>
                <a:gd name="connsiteY150" fmla="*/ 280358 h 683077"/>
                <a:gd name="connsiteX151" fmla="*/ 2678502 w 3252161"/>
                <a:gd name="connsiteY151" fmla="*/ 284672 h 683077"/>
                <a:gd name="connsiteX152" fmla="*/ 2557732 w 3252161"/>
                <a:gd name="connsiteY152" fmla="*/ 288985 h 683077"/>
                <a:gd name="connsiteX153" fmla="*/ 2471468 w 3252161"/>
                <a:gd name="connsiteY153" fmla="*/ 293298 h 683077"/>
                <a:gd name="connsiteX154" fmla="*/ 2445589 w 3252161"/>
                <a:gd name="connsiteY154" fmla="*/ 301924 h 683077"/>
                <a:gd name="connsiteX155" fmla="*/ 2281687 w 3252161"/>
                <a:gd name="connsiteY155" fmla="*/ 310551 h 683077"/>
                <a:gd name="connsiteX156" fmla="*/ 2255808 w 3252161"/>
                <a:gd name="connsiteY156" fmla="*/ 314864 h 683077"/>
                <a:gd name="connsiteX157" fmla="*/ 2204049 w 3252161"/>
                <a:gd name="connsiteY157" fmla="*/ 319177 h 683077"/>
                <a:gd name="connsiteX158" fmla="*/ 2173857 w 3252161"/>
                <a:gd name="connsiteY158" fmla="*/ 327804 h 683077"/>
                <a:gd name="connsiteX159" fmla="*/ 2147978 w 3252161"/>
                <a:gd name="connsiteY159" fmla="*/ 340743 h 683077"/>
                <a:gd name="connsiteX160" fmla="*/ 2135038 w 3252161"/>
                <a:gd name="connsiteY160" fmla="*/ 349370 h 683077"/>
                <a:gd name="connsiteX161" fmla="*/ 2104846 w 3252161"/>
                <a:gd name="connsiteY161" fmla="*/ 357996 h 683077"/>
                <a:gd name="connsiteX162" fmla="*/ 2091906 w 3252161"/>
                <a:gd name="connsiteY162" fmla="*/ 362309 h 683077"/>
                <a:gd name="connsiteX163" fmla="*/ 1940944 w 3252161"/>
                <a:gd name="connsiteY163" fmla="*/ 357996 h 683077"/>
                <a:gd name="connsiteX164" fmla="*/ 1915064 w 3252161"/>
                <a:gd name="connsiteY164" fmla="*/ 349370 h 683077"/>
                <a:gd name="connsiteX165" fmla="*/ 1880559 w 3252161"/>
                <a:gd name="connsiteY165" fmla="*/ 332117 h 683077"/>
                <a:gd name="connsiteX166" fmla="*/ 1867619 w 3252161"/>
                <a:gd name="connsiteY166" fmla="*/ 327804 h 683077"/>
                <a:gd name="connsiteX167" fmla="*/ 1397480 w 3252161"/>
                <a:gd name="connsiteY167" fmla="*/ 332117 h 683077"/>
                <a:gd name="connsiteX168" fmla="*/ 1337095 w 3252161"/>
                <a:gd name="connsiteY168" fmla="*/ 345056 h 683077"/>
                <a:gd name="connsiteX169" fmla="*/ 1328468 w 3252161"/>
                <a:gd name="connsiteY169" fmla="*/ 353683 h 683077"/>
                <a:gd name="connsiteX170" fmla="*/ 1315529 w 3252161"/>
                <a:gd name="connsiteY170" fmla="*/ 357996 h 683077"/>
                <a:gd name="connsiteX171" fmla="*/ 1220638 w 3252161"/>
                <a:gd name="connsiteY171" fmla="*/ 362309 h 683077"/>
                <a:gd name="connsiteX172" fmla="*/ 1155940 w 3252161"/>
                <a:gd name="connsiteY172" fmla="*/ 370936 h 683077"/>
                <a:gd name="connsiteX173" fmla="*/ 1073989 w 3252161"/>
                <a:gd name="connsiteY173" fmla="*/ 379562 h 683077"/>
                <a:gd name="connsiteX174" fmla="*/ 1035170 w 3252161"/>
                <a:gd name="connsiteY174" fmla="*/ 388189 h 683077"/>
                <a:gd name="connsiteX175" fmla="*/ 1000664 w 3252161"/>
                <a:gd name="connsiteY175" fmla="*/ 392502 h 683077"/>
                <a:gd name="connsiteX176" fmla="*/ 776378 w 3252161"/>
                <a:gd name="connsiteY176" fmla="*/ 396815 h 683077"/>
                <a:gd name="connsiteX177" fmla="*/ 595223 w 3252161"/>
                <a:gd name="connsiteY177" fmla="*/ 396815 h 683077"/>
                <a:gd name="connsiteX178" fmla="*/ 569344 w 3252161"/>
                <a:gd name="connsiteY178" fmla="*/ 388189 h 683077"/>
                <a:gd name="connsiteX179" fmla="*/ 590910 w 3252161"/>
                <a:gd name="connsiteY179" fmla="*/ 375249 h 683077"/>
                <a:gd name="connsiteX180" fmla="*/ 603849 w 3252161"/>
                <a:gd name="connsiteY180" fmla="*/ 370936 h 683077"/>
                <a:gd name="connsiteX181" fmla="*/ 715993 w 3252161"/>
                <a:gd name="connsiteY181" fmla="*/ 366622 h 683077"/>
                <a:gd name="connsiteX182" fmla="*/ 733246 w 3252161"/>
                <a:gd name="connsiteY182" fmla="*/ 345056 h 683077"/>
                <a:gd name="connsiteX183" fmla="*/ 746185 w 3252161"/>
                <a:gd name="connsiteY183" fmla="*/ 332117 h 683077"/>
                <a:gd name="connsiteX184" fmla="*/ 772064 w 3252161"/>
                <a:gd name="connsiteY184" fmla="*/ 314864 h 683077"/>
                <a:gd name="connsiteX185" fmla="*/ 914400 w 3252161"/>
                <a:gd name="connsiteY185" fmla="*/ 306238 h 683077"/>
                <a:gd name="connsiteX186" fmla="*/ 927340 w 3252161"/>
                <a:gd name="connsiteY186" fmla="*/ 280358 h 683077"/>
                <a:gd name="connsiteX187" fmla="*/ 923027 w 3252161"/>
                <a:gd name="connsiteY187" fmla="*/ 263106 h 683077"/>
                <a:gd name="connsiteX188" fmla="*/ 897148 w 3252161"/>
                <a:gd name="connsiteY188" fmla="*/ 254479 h 683077"/>
                <a:gd name="connsiteX189" fmla="*/ 884208 w 3252161"/>
                <a:gd name="connsiteY189" fmla="*/ 250166 h 683077"/>
                <a:gd name="connsiteX190" fmla="*/ 875581 w 3252161"/>
                <a:gd name="connsiteY190" fmla="*/ 241539 h 683077"/>
                <a:gd name="connsiteX191" fmla="*/ 862642 w 3252161"/>
                <a:gd name="connsiteY191" fmla="*/ 237226 h 683077"/>
                <a:gd name="connsiteX192" fmla="*/ 759125 w 3252161"/>
                <a:gd name="connsiteY192" fmla="*/ 241539 h 683077"/>
                <a:gd name="connsiteX193" fmla="*/ 724619 w 3252161"/>
                <a:gd name="connsiteY193" fmla="*/ 245853 h 683077"/>
                <a:gd name="connsiteX194" fmla="*/ 698740 w 3252161"/>
                <a:gd name="connsiteY194" fmla="*/ 254479 h 683077"/>
                <a:gd name="connsiteX195" fmla="*/ 517585 w 3252161"/>
                <a:gd name="connsiteY195" fmla="*/ 258792 h 683077"/>
                <a:gd name="connsiteX196" fmla="*/ 431321 w 3252161"/>
                <a:gd name="connsiteY196" fmla="*/ 271732 h 683077"/>
                <a:gd name="connsiteX197" fmla="*/ 392502 w 3252161"/>
                <a:gd name="connsiteY197" fmla="*/ 276045 h 683077"/>
                <a:gd name="connsiteX198" fmla="*/ 73325 w 3252161"/>
                <a:gd name="connsiteY198" fmla="*/ 271732 h 683077"/>
                <a:gd name="connsiteX199" fmla="*/ 64698 w 3252161"/>
                <a:gd name="connsiteY199" fmla="*/ 263106 h 683077"/>
                <a:gd name="connsiteX200" fmla="*/ 60385 w 3252161"/>
                <a:gd name="connsiteY200" fmla="*/ 232913 h 683077"/>
                <a:gd name="connsiteX201" fmla="*/ 51759 w 3252161"/>
                <a:gd name="connsiteY201" fmla="*/ 207034 h 683077"/>
                <a:gd name="connsiteX202" fmla="*/ 56072 w 3252161"/>
                <a:gd name="connsiteY202" fmla="*/ 163902 h 683077"/>
                <a:gd name="connsiteX203" fmla="*/ 69012 w 3252161"/>
                <a:gd name="connsiteY203" fmla="*/ 159589 h 683077"/>
                <a:gd name="connsiteX204" fmla="*/ 237227 w 3252161"/>
                <a:gd name="connsiteY204" fmla="*/ 155275 h 683077"/>
                <a:gd name="connsiteX205" fmla="*/ 288985 w 3252161"/>
                <a:gd name="connsiteY205" fmla="*/ 138022 h 683077"/>
                <a:gd name="connsiteX206" fmla="*/ 301925 w 3252161"/>
                <a:gd name="connsiteY206" fmla="*/ 133709 h 683077"/>
                <a:gd name="connsiteX207" fmla="*/ 444261 w 3252161"/>
                <a:gd name="connsiteY207" fmla="*/ 129396 h 683077"/>
                <a:gd name="connsiteX208" fmla="*/ 418381 w 3252161"/>
                <a:gd name="connsiteY208" fmla="*/ 120770 h 683077"/>
                <a:gd name="connsiteX209" fmla="*/ 396815 w 3252161"/>
                <a:gd name="connsiteY209" fmla="*/ 107830 h 683077"/>
                <a:gd name="connsiteX210" fmla="*/ 388189 w 3252161"/>
                <a:gd name="connsiteY210" fmla="*/ 73324 h 683077"/>
                <a:gd name="connsiteX211" fmla="*/ 379563 w 3252161"/>
                <a:gd name="connsiteY211" fmla="*/ 60385 h 683077"/>
                <a:gd name="connsiteX212" fmla="*/ 370936 w 3252161"/>
                <a:gd name="connsiteY212" fmla="*/ 51758 h 683077"/>
                <a:gd name="connsiteX213" fmla="*/ 345057 w 3252161"/>
                <a:gd name="connsiteY213" fmla="*/ 43132 h 683077"/>
                <a:gd name="connsiteX214" fmla="*/ 332117 w 3252161"/>
                <a:gd name="connsiteY214" fmla="*/ 38819 h 683077"/>
                <a:gd name="connsiteX215" fmla="*/ 323491 w 3252161"/>
                <a:gd name="connsiteY215" fmla="*/ 30192 h 683077"/>
                <a:gd name="connsiteX216" fmla="*/ 327804 w 3252161"/>
                <a:gd name="connsiteY216" fmla="*/ 17253 h 683077"/>
                <a:gd name="connsiteX217" fmla="*/ 280359 w 3252161"/>
                <a:gd name="connsiteY217" fmla="*/ 12939 h 683077"/>
                <a:gd name="connsiteX218" fmla="*/ 228600 w 3252161"/>
                <a:gd name="connsiteY218" fmla="*/ 17253 h 683077"/>
                <a:gd name="connsiteX219" fmla="*/ 202721 w 3252161"/>
                <a:gd name="connsiteY219" fmla="*/ 25879 h 683077"/>
                <a:gd name="connsiteX220" fmla="*/ 107831 w 3252161"/>
                <a:gd name="connsiteY220" fmla="*/ 21566 h 683077"/>
                <a:gd name="connsiteX221" fmla="*/ 103517 w 3252161"/>
                <a:gd name="connsiteY221" fmla="*/ 4313 h 683077"/>
                <a:gd name="connsiteX222" fmla="*/ 34506 w 3252161"/>
                <a:gd name="connsiteY222" fmla="*/ 8626 h 683077"/>
                <a:gd name="connsiteX223" fmla="*/ 12940 w 3252161"/>
                <a:gd name="connsiteY223" fmla="*/ 12939 h 683077"/>
                <a:gd name="connsiteX224" fmla="*/ 0 w 3252161"/>
                <a:gd name="connsiteY224" fmla="*/ 0 h 683077"/>
                <a:gd name="connsiteX225" fmla="*/ 34506 w 3252161"/>
                <a:gd name="connsiteY22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26876 w 3252161"/>
                <a:gd name="connsiteY38" fmla="*/ 517585 h 683077"/>
                <a:gd name="connsiteX39" fmla="*/ 1483744 w 3252161"/>
                <a:gd name="connsiteY39" fmla="*/ 521898 h 683077"/>
                <a:gd name="connsiteX40" fmla="*/ 1496683 w 3252161"/>
                <a:gd name="connsiteY40" fmla="*/ 530524 h 683077"/>
                <a:gd name="connsiteX41" fmla="*/ 1548442 w 3252161"/>
                <a:gd name="connsiteY41" fmla="*/ 543464 h 683077"/>
                <a:gd name="connsiteX42" fmla="*/ 1570008 w 3252161"/>
                <a:gd name="connsiteY42" fmla="*/ 560717 h 683077"/>
                <a:gd name="connsiteX43" fmla="*/ 1595887 w 3252161"/>
                <a:gd name="connsiteY43" fmla="*/ 577970 h 683077"/>
                <a:gd name="connsiteX44" fmla="*/ 1604514 w 3252161"/>
                <a:gd name="connsiteY44" fmla="*/ 586596 h 683077"/>
                <a:gd name="connsiteX45" fmla="*/ 1742536 w 3252161"/>
                <a:gd name="connsiteY45" fmla="*/ 590909 h 683077"/>
                <a:gd name="connsiteX46" fmla="*/ 1979763 w 3252161"/>
                <a:gd name="connsiteY46" fmla="*/ 599536 h 683077"/>
                <a:gd name="connsiteX47" fmla="*/ 2001329 w 3252161"/>
                <a:gd name="connsiteY47" fmla="*/ 603849 h 683077"/>
                <a:gd name="connsiteX48" fmla="*/ 2031521 w 3252161"/>
                <a:gd name="connsiteY48" fmla="*/ 608162 h 683077"/>
                <a:gd name="connsiteX49" fmla="*/ 2286000 w 3252161"/>
                <a:gd name="connsiteY49" fmla="*/ 608162 h 683077"/>
                <a:gd name="connsiteX50" fmla="*/ 2311880 w 3252161"/>
                <a:gd name="connsiteY50" fmla="*/ 599536 h 683077"/>
                <a:gd name="connsiteX51" fmla="*/ 2333446 w 3252161"/>
                <a:gd name="connsiteY51" fmla="*/ 595222 h 683077"/>
                <a:gd name="connsiteX52" fmla="*/ 2467155 w 3252161"/>
                <a:gd name="connsiteY52" fmla="*/ 599536 h 683077"/>
                <a:gd name="connsiteX53" fmla="*/ 2484408 w 3252161"/>
                <a:gd name="connsiteY53" fmla="*/ 603849 h 683077"/>
                <a:gd name="connsiteX54" fmla="*/ 2566359 w 3252161"/>
                <a:gd name="connsiteY54" fmla="*/ 608162 h 683077"/>
                <a:gd name="connsiteX55" fmla="*/ 2609491 w 3252161"/>
                <a:gd name="connsiteY55" fmla="*/ 616789 h 683077"/>
                <a:gd name="connsiteX56" fmla="*/ 2626744 w 3252161"/>
                <a:gd name="connsiteY56" fmla="*/ 621102 h 683077"/>
                <a:gd name="connsiteX57" fmla="*/ 2665563 w 3252161"/>
                <a:gd name="connsiteY57" fmla="*/ 638355 h 683077"/>
                <a:gd name="connsiteX58" fmla="*/ 2704381 w 3252161"/>
                <a:gd name="connsiteY58" fmla="*/ 655607 h 683077"/>
                <a:gd name="connsiteX59" fmla="*/ 2717321 w 3252161"/>
                <a:gd name="connsiteY59" fmla="*/ 664234 h 683077"/>
                <a:gd name="connsiteX60" fmla="*/ 2954548 w 3252161"/>
                <a:gd name="connsiteY60" fmla="*/ 655607 h 683077"/>
                <a:gd name="connsiteX61" fmla="*/ 3148642 w 3252161"/>
                <a:gd name="connsiteY61" fmla="*/ 655607 h 683077"/>
                <a:gd name="connsiteX62" fmla="*/ 3187461 w 3252161"/>
                <a:gd name="connsiteY62" fmla="*/ 642668 h 683077"/>
                <a:gd name="connsiteX63" fmla="*/ 3226280 w 3252161"/>
                <a:gd name="connsiteY63" fmla="*/ 638355 h 683077"/>
                <a:gd name="connsiteX64" fmla="*/ 3221966 w 3252161"/>
                <a:gd name="connsiteY64" fmla="*/ 616789 h 683077"/>
                <a:gd name="connsiteX65" fmla="*/ 3200400 w 3252161"/>
                <a:gd name="connsiteY65" fmla="*/ 599536 h 683077"/>
                <a:gd name="connsiteX66" fmla="*/ 3174521 w 3252161"/>
                <a:gd name="connsiteY66" fmla="*/ 590909 h 683077"/>
                <a:gd name="connsiteX67" fmla="*/ 2915729 w 3252161"/>
                <a:gd name="connsiteY67" fmla="*/ 595222 h 683077"/>
                <a:gd name="connsiteX68" fmla="*/ 2829464 w 3252161"/>
                <a:gd name="connsiteY68" fmla="*/ 586596 h 683077"/>
                <a:gd name="connsiteX69" fmla="*/ 2820838 w 3252161"/>
                <a:gd name="connsiteY69" fmla="*/ 573656 h 683077"/>
                <a:gd name="connsiteX70" fmla="*/ 2851031 w 3252161"/>
                <a:gd name="connsiteY70" fmla="*/ 543464 h 683077"/>
                <a:gd name="connsiteX71" fmla="*/ 3075317 w 3252161"/>
                <a:gd name="connsiteY71" fmla="*/ 539151 h 683077"/>
                <a:gd name="connsiteX72" fmla="*/ 3088257 w 3252161"/>
                <a:gd name="connsiteY72" fmla="*/ 534838 h 683077"/>
                <a:gd name="connsiteX73" fmla="*/ 3105510 w 3252161"/>
                <a:gd name="connsiteY73" fmla="*/ 517585 h 683077"/>
                <a:gd name="connsiteX74" fmla="*/ 3178834 w 3252161"/>
                <a:gd name="connsiteY74" fmla="*/ 504645 h 683077"/>
                <a:gd name="connsiteX75" fmla="*/ 3187461 w 3252161"/>
                <a:gd name="connsiteY75" fmla="*/ 496019 h 683077"/>
                <a:gd name="connsiteX76" fmla="*/ 3191774 w 3252161"/>
                <a:gd name="connsiteY76" fmla="*/ 483079 h 683077"/>
                <a:gd name="connsiteX77" fmla="*/ 3204714 w 3252161"/>
                <a:gd name="connsiteY77" fmla="*/ 478766 h 683077"/>
                <a:gd name="connsiteX78" fmla="*/ 3196087 w 3252161"/>
                <a:gd name="connsiteY78" fmla="*/ 470139 h 683077"/>
                <a:gd name="connsiteX79" fmla="*/ 2846717 w 3252161"/>
                <a:gd name="connsiteY79" fmla="*/ 478766 h 683077"/>
                <a:gd name="connsiteX80" fmla="*/ 2820838 w 3252161"/>
                <a:gd name="connsiteY80" fmla="*/ 487392 h 683077"/>
                <a:gd name="connsiteX81" fmla="*/ 2807898 w 3252161"/>
                <a:gd name="connsiteY81" fmla="*/ 496019 h 683077"/>
                <a:gd name="connsiteX82" fmla="*/ 2743200 w 3252161"/>
                <a:gd name="connsiteY82" fmla="*/ 500332 h 683077"/>
                <a:gd name="connsiteX83" fmla="*/ 2691442 w 3252161"/>
                <a:gd name="connsiteY83" fmla="*/ 517585 h 683077"/>
                <a:gd name="connsiteX84" fmla="*/ 2678502 w 3252161"/>
                <a:gd name="connsiteY84" fmla="*/ 521898 h 683077"/>
                <a:gd name="connsiteX85" fmla="*/ 2540480 w 3252161"/>
                <a:gd name="connsiteY85" fmla="*/ 530524 h 683077"/>
                <a:gd name="connsiteX86" fmla="*/ 2303253 w 3252161"/>
                <a:gd name="connsiteY86" fmla="*/ 539151 h 683077"/>
                <a:gd name="connsiteX87" fmla="*/ 2225615 w 3252161"/>
                <a:gd name="connsiteY87" fmla="*/ 534838 h 683077"/>
                <a:gd name="connsiteX88" fmla="*/ 2216989 w 3252161"/>
                <a:gd name="connsiteY88" fmla="*/ 526211 h 683077"/>
                <a:gd name="connsiteX89" fmla="*/ 2147978 w 3252161"/>
                <a:gd name="connsiteY89" fmla="*/ 521898 h 683077"/>
                <a:gd name="connsiteX90" fmla="*/ 2135038 w 3252161"/>
                <a:gd name="connsiteY90" fmla="*/ 526211 h 683077"/>
                <a:gd name="connsiteX91" fmla="*/ 2126412 w 3252161"/>
                <a:gd name="connsiteY91" fmla="*/ 534838 h 683077"/>
                <a:gd name="connsiteX92" fmla="*/ 2053087 w 3252161"/>
                <a:gd name="connsiteY92" fmla="*/ 539151 h 683077"/>
                <a:gd name="connsiteX93" fmla="*/ 2040148 w 3252161"/>
                <a:gd name="connsiteY93" fmla="*/ 543464 h 683077"/>
                <a:gd name="connsiteX94" fmla="*/ 2022895 w 3252161"/>
                <a:gd name="connsiteY94" fmla="*/ 560717 h 683077"/>
                <a:gd name="connsiteX95" fmla="*/ 2014268 w 3252161"/>
                <a:gd name="connsiteY95" fmla="*/ 569343 h 683077"/>
                <a:gd name="connsiteX96" fmla="*/ 2001329 w 3252161"/>
                <a:gd name="connsiteY96" fmla="*/ 573656 h 683077"/>
                <a:gd name="connsiteX97" fmla="*/ 1686464 w 3252161"/>
                <a:gd name="connsiteY97" fmla="*/ 569343 h 683077"/>
                <a:gd name="connsiteX98" fmla="*/ 1673525 w 3252161"/>
                <a:gd name="connsiteY98" fmla="*/ 565030 h 683077"/>
                <a:gd name="connsiteX99" fmla="*/ 1651959 w 3252161"/>
                <a:gd name="connsiteY99" fmla="*/ 552090 h 683077"/>
                <a:gd name="connsiteX100" fmla="*/ 1634706 w 3252161"/>
                <a:gd name="connsiteY100" fmla="*/ 530524 h 683077"/>
                <a:gd name="connsiteX101" fmla="*/ 1630393 w 3252161"/>
                <a:gd name="connsiteY101" fmla="*/ 517585 h 683077"/>
                <a:gd name="connsiteX102" fmla="*/ 1634706 w 3252161"/>
                <a:gd name="connsiteY102" fmla="*/ 504645 h 683077"/>
                <a:gd name="connsiteX103" fmla="*/ 1664898 w 3252161"/>
                <a:gd name="connsiteY103" fmla="*/ 491706 h 683077"/>
                <a:gd name="connsiteX104" fmla="*/ 1669212 w 3252161"/>
                <a:gd name="connsiteY104" fmla="*/ 478766 h 683077"/>
                <a:gd name="connsiteX105" fmla="*/ 1660585 w 3252161"/>
                <a:gd name="connsiteY105" fmla="*/ 470139 h 683077"/>
                <a:gd name="connsiteX106" fmla="*/ 1621766 w 3252161"/>
                <a:gd name="connsiteY106" fmla="*/ 465826 h 683077"/>
                <a:gd name="connsiteX107" fmla="*/ 1613140 w 3252161"/>
                <a:gd name="connsiteY107" fmla="*/ 452887 h 683077"/>
                <a:gd name="connsiteX108" fmla="*/ 1617453 w 3252161"/>
                <a:gd name="connsiteY108" fmla="*/ 427007 h 683077"/>
                <a:gd name="connsiteX109" fmla="*/ 1630393 w 3252161"/>
                <a:gd name="connsiteY109" fmla="*/ 383875 h 683077"/>
                <a:gd name="connsiteX110" fmla="*/ 1643332 w 3252161"/>
                <a:gd name="connsiteY110" fmla="*/ 370936 h 683077"/>
                <a:gd name="connsiteX111" fmla="*/ 1807234 w 3252161"/>
                <a:gd name="connsiteY111" fmla="*/ 375249 h 683077"/>
                <a:gd name="connsiteX112" fmla="*/ 1846053 w 3252161"/>
                <a:gd name="connsiteY112" fmla="*/ 388189 h 683077"/>
                <a:gd name="connsiteX113" fmla="*/ 1858993 w 3252161"/>
                <a:gd name="connsiteY113" fmla="*/ 392502 h 683077"/>
                <a:gd name="connsiteX114" fmla="*/ 1876246 w 3252161"/>
                <a:gd name="connsiteY114" fmla="*/ 431321 h 683077"/>
                <a:gd name="connsiteX115" fmla="*/ 1884872 w 3252161"/>
                <a:gd name="connsiteY115" fmla="*/ 465826 h 683077"/>
                <a:gd name="connsiteX116" fmla="*/ 1893498 w 3252161"/>
                <a:gd name="connsiteY116" fmla="*/ 474453 h 683077"/>
                <a:gd name="connsiteX117" fmla="*/ 1919378 w 3252161"/>
                <a:gd name="connsiteY117" fmla="*/ 504645 h 683077"/>
                <a:gd name="connsiteX118" fmla="*/ 1928004 w 3252161"/>
                <a:gd name="connsiteY118" fmla="*/ 513272 h 683077"/>
                <a:gd name="connsiteX119" fmla="*/ 1932317 w 3252161"/>
                <a:gd name="connsiteY119" fmla="*/ 526211 h 683077"/>
                <a:gd name="connsiteX120" fmla="*/ 1979763 w 3252161"/>
                <a:gd name="connsiteY120" fmla="*/ 526211 h 683077"/>
                <a:gd name="connsiteX121" fmla="*/ 1984076 w 3252161"/>
                <a:gd name="connsiteY121" fmla="*/ 508958 h 683077"/>
                <a:gd name="connsiteX122" fmla="*/ 2001329 w 3252161"/>
                <a:gd name="connsiteY122" fmla="*/ 487392 h 683077"/>
                <a:gd name="connsiteX123" fmla="*/ 2018581 w 3252161"/>
                <a:gd name="connsiteY123" fmla="*/ 491706 h 683077"/>
                <a:gd name="connsiteX124" fmla="*/ 2027208 w 3252161"/>
                <a:gd name="connsiteY124" fmla="*/ 500332 h 683077"/>
                <a:gd name="connsiteX125" fmla="*/ 2040148 w 3252161"/>
                <a:gd name="connsiteY125" fmla="*/ 508958 h 683077"/>
                <a:gd name="connsiteX126" fmla="*/ 2122098 w 3252161"/>
                <a:gd name="connsiteY126" fmla="*/ 504645 h 683077"/>
                <a:gd name="connsiteX127" fmla="*/ 2130725 w 3252161"/>
                <a:gd name="connsiteY127" fmla="*/ 496019 h 683077"/>
                <a:gd name="connsiteX128" fmla="*/ 2135038 w 3252161"/>
                <a:gd name="connsiteY128" fmla="*/ 461513 h 683077"/>
                <a:gd name="connsiteX129" fmla="*/ 2139351 w 3252161"/>
                <a:gd name="connsiteY129" fmla="*/ 439947 h 683077"/>
                <a:gd name="connsiteX130" fmla="*/ 2143664 w 3252161"/>
                <a:gd name="connsiteY130" fmla="*/ 427007 h 683077"/>
                <a:gd name="connsiteX131" fmla="*/ 2100532 w 3252161"/>
                <a:gd name="connsiteY131" fmla="*/ 418381 h 683077"/>
                <a:gd name="connsiteX132" fmla="*/ 2083280 w 3252161"/>
                <a:gd name="connsiteY132" fmla="*/ 414068 h 683077"/>
                <a:gd name="connsiteX133" fmla="*/ 2096219 w 3252161"/>
                <a:gd name="connsiteY133" fmla="*/ 409755 h 683077"/>
                <a:gd name="connsiteX134" fmla="*/ 2311880 w 3252161"/>
                <a:gd name="connsiteY134" fmla="*/ 401128 h 683077"/>
                <a:gd name="connsiteX135" fmla="*/ 2333446 w 3252161"/>
                <a:gd name="connsiteY135" fmla="*/ 388189 h 683077"/>
                <a:gd name="connsiteX136" fmla="*/ 2424023 w 3252161"/>
                <a:gd name="connsiteY136" fmla="*/ 375249 h 683077"/>
                <a:gd name="connsiteX137" fmla="*/ 2454215 w 3252161"/>
                <a:gd name="connsiteY137" fmla="*/ 366622 h 683077"/>
                <a:gd name="connsiteX138" fmla="*/ 2467155 w 3252161"/>
                <a:gd name="connsiteY138" fmla="*/ 362309 h 683077"/>
                <a:gd name="connsiteX139" fmla="*/ 2695755 w 3252161"/>
                <a:gd name="connsiteY139" fmla="*/ 353683 h 683077"/>
                <a:gd name="connsiteX140" fmla="*/ 2708695 w 3252161"/>
                <a:gd name="connsiteY140" fmla="*/ 349370 h 683077"/>
                <a:gd name="connsiteX141" fmla="*/ 2725948 w 3252161"/>
                <a:gd name="connsiteY141" fmla="*/ 332117 h 683077"/>
                <a:gd name="connsiteX142" fmla="*/ 2751827 w 3252161"/>
                <a:gd name="connsiteY142" fmla="*/ 323490 h 683077"/>
                <a:gd name="connsiteX143" fmla="*/ 2764766 w 3252161"/>
                <a:gd name="connsiteY143" fmla="*/ 319177 h 683077"/>
                <a:gd name="connsiteX144" fmla="*/ 2794959 w 3252161"/>
                <a:gd name="connsiteY144" fmla="*/ 306238 h 683077"/>
                <a:gd name="connsiteX145" fmla="*/ 2825151 w 3252161"/>
                <a:gd name="connsiteY145" fmla="*/ 297611 h 683077"/>
                <a:gd name="connsiteX146" fmla="*/ 2842404 w 3252161"/>
                <a:gd name="connsiteY146" fmla="*/ 293298 h 683077"/>
                <a:gd name="connsiteX147" fmla="*/ 2838091 w 3252161"/>
                <a:gd name="connsiteY147" fmla="*/ 271732 h 683077"/>
                <a:gd name="connsiteX148" fmla="*/ 2725948 w 3252161"/>
                <a:gd name="connsiteY148" fmla="*/ 276045 h 683077"/>
                <a:gd name="connsiteX149" fmla="*/ 2704381 w 3252161"/>
                <a:gd name="connsiteY149" fmla="*/ 280358 h 683077"/>
                <a:gd name="connsiteX150" fmla="*/ 2678502 w 3252161"/>
                <a:gd name="connsiteY150" fmla="*/ 284672 h 683077"/>
                <a:gd name="connsiteX151" fmla="*/ 2557732 w 3252161"/>
                <a:gd name="connsiteY151" fmla="*/ 288985 h 683077"/>
                <a:gd name="connsiteX152" fmla="*/ 2471468 w 3252161"/>
                <a:gd name="connsiteY152" fmla="*/ 293298 h 683077"/>
                <a:gd name="connsiteX153" fmla="*/ 2445589 w 3252161"/>
                <a:gd name="connsiteY153" fmla="*/ 301924 h 683077"/>
                <a:gd name="connsiteX154" fmla="*/ 2281687 w 3252161"/>
                <a:gd name="connsiteY154" fmla="*/ 310551 h 683077"/>
                <a:gd name="connsiteX155" fmla="*/ 2255808 w 3252161"/>
                <a:gd name="connsiteY155" fmla="*/ 314864 h 683077"/>
                <a:gd name="connsiteX156" fmla="*/ 2204049 w 3252161"/>
                <a:gd name="connsiteY156" fmla="*/ 319177 h 683077"/>
                <a:gd name="connsiteX157" fmla="*/ 2173857 w 3252161"/>
                <a:gd name="connsiteY157" fmla="*/ 327804 h 683077"/>
                <a:gd name="connsiteX158" fmla="*/ 2147978 w 3252161"/>
                <a:gd name="connsiteY158" fmla="*/ 340743 h 683077"/>
                <a:gd name="connsiteX159" fmla="*/ 2135038 w 3252161"/>
                <a:gd name="connsiteY159" fmla="*/ 349370 h 683077"/>
                <a:gd name="connsiteX160" fmla="*/ 2104846 w 3252161"/>
                <a:gd name="connsiteY160" fmla="*/ 357996 h 683077"/>
                <a:gd name="connsiteX161" fmla="*/ 2091906 w 3252161"/>
                <a:gd name="connsiteY161" fmla="*/ 362309 h 683077"/>
                <a:gd name="connsiteX162" fmla="*/ 1940944 w 3252161"/>
                <a:gd name="connsiteY162" fmla="*/ 357996 h 683077"/>
                <a:gd name="connsiteX163" fmla="*/ 1915064 w 3252161"/>
                <a:gd name="connsiteY163" fmla="*/ 349370 h 683077"/>
                <a:gd name="connsiteX164" fmla="*/ 1880559 w 3252161"/>
                <a:gd name="connsiteY164" fmla="*/ 332117 h 683077"/>
                <a:gd name="connsiteX165" fmla="*/ 1867619 w 3252161"/>
                <a:gd name="connsiteY165" fmla="*/ 327804 h 683077"/>
                <a:gd name="connsiteX166" fmla="*/ 1397480 w 3252161"/>
                <a:gd name="connsiteY166" fmla="*/ 332117 h 683077"/>
                <a:gd name="connsiteX167" fmla="*/ 1337095 w 3252161"/>
                <a:gd name="connsiteY167" fmla="*/ 345056 h 683077"/>
                <a:gd name="connsiteX168" fmla="*/ 1328468 w 3252161"/>
                <a:gd name="connsiteY168" fmla="*/ 353683 h 683077"/>
                <a:gd name="connsiteX169" fmla="*/ 1315529 w 3252161"/>
                <a:gd name="connsiteY169" fmla="*/ 357996 h 683077"/>
                <a:gd name="connsiteX170" fmla="*/ 1220638 w 3252161"/>
                <a:gd name="connsiteY170" fmla="*/ 362309 h 683077"/>
                <a:gd name="connsiteX171" fmla="*/ 1155940 w 3252161"/>
                <a:gd name="connsiteY171" fmla="*/ 370936 h 683077"/>
                <a:gd name="connsiteX172" fmla="*/ 1073989 w 3252161"/>
                <a:gd name="connsiteY172" fmla="*/ 379562 h 683077"/>
                <a:gd name="connsiteX173" fmla="*/ 1035170 w 3252161"/>
                <a:gd name="connsiteY173" fmla="*/ 388189 h 683077"/>
                <a:gd name="connsiteX174" fmla="*/ 1000664 w 3252161"/>
                <a:gd name="connsiteY174" fmla="*/ 392502 h 683077"/>
                <a:gd name="connsiteX175" fmla="*/ 776378 w 3252161"/>
                <a:gd name="connsiteY175" fmla="*/ 396815 h 683077"/>
                <a:gd name="connsiteX176" fmla="*/ 595223 w 3252161"/>
                <a:gd name="connsiteY176" fmla="*/ 396815 h 683077"/>
                <a:gd name="connsiteX177" fmla="*/ 569344 w 3252161"/>
                <a:gd name="connsiteY177" fmla="*/ 388189 h 683077"/>
                <a:gd name="connsiteX178" fmla="*/ 590910 w 3252161"/>
                <a:gd name="connsiteY178" fmla="*/ 375249 h 683077"/>
                <a:gd name="connsiteX179" fmla="*/ 603849 w 3252161"/>
                <a:gd name="connsiteY179" fmla="*/ 370936 h 683077"/>
                <a:gd name="connsiteX180" fmla="*/ 715993 w 3252161"/>
                <a:gd name="connsiteY180" fmla="*/ 366622 h 683077"/>
                <a:gd name="connsiteX181" fmla="*/ 733246 w 3252161"/>
                <a:gd name="connsiteY181" fmla="*/ 345056 h 683077"/>
                <a:gd name="connsiteX182" fmla="*/ 746185 w 3252161"/>
                <a:gd name="connsiteY182" fmla="*/ 332117 h 683077"/>
                <a:gd name="connsiteX183" fmla="*/ 772064 w 3252161"/>
                <a:gd name="connsiteY183" fmla="*/ 314864 h 683077"/>
                <a:gd name="connsiteX184" fmla="*/ 914400 w 3252161"/>
                <a:gd name="connsiteY184" fmla="*/ 306238 h 683077"/>
                <a:gd name="connsiteX185" fmla="*/ 927340 w 3252161"/>
                <a:gd name="connsiteY185" fmla="*/ 280358 h 683077"/>
                <a:gd name="connsiteX186" fmla="*/ 923027 w 3252161"/>
                <a:gd name="connsiteY186" fmla="*/ 263106 h 683077"/>
                <a:gd name="connsiteX187" fmla="*/ 897148 w 3252161"/>
                <a:gd name="connsiteY187" fmla="*/ 254479 h 683077"/>
                <a:gd name="connsiteX188" fmla="*/ 884208 w 3252161"/>
                <a:gd name="connsiteY188" fmla="*/ 250166 h 683077"/>
                <a:gd name="connsiteX189" fmla="*/ 875581 w 3252161"/>
                <a:gd name="connsiteY189" fmla="*/ 241539 h 683077"/>
                <a:gd name="connsiteX190" fmla="*/ 862642 w 3252161"/>
                <a:gd name="connsiteY190" fmla="*/ 237226 h 683077"/>
                <a:gd name="connsiteX191" fmla="*/ 759125 w 3252161"/>
                <a:gd name="connsiteY191" fmla="*/ 241539 h 683077"/>
                <a:gd name="connsiteX192" fmla="*/ 724619 w 3252161"/>
                <a:gd name="connsiteY192" fmla="*/ 245853 h 683077"/>
                <a:gd name="connsiteX193" fmla="*/ 698740 w 3252161"/>
                <a:gd name="connsiteY193" fmla="*/ 254479 h 683077"/>
                <a:gd name="connsiteX194" fmla="*/ 517585 w 3252161"/>
                <a:gd name="connsiteY194" fmla="*/ 258792 h 683077"/>
                <a:gd name="connsiteX195" fmla="*/ 431321 w 3252161"/>
                <a:gd name="connsiteY195" fmla="*/ 271732 h 683077"/>
                <a:gd name="connsiteX196" fmla="*/ 392502 w 3252161"/>
                <a:gd name="connsiteY196" fmla="*/ 276045 h 683077"/>
                <a:gd name="connsiteX197" fmla="*/ 73325 w 3252161"/>
                <a:gd name="connsiteY197" fmla="*/ 271732 h 683077"/>
                <a:gd name="connsiteX198" fmla="*/ 64698 w 3252161"/>
                <a:gd name="connsiteY198" fmla="*/ 263106 h 683077"/>
                <a:gd name="connsiteX199" fmla="*/ 60385 w 3252161"/>
                <a:gd name="connsiteY199" fmla="*/ 232913 h 683077"/>
                <a:gd name="connsiteX200" fmla="*/ 51759 w 3252161"/>
                <a:gd name="connsiteY200" fmla="*/ 207034 h 683077"/>
                <a:gd name="connsiteX201" fmla="*/ 56072 w 3252161"/>
                <a:gd name="connsiteY201" fmla="*/ 163902 h 683077"/>
                <a:gd name="connsiteX202" fmla="*/ 69012 w 3252161"/>
                <a:gd name="connsiteY202" fmla="*/ 159589 h 683077"/>
                <a:gd name="connsiteX203" fmla="*/ 237227 w 3252161"/>
                <a:gd name="connsiteY203" fmla="*/ 155275 h 683077"/>
                <a:gd name="connsiteX204" fmla="*/ 288985 w 3252161"/>
                <a:gd name="connsiteY204" fmla="*/ 138022 h 683077"/>
                <a:gd name="connsiteX205" fmla="*/ 301925 w 3252161"/>
                <a:gd name="connsiteY205" fmla="*/ 133709 h 683077"/>
                <a:gd name="connsiteX206" fmla="*/ 444261 w 3252161"/>
                <a:gd name="connsiteY206" fmla="*/ 129396 h 683077"/>
                <a:gd name="connsiteX207" fmla="*/ 418381 w 3252161"/>
                <a:gd name="connsiteY207" fmla="*/ 120770 h 683077"/>
                <a:gd name="connsiteX208" fmla="*/ 396815 w 3252161"/>
                <a:gd name="connsiteY208" fmla="*/ 107830 h 683077"/>
                <a:gd name="connsiteX209" fmla="*/ 388189 w 3252161"/>
                <a:gd name="connsiteY209" fmla="*/ 73324 h 683077"/>
                <a:gd name="connsiteX210" fmla="*/ 379563 w 3252161"/>
                <a:gd name="connsiteY210" fmla="*/ 60385 h 683077"/>
                <a:gd name="connsiteX211" fmla="*/ 370936 w 3252161"/>
                <a:gd name="connsiteY211" fmla="*/ 51758 h 683077"/>
                <a:gd name="connsiteX212" fmla="*/ 345057 w 3252161"/>
                <a:gd name="connsiteY212" fmla="*/ 43132 h 683077"/>
                <a:gd name="connsiteX213" fmla="*/ 332117 w 3252161"/>
                <a:gd name="connsiteY213" fmla="*/ 38819 h 683077"/>
                <a:gd name="connsiteX214" fmla="*/ 323491 w 3252161"/>
                <a:gd name="connsiteY214" fmla="*/ 30192 h 683077"/>
                <a:gd name="connsiteX215" fmla="*/ 327804 w 3252161"/>
                <a:gd name="connsiteY215" fmla="*/ 17253 h 683077"/>
                <a:gd name="connsiteX216" fmla="*/ 280359 w 3252161"/>
                <a:gd name="connsiteY216" fmla="*/ 12939 h 683077"/>
                <a:gd name="connsiteX217" fmla="*/ 228600 w 3252161"/>
                <a:gd name="connsiteY217" fmla="*/ 17253 h 683077"/>
                <a:gd name="connsiteX218" fmla="*/ 202721 w 3252161"/>
                <a:gd name="connsiteY218" fmla="*/ 25879 h 683077"/>
                <a:gd name="connsiteX219" fmla="*/ 107831 w 3252161"/>
                <a:gd name="connsiteY219" fmla="*/ 21566 h 683077"/>
                <a:gd name="connsiteX220" fmla="*/ 103517 w 3252161"/>
                <a:gd name="connsiteY220" fmla="*/ 4313 h 683077"/>
                <a:gd name="connsiteX221" fmla="*/ 34506 w 3252161"/>
                <a:gd name="connsiteY221" fmla="*/ 8626 h 683077"/>
                <a:gd name="connsiteX222" fmla="*/ 12940 w 3252161"/>
                <a:gd name="connsiteY222" fmla="*/ 12939 h 683077"/>
                <a:gd name="connsiteX223" fmla="*/ 0 w 3252161"/>
                <a:gd name="connsiteY223" fmla="*/ 0 h 683077"/>
                <a:gd name="connsiteX224" fmla="*/ 34506 w 3252161"/>
                <a:gd name="connsiteY22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496683 w 3252161"/>
                <a:gd name="connsiteY39" fmla="*/ 530524 h 683077"/>
                <a:gd name="connsiteX40" fmla="*/ 1548442 w 3252161"/>
                <a:gd name="connsiteY40" fmla="*/ 543464 h 683077"/>
                <a:gd name="connsiteX41" fmla="*/ 1570008 w 3252161"/>
                <a:gd name="connsiteY41" fmla="*/ 560717 h 683077"/>
                <a:gd name="connsiteX42" fmla="*/ 1595887 w 3252161"/>
                <a:gd name="connsiteY42" fmla="*/ 577970 h 683077"/>
                <a:gd name="connsiteX43" fmla="*/ 1604514 w 3252161"/>
                <a:gd name="connsiteY43" fmla="*/ 586596 h 683077"/>
                <a:gd name="connsiteX44" fmla="*/ 1742536 w 3252161"/>
                <a:gd name="connsiteY44" fmla="*/ 590909 h 683077"/>
                <a:gd name="connsiteX45" fmla="*/ 1979763 w 3252161"/>
                <a:gd name="connsiteY45" fmla="*/ 599536 h 683077"/>
                <a:gd name="connsiteX46" fmla="*/ 2001329 w 3252161"/>
                <a:gd name="connsiteY46" fmla="*/ 603849 h 683077"/>
                <a:gd name="connsiteX47" fmla="*/ 2031521 w 3252161"/>
                <a:gd name="connsiteY47" fmla="*/ 608162 h 683077"/>
                <a:gd name="connsiteX48" fmla="*/ 2286000 w 3252161"/>
                <a:gd name="connsiteY48" fmla="*/ 608162 h 683077"/>
                <a:gd name="connsiteX49" fmla="*/ 2311880 w 3252161"/>
                <a:gd name="connsiteY49" fmla="*/ 599536 h 683077"/>
                <a:gd name="connsiteX50" fmla="*/ 2333446 w 3252161"/>
                <a:gd name="connsiteY50" fmla="*/ 595222 h 683077"/>
                <a:gd name="connsiteX51" fmla="*/ 2467155 w 3252161"/>
                <a:gd name="connsiteY51" fmla="*/ 599536 h 683077"/>
                <a:gd name="connsiteX52" fmla="*/ 2484408 w 3252161"/>
                <a:gd name="connsiteY52" fmla="*/ 603849 h 683077"/>
                <a:gd name="connsiteX53" fmla="*/ 2566359 w 3252161"/>
                <a:gd name="connsiteY53" fmla="*/ 608162 h 683077"/>
                <a:gd name="connsiteX54" fmla="*/ 2609491 w 3252161"/>
                <a:gd name="connsiteY54" fmla="*/ 616789 h 683077"/>
                <a:gd name="connsiteX55" fmla="*/ 2626744 w 3252161"/>
                <a:gd name="connsiteY55" fmla="*/ 621102 h 683077"/>
                <a:gd name="connsiteX56" fmla="*/ 2665563 w 3252161"/>
                <a:gd name="connsiteY56" fmla="*/ 638355 h 683077"/>
                <a:gd name="connsiteX57" fmla="*/ 2704381 w 3252161"/>
                <a:gd name="connsiteY57" fmla="*/ 655607 h 683077"/>
                <a:gd name="connsiteX58" fmla="*/ 2717321 w 3252161"/>
                <a:gd name="connsiteY58" fmla="*/ 664234 h 683077"/>
                <a:gd name="connsiteX59" fmla="*/ 2954548 w 3252161"/>
                <a:gd name="connsiteY59" fmla="*/ 655607 h 683077"/>
                <a:gd name="connsiteX60" fmla="*/ 3148642 w 3252161"/>
                <a:gd name="connsiteY60" fmla="*/ 655607 h 683077"/>
                <a:gd name="connsiteX61" fmla="*/ 3187461 w 3252161"/>
                <a:gd name="connsiteY61" fmla="*/ 642668 h 683077"/>
                <a:gd name="connsiteX62" fmla="*/ 3226280 w 3252161"/>
                <a:gd name="connsiteY62" fmla="*/ 638355 h 683077"/>
                <a:gd name="connsiteX63" fmla="*/ 3221966 w 3252161"/>
                <a:gd name="connsiteY63" fmla="*/ 616789 h 683077"/>
                <a:gd name="connsiteX64" fmla="*/ 3200400 w 3252161"/>
                <a:gd name="connsiteY64" fmla="*/ 599536 h 683077"/>
                <a:gd name="connsiteX65" fmla="*/ 3174521 w 3252161"/>
                <a:gd name="connsiteY65" fmla="*/ 590909 h 683077"/>
                <a:gd name="connsiteX66" fmla="*/ 2915729 w 3252161"/>
                <a:gd name="connsiteY66" fmla="*/ 595222 h 683077"/>
                <a:gd name="connsiteX67" fmla="*/ 2829464 w 3252161"/>
                <a:gd name="connsiteY67" fmla="*/ 586596 h 683077"/>
                <a:gd name="connsiteX68" fmla="*/ 2820838 w 3252161"/>
                <a:gd name="connsiteY68" fmla="*/ 573656 h 683077"/>
                <a:gd name="connsiteX69" fmla="*/ 2851031 w 3252161"/>
                <a:gd name="connsiteY69" fmla="*/ 543464 h 683077"/>
                <a:gd name="connsiteX70" fmla="*/ 3075317 w 3252161"/>
                <a:gd name="connsiteY70" fmla="*/ 539151 h 683077"/>
                <a:gd name="connsiteX71" fmla="*/ 3088257 w 3252161"/>
                <a:gd name="connsiteY71" fmla="*/ 534838 h 683077"/>
                <a:gd name="connsiteX72" fmla="*/ 3105510 w 3252161"/>
                <a:gd name="connsiteY72" fmla="*/ 517585 h 683077"/>
                <a:gd name="connsiteX73" fmla="*/ 3178834 w 3252161"/>
                <a:gd name="connsiteY73" fmla="*/ 504645 h 683077"/>
                <a:gd name="connsiteX74" fmla="*/ 3187461 w 3252161"/>
                <a:gd name="connsiteY74" fmla="*/ 496019 h 683077"/>
                <a:gd name="connsiteX75" fmla="*/ 3191774 w 3252161"/>
                <a:gd name="connsiteY75" fmla="*/ 483079 h 683077"/>
                <a:gd name="connsiteX76" fmla="*/ 3204714 w 3252161"/>
                <a:gd name="connsiteY76" fmla="*/ 478766 h 683077"/>
                <a:gd name="connsiteX77" fmla="*/ 3196087 w 3252161"/>
                <a:gd name="connsiteY77" fmla="*/ 470139 h 683077"/>
                <a:gd name="connsiteX78" fmla="*/ 2846717 w 3252161"/>
                <a:gd name="connsiteY78" fmla="*/ 478766 h 683077"/>
                <a:gd name="connsiteX79" fmla="*/ 2820838 w 3252161"/>
                <a:gd name="connsiteY79" fmla="*/ 487392 h 683077"/>
                <a:gd name="connsiteX80" fmla="*/ 2807898 w 3252161"/>
                <a:gd name="connsiteY80" fmla="*/ 496019 h 683077"/>
                <a:gd name="connsiteX81" fmla="*/ 2743200 w 3252161"/>
                <a:gd name="connsiteY81" fmla="*/ 500332 h 683077"/>
                <a:gd name="connsiteX82" fmla="*/ 2691442 w 3252161"/>
                <a:gd name="connsiteY82" fmla="*/ 517585 h 683077"/>
                <a:gd name="connsiteX83" fmla="*/ 2678502 w 3252161"/>
                <a:gd name="connsiteY83" fmla="*/ 521898 h 683077"/>
                <a:gd name="connsiteX84" fmla="*/ 2540480 w 3252161"/>
                <a:gd name="connsiteY84" fmla="*/ 530524 h 683077"/>
                <a:gd name="connsiteX85" fmla="*/ 2303253 w 3252161"/>
                <a:gd name="connsiteY85" fmla="*/ 539151 h 683077"/>
                <a:gd name="connsiteX86" fmla="*/ 2225615 w 3252161"/>
                <a:gd name="connsiteY86" fmla="*/ 534838 h 683077"/>
                <a:gd name="connsiteX87" fmla="*/ 2216989 w 3252161"/>
                <a:gd name="connsiteY87" fmla="*/ 526211 h 683077"/>
                <a:gd name="connsiteX88" fmla="*/ 2147978 w 3252161"/>
                <a:gd name="connsiteY88" fmla="*/ 521898 h 683077"/>
                <a:gd name="connsiteX89" fmla="*/ 2135038 w 3252161"/>
                <a:gd name="connsiteY89" fmla="*/ 526211 h 683077"/>
                <a:gd name="connsiteX90" fmla="*/ 2126412 w 3252161"/>
                <a:gd name="connsiteY90" fmla="*/ 534838 h 683077"/>
                <a:gd name="connsiteX91" fmla="*/ 2053087 w 3252161"/>
                <a:gd name="connsiteY91" fmla="*/ 539151 h 683077"/>
                <a:gd name="connsiteX92" fmla="*/ 2040148 w 3252161"/>
                <a:gd name="connsiteY92" fmla="*/ 543464 h 683077"/>
                <a:gd name="connsiteX93" fmla="*/ 2022895 w 3252161"/>
                <a:gd name="connsiteY93" fmla="*/ 560717 h 683077"/>
                <a:gd name="connsiteX94" fmla="*/ 2014268 w 3252161"/>
                <a:gd name="connsiteY94" fmla="*/ 569343 h 683077"/>
                <a:gd name="connsiteX95" fmla="*/ 2001329 w 3252161"/>
                <a:gd name="connsiteY95" fmla="*/ 573656 h 683077"/>
                <a:gd name="connsiteX96" fmla="*/ 1686464 w 3252161"/>
                <a:gd name="connsiteY96" fmla="*/ 569343 h 683077"/>
                <a:gd name="connsiteX97" fmla="*/ 1673525 w 3252161"/>
                <a:gd name="connsiteY97" fmla="*/ 565030 h 683077"/>
                <a:gd name="connsiteX98" fmla="*/ 1651959 w 3252161"/>
                <a:gd name="connsiteY98" fmla="*/ 552090 h 683077"/>
                <a:gd name="connsiteX99" fmla="*/ 1634706 w 3252161"/>
                <a:gd name="connsiteY99" fmla="*/ 530524 h 683077"/>
                <a:gd name="connsiteX100" fmla="*/ 1630393 w 3252161"/>
                <a:gd name="connsiteY100" fmla="*/ 517585 h 683077"/>
                <a:gd name="connsiteX101" fmla="*/ 1634706 w 3252161"/>
                <a:gd name="connsiteY101" fmla="*/ 504645 h 683077"/>
                <a:gd name="connsiteX102" fmla="*/ 1664898 w 3252161"/>
                <a:gd name="connsiteY102" fmla="*/ 491706 h 683077"/>
                <a:gd name="connsiteX103" fmla="*/ 1669212 w 3252161"/>
                <a:gd name="connsiteY103" fmla="*/ 478766 h 683077"/>
                <a:gd name="connsiteX104" fmla="*/ 1660585 w 3252161"/>
                <a:gd name="connsiteY104" fmla="*/ 470139 h 683077"/>
                <a:gd name="connsiteX105" fmla="*/ 1621766 w 3252161"/>
                <a:gd name="connsiteY105" fmla="*/ 465826 h 683077"/>
                <a:gd name="connsiteX106" fmla="*/ 1613140 w 3252161"/>
                <a:gd name="connsiteY106" fmla="*/ 452887 h 683077"/>
                <a:gd name="connsiteX107" fmla="*/ 1617453 w 3252161"/>
                <a:gd name="connsiteY107" fmla="*/ 427007 h 683077"/>
                <a:gd name="connsiteX108" fmla="*/ 1630393 w 3252161"/>
                <a:gd name="connsiteY108" fmla="*/ 383875 h 683077"/>
                <a:gd name="connsiteX109" fmla="*/ 1643332 w 3252161"/>
                <a:gd name="connsiteY109" fmla="*/ 370936 h 683077"/>
                <a:gd name="connsiteX110" fmla="*/ 1807234 w 3252161"/>
                <a:gd name="connsiteY110" fmla="*/ 375249 h 683077"/>
                <a:gd name="connsiteX111" fmla="*/ 1846053 w 3252161"/>
                <a:gd name="connsiteY111" fmla="*/ 388189 h 683077"/>
                <a:gd name="connsiteX112" fmla="*/ 1858993 w 3252161"/>
                <a:gd name="connsiteY112" fmla="*/ 392502 h 683077"/>
                <a:gd name="connsiteX113" fmla="*/ 1876246 w 3252161"/>
                <a:gd name="connsiteY113" fmla="*/ 431321 h 683077"/>
                <a:gd name="connsiteX114" fmla="*/ 1884872 w 3252161"/>
                <a:gd name="connsiteY114" fmla="*/ 465826 h 683077"/>
                <a:gd name="connsiteX115" fmla="*/ 1893498 w 3252161"/>
                <a:gd name="connsiteY115" fmla="*/ 474453 h 683077"/>
                <a:gd name="connsiteX116" fmla="*/ 1919378 w 3252161"/>
                <a:gd name="connsiteY116" fmla="*/ 504645 h 683077"/>
                <a:gd name="connsiteX117" fmla="*/ 1928004 w 3252161"/>
                <a:gd name="connsiteY117" fmla="*/ 513272 h 683077"/>
                <a:gd name="connsiteX118" fmla="*/ 1932317 w 3252161"/>
                <a:gd name="connsiteY118" fmla="*/ 526211 h 683077"/>
                <a:gd name="connsiteX119" fmla="*/ 1979763 w 3252161"/>
                <a:gd name="connsiteY119" fmla="*/ 526211 h 683077"/>
                <a:gd name="connsiteX120" fmla="*/ 1984076 w 3252161"/>
                <a:gd name="connsiteY120" fmla="*/ 508958 h 683077"/>
                <a:gd name="connsiteX121" fmla="*/ 2001329 w 3252161"/>
                <a:gd name="connsiteY121" fmla="*/ 487392 h 683077"/>
                <a:gd name="connsiteX122" fmla="*/ 2018581 w 3252161"/>
                <a:gd name="connsiteY122" fmla="*/ 491706 h 683077"/>
                <a:gd name="connsiteX123" fmla="*/ 2027208 w 3252161"/>
                <a:gd name="connsiteY123" fmla="*/ 500332 h 683077"/>
                <a:gd name="connsiteX124" fmla="*/ 2040148 w 3252161"/>
                <a:gd name="connsiteY124" fmla="*/ 508958 h 683077"/>
                <a:gd name="connsiteX125" fmla="*/ 2122098 w 3252161"/>
                <a:gd name="connsiteY125" fmla="*/ 504645 h 683077"/>
                <a:gd name="connsiteX126" fmla="*/ 2130725 w 3252161"/>
                <a:gd name="connsiteY126" fmla="*/ 496019 h 683077"/>
                <a:gd name="connsiteX127" fmla="*/ 2135038 w 3252161"/>
                <a:gd name="connsiteY127" fmla="*/ 461513 h 683077"/>
                <a:gd name="connsiteX128" fmla="*/ 2139351 w 3252161"/>
                <a:gd name="connsiteY128" fmla="*/ 439947 h 683077"/>
                <a:gd name="connsiteX129" fmla="*/ 2143664 w 3252161"/>
                <a:gd name="connsiteY129" fmla="*/ 427007 h 683077"/>
                <a:gd name="connsiteX130" fmla="*/ 2100532 w 3252161"/>
                <a:gd name="connsiteY130" fmla="*/ 418381 h 683077"/>
                <a:gd name="connsiteX131" fmla="*/ 2083280 w 3252161"/>
                <a:gd name="connsiteY131" fmla="*/ 414068 h 683077"/>
                <a:gd name="connsiteX132" fmla="*/ 2096219 w 3252161"/>
                <a:gd name="connsiteY132" fmla="*/ 409755 h 683077"/>
                <a:gd name="connsiteX133" fmla="*/ 2311880 w 3252161"/>
                <a:gd name="connsiteY133" fmla="*/ 401128 h 683077"/>
                <a:gd name="connsiteX134" fmla="*/ 2333446 w 3252161"/>
                <a:gd name="connsiteY134" fmla="*/ 388189 h 683077"/>
                <a:gd name="connsiteX135" fmla="*/ 2424023 w 3252161"/>
                <a:gd name="connsiteY135" fmla="*/ 375249 h 683077"/>
                <a:gd name="connsiteX136" fmla="*/ 2454215 w 3252161"/>
                <a:gd name="connsiteY136" fmla="*/ 366622 h 683077"/>
                <a:gd name="connsiteX137" fmla="*/ 2467155 w 3252161"/>
                <a:gd name="connsiteY137" fmla="*/ 362309 h 683077"/>
                <a:gd name="connsiteX138" fmla="*/ 2695755 w 3252161"/>
                <a:gd name="connsiteY138" fmla="*/ 353683 h 683077"/>
                <a:gd name="connsiteX139" fmla="*/ 2708695 w 3252161"/>
                <a:gd name="connsiteY139" fmla="*/ 349370 h 683077"/>
                <a:gd name="connsiteX140" fmla="*/ 2725948 w 3252161"/>
                <a:gd name="connsiteY140" fmla="*/ 332117 h 683077"/>
                <a:gd name="connsiteX141" fmla="*/ 2751827 w 3252161"/>
                <a:gd name="connsiteY141" fmla="*/ 323490 h 683077"/>
                <a:gd name="connsiteX142" fmla="*/ 2764766 w 3252161"/>
                <a:gd name="connsiteY142" fmla="*/ 319177 h 683077"/>
                <a:gd name="connsiteX143" fmla="*/ 2794959 w 3252161"/>
                <a:gd name="connsiteY143" fmla="*/ 306238 h 683077"/>
                <a:gd name="connsiteX144" fmla="*/ 2825151 w 3252161"/>
                <a:gd name="connsiteY144" fmla="*/ 297611 h 683077"/>
                <a:gd name="connsiteX145" fmla="*/ 2842404 w 3252161"/>
                <a:gd name="connsiteY145" fmla="*/ 293298 h 683077"/>
                <a:gd name="connsiteX146" fmla="*/ 2838091 w 3252161"/>
                <a:gd name="connsiteY146" fmla="*/ 271732 h 683077"/>
                <a:gd name="connsiteX147" fmla="*/ 2725948 w 3252161"/>
                <a:gd name="connsiteY147" fmla="*/ 276045 h 683077"/>
                <a:gd name="connsiteX148" fmla="*/ 2704381 w 3252161"/>
                <a:gd name="connsiteY148" fmla="*/ 280358 h 683077"/>
                <a:gd name="connsiteX149" fmla="*/ 2678502 w 3252161"/>
                <a:gd name="connsiteY149" fmla="*/ 284672 h 683077"/>
                <a:gd name="connsiteX150" fmla="*/ 2557732 w 3252161"/>
                <a:gd name="connsiteY150" fmla="*/ 288985 h 683077"/>
                <a:gd name="connsiteX151" fmla="*/ 2471468 w 3252161"/>
                <a:gd name="connsiteY151" fmla="*/ 293298 h 683077"/>
                <a:gd name="connsiteX152" fmla="*/ 2445589 w 3252161"/>
                <a:gd name="connsiteY152" fmla="*/ 301924 h 683077"/>
                <a:gd name="connsiteX153" fmla="*/ 2281687 w 3252161"/>
                <a:gd name="connsiteY153" fmla="*/ 310551 h 683077"/>
                <a:gd name="connsiteX154" fmla="*/ 2255808 w 3252161"/>
                <a:gd name="connsiteY154" fmla="*/ 314864 h 683077"/>
                <a:gd name="connsiteX155" fmla="*/ 2204049 w 3252161"/>
                <a:gd name="connsiteY155" fmla="*/ 319177 h 683077"/>
                <a:gd name="connsiteX156" fmla="*/ 2173857 w 3252161"/>
                <a:gd name="connsiteY156" fmla="*/ 327804 h 683077"/>
                <a:gd name="connsiteX157" fmla="*/ 2147978 w 3252161"/>
                <a:gd name="connsiteY157" fmla="*/ 340743 h 683077"/>
                <a:gd name="connsiteX158" fmla="*/ 2135038 w 3252161"/>
                <a:gd name="connsiteY158" fmla="*/ 349370 h 683077"/>
                <a:gd name="connsiteX159" fmla="*/ 2104846 w 3252161"/>
                <a:gd name="connsiteY159" fmla="*/ 357996 h 683077"/>
                <a:gd name="connsiteX160" fmla="*/ 2091906 w 3252161"/>
                <a:gd name="connsiteY160" fmla="*/ 362309 h 683077"/>
                <a:gd name="connsiteX161" fmla="*/ 1940944 w 3252161"/>
                <a:gd name="connsiteY161" fmla="*/ 357996 h 683077"/>
                <a:gd name="connsiteX162" fmla="*/ 1915064 w 3252161"/>
                <a:gd name="connsiteY162" fmla="*/ 349370 h 683077"/>
                <a:gd name="connsiteX163" fmla="*/ 1880559 w 3252161"/>
                <a:gd name="connsiteY163" fmla="*/ 332117 h 683077"/>
                <a:gd name="connsiteX164" fmla="*/ 1867619 w 3252161"/>
                <a:gd name="connsiteY164" fmla="*/ 327804 h 683077"/>
                <a:gd name="connsiteX165" fmla="*/ 1397480 w 3252161"/>
                <a:gd name="connsiteY165" fmla="*/ 332117 h 683077"/>
                <a:gd name="connsiteX166" fmla="*/ 1337095 w 3252161"/>
                <a:gd name="connsiteY166" fmla="*/ 345056 h 683077"/>
                <a:gd name="connsiteX167" fmla="*/ 1328468 w 3252161"/>
                <a:gd name="connsiteY167" fmla="*/ 353683 h 683077"/>
                <a:gd name="connsiteX168" fmla="*/ 1315529 w 3252161"/>
                <a:gd name="connsiteY168" fmla="*/ 357996 h 683077"/>
                <a:gd name="connsiteX169" fmla="*/ 1220638 w 3252161"/>
                <a:gd name="connsiteY169" fmla="*/ 362309 h 683077"/>
                <a:gd name="connsiteX170" fmla="*/ 1155940 w 3252161"/>
                <a:gd name="connsiteY170" fmla="*/ 370936 h 683077"/>
                <a:gd name="connsiteX171" fmla="*/ 1073989 w 3252161"/>
                <a:gd name="connsiteY171" fmla="*/ 379562 h 683077"/>
                <a:gd name="connsiteX172" fmla="*/ 1035170 w 3252161"/>
                <a:gd name="connsiteY172" fmla="*/ 388189 h 683077"/>
                <a:gd name="connsiteX173" fmla="*/ 1000664 w 3252161"/>
                <a:gd name="connsiteY173" fmla="*/ 392502 h 683077"/>
                <a:gd name="connsiteX174" fmla="*/ 776378 w 3252161"/>
                <a:gd name="connsiteY174" fmla="*/ 396815 h 683077"/>
                <a:gd name="connsiteX175" fmla="*/ 595223 w 3252161"/>
                <a:gd name="connsiteY175" fmla="*/ 396815 h 683077"/>
                <a:gd name="connsiteX176" fmla="*/ 569344 w 3252161"/>
                <a:gd name="connsiteY176" fmla="*/ 388189 h 683077"/>
                <a:gd name="connsiteX177" fmla="*/ 590910 w 3252161"/>
                <a:gd name="connsiteY177" fmla="*/ 375249 h 683077"/>
                <a:gd name="connsiteX178" fmla="*/ 603849 w 3252161"/>
                <a:gd name="connsiteY178" fmla="*/ 370936 h 683077"/>
                <a:gd name="connsiteX179" fmla="*/ 715993 w 3252161"/>
                <a:gd name="connsiteY179" fmla="*/ 366622 h 683077"/>
                <a:gd name="connsiteX180" fmla="*/ 733246 w 3252161"/>
                <a:gd name="connsiteY180" fmla="*/ 345056 h 683077"/>
                <a:gd name="connsiteX181" fmla="*/ 746185 w 3252161"/>
                <a:gd name="connsiteY181" fmla="*/ 332117 h 683077"/>
                <a:gd name="connsiteX182" fmla="*/ 772064 w 3252161"/>
                <a:gd name="connsiteY182" fmla="*/ 314864 h 683077"/>
                <a:gd name="connsiteX183" fmla="*/ 914400 w 3252161"/>
                <a:gd name="connsiteY183" fmla="*/ 306238 h 683077"/>
                <a:gd name="connsiteX184" fmla="*/ 927340 w 3252161"/>
                <a:gd name="connsiteY184" fmla="*/ 280358 h 683077"/>
                <a:gd name="connsiteX185" fmla="*/ 923027 w 3252161"/>
                <a:gd name="connsiteY185" fmla="*/ 263106 h 683077"/>
                <a:gd name="connsiteX186" fmla="*/ 897148 w 3252161"/>
                <a:gd name="connsiteY186" fmla="*/ 254479 h 683077"/>
                <a:gd name="connsiteX187" fmla="*/ 884208 w 3252161"/>
                <a:gd name="connsiteY187" fmla="*/ 250166 h 683077"/>
                <a:gd name="connsiteX188" fmla="*/ 875581 w 3252161"/>
                <a:gd name="connsiteY188" fmla="*/ 241539 h 683077"/>
                <a:gd name="connsiteX189" fmla="*/ 862642 w 3252161"/>
                <a:gd name="connsiteY189" fmla="*/ 237226 h 683077"/>
                <a:gd name="connsiteX190" fmla="*/ 759125 w 3252161"/>
                <a:gd name="connsiteY190" fmla="*/ 241539 h 683077"/>
                <a:gd name="connsiteX191" fmla="*/ 724619 w 3252161"/>
                <a:gd name="connsiteY191" fmla="*/ 245853 h 683077"/>
                <a:gd name="connsiteX192" fmla="*/ 698740 w 3252161"/>
                <a:gd name="connsiteY192" fmla="*/ 254479 h 683077"/>
                <a:gd name="connsiteX193" fmla="*/ 517585 w 3252161"/>
                <a:gd name="connsiteY193" fmla="*/ 258792 h 683077"/>
                <a:gd name="connsiteX194" fmla="*/ 431321 w 3252161"/>
                <a:gd name="connsiteY194" fmla="*/ 271732 h 683077"/>
                <a:gd name="connsiteX195" fmla="*/ 392502 w 3252161"/>
                <a:gd name="connsiteY195" fmla="*/ 276045 h 683077"/>
                <a:gd name="connsiteX196" fmla="*/ 73325 w 3252161"/>
                <a:gd name="connsiteY196" fmla="*/ 271732 h 683077"/>
                <a:gd name="connsiteX197" fmla="*/ 64698 w 3252161"/>
                <a:gd name="connsiteY197" fmla="*/ 263106 h 683077"/>
                <a:gd name="connsiteX198" fmla="*/ 60385 w 3252161"/>
                <a:gd name="connsiteY198" fmla="*/ 232913 h 683077"/>
                <a:gd name="connsiteX199" fmla="*/ 51759 w 3252161"/>
                <a:gd name="connsiteY199" fmla="*/ 207034 h 683077"/>
                <a:gd name="connsiteX200" fmla="*/ 56072 w 3252161"/>
                <a:gd name="connsiteY200" fmla="*/ 163902 h 683077"/>
                <a:gd name="connsiteX201" fmla="*/ 69012 w 3252161"/>
                <a:gd name="connsiteY201" fmla="*/ 159589 h 683077"/>
                <a:gd name="connsiteX202" fmla="*/ 237227 w 3252161"/>
                <a:gd name="connsiteY202" fmla="*/ 155275 h 683077"/>
                <a:gd name="connsiteX203" fmla="*/ 288985 w 3252161"/>
                <a:gd name="connsiteY203" fmla="*/ 138022 h 683077"/>
                <a:gd name="connsiteX204" fmla="*/ 301925 w 3252161"/>
                <a:gd name="connsiteY204" fmla="*/ 133709 h 683077"/>
                <a:gd name="connsiteX205" fmla="*/ 444261 w 3252161"/>
                <a:gd name="connsiteY205" fmla="*/ 129396 h 683077"/>
                <a:gd name="connsiteX206" fmla="*/ 418381 w 3252161"/>
                <a:gd name="connsiteY206" fmla="*/ 120770 h 683077"/>
                <a:gd name="connsiteX207" fmla="*/ 396815 w 3252161"/>
                <a:gd name="connsiteY207" fmla="*/ 107830 h 683077"/>
                <a:gd name="connsiteX208" fmla="*/ 388189 w 3252161"/>
                <a:gd name="connsiteY208" fmla="*/ 73324 h 683077"/>
                <a:gd name="connsiteX209" fmla="*/ 379563 w 3252161"/>
                <a:gd name="connsiteY209" fmla="*/ 60385 h 683077"/>
                <a:gd name="connsiteX210" fmla="*/ 370936 w 3252161"/>
                <a:gd name="connsiteY210" fmla="*/ 51758 h 683077"/>
                <a:gd name="connsiteX211" fmla="*/ 345057 w 3252161"/>
                <a:gd name="connsiteY211" fmla="*/ 43132 h 683077"/>
                <a:gd name="connsiteX212" fmla="*/ 332117 w 3252161"/>
                <a:gd name="connsiteY212" fmla="*/ 38819 h 683077"/>
                <a:gd name="connsiteX213" fmla="*/ 323491 w 3252161"/>
                <a:gd name="connsiteY213" fmla="*/ 30192 h 683077"/>
                <a:gd name="connsiteX214" fmla="*/ 327804 w 3252161"/>
                <a:gd name="connsiteY214" fmla="*/ 17253 h 683077"/>
                <a:gd name="connsiteX215" fmla="*/ 280359 w 3252161"/>
                <a:gd name="connsiteY215" fmla="*/ 12939 h 683077"/>
                <a:gd name="connsiteX216" fmla="*/ 228600 w 3252161"/>
                <a:gd name="connsiteY216" fmla="*/ 17253 h 683077"/>
                <a:gd name="connsiteX217" fmla="*/ 202721 w 3252161"/>
                <a:gd name="connsiteY217" fmla="*/ 25879 h 683077"/>
                <a:gd name="connsiteX218" fmla="*/ 107831 w 3252161"/>
                <a:gd name="connsiteY218" fmla="*/ 21566 h 683077"/>
                <a:gd name="connsiteX219" fmla="*/ 103517 w 3252161"/>
                <a:gd name="connsiteY219" fmla="*/ 4313 h 683077"/>
                <a:gd name="connsiteX220" fmla="*/ 34506 w 3252161"/>
                <a:gd name="connsiteY220" fmla="*/ 8626 h 683077"/>
                <a:gd name="connsiteX221" fmla="*/ 12940 w 3252161"/>
                <a:gd name="connsiteY221" fmla="*/ 12939 h 683077"/>
                <a:gd name="connsiteX222" fmla="*/ 0 w 3252161"/>
                <a:gd name="connsiteY222" fmla="*/ 0 h 683077"/>
                <a:gd name="connsiteX223" fmla="*/ 34506 w 3252161"/>
                <a:gd name="connsiteY223"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483744 w 3252161"/>
                <a:gd name="connsiteY38" fmla="*/ 521898 h 683077"/>
                <a:gd name="connsiteX39" fmla="*/ 1548442 w 3252161"/>
                <a:gd name="connsiteY39" fmla="*/ 543464 h 683077"/>
                <a:gd name="connsiteX40" fmla="*/ 1570008 w 3252161"/>
                <a:gd name="connsiteY40" fmla="*/ 560717 h 683077"/>
                <a:gd name="connsiteX41" fmla="*/ 1595887 w 3252161"/>
                <a:gd name="connsiteY41" fmla="*/ 577970 h 683077"/>
                <a:gd name="connsiteX42" fmla="*/ 1604514 w 3252161"/>
                <a:gd name="connsiteY42" fmla="*/ 586596 h 683077"/>
                <a:gd name="connsiteX43" fmla="*/ 1742536 w 3252161"/>
                <a:gd name="connsiteY43" fmla="*/ 590909 h 683077"/>
                <a:gd name="connsiteX44" fmla="*/ 1979763 w 3252161"/>
                <a:gd name="connsiteY44" fmla="*/ 599536 h 683077"/>
                <a:gd name="connsiteX45" fmla="*/ 2001329 w 3252161"/>
                <a:gd name="connsiteY45" fmla="*/ 603849 h 683077"/>
                <a:gd name="connsiteX46" fmla="*/ 2031521 w 3252161"/>
                <a:gd name="connsiteY46" fmla="*/ 608162 h 683077"/>
                <a:gd name="connsiteX47" fmla="*/ 2286000 w 3252161"/>
                <a:gd name="connsiteY47" fmla="*/ 608162 h 683077"/>
                <a:gd name="connsiteX48" fmla="*/ 2311880 w 3252161"/>
                <a:gd name="connsiteY48" fmla="*/ 599536 h 683077"/>
                <a:gd name="connsiteX49" fmla="*/ 2333446 w 3252161"/>
                <a:gd name="connsiteY49" fmla="*/ 595222 h 683077"/>
                <a:gd name="connsiteX50" fmla="*/ 2467155 w 3252161"/>
                <a:gd name="connsiteY50" fmla="*/ 599536 h 683077"/>
                <a:gd name="connsiteX51" fmla="*/ 2484408 w 3252161"/>
                <a:gd name="connsiteY51" fmla="*/ 603849 h 683077"/>
                <a:gd name="connsiteX52" fmla="*/ 2566359 w 3252161"/>
                <a:gd name="connsiteY52" fmla="*/ 608162 h 683077"/>
                <a:gd name="connsiteX53" fmla="*/ 2609491 w 3252161"/>
                <a:gd name="connsiteY53" fmla="*/ 616789 h 683077"/>
                <a:gd name="connsiteX54" fmla="*/ 2626744 w 3252161"/>
                <a:gd name="connsiteY54" fmla="*/ 621102 h 683077"/>
                <a:gd name="connsiteX55" fmla="*/ 2665563 w 3252161"/>
                <a:gd name="connsiteY55" fmla="*/ 638355 h 683077"/>
                <a:gd name="connsiteX56" fmla="*/ 2704381 w 3252161"/>
                <a:gd name="connsiteY56" fmla="*/ 655607 h 683077"/>
                <a:gd name="connsiteX57" fmla="*/ 2717321 w 3252161"/>
                <a:gd name="connsiteY57" fmla="*/ 664234 h 683077"/>
                <a:gd name="connsiteX58" fmla="*/ 2954548 w 3252161"/>
                <a:gd name="connsiteY58" fmla="*/ 655607 h 683077"/>
                <a:gd name="connsiteX59" fmla="*/ 3148642 w 3252161"/>
                <a:gd name="connsiteY59" fmla="*/ 655607 h 683077"/>
                <a:gd name="connsiteX60" fmla="*/ 3187461 w 3252161"/>
                <a:gd name="connsiteY60" fmla="*/ 642668 h 683077"/>
                <a:gd name="connsiteX61" fmla="*/ 3226280 w 3252161"/>
                <a:gd name="connsiteY61" fmla="*/ 638355 h 683077"/>
                <a:gd name="connsiteX62" fmla="*/ 3221966 w 3252161"/>
                <a:gd name="connsiteY62" fmla="*/ 616789 h 683077"/>
                <a:gd name="connsiteX63" fmla="*/ 3200400 w 3252161"/>
                <a:gd name="connsiteY63" fmla="*/ 599536 h 683077"/>
                <a:gd name="connsiteX64" fmla="*/ 3174521 w 3252161"/>
                <a:gd name="connsiteY64" fmla="*/ 590909 h 683077"/>
                <a:gd name="connsiteX65" fmla="*/ 2915729 w 3252161"/>
                <a:gd name="connsiteY65" fmla="*/ 595222 h 683077"/>
                <a:gd name="connsiteX66" fmla="*/ 2829464 w 3252161"/>
                <a:gd name="connsiteY66" fmla="*/ 586596 h 683077"/>
                <a:gd name="connsiteX67" fmla="*/ 2820838 w 3252161"/>
                <a:gd name="connsiteY67" fmla="*/ 573656 h 683077"/>
                <a:gd name="connsiteX68" fmla="*/ 2851031 w 3252161"/>
                <a:gd name="connsiteY68" fmla="*/ 543464 h 683077"/>
                <a:gd name="connsiteX69" fmla="*/ 3075317 w 3252161"/>
                <a:gd name="connsiteY69" fmla="*/ 539151 h 683077"/>
                <a:gd name="connsiteX70" fmla="*/ 3088257 w 3252161"/>
                <a:gd name="connsiteY70" fmla="*/ 534838 h 683077"/>
                <a:gd name="connsiteX71" fmla="*/ 3105510 w 3252161"/>
                <a:gd name="connsiteY71" fmla="*/ 517585 h 683077"/>
                <a:gd name="connsiteX72" fmla="*/ 3178834 w 3252161"/>
                <a:gd name="connsiteY72" fmla="*/ 504645 h 683077"/>
                <a:gd name="connsiteX73" fmla="*/ 3187461 w 3252161"/>
                <a:gd name="connsiteY73" fmla="*/ 496019 h 683077"/>
                <a:gd name="connsiteX74" fmla="*/ 3191774 w 3252161"/>
                <a:gd name="connsiteY74" fmla="*/ 483079 h 683077"/>
                <a:gd name="connsiteX75" fmla="*/ 3204714 w 3252161"/>
                <a:gd name="connsiteY75" fmla="*/ 478766 h 683077"/>
                <a:gd name="connsiteX76" fmla="*/ 3196087 w 3252161"/>
                <a:gd name="connsiteY76" fmla="*/ 470139 h 683077"/>
                <a:gd name="connsiteX77" fmla="*/ 2846717 w 3252161"/>
                <a:gd name="connsiteY77" fmla="*/ 478766 h 683077"/>
                <a:gd name="connsiteX78" fmla="*/ 2820838 w 3252161"/>
                <a:gd name="connsiteY78" fmla="*/ 487392 h 683077"/>
                <a:gd name="connsiteX79" fmla="*/ 2807898 w 3252161"/>
                <a:gd name="connsiteY79" fmla="*/ 496019 h 683077"/>
                <a:gd name="connsiteX80" fmla="*/ 2743200 w 3252161"/>
                <a:gd name="connsiteY80" fmla="*/ 500332 h 683077"/>
                <a:gd name="connsiteX81" fmla="*/ 2691442 w 3252161"/>
                <a:gd name="connsiteY81" fmla="*/ 517585 h 683077"/>
                <a:gd name="connsiteX82" fmla="*/ 2678502 w 3252161"/>
                <a:gd name="connsiteY82" fmla="*/ 521898 h 683077"/>
                <a:gd name="connsiteX83" fmla="*/ 2540480 w 3252161"/>
                <a:gd name="connsiteY83" fmla="*/ 530524 h 683077"/>
                <a:gd name="connsiteX84" fmla="*/ 2303253 w 3252161"/>
                <a:gd name="connsiteY84" fmla="*/ 539151 h 683077"/>
                <a:gd name="connsiteX85" fmla="*/ 2225615 w 3252161"/>
                <a:gd name="connsiteY85" fmla="*/ 534838 h 683077"/>
                <a:gd name="connsiteX86" fmla="*/ 2216989 w 3252161"/>
                <a:gd name="connsiteY86" fmla="*/ 526211 h 683077"/>
                <a:gd name="connsiteX87" fmla="*/ 2147978 w 3252161"/>
                <a:gd name="connsiteY87" fmla="*/ 521898 h 683077"/>
                <a:gd name="connsiteX88" fmla="*/ 2135038 w 3252161"/>
                <a:gd name="connsiteY88" fmla="*/ 526211 h 683077"/>
                <a:gd name="connsiteX89" fmla="*/ 2126412 w 3252161"/>
                <a:gd name="connsiteY89" fmla="*/ 534838 h 683077"/>
                <a:gd name="connsiteX90" fmla="*/ 2053087 w 3252161"/>
                <a:gd name="connsiteY90" fmla="*/ 539151 h 683077"/>
                <a:gd name="connsiteX91" fmla="*/ 2040148 w 3252161"/>
                <a:gd name="connsiteY91" fmla="*/ 543464 h 683077"/>
                <a:gd name="connsiteX92" fmla="*/ 2022895 w 3252161"/>
                <a:gd name="connsiteY92" fmla="*/ 560717 h 683077"/>
                <a:gd name="connsiteX93" fmla="*/ 2014268 w 3252161"/>
                <a:gd name="connsiteY93" fmla="*/ 569343 h 683077"/>
                <a:gd name="connsiteX94" fmla="*/ 2001329 w 3252161"/>
                <a:gd name="connsiteY94" fmla="*/ 573656 h 683077"/>
                <a:gd name="connsiteX95" fmla="*/ 1686464 w 3252161"/>
                <a:gd name="connsiteY95" fmla="*/ 569343 h 683077"/>
                <a:gd name="connsiteX96" fmla="*/ 1673525 w 3252161"/>
                <a:gd name="connsiteY96" fmla="*/ 565030 h 683077"/>
                <a:gd name="connsiteX97" fmla="*/ 1651959 w 3252161"/>
                <a:gd name="connsiteY97" fmla="*/ 552090 h 683077"/>
                <a:gd name="connsiteX98" fmla="*/ 1634706 w 3252161"/>
                <a:gd name="connsiteY98" fmla="*/ 530524 h 683077"/>
                <a:gd name="connsiteX99" fmla="*/ 1630393 w 3252161"/>
                <a:gd name="connsiteY99" fmla="*/ 517585 h 683077"/>
                <a:gd name="connsiteX100" fmla="*/ 1634706 w 3252161"/>
                <a:gd name="connsiteY100" fmla="*/ 504645 h 683077"/>
                <a:gd name="connsiteX101" fmla="*/ 1664898 w 3252161"/>
                <a:gd name="connsiteY101" fmla="*/ 491706 h 683077"/>
                <a:gd name="connsiteX102" fmla="*/ 1669212 w 3252161"/>
                <a:gd name="connsiteY102" fmla="*/ 478766 h 683077"/>
                <a:gd name="connsiteX103" fmla="*/ 1660585 w 3252161"/>
                <a:gd name="connsiteY103" fmla="*/ 470139 h 683077"/>
                <a:gd name="connsiteX104" fmla="*/ 1621766 w 3252161"/>
                <a:gd name="connsiteY104" fmla="*/ 465826 h 683077"/>
                <a:gd name="connsiteX105" fmla="*/ 1613140 w 3252161"/>
                <a:gd name="connsiteY105" fmla="*/ 452887 h 683077"/>
                <a:gd name="connsiteX106" fmla="*/ 1617453 w 3252161"/>
                <a:gd name="connsiteY106" fmla="*/ 427007 h 683077"/>
                <a:gd name="connsiteX107" fmla="*/ 1630393 w 3252161"/>
                <a:gd name="connsiteY107" fmla="*/ 383875 h 683077"/>
                <a:gd name="connsiteX108" fmla="*/ 1643332 w 3252161"/>
                <a:gd name="connsiteY108" fmla="*/ 370936 h 683077"/>
                <a:gd name="connsiteX109" fmla="*/ 1807234 w 3252161"/>
                <a:gd name="connsiteY109" fmla="*/ 375249 h 683077"/>
                <a:gd name="connsiteX110" fmla="*/ 1846053 w 3252161"/>
                <a:gd name="connsiteY110" fmla="*/ 388189 h 683077"/>
                <a:gd name="connsiteX111" fmla="*/ 1858993 w 3252161"/>
                <a:gd name="connsiteY111" fmla="*/ 392502 h 683077"/>
                <a:gd name="connsiteX112" fmla="*/ 1876246 w 3252161"/>
                <a:gd name="connsiteY112" fmla="*/ 431321 h 683077"/>
                <a:gd name="connsiteX113" fmla="*/ 1884872 w 3252161"/>
                <a:gd name="connsiteY113" fmla="*/ 465826 h 683077"/>
                <a:gd name="connsiteX114" fmla="*/ 1893498 w 3252161"/>
                <a:gd name="connsiteY114" fmla="*/ 474453 h 683077"/>
                <a:gd name="connsiteX115" fmla="*/ 1919378 w 3252161"/>
                <a:gd name="connsiteY115" fmla="*/ 504645 h 683077"/>
                <a:gd name="connsiteX116" fmla="*/ 1928004 w 3252161"/>
                <a:gd name="connsiteY116" fmla="*/ 513272 h 683077"/>
                <a:gd name="connsiteX117" fmla="*/ 1932317 w 3252161"/>
                <a:gd name="connsiteY117" fmla="*/ 526211 h 683077"/>
                <a:gd name="connsiteX118" fmla="*/ 1979763 w 3252161"/>
                <a:gd name="connsiteY118" fmla="*/ 526211 h 683077"/>
                <a:gd name="connsiteX119" fmla="*/ 1984076 w 3252161"/>
                <a:gd name="connsiteY119" fmla="*/ 508958 h 683077"/>
                <a:gd name="connsiteX120" fmla="*/ 2001329 w 3252161"/>
                <a:gd name="connsiteY120" fmla="*/ 487392 h 683077"/>
                <a:gd name="connsiteX121" fmla="*/ 2018581 w 3252161"/>
                <a:gd name="connsiteY121" fmla="*/ 491706 h 683077"/>
                <a:gd name="connsiteX122" fmla="*/ 2027208 w 3252161"/>
                <a:gd name="connsiteY122" fmla="*/ 500332 h 683077"/>
                <a:gd name="connsiteX123" fmla="*/ 2040148 w 3252161"/>
                <a:gd name="connsiteY123" fmla="*/ 508958 h 683077"/>
                <a:gd name="connsiteX124" fmla="*/ 2122098 w 3252161"/>
                <a:gd name="connsiteY124" fmla="*/ 504645 h 683077"/>
                <a:gd name="connsiteX125" fmla="*/ 2130725 w 3252161"/>
                <a:gd name="connsiteY125" fmla="*/ 496019 h 683077"/>
                <a:gd name="connsiteX126" fmla="*/ 2135038 w 3252161"/>
                <a:gd name="connsiteY126" fmla="*/ 461513 h 683077"/>
                <a:gd name="connsiteX127" fmla="*/ 2139351 w 3252161"/>
                <a:gd name="connsiteY127" fmla="*/ 439947 h 683077"/>
                <a:gd name="connsiteX128" fmla="*/ 2143664 w 3252161"/>
                <a:gd name="connsiteY128" fmla="*/ 427007 h 683077"/>
                <a:gd name="connsiteX129" fmla="*/ 2100532 w 3252161"/>
                <a:gd name="connsiteY129" fmla="*/ 418381 h 683077"/>
                <a:gd name="connsiteX130" fmla="*/ 2083280 w 3252161"/>
                <a:gd name="connsiteY130" fmla="*/ 414068 h 683077"/>
                <a:gd name="connsiteX131" fmla="*/ 2096219 w 3252161"/>
                <a:gd name="connsiteY131" fmla="*/ 409755 h 683077"/>
                <a:gd name="connsiteX132" fmla="*/ 2311880 w 3252161"/>
                <a:gd name="connsiteY132" fmla="*/ 401128 h 683077"/>
                <a:gd name="connsiteX133" fmla="*/ 2333446 w 3252161"/>
                <a:gd name="connsiteY133" fmla="*/ 388189 h 683077"/>
                <a:gd name="connsiteX134" fmla="*/ 2424023 w 3252161"/>
                <a:gd name="connsiteY134" fmla="*/ 375249 h 683077"/>
                <a:gd name="connsiteX135" fmla="*/ 2454215 w 3252161"/>
                <a:gd name="connsiteY135" fmla="*/ 366622 h 683077"/>
                <a:gd name="connsiteX136" fmla="*/ 2467155 w 3252161"/>
                <a:gd name="connsiteY136" fmla="*/ 362309 h 683077"/>
                <a:gd name="connsiteX137" fmla="*/ 2695755 w 3252161"/>
                <a:gd name="connsiteY137" fmla="*/ 353683 h 683077"/>
                <a:gd name="connsiteX138" fmla="*/ 2708695 w 3252161"/>
                <a:gd name="connsiteY138" fmla="*/ 349370 h 683077"/>
                <a:gd name="connsiteX139" fmla="*/ 2725948 w 3252161"/>
                <a:gd name="connsiteY139" fmla="*/ 332117 h 683077"/>
                <a:gd name="connsiteX140" fmla="*/ 2751827 w 3252161"/>
                <a:gd name="connsiteY140" fmla="*/ 323490 h 683077"/>
                <a:gd name="connsiteX141" fmla="*/ 2764766 w 3252161"/>
                <a:gd name="connsiteY141" fmla="*/ 319177 h 683077"/>
                <a:gd name="connsiteX142" fmla="*/ 2794959 w 3252161"/>
                <a:gd name="connsiteY142" fmla="*/ 306238 h 683077"/>
                <a:gd name="connsiteX143" fmla="*/ 2825151 w 3252161"/>
                <a:gd name="connsiteY143" fmla="*/ 297611 h 683077"/>
                <a:gd name="connsiteX144" fmla="*/ 2842404 w 3252161"/>
                <a:gd name="connsiteY144" fmla="*/ 293298 h 683077"/>
                <a:gd name="connsiteX145" fmla="*/ 2838091 w 3252161"/>
                <a:gd name="connsiteY145" fmla="*/ 271732 h 683077"/>
                <a:gd name="connsiteX146" fmla="*/ 2725948 w 3252161"/>
                <a:gd name="connsiteY146" fmla="*/ 276045 h 683077"/>
                <a:gd name="connsiteX147" fmla="*/ 2704381 w 3252161"/>
                <a:gd name="connsiteY147" fmla="*/ 280358 h 683077"/>
                <a:gd name="connsiteX148" fmla="*/ 2678502 w 3252161"/>
                <a:gd name="connsiteY148" fmla="*/ 284672 h 683077"/>
                <a:gd name="connsiteX149" fmla="*/ 2557732 w 3252161"/>
                <a:gd name="connsiteY149" fmla="*/ 288985 h 683077"/>
                <a:gd name="connsiteX150" fmla="*/ 2471468 w 3252161"/>
                <a:gd name="connsiteY150" fmla="*/ 293298 h 683077"/>
                <a:gd name="connsiteX151" fmla="*/ 2445589 w 3252161"/>
                <a:gd name="connsiteY151" fmla="*/ 301924 h 683077"/>
                <a:gd name="connsiteX152" fmla="*/ 2281687 w 3252161"/>
                <a:gd name="connsiteY152" fmla="*/ 310551 h 683077"/>
                <a:gd name="connsiteX153" fmla="*/ 2255808 w 3252161"/>
                <a:gd name="connsiteY153" fmla="*/ 314864 h 683077"/>
                <a:gd name="connsiteX154" fmla="*/ 2204049 w 3252161"/>
                <a:gd name="connsiteY154" fmla="*/ 319177 h 683077"/>
                <a:gd name="connsiteX155" fmla="*/ 2173857 w 3252161"/>
                <a:gd name="connsiteY155" fmla="*/ 327804 h 683077"/>
                <a:gd name="connsiteX156" fmla="*/ 2147978 w 3252161"/>
                <a:gd name="connsiteY156" fmla="*/ 340743 h 683077"/>
                <a:gd name="connsiteX157" fmla="*/ 2135038 w 3252161"/>
                <a:gd name="connsiteY157" fmla="*/ 349370 h 683077"/>
                <a:gd name="connsiteX158" fmla="*/ 2104846 w 3252161"/>
                <a:gd name="connsiteY158" fmla="*/ 357996 h 683077"/>
                <a:gd name="connsiteX159" fmla="*/ 2091906 w 3252161"/>
                <a:gd name="connsiteY159" fmla="*/ 362309 h 683077"/>
                <a:gd name="connsiteX160" fmla="*/ 1940944 w 3252161"/>
                <a:gd name="connsiteY160" fmla="*/ 357996 h 683077"/>
                <a:gd name="connsiteX161" fmla="*/ 1915064 w 3252161"/>
                <a:gd name="connsiteY161" fmla="*/ 349370 h 683077"/>
                <a:gd name="connsiteX162" fmla="*/ 1880559 w 3252161"/>
                <a:gd name="connsiteY162" fmla="*/ 332117 h 683077"/>
                <a:gd name="connsiteX163" fmla="*/ 1867619 w 3252161"/>
                <a:gd name="connsiteY163" fmla="*/ 327804 h 683077"/>
                <a:gd name="connsiteX164" fmla="*/ 1397480 w 3252161"/>
                <a:gd name="connsiteY164" fmla="*/ 332117 h 683077"/>
                <a:gd name="connsiteX165" fmla="*/ 1337095 w 3252161"/>
                <a:gd name="connsiteY165" fmla="*/ 345056 h 683077"/>
                <a:gd name="connsiteX166" fmla="*/ 1328468 w 3252161"/>
                <a:gd name="connsiteY166" fmla="*/ 353683 h 683077"/>
                <a:gd name="connsiteX167" fmla="*/ 1315529 w 3252161"/>
                <a:gd name="connsiteY167" fmla="*/ 357996 h 683077"/>
                <a:gd name="connsiteX168" fmla="*/ 1220638 w 3252161"/>
                <a:gd name="connsiteY168" fmla="*/ 362309 h 683077"/>
                <a:gd name="connsiteX169" fmla="*/ 1155940 w 3252161"/>
                <a:gd name="connsiteY169" fmla="*/ 370936 h 683077"/>
                <a:gd name="connsiteX170" fmla="*/ 1073989 w 3252161"/>
                <a:gd name="connsiteY170" fmla="*/ 379562 h 683077"/>
                <a:gd name="connsiteX171" fmla="*/ 1035170 w 3252161"/>
                <a:gd name="connsiteY171" fmla="*/ 388189 h 683077"/>
                <a:gd name="connsiteX172" fmla="*/ 1000664 w 3252161"/>
                <a:gd name="connsiteY172" fmla="*/ 392502 h 683077"/>
                <a:gd name="connsiteX173" fmla="*/ 776378 w 3252161"/>
                <a:gd name="connsiteY173" fmla="*/ 396815 h 683077"/>
                <a:gd name="connsiteX174" fmla="*/ 595223 w 3252161"/>
                <a:gd name="connsiteY174" fmla="*/ 396815 h 683077"/>
                <a:gd name="connsiteX175" fmla="*/ 569344 w 3252161"/>
                <a:gd name="connsiteY175" fmla="*/ 388189 h 683077"/>
                <a:gd name="connsiteX176" fmla="*/ 590910 w 3252161"/>
                <a:gd name="connsiteY176" fmla="*/ 375249 h 683077"/>
                <a:gd name="connsiteX177" fmla="*/ 603849 w 3252161"/>
                <a:gd name="connsiteY177" fmla="*/ 370936 h 683077"/>
                <a:gd name="connsiteX178" fmla="*/ 715993 w 3252161"/>
                <a:gd name="connsiteY178" fmla="*/ 366622 h 683077"/>
                <a:gd name="connsiteX179" fmla="*/ 733246 w 3252161"/>
                <a:gd name="connsiteY179" fmla="*/ 345056 h 683077"/>
                <a:gd name="connsiteX180" fmla="*/ 746185 w 3252161"/>
                <a:gd name="connsiteY180" fmla="*/ 332117 h 683077"/>
                <a:gd name="connsiteX181" fmla="*/ 772064 w 3252161"/>
                <a:gd name="connsiteY181" fmla="*/ 314864 h 683077"/>
                <a:gd name="connsiteX182" fmla="*/ 914400 w 3252161"/>
                <a:gd name="connsiteY182" fmla="*/ 306238 h 683077"/>
                <a:gd name="connsiteX183" fmla="*/ 927340 w 3252161"/>
                <a:gd name="connsiteY183" fmla="*/ 280358 h 683077"/>
                <a:gd name="connsiteX184" fmla="*/ 923027 w 3252161"/>
                <a:gd name="connsiteY184" fmla="*/ 263106 h 683077"/>
                <a:gd name="connsiteX185" fmla="*/ 897148 w 3252161"/>
                <a:gd name="connsiteY185" fmla="*/ 254479 h 683077"/>
                <a:gd name="connsiteX186" fmla="*/ 884208 w 3252161"/>
                <a:gd name="connsiteY186" fmla="*/ 250166 h 683077"/>
                <a:gd name="connsiteX187" fmla="*/ 875581 w 3252161"/>
                <a:gd name="connsiteY187" fmla="*/ 241539 h 683077"/>
                <a:gd name="connsiteX188" fmla="*/ 862642 w 3252161"/>
                <a:gd name="connsiteY188" fmla="*/ 237226 h 683077"/>
                <a:gd name="connsiteX189" fmla="*/ 759125 w 3252161"/>
                <a:gd name="connsiteY189" fmla="*/ 241539 h 683077"/>
                <a:gd name="connsiteX190" fmla="*/ 724619 w 3252161"/>
                <a:gd name="connsiteY190" fmla="*/ 245853 h 683077"/>
                <a:gd name="connsiteX191" fmla="*/ 698740 w 3252161"/>
                <a:gd name="connsiteY191" fmla="*/ 254479 h 683077"/>
                <a:gd name="connsiteX192" fmla="*/ 517585 w 3252161"/>
                <a:gd name="connsiteY192" fmla="*/ 258792 h 683077"/>
                <a:gd name="connsiteX193" fmla="*/ 431321 w 3252161"/>
                <a:gd name="connsiteY193" fmla="*/ 271732 h 683077"/>
                <a:gd name="connsiteX194" fmla="*/ 392502 w 3252161"/>
                <a:gd name="connsiteY194" fmla="*/ 276045 h 683077"/>
                <a:gd name="connsiteX195" fmla="*/ 73325 w 3252161"/>
                <a:gd name="connsiteY195" fmla="*/ 271732 h 683077"/>
                <a:gd name="connsiteX196" fmla="*/ 64698 w 3252161"/>
                <a:gd name="connsiteY196" fmla="*/ 263106 h 683077"/>
                <a:gd name="connsiteX197" fmla="*/ 60385 w 3252161"/>
                <a:gd name="connsiteY197" fmla="*/ 232913 h 683077"/>
                <a:gd name="connsiteX198" fmla="*/ 51759 w 3252161"/>
                <a:gd name="connsiteY198" fmla="*/ 207034 h 683077"/>
                <a:gd name="connsiteX199" fmla="*/ 56072 w 3252161"/>
                <a:gd name="connsiteY199" fmla="*/ 163902 h 683077"/>
                <a:gd name="connsiteX200" fmla="*/ 69012 w 3252161"/>
                <a:gd name="connsiteY200" fmla="*/ 159589 h 683077"/>
                <a:gd name="connsiteX201" fmla="*/ 237227 w 3252161"/>
                <a:gd name="connsiteY201" fmla="*/ 155275 h 683077"/>
                <a:gd name="connsiteX202" fmla="*/ 288985 w 3252161"/>
                <a:gd name="connsiteY202" fmla="*/ 138022 h 683077"/>
                <a:gd name="connsiteX203" fmla="*/ 301925 w 3252161"/>
                <a:gd name="connsiteY203" fmla="*/ 133709 h 683077"/>
                <a:gd name="connsiteX204" fmla="*/ 444261 w 3252161"/>
                <a:gd name="connsiteY204" fmla="*/ 129396 h 683077"/>
                <a:gd name="connsiteX205" fmla="*/ 418381 w 3252161"/>
                <a:gd name="connsiteY205" fmla="*/ 120770 h 683077"/>
                <a:gd name="connsiteX206" fmla="*/ 396815 w 3252161"/>
                <a:gd name="connsiteY206" fmla="*/ 107830 h 683077"/>
                <a:gd name="connsiteX207" fmla="*/ 388189 w 3252161"/>
                <a:gd name="connsiteY207" fmla="*/ 73324 h 683077"/>
                <a:gd name="connsiteX208" fmla="*/ 379563 w 3252161"/>
                <a:gd name="connsiteY208" fmla="*/ 60385 h 683077"/>
                <a:gd name="connsiteX209" fmla="*/ 370936 w 3252161"/>
                <a:gd name="connsiteY209" fmla="*/ 51758 h 683077"/>
                <a:gd name="connsiteX210" fmla="*/ 345057 w 3252161"/>
                <a:gd name="connsiteY210" fmla="*/ 43132 h 683077"/>
                <a:gd name="connsiteX211" fmla="*/ 332117 w 3252161"/>
                <a:gd name="connsiteY211" fmla="*/ 38819 h 683077"/>
                <a:gd name="connsiteX212" fmla="*/ 323491 w 3252161"/>
                <a:gd name="connsiteY212" fmla="*/ 30192 h 683077"/>
                <a:gd name="connsiteX213" fmla="*/ 327804 w 3252161"/>
                <a:gd name="connsiteY213" fmla="*/ 17253 h 683077"/>
                <a:gd name="connsiteX214" fmla="*/ 280359 w 3252161"/>
                <a:gd name="connsiteY214" fmla="*/ 12939 h 683077"/>
                <a:gd name="connsiteX215" fmla="*/ 228600 w 3252161"/>
                <a:gd name="connsiteY215" fmla="*/ 17253 h 683077"/>
                <a:gd name="connsiteX216" fmla="*/ 202721 w 3252161"/>
                <a:gd name="connsiteY216" fmla="*/ 25879 h 683077"/>
                <a:gd name="connsiteX217" fmla="*/ 107831 w 3252161"/>
                <a:gd name="connsiteY217" fmla="*/ 21566 h 683077"/>
                <a:gd name="connsiteX218" fmla="*/ 103517 w 3252161"/>
                <a:gd name="connsiteY218" fmla="*/ 4313 h 683077"/>
                <a:gd name="connsiteX219" fmla="*/ 34506 w 3252161"/>
                <a:gd name="connsiteY219" fmla="*/ 8626 h 683077"/>
                <a:gd name="connsiteX220" fmla="*/ 12940 w 3252161"/>
                <a:gd name="connsiteY220" fmla="*/ 12939 h 683077"/>
                <a:gd name="connsiteX221" fmla="*/ 0 w 3252161"/>
                <a:gd name="connsiteY221" fmla="*/ 0 h 683077"/>
                <a:gd name="connsiteX222" fmla="*/ 34506 w 3252161"/>
                <a:gd name="connsiteY222"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39815 w 3252161"/>
                <a:gd name="connsiteY37" fmla="*/ 526211 h 683077"/>
                <a:gd name="connsiteX38" fmla="*/ 1548442 w 3252161"/>
                <a:gd name="connsiteY38" fmla="*/ 543464 h 683077"/>
                <a:gd name="connsiteX39" fmla="*/ 1570008 w 3252161"/>
                <a:gd name="connsiteY39" fmla="*/ 560717 h 683077"/>
                <a:gd name="connsiteX40" fmla="*/ 1595887 w 3252161"/>
                <a:gd name="connsiteY40" fmla="*/ 577970 h 683077"/>
                <a:gd name="connsiteX41" fmla="*/ 1604514 w 3252161"/>
                <a:gd name="connsiteY41" fmla="*/ 586596 h 683077"/>
                <a:gd name="connsiteX42" fmla="*/ 1742536 w 3252161"/>
                <a:gd name="connsiteY42" fmla="*/ 590909 h 683077"/>
                <a:gd name="connsiteX43" fmla="*/ 1979763 w 3252161"/>
                <a:gd name="connsiteY43" fmla="*/ 599536 h 683077"/>
                <a:gd name="connsiteX44" fmla="*/ 2001329 w 3252161"/>
                <a:gd name="connsiteY44" fmla="*/ 603849 h 683077"/>
                <a:gd name="connsiteX45" fmla="*/ 2031521 w 3252161"/>
                <a:gd name="connsiteY45" fmla="*/ 608162 h 683077"/>
                <a:gd name="connsiteX46" fmla="*/ 2286000 w 3252161"/>
                <a:gd name="connsiteY46" fmla="*/ 608162 h 683077"/>
                <a:gd name="connsiteX47" fmla="*/ 2311880 w 3252161"/>
                <a:gd name="connsiteY47" fmla="*/ 599536 h 683077"/>
                <a:gd name="connsiteX48" fmla="*/ 2333446 w 3252161"/>
                <a:gd name="connsiteY48" fmla="*/ 595222 h 683077"/>
                <a:gd name="connsiteX49" fmla="*/ 2467155 w 3252161"/>
                <a:gd name="connsiteY49" fmla="*/ 599536 h 683077"/>
                <a:gd name="connsiteX50" fmla="*/ 2484408 w 3252161"/>
                <a:gd name="connsiteY50" fmla="*/ 603849 h 683077"/>
                <a:gd name="connsiteX51" fmla="*/ 2566359 w 3252161"/>
                <a:gd name="connsiteY51" fmla="*/ 608162 h 683077"/>
                <a:gd name="connsiteX52" fmla="*/ 2609491 w 3252161"/>
                <a:gd name="connsiteY52" fmla="*/ 616789 h 683077"/>
                <a:gd name="connsiteX53" fmla="*/ 2626744 w 3252161"/>
                <a:gd name="connsiteY53" fmla="*/ 621102 h 683077"/>
                <a:gd name="connsiteX54" fmla="*/ 2665563 w 3252161"/>
                <a:gd name="connsiteY54" fmla="*/ 638355 h 683077"/>
                <a:gd name="connsiteX55" fmla="*/ 2704381 w 3252161"/>
                <a:gd name="connsiteY55" fmla="*/ 655607 h 683077"/>
                <a:gd name="connsiteX56" fmla="*/ 2717321 w 3252161"/>
                <a:gd name="connsiteY56" fmla="*/ 664234 h 683077"/>
                <a:gd name="connsiteX57" fmla="*/ 2954548 w 3252161"/>
                <a:gd name="connsiteY57" fmla="*/ 655607 h 683077"/>
                <a:gd name="connsiteX58" fmla="*/ 3148642 w 3252161"/>
                <a:gd name="connsiteY58" fmla="*/ 655607 h 683077"/>
                <a:gd name="connsiteX59" fmla="*/ 3187461 w 3252161"/>
                <a:gd name="connsiteY59" fmla="*/ 642668 h 683077"/>
                <a:gd name="connsiteX60" fmla="*/ 3226280 w 3252161"/>
                <a:gd name="connsiteY60" fmla="*/ 638355 h 683077"/>
                <a:gd name="connsiteX61" fmla="*/ 3221966 w 3252161"/>
                <a:gd name="connsiteY61" fmla="*/ 616789 h 683077"/>
                <a:gd name="connsiteX62" fmla="*/ 3200400 w 3252161"/>
                <a:gd name="connsiteY62" fmla="*/ 599536 h 683077"/>
                <a:gd name="connsiteX63" fmla="*/ 3174521 w 3252161"/>
                <a:gd name="connsiteY63" fmla="*/ 590909 h 683077"/>
                <a:gd name="connsiteX64" fmla="*/ 2915729 w 3252161"/>
                <a:gd name="connsiteY64" fmla="*/ 595222 h 683077"/>
                <a:gd name="connsiteX65" fmla="*/ 2829464 w 3252161"/>
                <a:gd name="connsiteY65" fmla="*/ 586596 h 683077"/>
                <a:gd name="connsiteX66" fmla="*/ 2820838 w 3252161"/>
                <a:gd name="connsiteY66" fmla="*/ 573656 h 683077"/>
                <a:gd name="connsiteX67" fmla="*/ 2851031 w 3252161"/>
                <a:gd name="connsiteY67" fmla="*/ 543464 h 683077"/>
                <a:gd name="connsiteX68" fmla="*/ 3075317 w 3252161"/>
                <a:gd name="connsiteY68" fmla="*/ 539151 h 683077"/>
                <a:gd name="connsiteX69" fmla="*/ 3088257 w 3252161"/>
                <a:gd name="connsiteY69" fmla="*/ 534838 h 683077"/>
                <a:gd name="connsiteX70" fmla="*/ 3105510 w 3252161"/>
                <a:gd name="connsiteY70" fmla="*/ 517585 h 683077"/>
                <a:gd name="connsiteX71" fmla="*/ 3178834 w 3252161"/>
                <a:gd name="connsiteY71" fmla="*/ 504645 h 683077"/>
                <a:gd name="connsiteX72" fmla="*/ 3187461 w 3252161"/>
                <a:gd name="connsiteY72" fmla="*/ 496019 h 683077"/>
                <a:gd name="connsiteX73" fmla="*/ 3191774 w 3252161"/>
                <a:gd name="connsiteY73" fmla="*/ 483079 h 683077"/>
                <a:gd name="connsiteX74" fmla="*/ 3204714 w 3252161"/>
                <a:gd name="connsiteY74" fmla="*/ 478766 h 683077"/>
                <a:gd name="connsiteX75" fmla="*/ 3196087 w 3252161"/>
                <a:gd name="connsiteY75" fmla="*/ 470139 h 683077"/>
                <a:gd name="connsiteX76" fmla="*/ 2846717 w 3252161"/>
                <a:gd name="connsiteY76" fmla="*/ 478766 h 683077"/>
                <a:gd name="connsiteX77" fmla="*/ 2820838 w 3252161"/>
                <a:gd name="connsiteY77" fmla="*/ 487392 h 683077"/>
                <a:gd name="connsiteX78" fmla="*/ 2807898 w 3252161"/>
                <a:gd name="connsiteY78" fmla="*/ 496019 h 683077"/>
                <a:gd name="connsiteX79" fmla="*/ 2743200 w 3252161"/>
                <a:gd name="connsiteY79" fmla="*/ 500332 h 683077"/>
                <a:gd name="connsiteX80" fmla="*/ 2691442 w 3252161"/>
                <a:gd name="connsiteY80" fmla="*/ 517585 h 683077"/>
                <a:gd name="connsiteX81" fmla="*/ 2678502 w 3252161"/>
                <a:gd name="connsiteY81" fmla="*/ 521898 h 683077"/>
                <a:gd name="connsiteX82" fmla="*/ 2540480 w 3252161"/>
                <a:gd name="connsiteY82" fmla="*/ 530524 h 683077"/>
                <a:gd name="connsiteX83" fmla="*/ 2303253 w 3252161"/>
                <a:gd name="connsiteY83" fmla="*/ 539151 h 683077"/>
                <a:gd name="connsiteX84" fmla="*/ 2225615 w 3252161"/>
                <a:gd name="connsiteY84" fmla="*/ 534838 h 683077"/>
                <a:gd name="connsiteX85" fmla="*/ 2216989 w 3252161"/>
                <a:gd name="connsiteY85" fmla="*/ 526211 h 683077"/>
                <a:gd name="connsiteX86" fmla="*/ 2147978 w 3252161"/>
                <a:gd name="connsiteY86" fmla="*/ 521898 h 683077"/>
                <a:gd name="connsiteX87" fmla="*/ 2135038 w 3252161"/>
                <a:gd name="connsiteY87" fmla="*/ 526211 h 683077"/>
                <a:gd name="connsiteX88" fmla="*/ 2126412 w 3252161"/>
                <a:gd name="connsiteY88" fmla="*/ 534838 h 683077"/>
                <a:gd name="connsiteX89" fmla="*/ 2053087 w 3252161"/>
                <a:gd name="connsiteY89" fmla="*/ 539151 h 683077"/>
                <a:gd name="connsiteX90" fmla="*/ 2040148 w 3252161"/>
                <a:gd name="connsiteY90" fmla="*/ 543464 h 683077"/>
                <a:gd name="connsiteX91" fmla="*/ 2022895 w 3252161"/>
                <a:gd name="connsiteY91" fmla="*/ 560717 h 683077"/>
                <a:gd name="connsiteX92" fmla="*/ 2014268 w 3252161"/>
                <a:gd name="connsiteY92" fmla="*/ 569343 h 683077"/>
                <a:gd name="connsiteX93" fmla="*/ 2001329 w 3252161"/>
                <a:gd name="connsiteY93" fmla="*/ 573656 h 683077"/>
                <a:gd name="connsiteX94" fmla="*/ 1686464 w 3252161"/>
                <a:gd name="connsiteY94" fmla="*/ 569343 h 683077"/>
                <a:gd name="connsiteX95" fmla="*/ 1673525 w 3252161"/>
                <a:gd name="connsiteY95" fmla="*/ 565030 h 683077"/>
                <a:gd name="connsiteX96" fmla="*/ 1651959 w 3252161"/>
                <a:gd name="connsiteY96" fmla="*/ 552090 h 683077"/>
                <a:gd name="connsiteX97" fmla="*/ 1634706 w 3252161"/>
                <a:gd name="connsiteY97" fmla="*/ 530524 h 683077"/>
                <a:gd name="connsiteX98" fmla="*/ 1630393 w 3252161"/>
                <a:gd name="connsiteY98" fmla="*/ 517585 h 683077"/>
                <a:gd name="connsiteX99" fmla="*/ 1634706 w 3252161"/>
                <a:gd name="connsiteY99" fmla="*/ 504645 h 683077"/>
                <a:gd name="connsiteX100" fmla="*/ 1664898 w 3252161"/>
                <a:gd name="connsiteY100" fmla="*/ 491706 h 683077"/>
                <a:gd name="connsiteX101" fmla="*/ 1669212 w 3252161"/>
                <a:gd name="connsiteY101" fmla="*/ 478766 h 683077"/>
                <a:gd name="connsiteX102" fmla="*/ 1660585 w 3252161"/>
                <a:gd name="connsiteY102" fmla="*/ 470139 h 683077"/>
                <a:gd name="connsiteX103" fmla="*/ 1621766 w 3252161"/>
                <a:gd name="connsiteY103" fmla="*/ 465826 h 683077"/>
                <a:gd name="connsiteX104" fmla="*/ 1613140 w 3252161"/>
                <a:gd name="connsiteY104" fmla="*/ 452887 h 683077"/>
                <a:gd name="connsiteX105" fmla="*/ 1617453 w 3252161"/>
                <a:gd name="connsiteY105" fmla="*/ 427007 h 683077"/>
                <a:gd name="connsiteX106" fmla="*/ 1630393 w 3252161"/>
                <a:gd name="connsiteY106" fmla="*/ 383875 h 683077"/>
                <a:gd name="connsiteX107" fmla="*/ 1643332 w 3252161"/>
                <a:gd name="connsiteY107" fmla="*/ 370936 h 683077"/>
                <a:gd name="connsiteX108" fmla="*/ 1807234 w 3252161"/>
                <a:gd name="connsiteY108" fmla="*/ 375249 h 683077"/>
                <a:gd name="connsiteX109" fmla="*/ 1846053 w 3252161"/>
                <a:gd name="connsiteY109" fmla="*/ 388189 h 683077"/>
                <a:gd name="connsiteX110" fmla="*/ 1858993 w 3252161"/>
                <a:gd name="connsiteY110" fmla="*/ 392502 h 683077"/>
                <a:gd name="connsiteX111" fmla="*/ 1876246 w 3252161"/>
                <a:gd name="connsiteY111" fmla="*/ 431321 h 683077"/>
                <a:gd name="connsiteX112" fmla="*/ 1884872 w 3252161"/>
                <a:gd name="connsiteY112" fmla="*/ 465826 h 683077"/>
                <a:gd name="connsiteX113" fmla="*/ 1893498 w 3252161"/>
                <a:gd name="connsiteY113" fmla="*/ 474453 h 683077"/>
                <a:gd name="connsiteX114" fmla="*/ 1919378 w 3252161"/>
                <a:gd name="connsiteY114" fmla="*/ 504645 h 683077"/>
                <a:gd name="connsiteX115" fmla="*/ 1928004 w 3252161"/>
                <a:gd name="connsiteY115" fmla="*/ 513272 h 683077"/>
                <a:gd name="connsiteX116" fmla="*/ 1932317 w 3252161"/>
                <a:gd name="connsiteY116" fmla="*/ 526211 h 683077"/>
                <a:gd name="connsiteX117" fmla="*/ 1979763 w 3252161"/>
                <a:gd name="connsiteY117" fmla="*/ 526211 h 683077"/>
                <a:gd name="connsiteX118" fmla="*/ 1984076 w 3252161"/>
                <a:gd name="connsiteY118" fmla="*/ 508958 h 683077"/>
                <a:gd name="connsiteX119" fmla="*/ 2001329 w 3252161"/>
                <a:gd name="connsiteY119" fmla="*/ 487392 h 683077"/>
                <a:gd name="connsiteX120" fmla="*/ 2018581 w 3252161"/>
                <a:gd name="connsiteY120" fmla="*/ 491706 h 683077"/>
                <a:gd name="connsiteX121" fmla="*/ 2027208 w 3252161"/>
                <a:gd name="connsiteY121" fmla="*/ 500332 h 683077"/>
                <a:gd name="connsiteX122" fmla="*/ 2040148 w 3252161"/>
                <a:gd name="connsiteY122" fmla="*/ 508958 h 683077"/>
                <a:gd name="connsiteX123" fmla="*/ 2122098 w 3252161"/>
                <a:gd name="connsiteY123" fmla="*/ 504645 h 683077"/>
                <a:gd name="connsiteX124" fmla="*/ 2130725 w 3252161"/>
                <a:gd name="connsiteY124" fmla="*/ 496019 h 683077"/>
                <a:gd name="connsiteX125" fmla="*/ 2135038 w 3252161"/>
                <a:gd name="connsiteY125" fmla="*/ 461513 h 683077"/>
                <a:gd name="connsiteX126" fmla="*/ 2139351 w 3252161"/>
                <a:gd name="connsiteY126" fmla="*/ 439947 h 683077"/>
                <a:gd name="connsiteX127" fmla="*/ 2143664 w 3252161"/>
                <a:gd name="connsiteY127" fmla="*/ 427007 h 683077"/>
                <a:gd name="connsiteX128" fmla="*/ 2100532 w 3252161"/>
                <a:gd name="connsiteY128" fmla="*/ 418381 h 683077"/>
                <a:gd name="connsiteX129" fmla="*/ 2083280 w 3252161"/>
                <a:gd name="connsiteY129" fmla="*/ 414068 h 683077"/>
                <a:gd name="connsiteX130" fmla="*/ 2096219 w 3252161"/>
                <a:gd name="connsiteY130" fmla="*/ 409755 h 683077"/>
                <a:gd name="connsiteX131" fmla="*/ 2311880 w 3252161"/>
                <a:gd name="connsiteY131" fmla="*/ 401128 h 683077"/>
                <a:gd name="connsiteX132" fmla="*/ 2333446 w 3252161"/>
                <a:gd name="connsiteY132" fmla="*/ 388189 h 683077"/>
                <a:gd name="connsiteX133" fmla="*/ 2424023 w 3252161"/>
                <a:gd name="connsiteY133" fmla="*/ 375249 h 683077"/>
                <a:gd name="connsiteX134" fmla="*/ 2454215 w 3252161"/>
                <a:gd name="connsiteY134" fmla="*/ 366622 h 683077"/>
                <a:gd name="connsiteX135" fmla="*/ 2467155 w 3252161"/>
                <a:gd name="connsiteY135" fmla="*/ 362309 h 683077"/>
                <a:gd name="connsiteX136" fmla="*/ 2695755 w 3252161"/>
                <a:gd name="connsiteY136" fmla="*/ 353683 h 683077"/>
                <a:gd name="connsiteX137" fmla="*/ 2708695 w 3252161"/>
                <a:gd name="connsiteY137" fmla="*/ 349370 h 683077"/>
                <a:gd name="connsiteX138" fmla="*/ 2725948 w 3252161"/>
                <a:gd name="connsiteY138" fmla="*/ 332117 h 683077"/>
                <a:gd name="connsiteX139" fmla="*/ 2751827 w 3252161"/>
                <a:gd name="connsiteY139" fmla="*/ 323490 h 683077"/>
                <a:gd name="connsiteX140" fmla="*/ 2764766 w 3252161"/>
                <a:gd name="connsiteY140" fmla="*/ 319177 h 683077"/>
                <a:gd name="connsiteX141" fmla="*/ 2794959 w 3252161"/>
                <a:gd name="connsiteY141" fmla="*/ 306238 h 683077"/>
                <a:gd name="connsiteX142" fmla="*/ 2825151 w 3252161"/>
                <a:gd name="connsiteY142" fmla="*/ 297611 h 683077"/>
                <a:gd name="connsiteX143" fmla="*/ 2842404 w 3252161"/>
                <a:gd name="connsiteY143" fmla="*/ 293298 h 683077"/>
                <a:gd name="connsiteX144" fmla="*/ 2838091 w 3252161"/>
                <a:gd name="connsiteY144" fmla="*/ 271732 h 683077"/>
                <a:gd name="connsiteX145" fmla="*/ 2725948 w 3252161"/>
                <a:gd name="connsiteY145" fmla="*/ 276045 h 683077"/>
                <a:gd name="connsiteX146" fmla="*/ 2704381 w 3252161"/>
                <a:gd name="connsiteY146" fmla="*/ 280358 h 683077"/>
                <a:gd name="connsiteX147" fmla="*/ 2678502 w 3252161"/>
                <a:gd name="connsiteY147" fmla="*/ 284672 h 683077"/>
                <a:gd name="connsiteX148" fmla="*/ 2557732 w 3252161"/>
                <a:gd name="connsiteY148" fmla="*/ 288985 h 683077"/>
                <a:gd name="connsiteX149" fmla="*/ 2471468 w 3252161"/>
                <a:gd name="connsiteY149" fmla="*/ 293298 h 683077"/>
                <a:gd name="connsiteX150" fmla="*/ 2445589 w 3252161"/>
                <a:gd name="connsiteY150" fmla="*/ 301924 h 683077"/>
                <a:gd name="connsiteX151" fmla="*/ 2281687 w 3252161"/>
                <a:gd name="connsiteY151" fmla="*/ 310551 h 683077"/>
                <a:gd name="connsiteX152" fmla="*/ 2255808 w 3252161"/>
                <a:gd name="connsiteY152" fmla="*/ 314864 h 683077"/>
                <a:gd name="connsiteX153" fmla="*/ 2204049 w 3252161"/>
                <a:gd name="connsiteY153" fmla="*/ 319177 h 683077"/>
                <a:gd name="connsiteX154" fmla="*/ 2173857 w 3252161"/>
                <a:gd name="connsiteY154" fmla="*/ 327804 h 683077"/>
                <a:gd name="connsiteX155" fmla="*/ 2147978 w 3252161"/>
                <a:gd name="connsiteY155" fmla="*/ 340743 h 683077"/>
                <a:gd name="connsiteX156" fmla="*/ 2135038 w 3252161"/>
                <a:gd name="connsiteY156" fmla="*/ 349370 h 683077"/>
                <a:gd name="connsiteX157" fmla="*/ 2104846 w 3252161"/>
                <a:gd name="connsiteY157" fmla="*/ 357996 h 683077"/>
                <a:gd name="connsiteX158" fmla="*/ 2091906 w 3252161"/>
                <a:gd name="connsiteY158" fmla="*/ 362309 h 683077"/>
                <a:gd name="connsiteX159" fmla="*/ 1940944 w 3252161"/>
                <a:gd name="connsiteY159" fmla="*/ 357996 h 683077"/>
                <a:gd name="connsiteX160" fmla="*/ 1915064 w 3252161"/>
                <a:gd name="connsiteY160" fmla="*/ 349370 h 683077"/>
                <a:gd name="connsiteX161" fmla="*/ 1880559 w 3252161"/>
                <a:gd name="connsiteY161" fmla="*/ 332117 h 683077"/>
                <a:gd name="connsiteX162" fmla="*/ 1867619 w 3252161"/>
                <a:gd name="connsiteY162" fmla="*/ 327804 h 683077"/>
                <a:gd name="connsiteX163" fmla="*/ 1397480 w 3252161"/>
                <a:gd name="connsiteY163" fmla="*/ 332117 h 683077"/>
                <a:gd name="connsiteX164" fmla="*/ 1337095 w 3252161"/>
                <a:gd name="connsiteY164" fmla="*/ 345056 h 683077"/>
                <a:gd name="connsiteX165" fmla="*/ 1328468 w 3252161"/>
                <a:gd name="connsiteY165" fmla="*/ 353683 h 683077"/>
                <a:gd name="connsiteX166" fmla="*/ 1315529 w 3252161"/>
                <a:gd name="connsiteY166" fmla="*/ 357996 h 683077"/>
                <a:gd name="connsiteX167" fmla="*/ 1220638 w 3252161"/>
                <a:gd name="connsiteY167" fmla="*/ 362309 h 683077"/>
                <a:gd name="connsiteX168" fmla="*/ 1155940 w 3252161"/>
                <a:gd name="connsiteY168" fmla="*/ 370936 h 683077"/>
                <a:gd name="connsiteX169" fmla="*/ 1073989 w 3252161"/>
                <a:gd name="connsiteY169" fmla="*/ 379562 h 683077"/>
                <a:gd name="connsiteX170" fmla="*/ 1035170 w 3252161"/>
                <a:gd name="connsiteY170" fmla="*/ 388189 h 683077"/>
                <a:gd name="connsiteX171" fmla="*/ 1000664 w 3252161"/>
                <a:gd name="connsiteY171" fmla="*/ 392502 h 683077"/>
                <a:gd name="connsiteX172" fmla="*/ 776378 w 3252161"/>
                <a:gd name="connsiteY172" fmla="*/ 396815 h 683077"/>
                <a:gd name="connsiteX173" fmla="*/ 595223 w 3252161"/>
                <a:gd name="connsiteY173" fmla="*/ 396815 h 683077"/>
                <a:gd name="connsiteX174" fmla="*/ 569344 w 3252161"/>
                <a:gd name="connsiteY174" fmla="*/ 388189 h 683077"/>
                <a:gd name="connsiteX175" fmla="*/ 590910 w 3252161"/>
                <a:gd name="connsiteY175" fmla="*/ 375249 h 683077"/>
                <a:gd name="connsiteX176" fmla="*/ 603849 w 3252161"/>
                <a:gd name="connsiteY176" fmla="*/ 370936 h 683077"/>
                <a:gd name="connsiteX177" fmla="*/ 715993 w 3252161"/>
                <a:gd name="connsiteY177" fmla="*/ 366622 h 683077"/>
                <a:gd name="connsiteX178" fmla="*/ 733246 w 3252161"/>
                <a:gd name="connsiteY178" fmla="*/ 345056 h 683077"/>
                <a:gd name="connsiteX179" fmla="*/ 746185 w 3252161"/>
                <a:gd name="connsiteY179" fmla="*/ 332117 h 683077"/>
                <a:gd name="connsiteX180" fmla="*/ 772064 w 3252161"/>
                <a:gd name="connsiteY180" fmla="*/ 314864 h 683077"/>
                <a:gd name="connsiteX181" fmla="*/ 914400 w 3252161"/>
                <a:gd name="connsiteY181" fmla="*/ 306238 h 683077"/>
                <a:gd name="connsiteX182" fmla="*/ 927340 w 3252161"/>
                <a:gd name="connsiteY182" fmla="*/ 280358 h 683077"/>
                <a:gd name="connsiteX183" fmla="*/ 923027 w 3252161"/>
                <a:gd name="connsiteY183" fmla="*/ 263106 h 683077"/>
                <a:gd name="connsiteX184" fmla="*/ 897148 w 3252161"/>
                <a:gd name="connsiteY184" fmla="*/ 254479 h 683077"/>
                <a:gd name="connsiteX185" fmla="*/ 884208 w 3252161"/>
                <a:gd name="connsiteY185" fmla="*/ 250166 h 683077"/>
                <a:gd name="connsiteX186" fmla="*/ 875581 w 3252161"/>
                <a:gd name="connsiteY186" fmla="*/ 241539 h 683077"/>
                <a:gd name="connsiteX187" fmla="*/ 862642 w 3252161"/>
                <a:gd name="connsiteY187" fmla="*/ 237226 h 683077"/>
                <a:gd name="connsiteX188" fmla="*/ 759125 w 3252161"/>
                <a:gd name="connsiteY188" fmla="*/ 241539 h 683077"/>
                <a:gd name="connsiteX189" fmla="*/ 724619 w 3252161"/>
                <a:gd name="connsiteY189" fmla="*/ 245853 h 683077"/>
                <a:gd name="connsiteX190" fmla="*/ 698740 w 3252161"/>
                <a:gd name="connsiteY190" fmla="*/ 254479 h 683077"/>
                <a:gd name="connsiteX191" fmla="*/ 517585 w 3252161"/>
                <a:gd name="connsiteY191" fmla="*/ 258792 h 683077"/>
                <a:gd name="connsiteX192" fmla="*/ 431321 w 3252161"/>
                <a:gd name="connsiteY192" fmla="*/ 271732 h 683077"/>
                <a:gd name="connsiteX193" fmla="*/ 392502 w 3252161"/>
                <a:gd name="connsiteY193" fmla="*/ 276045 h 683077"/>
                <a:gd name="connsiteX194" fmla="*/ 73325 w 3252161"/>
                <a:gd name="connsiteY194" fmla="*/ 271732 h 683077"/>
                <a:gd name="connsiteX195" fmla="*/ 64698 w 3252161"/>
                <a:gd name="connsiteY195" fmla="*/ 263106 h 683077"/>
                <a:gd name="connsiteX196" fmla="*/ 60385 w 3252161"/>
                <a:gd name="connsiteY196" fmla="*/ 232913 h 683077"/>
                <a:gd name="connsiteX197" fmla="*/ 51759 w 3252161"/>
                <a:gd name="connsiteY197" fmla="*/ 207034 h 683077"/>
                <a:gd name="connsiteX198" fmla="*/ 56072 w 3252161"/>
                <a:gd name="connsiteY198" fmla="*/ 163902 h 683077"/>
                <a:gd name="connsiteX199" fmla="*/ 69012 w 3252161"/>
                <a:gd name="connsiteY199" fmla="*/ 159589 h 683077"/>
                <a:gd name="connsiteX200" fmla="*/ 237227 w 3252161"/>
                <a:gd name="connsiteY200" fmla="*/ 155275 h 683077"/>
                <a:gd name="connsiteX201" fmla="*/ 288985 w 3252161"/>
                <a:gd name="connsiteY201" fmla="*/ 138022 h 683077"/>
                <a:gd name="connsiteX202" fmla="*/ 301925 w 3252161"/>
                <a:gd name="connsiteY202" fmla="*/ 133709 h 683077"/>
                <a:gd name="connsiteX203" fmla="*/ 444261 w 3252161"/>
                <a:gd name="connsiteY203" fmla="*/ 129396 h 683077"/>
                <a:gd name="connsiteX204" fmla="*/ 418381 w 3252161"/>
                <a:gd name="connsiteY204" fmla="*/ 120770 h 683077"/>
                <a:gd name="connsiteX205" fmla="*/ 396815 w 3252161"/>
                <a:gd name="connsiteY205" fmla="*/ 107830 h 683077"/>
                <a:gd name="connsiteX206" fmla="*/ 388189 w 3252161"/>
                <a:gd name="connsiteY206" fmla="*/ 73324 h 683077"/>
                <a:gd name="connsiteX207" fmla="*/ 379563 w 3252161"/>
                <a:gd name="connsiteY207" fmla="*/ 60385 h 683077"/>
                <a:gd name="connsiteX208" fmla="*/ 370936 w 3252161"/>
                <a:gd name="connsiteY208" fmla="*/ 51758 h 683077"/>
                <a:gd name="connsiteX209" fmla="*/ 345057 w 3252161"/>
                <a:gd name="connsiteY209" fmla="*/ 43132 h 683077"/>
                <a:gd name="connsiteX210" fmla="*/ 332117 w 3252161"/>
                <a:gd name="connsiteY210" fmla="*/ 38819 h 683077"/>
                <a:gd name="connsiteX211" fmla="*/ 323491 w 3252161"/>
                <a:gd name="connsiteY211" fmla="*/ 30192 h 683077"/>
                <a:gd name="connsiteX212" fmla="*/ 327804 w 3252161"/>
                <a:gd name="connsiteY212" fmla="*/ 17253 h 683077"/>
                <a:gd name="connsiteX213" fmla="*/ 280359 w 3252161"/>
                <a:gd name="connsiteY213" fmla="*/ 12939 h 683077"/>
                <a:gd name="connsiteX214" fmla="*/ 228600 w 3252161"/>
                <a:gd name="connsiteY214" fmla="*/ 17253 h 683077"/>
                <a:gd name="connsiteX215" fmla="*/ 202721 w 3252161"/>
                <a:gd name="connsiteY215" fmla="*/ 25879 h 683077"/>
                <a:gd name="connsiteX216" fmla="*/ 107831 w 3252161"/>
                <a:gd name="connsiteY216" fmla="*/ 21566 h 683077"/>
                <a:gd name="connsiteX217" fmla="*/ 103517 w 3252161"/>
                <a:gd name="connsiteY217" fmla="*/ 4313 h 683077"/>
                <a:gd name="connsiteX218" fmla="*/ 34506 w 3252161"/>
                <a:gd name="connsiteY218" fmla="*/ 8626 h 683077"/>
                <a:gd name="connsiteX219" fmla="*/ 12940 w 3252161"/>
                <a:gd name="connsiteY219" fmla="*/ 12939 h 683077"/>
                <a:gd name="connsiteX220" fmla="*/ 0 w 3252161"/>
                <a:gd name="connsiteY220" fmla="*/ 0 h 683077"/>
                <a:gd name="connsiteX221" fmla="*/ 34506 w 3252161"/>
                <a:gd name="connsiteY221"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48442 w 3252161"/>
                <a:gd name="connsiteY37" fmla="*/ 543464 h 683077"/>
                <a:gd name="connsiteX38" fmla="*/ 1570008 w 3252161"/>
                <a:gd name="connsiteY38" fmla="*/ 560717 h 683077"/>
                <a:gd name="connsiteX39" fmla="*/ 1595887 w 3252161"/>
                <a:gd name="connsiteY39" fmla="*/ 577970 h 683077"/>
                <a:gd name="connsiteX40" fmla="*/ 1604514 w 3252161"/>
                <a:gd name="connsiteY40" fmla="*/ 586596 h 683077"/>
                <a:gd name="connsiteX41" fmla="*/ 1742536 w 3252161"/>
                <a:gd name="connsiteY41" fmla="*/ 590909 h 683077"/>
                <a:gd name="connsiteX42" fmla="*/ 1979763 w 3252161"/>
                <a:gd name="connsiteY42" fmla="*/ 599536 h 683077"/>
                <a:gd name="connsiteX43" fmla="*/ 2001329 w 3252161"/>
                <a:gd name="connsiteY43" fmla="*/ 603849 h 683077"/>
                <a:gd name="connsiteX44" fmla="*/ 2031521 w 3252161"/>
                <a:gd name="connsiteY44" fmla="*/ 608162 h 683077"/>
                <a:gd name="connsiteX45" fmla="*/ 2286000 w 3252161"/>
                <a:gd name="connsiteY45" fmla="*/ 608162 h 683077"/>
                <a:gd name="connsiteX46" fmla="*/ 2311880 w 3252161"/>
                <a:gd name="connsiteY46" fmla="*/ 599536 h 683077"/>
                <a:gd name="connsiteX47" fmla="*/ 2333446 w 3252161"/>
                <a:gd name="connsiteY47" fmla="*/ 595222 h 683077"/>
                <a:gd name="connsiteX48" fmla="*/ 2467155 w 3252161"/>
                <a:gd name="connsiteY48" fmla="*/ 599536 h 683077"/>
                <a:gd name="connsiteX49" fmla="*/ 2484408 w 3252161"/>
                <a:gd name="connsiteY49" fmla="*/ 603849 h 683077"/>
                <a:gd name="connsiteX50" fmla="*/ 2566359 w 3252161"/>
                <a:gd name="connsiteY50" fmla="*/ 608162 h 683077"/>
                <a:gd name="connsiteX51" fmla="*/ 2609491 w 3252161"/>
                <a:gd name="connsiteY51" fmla="*/ 616789 h 683077"/>
                <a:gd name="connsiteX52" fmla="*/ 2626744 w 3252161"/>
                <a:gd name="connsiteY52" fmla="*/ 621102 h 683077"/>
                <a:gd name="connsiteX53" fmla="*/ 2665563 w 3252161"/>
                <a:gd name="connsiteY53" fmla="*/ 638355 h 683077"/>
                <a:gd name="connsiteX54" fmla="*/ 2704381 w 3252161"/>
                <a:gd name="connsiteY54" fmla="*/ 655607 h 683077"/>
                <a:gd name="connsiteX55" fmla="*/ 2717321 w 3252161"/>
                <a:gd name="connsiteY55" fmla="*/ 664234 h 683077"/>
                <a:gd name="connsiteX56" fmla="*/ 2954548 w 3252161"/>
                <a:gd name="connsiteY56" fmla="*/ 655607 h 683077"/>
                <a:gd name="connsiteX57" fmla="*/ 3148642 w 3252161"/>
                <a:gd name="connsiteY57" fmla="*/ 655607 h 683077"/>
                <a:gd name="connsiteX58" fmla="*/ 3187461 w 3252161"/>
                <a:gd name="connsiteY58" fmla="*/ 642668 h 683077"/>
                <a:gd name="connsiteX59" fmla="*/ 3226280 w 3252161"/>
                <a:gd name="connsiteY59" fmla="*/ 638355 h 683077"/>
                <a:gd name="connsiteX60" fmla="*/ 3221966 w 3252161"/>
                <a:gd name="connsiteY60" fmla="*/ 616789 h 683077"/>
                <a:gd name="connsiteX61" fmla="*/ 3200400 w 3252161"/>
                <a:gd name="connsiteY61" fmla="*/ 599536 h 683077"/>
                <a:gd name="connsiteX62" fmla="*/ 3174521 w 3252161"/>
                <a:gd name="connsiteY62" fmla="*/ 590909 h 683077"/>
                <a:gd name="connsiteX63" fmla="*/ 2915729 w 3252161"/>
                <a:gd name="connsiteY63" fmla="*/ 595222 h 683077"/>
                <a:gd name="connsiteX64" fmla="*/ 2829464 w 3252161"/>
                <a:gd name="connsiteY64" fmla="*/ 586596 h 683077"/>
                <a:gd name="connsiteX65" fmla="*/ 2820838 w 3252161"/>
                <a:gd name="connsiteY65" fmla="*/ 573656 h 683077"/>
                <a:gd name="connsiteX66" fmla="*/ 2851031 w 3252161"/>
                <a:gd name="connsiteY66" fmla="*/ 543464 h 683077"/>
                <a:gd name="connsiteX67" fmla="*/ 3075317 w 3252161"/>
                <a:gd name="connsiteY67" fmla="*/ 539151 h 683077"/>
                <a:gd name="connsiteX68" fmla="*/ 3088257 w 3252161"/>
                <a:gd name="connsiteY68" fmla="*/ 534838 h 683077"/>
                <a:gd name="connsiteX69" fmla="*/ 3105510 w 3252161"/>
                <a:gd name="connsiteY69" fmla="*/ 517585 h 683077"/>
                <a:gd name="connsiteX70" fmla="*/ 3178834 w 3252161"/>
                <a:gd name="connsiteY70" fmla="*/ 504645 h 683077"/>
                <a:gd name="connsiteX71" fmla="*/ 3187461 w 3252161"/>
                <a:gd name="connsiteY71" fmla="*/ 496019 h 683077"/>
                <a:gd name="connsiteX72" fmla="*/ 3191774 w 3252161"/>
                <a:gd name="connsiteY72" fmla="*/ 483079 h 683077"/>
                <a:gd name="connsiteX73" fmla="*/ 3204714 w 3252161"/>
                <a:gd name="connsiteY73" fmla="*/ 478766 h 683077"/>
                <a:gd name="connsiteX74" fmla="*/ 3196087 w 3252161"/>
                <a:gd name="connsiteY74" fmla="*/ 470139 h 683077"/>
                <a:gd name="connsiteX75" fmla="*/ 2846717 w 3252161"/>
                <a:gd name="connsiteY75" fmla="*/ 478766 h 683077"/>
                <a:gd name="connsiteX76" fmla="*/ 2820838 w 3252161"/>
                <a:gd name="connsiteY76" fmla="*/ 487392 h 683077"/>
                <a:gd name="connsiteX77" fmla="*/ 2807898 w 3252161"/>
                <a:gd name="connsiteY77" fmla="*/ 496019 h 683077"/>
                <a:gd name="connsiteX78" fmla="*/ 2743200 w 3252161"/>
                <a:gd name="connsiteY78" fmla="*/ 500332 h 683077"/>
                <a:gd name="connsiteX79" fmla="*/ 2691442 w 3252161"/>
                <a:gd name="connsiteY79" fmla="*/ 517585 h 683077"/>
                <a:gd name="connsiteX80" fmla="*/ 2678502 w 3252161"/>
                <a:gd name="connsiteY80" fmla="*/ 521898 h 683077"/>
                <a:gd name="connsiteX81" fmla="*/ 2540480 w 3252161"/>
                <a:gd name="connsiteY81" fmla="*/ 530524 h 683077"/>
                <a:gd name="connsiteX82" fmla="*/ 2303253 w 3252161"/>
                <a:gd name="connsiteY82" fmla="*/ 539151 h 683077"/>
                <a:gd name="connsiteX83" fmla="*/ 2225615 w 3252161"/>
                <a:gd name="connsiteY83" fmla="*/ 534838 h 683077"/>
                <a:gd name="connsiteX84" fmla="*/ 2216989 w 3252161"/>
                <a:gd name="connsiteY84" fmla="*/ 526211 h 683077"/>
                <a:gd name="connsiteX85" fmla="*/ 2147978 w 3252161"/>
                <a:gd name="connsiteY85" fmla="*/ 521898 h 683077"/>
                <a:gd name="connsiteX86" fmla="*/ 2135038 w 3252161"/>
                <a:gd name="connsiteY86" fmla="*/ 526211 h 683077"/>
                <a:gd name="connsiteX87" fmla="*/ 2126412 w 3252161"/>
                <a:gd name="connsiteY87" fmla="*/ 534838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2001329 w 3252161"/>
                <a:gd name="connsiteY92" fmla="*/ 573656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39351 w 3252161"/>
                <a:gd name="connsiteY125" fmla="*/ 439947 h 683077"/>
                <a:gd name="connsiteX126" fmla="*/ 2143664 w 3252161"/>
                <a:gd name="connsiteY126" fmla="*/ 427007 h 683077"/>
                <a:gd name="connsiteX127" fmla="*/ 2100532 w 3252161"/>
                <a:gd name="connsiteY127" fmla="*/ 418381 h 683077"/>
                <a:gd name="connsiteX128" fmla="*/ 2083280 w 3252161"/>
                <a:gd name="connsiteY128" fmla="*/ 414068 h 683077"/>
                <a:gd name="connsiteX129" fmla="*/ 2096219 w 3252161"/>
                <a:gd name="connsiteY129" fmla="*/ 409755 h 683077"/>
                <a:gd name="connsiteX130" fmla="*/ 2311880 w 3252161"/>
                <a:gd name="connsiteY130" fmla="*/ 401128 h 683077"/>
                <a:gd name="connsiteX131" fmla="*/ 2333446 w 3252161"/>
                <a:gd name="connsiteY131" fmla="*/ 388189 h 683077"/>
                <a:gd name="connsiteX132" fmla="*/ 2424023 w 3252161"/>
                <a:gd name="connsiteY132" fmla="*/ 375249 h 683077"/>
                <a:gd name="connsiteX133" fmla="*/ 2454215 w 3252161"/>
                <a:gd name="connsiteY133" fmla="*/ 366622 h 683077"/>
                <a:gd name="connsiteX134" fmla="*/ 2467155 w 3252161"/>
                <a:gd name="connsiteY134" fmla="*/ 362309 h 683077"/>
                <a:gd name="connsiteX135" fmla="*/ 2695755 w 3252161"/>
                <a:gd name="connsiteY135" fmla="*/ 353683 h 683077"/>
                <a:gd name="connsiteX136" fmla="*/ 2708695 w 3252161"/>
                <a:gd name="connsiteY136" fmla="*/ 349370 h 683077"/>
                <a:gd name="connsiteX137" fmla="*/ 2725948 w 3252161"/>
                <a:gd name="connsiteY137" fmla="*/ 332117 h 683077"/>
                <a:gd name="connsiteX138" fmla="*/ 2751827 w 3252161"/>
                <a:gd name="connsiteY138" fmla="*/ 323490 h 683077"/>
                <a:gd name="connsiteX139" fmla="*/ 2764766 w 3252161"/>
                <a:gd name="connsiteY139" fmla="*/ 319177 h 683077"/>
                <a:gd name="connsiteX140" fmla="*/ 2794959 w 3252161"/>
                <a:gd name="connsiteY140" fmla="*/ 306238 h 683077"/>
                <a:gd name="connsiteX141" fmla="*/ 2825151 w 3252161"/>
                <a:gd name="connsiteY141" fmla="*/ 297611 h 683077"/>
                <a:gd name="connsiteX142" fmla="*/ 2842404 w 3252161"/>
                <a:gd name="connsiteY142" fmla="*/ 293298 h 683077"/>
                <a:gd name="connsiteX143" fmla="*/ 2838091 w 3252161"/>
                <a:gd name="connsiteY143" fmla="*/ 271732 h 683077"/>
                <a:gd name="connsiteX144" fmla="*/ 2725948 w 3252161"/>
                <a:gd name="connsiteY144" fmla="*/ 276045 h 683077"/>
                <a:gd name="connsiteX145" fmla="*/ 2704381 w 3252161"/>
                <a:gd name="connsiteY145" fmla="*/ 280358 h 683077"/>
                <a:gd name="connsiteX146" fmla="*/ 2678502 w 3252161"/>
                <a:gd name="connsiteY146" fmla="*/ 284672 h 683077"/>
                <a:gd name="connsiteX147" fmla="*/ 2557732 w 3252161"/>
                <a:gd name="connsiteY147" fmla="*/ 288985 h 683077"/>
                <a:gd name="connsiteX148" fmla="*/ 2471468 w 3252161"/>
                <a:gd name="connsiteY148" fmla="*/ 293298 h 683077"/>
                <a:gd name="connsiteX149" fmla="*/ 2445589 w 3252161"/>
                <a:gd name="connsiteY149" fmla="*/ 301924 h 683077"/>
                <a:gd name="connsiteX150" fmla="*/ 2281687 w 3252161"/>
                <a:gd name="connsiteY150" fmla="*/ 310551 h 683077"/>
                <a:gd name="connsiteX151" fmla="*/ 2255808 w 3252161"/>
                <a:gd name="connsiteY151" fmla="*/ 314864 h 683077"/>
                <a:gd name="connsiteX152" fmla="*/ 2204049 w 3252161"/>
                <a:gd name="connsiteY152" fmla="*/ 319177 h 683077"/>
                <a:gd name="connsiteX153" fmla="*/ 2173857 w 3252161"/>
                <a:gd name="connsiteY153" fmla="*/ 327804 h 683077"/>
                <a:gd name="connsiteX154" fmla="*/ 2147978 w 3252161"/>
                <a:gd name="connsiteY154" fmla="*/ 340743 h 683077"/>
                <a:gd name="connsiteX155" fmla="*/ 2135038 w 3252161"/>
                <a:gd name="connsiteY155" fmla="*/ 349370 h 683077"/>
                <a:gd name="connsiteX156" fmla="*/ 2104846 w 3252161"/>
                <a:gd name="connsiteY156" fmla="*/ 357996 h 683077"/>
                <a:gd name="connsiteX157" fmla="*/ 2091906 w 3252161"/>
                <a:gd name="connsiteY157" fmla="*/ 362309 h 683077"/>
                <a:gd name="connsiteX158" fmla="*/ 1940944 w 3252161"/>
                <a:gd name="connsiteY158" fmla="*/ 357996 h 683077"/>
                <a:gd name="connsiteX159" fmla="*/ 1915064 w 3252161"/>
                <a:gd name="connsiteY159" fmla="*/ 349370 h 683077"/>
                <a:gd name="connsiteX160" fmla="*/ 1880559 w 3252161"/>
                <a:gd name="connsiteY160" fmla="*/ 332117 h 683077"/>
                <a:gd name="connsiteX161" fmla="*/ 1867619 w 3252161"/>
                <a:gd name="connsiteY161" fmla="*/ 327804 h 683077"/>
                <a:gd name="connsiteX162" fmla="*/ 1397480 w 3252161"/>
                <a:gd name="connsiteY162" fmla="*/ 332117 h 683077"/>
                <a:gd name="connsiteX163" fmla="*/ 1337095 w 3252161"/>
                <a:gd name="connsiteY163" fmla="*/ 345056 h 683077"/>
                <a:gd name="connsiteX164" fmla="*/ 1328468 w 3252161"/>
                <a:gd name="connsiteY164" fmla="*/ 353683 h 683077"/>
                <a:gd name="connsiteX165" fmla="*/ 1315529 w 3252161"/>
                <a:gd name="connsiteY165" fmla="*/ 357996 h 683077"/>
                <a:gd name="connsiteX166" fmla="*/ 1220638 w 3252161"/>
                <a:gd name="connsiteY166" fmla="*/ 362309 h 683077"/>
                <a:gd name="connsiteX167" fmla="*/ 1155940 w 3252161"/>
                <a:gd name="connsiteY167" fmla="*/ 370936 h 683077"/>
                <a:gd name="connsiteX168" fmla="*/ 1073989 w 3252161"/>
                <a:gd name="connsiteY168" fmla="*/ 379562 h 683077"/>
                <a:gd name="connsiteX169" fmla="*/ 1035170 w 3252161"/>
                <a:gd name="connsiteY169" fmla="*/ 388189 h 683077"/>
                <a:gd name="connsiteX170" fmla="*/ 1000664 w 3252161"/>
                <a:gd name="connsiteY170" fmla="*/ 392502 h 683077"/>
                <a:gd name="connsiteX171" fmla="*/ 776378 w 3252161"/>
                <a:gd name="connsiteY171" fmla="*/ 396815 h 683077"/>
                <a:gd name="connsiteX172" fmla="*/ 595223 w 3252161"/>
                <a:gd name="connsiteY172" fmla="*/ 396815 h 683077"/>
                <a:gd name="connsiteX173" fmla="*/ 569344 w 3252161"/>
                <a:gd name="connsiteY173" fmla="*/ 388189 h 683077"/>
                <a:gd name="connsiteX174" fmla="*/ 590910 w 3252161"/>
                <a:gd name="connsiteY174" fmla="*/ 375249 h 683077"/>
                <a:gd name="connsiteX175" fmla="*/ 603849 w 3252161"/>
                <a:gd name="connsiteY175" fmla="*/ 370936 h 683077"/>
                <a:gd name="connsiteX176" fmla="*/ 715993 w 3252161"/>
                <a:gd name="connsiteY176" fmla="*/ 366622 h 683077"/>
                <a:gd name="connsiteX177" fmla="*/ 733246 w 3252161"/>
                <a:gd name="connsiteY177" fmla="*/ 345056 h 683077"/>
                <a:gd name="connsiteX178" fmla="*/ 746185 w 3252161"/>
                <a:gd name="connsiteY178" fmla="*/ 332117 h 683077"/>
                <a:gd name="connsiteX179" fmla="*/ 772064 w 3252161"/>
                <a:gd name="connsiteY179" fmla="*/ 314864 h 683077"/>
                <a:gd name="connsiteX180" fmla="*/ 914400 w 3252161"/>
                <a:gd name="connsiteY180" fmla="*/ 306238 h 683077"/>
                <a:gd name="connsiteX181" fmla="*/ 927340 w 3252161"/>
                <a:gd name="connsiteY181" fmla="*/ 280358 h 683077"/>
                <a:gd name="connsiteX182" fmla="*/ 923027 w 3252161"/>
                <a:gd name="connsiteY182" fmla="*/ 263106 h 683077"/>
                <a:gd name="connsiteX183" fmla="*/ 897148 w 3252161"/>
                <a:gd name="connsiteY183" fmla="*/ 254479 h 683077"/>
                <a:gd name="connsiteX184" fmla="*/ 884208 w 3252161"/>
                <a:gd name="connsiteY184" fmla="*/ 250166 h 683077"/>
                <a:gd name="connsiteX185" fmla="*/ 875581 w 3252161"/>
                <a:gd name="connsiteY185" fmla="*/ 241539 h 683077"/>
                <a:gd name="connsiteX186" fmla="*/ 862642 w 3252161"/>
                <a:gd name="connsiteY186" fmla="*/ 237226 h 683077"/>
                <a:gd name="connsiteX187" fmla="*/ 759125 w 3252161"/>
                <a:gd name="connsiteY187" fmla="*/ 241539 h 683077"/>
                <a:gd name="connsiteX188" fmla="*/ 724619 w 3252161"/>
                <a:gd name="connsiteY188" fmla="*/ 245853 h 683077"/>
                <a:gd name="connsiteX189" fmla="*/ 698740 w 3252161"/>
                <a:gd name="connsiteY189" fmla="*/ 254479 h 683077"/>
                <a:gd name="connsiteX190" fmla="*/ 517585 w 3252161"/>
                <a:gd name="connsiteY190" fmla="*/ 258792 h 683077"/>
                <a:gd name="connsiteX191" fmla="*/ 431321 w 3252161"/>
                <a:gd name="connsiteY191" fmla="*/ 271732 h 683077"/>
                <a:gd name="connsiteX192" fmla="*/ 392502 w 3252161"/>
                <a:gd name="connsiteY192" fmla="*/ 276045 h 683077"/>
                <a:gd name="connsiteX193" fmla="*/ 73325 w 3252161"/>
                <a:gd name="connsiteY193" fmla="*/ 271732 h 683077"/>
                <a:gd name="connsiteX194" fmla="*/ 64698 w 3252161"/>
                <a:gd name="connsiteY194" fmla="*/ 263106 h 683077"/>
                <a:gd name="connsiteX195" fmla="*/ 60385 w 3252161"/>
                <a:gd name="connsiteY195" fmla="*/ 232913 h 683077"/>
                <a:gd name="connsiteX196" fmla="*/ 51759 w 3252161"/>
                <a:gd name="connsiteY196" fmla="*/ 207034 h 683077"/>
                <a:gd name="connsiteX197" fmla="*/ 56072 w 3252161"/>
                <a:gd name="connsiteY197" fmla="*/ 163902 h 683077"/>
                <a:gd name="connsiteX198" fmla="*/ 69012 w 3252161"/>
                <a:gd name="connsiteY198" fmla="*/ 159589 h 683077"/>
                <a:gd name="connsiteX199" fmla="*/ 237227 w 3252161"/>
                <a:gd name="connsiteY199" fmla="*/ 155275 h 683077"/>
                <a:gd name="connsiteX200" fmla="*/ 288985 w 3252161"/>
                <a:gd name="connsiteY200" fmla="*/ 138022 h 683077"/>
                <a:gd name="connsiteX201" fmla="*/ 301925 w 3252161"/>
                <a:gd name="connsiteY201" fmla="*/ 133709 h 683077"/>
                <a:gd name="connsiteX202" fmla="*/ 444261 w 3252161"/>
                <a:gd name="connsiteY202" fmla="*/ 129396 h 683077"/>
                <a:gd name="connsiteX203" fmla="*/ 418381 w 3252161"/>
                <a:gd name="connsiteY203" fmla="*/ 120770 h 683077"/>
                <a:gd name="connsiteX204" fmla="*/ 396815 w 3252161"/>
                <a:gd name="connsiteY204" fmla="*/ 107830 h 683077"/>
                <a:gd name="connsiteX205" fmla="*/ 388189 w 3252161"/>
                <a:gd name="connsiteY205" fmla="*/ 73324 h 683077"/>
                <a:gd name="connsiteX206" fmla="*/ 379563 w 3252161"/>
                <a:gd name="connsiteY206" fmla="*/ 60385 h 683077"/>
                <a:gd name="connsiteX207" fmla="*/ 370936 w 3252161"/>
                <a:gd name="connsiteY207" fmla="*/ 51758 h 683077"/>
                <a:gd name="connsiteX208" fmla="*/ 345057 w 3252161"/>
                <a:gd name="connsiteY208" fmla="*/ 43132 h 683077"/>
                <a:gd name="connsiteX209" fmla="*/ 332117 w 3252161"/>
                <a:gd name="connsiteY209" fmla="*/ 38819 h 683077"/>
                <a:gd name="connsiteX210" fmla="*/ 323491 w 3252161"/>
                <a:gd name="connsiteY210" fmla="*/ 30192 h 683077"/>
                <a:gd name="connsiteX211" fmla="*/ 327804 w 3252161"/>
                <a:gd name="connsiteY211" fmla="*/ 17253 h 683077"/>
                <a:gd name="connsiteX212" fmla="*/ 280359 w 3252161"/>
                <a:gd name="connsiteY212" fmla="*/ 12939 h 683077"/>
                <a:gd name="connsiteX213" fmla="*/ 228600 w 3252161"/>
                <a:gd name="connsiteY213" fmla="*/ 17253 h 683077"/>
                <a:gd name="connsiteX214" fmla="*/ 202721 w 3252161"/>
                <a:gd name="connsiteY214" fmla="*/ 25879 h 683077"/>
                <a:gd name="connsiteX215" fmla="*/ 107831 w 3252161"/>
                <a:gd name="connsiteY215" fmla="*/ 21566 h 683077"/>
                <a:gd name="connsiteX216" fmla="*/ 103517 w 3252161"/>
                <a:gd name="connsiteY216" fmla="*/ 4313 h 683077"/>
                <a:gd name="connsiteX217" fmla="*/ 34506 w 3252161"/>
                <a:gd name="connsiteY217" fmla="*/ 8626 h 683077"/>
                <a:gd name="connsiteX218" fmla="*/ 12940 w 3252161"/>
                <a:gd name="connsiteY218" fmla="*/ 12939 h 683077"/>
                <a:gd name="connsiteX219" fmla="*/ 0 w 3252161"/>
                <a:gd name="connsiteY219" fmla="*/ 0 h 683077"/>
                <a:gd name="connsiteX220" fmla="*/ 34506 w 3252161"/>
                <a:gd name="connsiteY220"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79431 w 3252161"/>
                <a:gd name="connsiteY33" fmla="*/ 526211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43712 w 3252161"/>
                <a:gd name="connsiteY33" fmla="*/ 528592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18249 w 3252161"/>
                <a:gd name="connsiteY35" fmla="*/ 539151 h 683077"/>
                <a:gd name="connsiteX36" fmla="*/ 1548442 w 3252161"/>
                <a:gd name="connsiteY36" fmla="*/ 534838 h 683077"/>
                <a:gd name="connsiteX37" fmla="*/ 1570008 w 3252161"/>
                <a:gd name="connsiteY37" fmla="*/ 560717 h 683077"/>
                <a:gd name="connsiteX38" fmla="*/ 1595887 w 3252161"/>
                <a:gd name="connsiteY38" fmla="*/ 577970 h 683077"/>
                <a:gd name="connsiteX39" fmla="*/ 1604514 w 3252161"/>
                <a:gd name="connsiteY39" fmla="*/ 586596 h 683077"/>
                <a:gd name="connsiteX40" fmla="*/ 1742536 w 3252161"/>
                <a:gd name="connsiteY40" fmla="*/ 590909 h 683077"/>
                <a:gd name="connsiteX41" fmla="*/ 1979763 w 3252161"/>
                <a:gd name="connsiteY41" fmla="*/ 599536 h 683077"/>
                <a:gd name="connsiteX42" fmla="*/ 2001329 w 3252161"/>
                <a:gd name="connsiteY42" fmla="*/ 603849 h 683077"/>
                <a:gd name="connsiteX43" fmla="*/ 2031521 w 3252161"/>
                <a:gd name="connsiteY43" fmla="*/ 608162 h 683077"/>
                <a:gd name="connsiteX44" fmla="*/ 2286000 w 3252161"/>
                <a:gd name="connsiteY44" fmla="*/ 608162 h 683077"/>
                <a:gd name="connsiteX45" fmla="*/ 2311880 w 3252161"/>
                <a:gd name="connsiteY45" fmla="*/ 599536 h 683077"/>
                <a:gd name="connsiteX46" fmla="*/ 2333446 w 3252161"/>
                <a:gd name="connsiteY46" fmla="*/ 595222 h 683077"/>
                <a:gd name="connsiteX47" fmla="*/ 2467155 w 3252161"/>
                <a:gd name="connsiteY47" fmla="*/ 599536 h 683077"/>
                <a:gd name="connsiteX48" fmla="*/ 2484408 w 3252161"/>
                <a:gd name="connsiteY48" fmla="*/ 603849 h 683077"/>
                <a:gd name="connsiteX49" fmla="*/ 2566359 w 3252161"/>
                <a:gd name="connsiteY49" fmla="*/ 608162 h 683077"/>
                <a:gd name="connsiteX50" fmla="*/ 2609491 w 3252161"/>
                <a:gd name="connsiteY50" fmla="*/ 616789 h 683077"/>
                <a:gd name="connsiteX51" fmla="*/ 2626744 w 3252161"/>
                <a:gd name="connsiteY51" fmla="*/ 621102 h 683077"/>
                <a:gd name="connsiteX52" fmla="*/ 2665563 w 3252161"/>
                <a:gd name="connsiteY52" fmla="*/ 638355 h 683077"/>
                <a:gd name="connsiteX53" fmla="*/ 2704381 w 3252161"/>
                <a:gd name="connsiteY53" fmla="*/ 655607 h 683077"/>
                <a:gd name="connsiteX54" fmla="*/ 2717321 w 3252161"/>
                <a:gd name="connsiteY54" fmla="*/ 664234 h 683077"/>
                <a:gd name="connsiteX55" fmla="*/ 2954548 w 3252161"/>
                <a:gd name="connsiteY55" fmla="*/ 655607 h 683077"/>
                <a:gd name="connsiteX56" fmla="*/ 3148642 w 3252161"/>
                <a:gd name="connsiteY56" fmla="*/ 655607 h 683077"/>
                <a:gd name="connsiteX57" fmla="*/ 3187461 w 3252161"/>
                <a:gd name="connsiteY57" fmla="*/ 642668 h 683077"/>
                <a:gd name="connsiteX58" fmla="*/ 3226280 w 3252161"/>
                <a:gd name="connsiteY58" fmla="*/ 638355 h 683077"/>
                <a:gd name="connsiteX59" fmla="*/ 3221966 w 3252161"/>
                <a:gd name="connsiteY59" fmla="*/ 616789 h 683077"/>
                <a:gd name="connsiteX60" fmla="*/ 3200400 w 3252161"/>
                <a:gd name="connsiteY60" fmla="*/ 599536 h 683077"/>
                <a:gd name="connsiteX61" fmla="*/ 3174521 w 3252161"/>
                <a:gd name="connsiteY61" fmla="*/ 590909 h 683077"/>
                <a:gd name="connsiteX62" fmla="*/ 2915729 w 3252161"/>
                <a:gd name="connsiteY62" fmla="*/ 595222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39351 w 3252161"/>
                <a:gd name="connsiteY124" fmla="*/ 439947 h 683077"/>
                <a:gd name="connsiteX125" fmla="*/ 2143664 w 3252161"/>
                <a:gd name="connsiteY125" fmla="*/ 427007 h 683077"/>
                <a:gd name="connsiteX126" fmla="*/ 2100532 w 3252161"/>
                <a:gd name="connsiteY126" fmla="*/ 418381 h 683077"/>
                <a:gd name="connsiteX127" fmla="*/ 2083280 w 3252161"/>
                <a:gd name="connsiteY127" fmla="*/ 414068 h 683077"/>
                <a:gd name="connsiteX128" fmla="*/ 2096219 w 3252161"/>
                <a:gd name="connsiteY128" fmla="*/ 409755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48442 w 3252161"/>
                <a:gd name="connsiteY35" fmla="*/ 534838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70008 w 3252161"/>
                <a:gd name="connsiteY35" fmla="*/ 560717 h 683077"/>
                <a:gd name="connsiteX36" fmla="*/ 1595887 w 3252161"/>
                <a:gd name="connsiteY36" fmla="*/ 577970 h 683077"/>
                <a:gd name="connsiteX37" fmla="*/ 1604514 w 3252161"/>
                <a:gd name="connsiteY37" fmla="*/ 586596 h 683077"/>
                <a:gd name="connsiteX38" fmla="*/ 1742536 w 3252161"/>
                <a:gd name="connsiteY38" fmla="*/ 590909 h 683077"/>
                <a:gd name="connsiteX39" fmla="*/ 1979763 w 3252161"/>
                <a:gd name="connsiteY39" fmla="*/ 599536 h 683077"/>
                <a:gd name="connsiteX40" fmla="*/ 2001329 w 3252161"/>
                <a:gd name="connsiteY40" fmla="*/ 603849 h 683077"/>
                <a:gd name="connsiteX41" fmla="*/ 2031521 w 3252161"/>
                <a:gd name="connsiteY41" fmla="*/ 608162 h 683077"/>
                <a:gd name="connsiteX42" fmla="*/ 2286000 w 3252161"/>
                <a:gd name="connsiteY42" fmla="*/ 608162 h 683077"/>
                <a:gd name="connsiteX43" fmla="*/ 2311880 w 3252161"/>
                <a:gd name="connsiteY43" fmla="*/ 599536 h 683077"/>
                <a:gd name="connsiteX44" fmla="*/ 2333446 w 3252161"/>
                <a:gd name="connsiteY44" fmla="*/ 595222 h 683077"/>
                <a:gd name="connsiteX45" fmla="*/ 2467155 w 3252161"/>
                <a:gd name="connsiteY45" fmla="*/ 599536 h 683077"/>
                <a:gd name="connsiteX46" fmla="*/ 2484408 w 3252161"/>
                <a:gd name="connsiteY46" fmla="*/ 603849 h 683077"/>
                <a:gd name="connsiteX47" fmla="*/ 2566359 w 3252161"/>
                <a:gd name="connsiteY47" fmla="*/ 608162 h 683077"/>
                <a:gd name="connsiteX48" fmla="*/ 2609491 w 3252161"/>
                <a:gd name="connsiteY48" fmla="*/ 616789 h 683077"/>
                <a:gd name="connsiteX49" fmla="*/ 2626744 w 3252161"/>
                <a:gd name="connsiteY49" fmla="*/ 621102 h 683077"/>
                <a:gd name="connsiteX50" fmla="*/ 2665563 w 3252161"/>
                <a:gd name="connsiteY50" fmla="*/ 638355 h 683077"/>
                <a:gd name="connsiteX51" fmla="*/ 2704381 w 3252161"/>
                <a:gd name="connsiteY51" fmla="*/ 655607 h 683077"/>
                <a:gd name="connsiteX52" fmla="*/ 2717321 w 3252161"/>
                <a:gd name="connsiteY52" fmla="*/ 664234 h 683077"/>
                <a:gd name="connsiteX53" fmla="*/ 2954548 w 3252161"/>
                <a:gd name="connsiteY53" fmla="*/ 655607 h 683077"/>
                <a:gd name="connsiteX54" fmla="*/ 3148642 w 3252161"/>
                <a:gd name="connsiteY54" fmla="*/ 655607 h 683077"/>
                <a:gd name="connsiteX55" fmla="*/ 3187461 w 3252161"/>
                <a:gd name="connsiteY55" fmla="*/ 642668 h 683077"/>
                <a:gd name="connsiteX56" fmla="*/ 3226280 w 3252161"/>
                <a:gd name="connsiteY56" fmla="*/ 638355 h 683077"/>
                <a:gd name="connsiteX57" fmla="*/ 3221966 w 3252161"/>
                <a:gd name="connsiteY57" fmla="*/ 616789 h 683077"/>
                <a:gd name="connsiteX58" fmla="*/ 3200400 w 3252161"/>
                <a:gd name="connsiteY58" fmla="*/ 599536 h 683077"/>
                <a:gd name="connsiteX59" fmla="*/ 3174521 w 3252161"/>
                <a:gd name="connsiteY59" fmla="*/ 590909 h 683077"/>
                <a:gd name="connsiteX60" fmla="*/ 2915729 w 3252161"/>
                <a:gd name="connsiteY60" fmla="*/ 595222 h 683077"/>
                <a:gd name="connsiteX61" fmla="*/ 2829464 w 3252161"/>
                <a:gd name="connsiteY61" fmla="*/ 586596 h 683077"/>
                <a:gd name="connsiteX62" fmla="*/ 2820838 w 3252161"/>
                <a:gd name="connsiteY62" fmla="*/ 573656 h 683077"/>
                <a:gd name="connsiteX63" fmla="*/ 2851031 w 3252161"/>
                <a:gd name="connsiteY63" fmla="*/ 543464 h 683077"/>
                <a:gd name="connsiteX64" fmla="*/ 3075317 w 3252161"/>
                <a:gd name="connsiteY64" fmla="*/ 539151 h 683077"/>
                <a:gd name="connsiteX65" fmla="*/ 3088257 w 3252161"/>
                <a:gd name="connsiteY65" fmla="*/ 534838 h 683077"/>
                <a:gd name="connsiteX66" fmla="*/ 3105510 w 3252161"/>
                <a:gd name="connsiteY66" fmla="*/ 517585 h 683077"/>
                <a:gd name="connsiteX67" fmla="*/ 3178834 w 3252161"/>
                <a:gd name="connsiteY67" fmla="*/ 504645 h 683077"/>
                <a:gd name="connsiteX68" fmla="*/ 3187461 w 3252161"/>
                <a:gd name="connsiteY68" fmla="*/ 496019 h 683077"/>
                <a:gd name="connsiteX69" fmla="*/ 3191774 w 3252161"/>
                <a:gd name="connsiteY69" fmla="*/ 483079 h 683077"/>
                <a:gd name="connsiteX70" fmla="*/ 3204714 w 3252161"/>
                <a:gd name="connsiteY70" fmla="*/ 478766 h 683077"/>
                <a:gd name="connsiteX71" fmla="*/ 3196087 w 3252161"/>
                <a:gd name="connsiteY71" fmla="*/ 470139 h 683077"/>
                <a:gd name="connsiteX72" fmla="*/ 2846717 w 3252161"/>
                <a:gd name="connsiteY72" fmla="*/ 478766 h 683077"/>
                <a:gd name="connsiteX73" fmla="*/ 2820838 w 3252161"/>
                <a:gd name="connsiteY73" fmla="*/ 487392 h 683077"/>
                <a:gd name="connsiteX74" fmla="*/ 2807898 w 3252161"/>
                <a:gd name="connsiteY74" fmla="*/ 496019 h 683077"/>
                <a:gd name="connsiteX75" fmla="*/ 2743200 w 3252161"/>
                <a:gd name="connsiteY75" fmla="*/ 500332 h 683077"/>
                <a:gd name="connsiteX76" fmla="*/ 2691442 w 3252161"/>
                <a:gd name="connsiteY76" fmla="*/ 517585 h 683077"/>
                <a:gd name="connsiteX77" fmla="*/ 2678502 w 3252161"/>
                <a:gd name="connsiteY77" fmla="*/ 521898 h 683077"/>
                <a:gd name="connsiteX78" fmla="*/ 2540480 w 3252161"/>
                <a:gd name="connsiteY78" fmla="*/ 530524 h 683077"/>
                <a:gd name="connsiteX79" fmla="*/ 2303253 w 3252161"/>
                <a:gd name="connsiteY79" fmla="*/ 539151 h 683077"/>
                <a:gd name="connsiteX80" fmla="*/ 2225615 w 3252161"/>
                <a:gd name="connsiteY80" fmla="*/ 534838 h 683077"/>
                <a:gd name="connsiteX81" fmla="*/ 2216989 w 3252161"/>
                <a:gd name="connsiteY81" fmla="*/ 526211 h 683077"/>
                <a:gd name="connsiteX82" fmla="*/ 2147978 w 3252161"/>
                <a:gd name="connsiteY82" fmla="*/ 521898 h 683077"/>
                <a:gd name="connsiteX83" fmla="*/ 2135038 w 3252161"/>
                <a:gd name="connsiteY83" fmla="*/ 526211 h 683077"/>
                <a:gd name="connsiteX84" fmla="*/ 2126412 w 3252161"/>
                <a:gd name="connsiteY84" fmla="*/ 534838 h 683077"/>
                <a:gd name="connsiteX85" fmla="*/ 2053087 w 3252161"/>
                <a:gd name="connsiteY85" fmla="*/ 539151 h 683077"/>
                <a:gd name="connsiteX86" fmla="*/ 2040148 w 3252161"/>
                <a:gd name="connsiteY86" fmla="*/ 543464 h 683077"/>
                <a:gd name="connsiteX87" fmla="*/ 2022895 w 3252161"/>
                <a:gd name="connsiteY87" fmla="*/ 560717 h 683077"/>
                <a:gd name="connsiteX88" fmla="*/ 2014268 w 3252161"/>
                <a:gd name="connsiteY88" fmla="*/ 569343 h 683077"/>
                <a:gd name="connsiteX89" fmla="*/ 2001329 w 3252161"/>
                <a:gd name="connsiteY89" fmla="*/ 573656 h 683077"/>
                <a:gd name="connsiteX90" fmla="*/ 1686464 w 3252161"/>
                <a:gd name="connsiteY90" fmla="*/ 569343 h 683077"/>
                <a:gd name="connsiteX91" fmla="*/ 1673525 w 3252161"/>
                <a:gd name="connsiteY91" fmla="*/ 565030 h 683077"/>
                <a:gd name="connsiteX92" fmla="*/ 1651959 w 3252161"/>
                <a:gd name="connsiteY92" fmla="*/ 552090 h 683077"/>
                <a:gd name="connsiteX93" fmla="*/ 1634706 w 3252161"/>
                <a:gd name="connsiteY93" fmla="*/ 530524 h 683077"/>
                <a:gd name="connsiteX94" fmla="*/ 1630393 w 3252161"/>
                <a:gd name="connsiteY94" fmla="*/ 517585 h 683077"/>
                <a:gd name="connsiteX95" fmla="*/ 1634706 w 3252161"/>
                <a:gd name="connsiteY95" fmla="*/ 504645 h 683077"/>
                <a:gd name="connsiteX96" fmla="*/ 1664898 w 3252161"/>
                <a:gd name="connsiteY96" fmla="*/ 491706 h 683077"/>
                <a:gd name="connsiteX97" fmla="*/ 1669212 w 3252161"/>
                <a:gd name="connsiteY97" fmla="*/ 478766 h 683077"/>
                <a:gd name="connsiteX98" fmla="*/ 1660585 w 3252161"/>
                <a:gd name="connsiteY98" fmla="*/ 470139 h 683077"/>
                <a:gd name="connsiteX99" fmla="*/ 1621766 w 3252161"/>
                <a:gd name="connsiteY99" fmla="*/ 465826 h 683077"/>
                <a:gd name="connsiteX100" fmla="*/ 1613140 w 3252161"/>
                <a:gd name="connsiteY100" fmla="*/ 452887 h 683077"/>
                <a:gd name="connsiteX101" fmla="*/ 1617453 w 3252161"/>
                <a:gd name="connsiteY101" fmla="*/ 427007 h 683077"/>
                <a:gd name="connsiteX102" fmla="*/ 1630393 w 3252161"/>
                <a:gd name="connsiteY102" fmla="*/ 383875 h 683077"/>
                <a:gd name="connsiteX103" fmla="*/ 1643332 w 3252161"/>
                <a:gd name="connsiteY103" fmla="*/ 370936 h 683077"/>
                <a:gd name="connsiteX104" fmla="*/ 1807234 w 3252161"/>
                <a:gd name="connsiteY104" fmla="*/ 375249 h 683077"/>
                <a:gd name="connsiteX105" fmla="*/ 1846053 w 3252161"/>
                <a:gd name="connsiteY105" fmla="*/ 388189 h 683077"/>
                <a:gd name="connsiteX106" fmla="*/ 1858993 w 3252161"/>
                <a:gd name="connsiteY106" fmla="*/ 392502 h 683077"/>
                <a:gd name="connsiteX107" fmla="*/ 1876246 w 3252161"/>
                <a:gd name="connsiteY107" fmla="*/ 431321 h 683077"/>
                <a:gd name="connsiteX108" fmla="*/ 1884872 w 3252161"/>
                <a:gd name="connsiteY108" fmla="*/ 465826 h 683077"/>
                <a:gd name="connsiteX109" fmla="*/ 1893498 w 3252161"/>
                <a:gd name="connsiteY109" fmla="*/ 474453 h 683077"/>
                <a:gd name="connsiteX110" fmla="*/ 1919378 w 3252161"/>
                <a:gd name="connsiteY110" fmla="*/ 504645 h 683077"/>
                <a:gd name="connsiteX111" fmla="*/ 1928004 w 3252161"/>
                <a:gd name="connsiteY111" fmla="*/ 513272 h 683077"/>
                <a:gd name="connsiteX112" fmla="*/ 1932317 w 3252161"/>
                <a:gd name="connsiteY112" fmla="*/ 526211 h 683077"/>
                <a:gd name="connsiteX113" fmla="*/ 1979763 w 3252161"/>
                <a:gd name="connsiteY113" fmla="*/ 526211 h 683077"/>
                <a:gd name="connsiteX114" fmla="*/ 1984076 w 3252161"/>
                <a:gd name="connsiteY114" fmla="*/ 508958 h 683077"/>
                <a:gd name="connsiteX115" fmla="*/ 2001329 w 3252161"/>
                <a:gd name="connsiteY115" fmla="*/ 487392 h 683077"/>
                <a:gd name="connsiteX116" fmla="*/ 2018581 w 3252161"/>
                <a:gd name="connsiteY116" fmla="*/ 491706 h 683077"/>
                <a:gd name="connsiteX117" fmla="*/ 2027208 w 3252161"/>
                <a:gd name="connsiteY117" fmla="*/ 500332 h 683077"/>
                <a:gd name="connsiteX118" fmla="*/ 2040148 w 3252161"/>
                <a:gd name="connsiteY118" fmla="*/ 508958 h 683077"/>
                <a:gd name="connsiteX119" fmla="*/ 2122098 w 3252161"/>
                <a:gd name="connsiteY119" fmla="*/ 504645 h 683077"/>
                <a:gd name="connsiteX120" fmla="*/ 2130725 w 3252161"/>
                <a:gd name="connsiteY120" fmla="*/ 496019 h 683077"/>
                <a:gd name="connsiteX121" fmla="*/ 2135038 w 3252161"/>
                <a:gd name="connsiteY121" fmla="*/ 461513 h 683077"/>
                <a:gd name="connsiteX122" fmla="*/ 2139351 w 3252161"/>
                <a:gd name="connsiteY122" fmla="*/ 439947 h 683077"/>
                <a:gd name="connsiteX123" fmla="*/ 2143664 w 3252161"/>
                <a:gd name="connsiteY123" fmla="*/ 427007 h 683077"/>
                <a:gd name="connsiteX124" fmla="*/ 2100532 w 3252161"/>
                <a:gd name="connsiteY124" fmla="*/ 418381 h 683077"/>
                <a:gd name="connsiteX125" fmla="*/ 2083280 w 3252161"/>
                <a:gd name="connsiteY125" fmla="*/ 414068 h 683077"/>
                <a:gd name="connsiteX126" fmla="*/ 2096219 w 3252161"/>
                <a:gd name="connsiteY126" fmla="*/ 409755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096219 w 3252161"/>
                <a:gd name="connsiteY127" fmla="*/ 409755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083280 w 3252161"/>
                <a:gd name="connsiteY126" fmla="*/ 414068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00532 w 3252161"/>
                <a:gd name="connsiteY125" fmla="*/ 418381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126726 w 3252161"/>
                <a:gd name="connsiteY125" fmla="*/ 406475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143664 w 3252161"/>
                <a:gd name="connsiteY124" fmla="*/ 42700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39351 w 3252161"/>
                <a:gd name="connsiteY123" fmla="*/ 439947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210070 w 3252161"/>
                <a:gd name="connsiteY123" fmla="*/ 411238 h 683077"/>
                <a:gd name="connsiteX124" fmla="*/ 2311880 w 3252161"/>
                <a:gd name="connsiteY124" fmla="*/ 401128 h 683077"/>
                <a:gd name="connsiteX125" fmla="*/ 2333446 w 3252161"/>
                <a:gd name="connsiteY125" fmla="*/ 388189 h 683077"/>
                <a:gd name="connsiteX126" fmla="*/ 2424023 w 3252161"/>
                <a:gd name="connsiteY126" fmla="*/ 375249 h 683077"/>
                <a:gd name="connsiteX127" fmla="*/ 2454215 w 3252161"/>
                <a:gd name="connsiteY127" fmla="*/ 366622 h 683077"/>
                <a:gd name="connsiteX128" fmla="*/ 2467155 w 3252161"/>
                <a:gd name="connsiteY128" fmla="*/ 362309 h 683077"/>
                <a:gd name="connsiteX129" fmla="*/ 2695755 w 3252161"/>
                <a:gd name="connsiteY129" fmla="*/ 353683 h 683077"/>
                <a:gd name="connsiteX130" fmla="*/ 2708695 w 3252161"/>
                <a:gd name="connsiteY130" fmla="*/ 349370 h 683077"/>
                <a:gd name="connsiteX131" fmla="*/ 2725948 w 3252161"/>
                <a:gd name="connsiteY131" fmla="*/ 332117 h 683077"/>
                <a:gd name="connsiteX132" fmla="*/ 2751827 w 3252161"/>
                <a:gd name="connsiteY132" fmla="*/ 323490 h 683077"/>
                <a:gd name="connsiteX133" fmla="*/ 2764766 w 3252161"/>
                <a:gd name="connsiteY133" fmla="*/ 319177 h 683077"/>
                <a:gd name="connsiteX134" fmla="*/ 2794959 w 3252161"/>
                <a:gd name="connsiteY134" fmla="*/ 306238 h 683077"/>
                <a:gd name="connsiteX135" fmla="*/ 2825151 w 3252161"/>
                <a:gd name="connsiteY135" fmla="*/ 297611 h 683077"/>
                <a:gd name="connsiteX136" fmla="*/ 2842404 w 3252161"/>
                <a:gd name="connsiteY136" fmla="*/ 293298 h 683077"/>
                <a:gd name="connsiteX137" fmla="*/ 2838091 w 3252161"/>
                <a:gd name="connsiteY137" fmla="*/ 271732 h 683077"/>
                <a:gd name="connsiteX138" fmla="*/ 2725948 w 3252161"/>
                <a:gd name="connsiteY138" fmla="*/ 276045 h 683077"/>
                <a:gd name="connsiteX139" fmla="*/ 2704381 w 3252161"/>
                <a:gd name="connsiteY139" fmla="*/ 280358 h 683077"/>
                <a:gd name="connsiteX140" fmla="*/ 2678502 w 3252161"/>
                <a:gd name="connsiteY140" fmla="*/ 284672 h 683077"/>
                <a:gd name="connsiteX141" fmla="*/ 2557732 w 3252161"/>
                <a:gd name="connsiteY141" fmla="*/ 288985 h 683077"/>
                <a:gd name="connsiteX142" fmla="*/ 2471468 w 3252161"/>
                <a:gd name="connsiteY142" fmla="*/ 293298 h 683077"/>
                <a:gd name="connsiteX143" fmla="*/ 2445589 w 3252161"/>
                <a:gd name="connsiteY143" fmla="*/ 301924 h 683077"/>
                <a:gd name="connsiteX144" fmla="*/ 2281687 w 3252161"/>
                <a:gd name="connsiteY144" fmla="*/ 310551 h 683077"/>
                <a:gd name="connsiteX145" fmla="*/ 2255808 w 3252161"/>
                <a:gd name="connsiteY145" fmla="*/ 314864 h 683077"/>
                <a:gd name="connsiteX146" fmla="*/ 2204049 w 3252161"/>
                <a:gd name="connsiteY146" fmla="*/ 319177 h 683077"/>
                <a:gd name="connsiteX147" fmla="*/ 2173857 w 3252161"/>
                <a:gd name="connsiteY147" fmla="*/ 327804 h 683077"/>
                <a:gd name="connsiteX148" fmla="*/ 2147978 w 3252161"/>
                <a:gd name="connsiteY148" fmla="*/ 340743 h 683077"/>
                <a:gd name="connsiteX149" fmla="*/ 2135038 w 3252161"/>
                <a:gd name="connsiteY149" fmla="*/ 349370 h 683077"/>
                <a:gd name="connsiteX150" fmla="*/ 2104846 w 3252161"/>
                <a:gd name="connsiteY150" fmla="*/ 357996 h 683077"/>
                <a:gd name="connsiteX151" fmla="*/ 2091906 w 3252161"/>
                <a:gd name="connsiteY151" fmla="*/ 362309 h 683077"/>
                <a:gd name="connsiteX152" fmla="*/ 1940944 w 3252161"/>
                <a:gd name="connsiteY152" fmla="*/ 357996 h 683077"/>
                <a:gd name="connsiteX153" fmla="*/ 1915064 w 3252161"/>
                <a:gd name="connsiteY153" fmla="*/ 349370 h 683077"/>
                <a:gd name="connsiteX154" fmla="*/ 1880559 w 3252161"/>
                <a:gd name="connsiteY154" fmla="*/ 332117 h 683077"/>
                <a:gd name="connsiteX155" fmla="*/ 1867619 w 3252161"/>
                <a:gd name="connsiteY155" fmla="*/ 327804 h 683077"/>
                <a:gd name="connsiteX156" fmla="*/ 1397480 w 3252161"/>
                <a:gd name="connsiteY156" fmla="*/ 332117 h 683077"/>
                <a:gd name="connsiteX157" fmla="*/ 1337095 w 3252161"/>
                <a:gd name="connsiteY157" fmla="*/ 345056 h 683077"/>
                <a:gd name="connsiteX158" fmla="*/ 1328468 w 3252161"/>
                <a:gd name="connsiteY158" fmla="*/ 353683 h 683077"/>
                <a:gd name="connsiteX159" fmla="*/ 1315529 w 3252161"/>
                <a:gd name="connsiteY159" fmla="*/ 357996 h 683077"/>
                <a:gd name="connsiteX160" fmla="*/ 1220638 w 3252161"/>
                <a:gd name="connsiteY160" fmla="*/ 362309 h 683077"/>
                <a:gd name="connsiteX161" fmla="*/ 1155940 w 3252161"/>
                <a:gd name="connsiteY161" fmla="*/ 370936 h 683077"/>
                <a:gd name="connsiteX162" fmla="*/ 1073989 w 3252161"/>
                <a:gd name="connsiteY162" fmla="*/ 379562 h 683077"/>
                <a:gd name="connsiteX163" fmla="*/ 1035170 w 3252161"/>
                <a:gd name="connsiteY163" fmla="*/ 388189 h 683077"/>
                <a:gd name="connsiteX164" fmla="*/ 1000664 w 3252161"/>
                <a:gd name="connsiteY164" fmla="*/ 392502 h 683077"/>
                <a:gd name="connsiteX165" fmla="*/ 776378 w 3252161"/>
                <a:gd name="connsiteY165" fmla="*/ 396815 h 683077"/>
                <a:gd name="connsiteX166" fmla="*/ 595223 w 3252161"/>
                <a:gd name="connsiteY166" fmla="*/ 396815 h 683077"/>
                <a:gd name="connsiteX167" fmla="*/ 569344 w 3252161"/>
                <a:gd name="connsiteY167" fmla="*/ 388189 h 683077"/>
                <a:gd name="connsiteX168" fmla="*/ 590910 w 3252161"/>
                <a:gd name="connsiteY168" fmla="*/ 375249 h 683077"/>
                <a:gd name="connsiteX169" fmla="*/ 603849 w 3252161"/>
                <a:gd name="connsiteY169" fmla="*/ 370936 h 683077"/>
                <a:gd name="connsiteX170" fmla="*/ 715993 w 3252161"/>
                <a:gd name="connsiteY170" fmla="*/ 366622 h 683077"/>
                <a:gd name="connsiteX171" fmla="*/ 733246 w 3252161"/>
                <a:gd name="connsiteY171" fmla="*/ 345056 h 683077"/>
                <a:gd name="connsiteX172" fmla="*/ 746185 w 3252161"/>
                <a:gd name="connsiteY172" fmla="*/ 332117 h 683077"/>
                <a:gd name="connsiteX173" fmla="*/ 772064 w 3252161"/>
                <a:gd name="connsiteY173" fmla="*/ 314864 h 683077"/>
                <a:gd name="connsiteX174" fmla="*/ 914400 w 3252161"/>
                <a:gd name="connsiteY174" fmla="*/ 306238 h 683077"/>
                <a:gd name="connsiteX175" fmla="*/ 927340 w 3252161"/>
                <a:gd name="connsiteY175" fmla="*/ 280358 h 683077"/>
                <a:gd name="connsiteX176" fmla="*/ 923027 w 3252161"/>
                <a:gd name="connsiteY176" fmla="*/ 263106 h 683077"/>
                <a:gd name="connsiteX177" fmla="*/ 897148 w 3252161"/>
                <a:gd name="connsiteY177" fmla="*/ 254479 h 683077"/>
                <a:gd name="connsiteX178" fmla="*/ 884208 w 3252161"/>
                <a:gd name="connsiteY178" fmla="*/ 250166 h 683077"/>
                <a:gd name="connsiteX179" fmla="*/ 875581 w 3252161"/>
                <a:gd name="connsiteY179" fmla="*/ 241539 h 683077"/>
                <a:gd name="connsiteX180" fmla="*/ 862642 w 3252161"/>
                <a:gd name="connsiteY180" fmla="*/ 237226 h 683077"/>
                <a:gd name="connsiteX181" fmla="*/ 759125 w 3252161"/>
                <a:gd name="connsiteY181" fmla="*/ 241539 h 683077"/>
                <a:gd name="connsiteX182" fmla="*/ 724619 w 3252161"/>
                <a:gd name="connsiteY182" fmla="*/ 245853 h 683077"/>
                <a:gd name="connsiteX183" fmla="*/ 698740 w 3252161"/>
                <a:gd name="connsiteY183" fmla="*/ 254479 h 683077"/>
                <a:gd name="connsiteX184" fmla="*/ 517585 w 3252161"/>
                <a:gd name="connsiteY184" fmla="*/ 258792 h 683077"/>
                <a:gd name="connsiteX185" fmla="*/ 431321 w 3252161"/>
                <a:gd name="connsiteY185" fmla="*/ 271732 h 683077"/>
                <a:gd name="connsiteX186" fmla="*/ 392502 w 3252161"/>
                <a:gd name="connsiteY186" fmla="*/ 276045 h 683077"/>
                <a:gd name="connsiteX187" fmla="*/ 73325 w 3252161"/>
                <a:gd name="connsiteY187" fmla="*/ 271732 h 683077"/>
                <a:gd name="connsiteX188" fmla="*/ 64698 w 3252161"/>
                <a:gd name="connsiteY188" fmla="*/ 263106 h 683077"/>
                <a:gd name="connsiteX189" fmla="*/ 60385 w 3252161"/>
                <a:gd name="connsiteY189" fmla="*/ 232913 h 683077"/>
                <a:gd name="connsiteX190" fmla="*/ 51759 w 3252161"/>
                <a:gd name="connsiteY190" fmla="*/ 207034 h 683077"/>
                <a:gd name="connsiteX191" fmla="*/ 56072 w 3252161"/>
                <a:gd name="connsiteY191" fmla="*/ 163902 h 683077"/>
                <a:gd name="connsiteX192" fmla="*/ 69012 w 3252161"/>
                <a:gd name="connsiteY192" fmla="*/ 159589 h 683077"/>
                <a:gd name="connsiteX193" fmla="*/ 237227 w 3252161"/>
                <a:gd name="connsiteY193" fmla="*/ 155275 h 683077"/>
                <a:gd name="connsiteX194" fmla="*/ 288985 w 3252161"/>
                <a:gd name="connsiteY194" fmla="*/ 138022 h 683077"/>
                <a:gd name="connsiteX195" fmla="*/ 301925 w 3252161"/>
                <a:gd name="connsiteY195" fmla="*/ 133709 h 683077"/>
                <a:gd name="connsiteX196" fmla="*/ 444261 w 3252161"/>
                <a:gd name="connsiteY196" fmla="*/ 129396 h 683077"/>
                <a:gd name="connsiteX197" fmla="*/ 418381 w 3252161"/>
                <a:gd name="connsiteY197" fmla="*/ 120770 h 683077"/>
                <a:gd name="connsiteX198" fmla="*/ 396815 w 3252161"/>
                <a:gd name="connsiteY198" fmla="*/ 107830 h 683077"/>
                <a:gd name="connsiteX199" fmla="*/ 388189 w 3252161"/>
                <a:gd name="connsiteY199" fmla="*/ 73324 h 683077"/>
                <a:gd name="connsiteX200" fmla="*/ 379563 w 3252161"/>
                <a:gd name="connsiteY200" fmla="*/ 60385 h 683077"/>
                <a:gd name="connsiteX201" fmla="*/ 370936 w 3252161"/>
                <a:gd name="connsiteY201" fmla="*/ 51758 h 683077"/>
                <a:gd name="connsiteX202" fmla="*/ 345057 w 3252161"/>
                <a:gd name="connsiteY202" fmla="*/ 43132 h 683077"/>
                <a:gd name="connsiteX203" fmla="*/ 332117 w 3252161"/>
                <a:gd name="connsiteY203" fmla="*/ 38819 h 683077"/>
                <a:gd name="connsiteX204" fmla="*/ 323491 w 3252161"/>
                <a:gd name="connsiteY204" fmla="*/ 30192 h 683077"/>
                <a:gd name="connsiteX205" fmla="*/ 327804 w 3252161"/>
                <a:gd name="connsiteY205" fmla="*/ 17253 h 683077"/>
                <a:gd name="connsiteX206" fmla="*/ 280359 w 3252161"/>
                <a:gd name="connsiteY206" fmla="*/ 12939 h 683077"/>
                <a:gd name="connsiteX207" fmla="*/ 228600 w 3252161"/>
                <a:gd name="connsiteY207" fmla="*/ 17253 h 683077"/>
                <a:gd name="connsiteX208" fmla="*/ 202721 w 3252161"/>
                <a:gd name="connsiteY208" fmla="*/ 25879 h 683077"/>
                <a:gd name="connsiteX209" fmla="*/ 107831 w 3252161"/>
                <a:gd name="connsiteY209" fmla="*/ 21566 h 683077"/>
                <a:gd name="connsiteX210" fmla="*/ 103517 w 3252161"/>
                <a:gd name="connsiteY210" fmla="*/ 4313 h 683077"/>
                <a:gd name="connsiteX211" fmla="*/ 34506 w 3252161"/>
                <a:gd name="connsiteY211" fmla="*/ 8626 h 683077"/>
                <a:gd name="connsiteX212" fmla="*/ 12940 w 3252161"/>
                <a:gd name="connsiteY212" fmla="*/ 12939 h 683077"/>
                <a:gd name="connsiteX213" fmla="*/ 0 w 3252161"/>
                <a:gd name="connsiteY213" fmla="*/ 0 h 683077"/>
                <a:gd name="connsiteX214" fmla="*/ 34506 w 3252161"/>
                <a:gd name="connsiteY214"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74521 w 3252161"/>
                <a:gd name="connsiteY60" fmla="*/ 590909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210070 w 3252161"/>
                <a:gd name="connsiteY124" fmla="*/ 411238 h 683077"/>
                <a:gd name="connsiteX125" fmla="*/ 2311880 w 3252161"/>
                <a:gd name="connsiteY125" fmla="*/ 401128 h 683077"/>
                <a:gd name="connsiteX126" fmla="*/ 2333446 w 3252161"/>
                <a:gd name="connsiteY126" fmla="*/ 388189 h 683077"/>
                <a:gd name="connsiteX127" fmla="*/ 2424023 w 3252161"/>
                <a:gd name="connsiteY127" fmla="*/ 375249 h 683077"/>
                <a:gd name="connsiteX128" fmla="*/ 2454215 w 3252161"/>
                <a:gd name="connsiteY128" fmla="*/ 366622 h 683077"/>
                <a:gd name="connsiteX129" fmla="*/ 2467155 w 3252161"/>
                <a:gd name="connsiteY129" fmla="*/ 362309 h 683077"/>
                <a:gd name="connsiteX130" fmla="*/ 2695755 w 3252161"/>
                <a:gd name="connsiteY130" fmla="*/ 353683 h 683077"/>
                <a:gd name="connsiteX131" fmla="*/ 2708695 w 3252161"/>
                <a:gd name="connsiteY131" fmla="*/ 349370 h 683077"/>
                <a:gd name="connsiteX132" fmla="*/ 2725948 w 3252161"/>
                <a:gd name="connsiteY132" fmla="*/ 332117 h 683077"/>
                <a:gd name="connsiteX133" fmla="*/ 2751827 w 3252161"/>
                <a:gd name="connsiteY133" fmla="*/ 323490 h 683077"/>
                <a:gd name="connsiteX134" fmla="*/ 2764766 w 3252161"/>
                <a:gd name="connsiteY134" fmla="*/ 319177 h 683077"/>
                <a:gd name="connsiteX135" fmla="*/ 2794959 w 3252161"/>
                <a:gd name="connsiteY135" fmla="*/ 306238 h 683077"/>
                <a:gd name="connsiteX136" fmla="*/ 2825151 w 3252161"/>
                <a:gd name="connsiteY136" fmla="*/ 297611 h 683077"/>
                <a:gd name="connsiteX137" fmla="*/ 2842404 w 3252161"/>
                <a:gd name="connsiteY137" fmla="*/ 293298 h 683077"/>
                <a:gd name="connsiteX138" fmla="*/ 2838091 w 3252161"/>
                <a:gd name="connsiteY138" fmla="*/ 271732 h 683077"/>
                <a:gd name="connsiteX139" fmla="*/ 2725948 w 3252161"/>
                <a:gd name="connsiteY139" fmla="*/ 276045 h 683077"/>
                <a:gd name="connsiteX140" fmla="*/ 2704381 w 3252161"/>
                <a:gd name="connsiteY140" fmla="*/ 280358 h 683077"/>
                <a:gd name="connsiteX141" fmla="*/ 2678502 w 3252161"/>
                <a:gd name="connsiteY141" fmla="*/ 284672 h 683077"/>
                <a:gd name="connsiteX142" fmla="*/ 2557732 w 3252161"/>
                <a:gd name="connsiteY142" fmla="*/ 288985 h 683077"/>
                <a:gd name="connsiteX143" fmla="*/ 2471468 w 3252161"/>
                <a:gd name="connsiteY143" fmla="*/ 293298 h 683077"/>
                <a:gd name="connsiteX144" fmla="*/ 2445589 w 3252161"/>
                <a:gd name="connsiteY144" fmla="*/ 301924 h 683077"/>
                <a:gd name="connsiteX145" fmla="*/ 2281687 w 3252161"/>
                <a:gd name="connsiteY145" fmla="*/ 310551 h 683077"/>
                <a:gd name="connsiteX146" fmla="*/ 2255808 w 3252161"/>
                <a:gd name="connsiteY146" fmla="*/ 314864 h 683077"/>
                <a:gd name="connsiteX147" fmla="*/ 2204049 w 3252161"/>
                <a:gd name="connsiteY147" fmla="*/ 319177 h 683077"/>
                <a:gd name="connsiteX148" fmla="*/ 2173857 w 3252161"/>
                <a:gd name="connsiteY148" fmla="*/ 327804 h 683077"/>
                <a:gd name="connsiteX149" fmla="*/ 2147978 w 3252161"/>
                <a:gd name="connsiteY149" fmla="*/ 340743 h 683077"/>
                <a:gd name="connsiteX150" fmla="*/ 2135038 w 3252161"/>
                <a:gd name="connsiteY150" fmla="*/ 349370 h 683077"/>
                <a:gd name="connsiteX151" fmla="*/ 2104846 w 3252161"/>
                <a:gd name="connsiteY151" fmla="*/ 357996 h 683077"/>
                <a:gd name="connsiteX152" fmla="*/ 2091906 w 3252161"/>
                <a:gd name="connsiteY152" fmla="*/ 362309 h 683077"/>
                <a:gd name="connsiteX153" fmla="*/ 1940944 w 3252161"/>
                <a:gd name="connsiteY153" fmla="*/ 357996 h 683077"/>
                <a:gd name="connsiteX154" fmla="*/ 1915064 w 3252161"/>
                <a:gd name="connsiteY154" fmla="*/ 349370 h 683077"/>
                <a:gd name="connsiteX155" fmla="*/ 1880559 w 3252161"/>
                <a:gd name="connsiteY155" fmla="*/ 332117 h 683077"/>
                <a:gd name="connsiteX156" fmla="*/ 1867619 w 3252161"/>
                <a:gd name="connsiteY156" fmla="*/ 327804 h 683077"/>
                <a:gd name="connsiteX157" fmla="*/ 1397480 w 3252161"/>
                <a:gd name="connsiteY157" fmla="*/ 332117 h 683077"/>
                <a:gd name="connsiteX158" fmla="*/ 1337095 w 3252161"/>
                <a:gd name="connsiteY158" fmla="*/ 345056 h 683077"/>
                <a:gd name="connsiteX159" fmla="*/ 1328468 w 3252161"/>
                <a:gd name="connsiteY159" fmla="*/ 353683 h 683077"/>
                <a:gd name="connsiteX160" fmla="*/ 1315529 w 3252161"/>
                <a:gd name="connsiteY160" fmla="*/ 357996 h 683077"/>
                <a:gd name="connsiteX161" fmla="*/ 1220638 w 3252161"/>
                <a:gd name="connsiteY161" fmla="*/ 362309 h 683077"/>
                <a:gd name="connsiteX162" fmla="*/ 1155940 w 3252161"/>
                <a:gd name="connsiteY162" fmla="*/ 370936 h 683077"/>
                <a:gd name="connsiteX163" fmla="*/ 1073989 w 3252161"/>
                <a:gd name="connsiteY163" fmla="*/ 379562 h 683077"/>
                <a:gd name="connsiteX164" fmla="*/ 1035170 w 3252161"/>
                <a:gd name="connsiteY164" fmla="*/ 388189 h 683077"/>
                <a:gd name="connsiteX165" fmla="*/ 1000664 w 3252161"/>
                <a:gd name="connsiteY165" fmla="*/ 392502 h 683077"/>
                <a:gd name="connsiteX166" fmla="*/ 776378 w 3252161"/>
                <a:gd name="connsiteY166" fmla="*/ 396815 h 683077"/>
                <a:gd name="connsiteX167" fmla="*/ 595223 w 3252161"/>
                <a:gd name="connsiteY167" fmla="*/ 396815 h 683077"/>
                <a:gd name="connsiteX168" fmla="*/ 569344 w 3252161"/>
                <a:gd name="connsiteY168" fmla="*/ 388189 h 683077"/>
                <a:gd name="connsiteX169" fmla="*/ 590910 w 3252161"/>
                <a:gd name="connsiteY169" fmla="*/ 375249 h 683077"/>
                <a:gd name="connsiteX170" fmla="*/ 603849 w 3252161"/>
                <a:gd name="connsiteY170" fmla="*/ 370936 h 683077"/>
                <a:gd name="connsiteX171" fmla="*/ 715993 w 3252161"/>
                <a:gd name="connsiteY171" fmla="*/ 366622 h 683077"/>
                <a:gd name="connsiteX172" fmla="*/ 733246 w 3252161"/>
                <a:gd name="connsiteY172" fmla="*/ 345056 h 683077"/>
                <a:gd name="connsiteX173" fmla="*/ 746185 w 3252161"/>
                <a:gd name="connsiteY173" fmla="*/ 332117 h 683077"/>
                <a:gd name="connsiteX174" fmla="*/ 772064 w 3252161"/>
                <a:gd name="connsiteY174" fmla="*/ 314864 h 683077"/>
                <a:gd name="connsiteX175" fmla="*/ 914400 w 3252161"/>
                <a:gd name="connsiteY175" fmla="*/ 306238 h 683077"/>
                <a:gd name="connsiteX176" fmla="*/ 927340 w 3252161"/>
                <a:gd name="connsiteY176" fmla="*/ 280358 h 683077"/>
                <a:gd name="connsiteX177" fmla="*/ 923027 w 3252161"/>
                <a:gd name="connsiteY177" fmla="*/ 263106 h 683077"/>
                <a:gd name="connsiteX178" fmla="*/ 897148 w 3252161"/>
                <a:gd name="connsiteY178" fmla="*/ 254479 h 683077"/>
                <a:gd name="connsiteX179" fmla="*/ 884208 w 3252161"/>
                <a:gd name="connsiteY179" fmla="*/ 250166 h 683077"/>
                <a:gd name="connsiteX180" fmla="*/ 875581 w 3252161"/>
                <a:gd name="connsiteY180" fmla="*/ 241539 h 683077"/>
                <a:gd name="connsiteX181" fmla="*/ 862642 w 3252161"/>
                <a:gd name="connsiteY181" fmla="*/ 237226 h 683077"/>
                <a:gd name="connsiteX182" fmla="*/ 759125 w 3252161"/>
                <a:gd name="connsiteY182" fmla="*/ 241539 h 683077"/>
                <a:gd name="connsiteX183" fmla="*/ 724619 w 3252161"/>
                <a:gd name="connsiteY183" fmla="*/ 245853 h 683077"/>
                <a:gd name="connsiteX184" fmla="*/ 698740 w 3252161"/>
                <a:gd name="connsiteY184" fmla="*/ 254479 h 683077"/>
                <a:gd name="connsiteX185" fmla="*/ 517585 w 3252161"/>
                <a:gd name="connsiteY185" fmla="*/ 258792 h 683077"/>
                <a:gd name="connsiteX186" fmla="*/ 431321 w 3252161"/>
                <a:gd name="connsiteY186" fmla="*/ 271732 h 683077"/>
                <a:gd name="connsiteX187" fmla="*/ 392502 w 3252161"/>
                <a:gd name="connsiteY187" fmla="*/ 276045 h 683077"/>
                <a:gd name="connsiteX188" fmla="*/ 73325 w 3252161"/>
                <a:gd name="connsiteY188" fmla="*/ 271732 h 683077"/>
                <a:gd name="connsiteX189" fmla="*/ 64698 w 3252161"/>
                <a:gd name="connsiteY189" fmla="*/ 263106 h 683077"/>
                <a:gd name="connsiteX190" fmla="*/ 60385 w 3252161"/>
                <a:gd name="connsiteY190" fmla="*/ 232913 h 683077"/>
                <a:gd name="connsiteX191" fmla="*/ 51759 w 3252161"/>
                <a:gd name="connsiteY191" fmla="*/ 207034 h 683077"/>
                <a:gd name="connsiteX192" fmla="*/ 56072 w 3252161"/>
                <a:gd name="connsiteY192" fmla="*/ 163902 h 683077"/>
                <a:gd name="connsiteX193" fmla="*/ 69012 w 3252161"/>
                <a:gd name="connsiteY193" fmla="*/ 159589 h 683077"/>
                <a:gd name="connsiteX194" fmla="*/ 237227 w 3252161"/>
                <a:gd name="connsiteY194" fmla="*/ 155275 h 683077"/>
                <a:gd name="connsiteX195" fmla="*/ 288985 w 3252161"/>
                <a:gd name="connsiteY195" fmla="*/ 138022 h 683077"/>
                <a:gd name="connsiteX196" fmla="*/ 301925 w 3252161"/>
                <a:gd name="connsiteY196" fmla="*/ 133709 h 683077"/>
                <a:gd name="connsiteX197" fmla="*/ 444261 w 3252161"/>
                <a:gd name="connsiteY197" fmla="*/ 129396 h 683077"/>
                <a:gd name="connsiteX198" fmla="*/ 418381 w 3252161"/>
                <a:gd name="connsiteY198" fmla="*/ 120770 h 683077"/>
                <a:gd name="connsiteX199" fmla="*/ 396815 w 3252161"/>
                <a:gd name="connsiteY199" fmla="*/ 107830 h 683077"/>
                <a:gd name="connsiteX200" fmla="*/ 388189 w 3252161"/>
                <a:gd name="connsiteY200" fmla="*/ 73324 h 683077"/>
                <a:gd name="connsiteX201" fmla="*/ 379563 w 3252161"/>
                <a:gd name="connsiteY201" fmla="*/ 60385 h 683077"/>
                <a:gd name="connsiteX202" fmla="*/ 370936 w 3252161"/>
                <a:gd name="connsiteY202" fmla="*/ 51758 h 683077"/>
                <a:gd name="connsiteX203" fmla="*/ 345057 w 3252161"/>
                <a:gd name="connsiteY203" fmla="*/ 43132 h 683077"/>
                <a:gd name="connsiteX204" fmla="*/ 332117 w 3252161"/>
                <a:gd name="connsiteY204" fmla="*/ 38819 h 683077"/>
                <a:gd name="connsiteX205" fmla="*/ 323491 w 3252161"/>
                <a:gd name="connsiteY205" fmla="*/ 30192 h 683077"/>
                <a:gd name="connsiteX206" fmla="*/ 327804 w 3252161"/>
                <a:gd name="connsiteY206" fmla="*/ 17253 h 683077"/>
                <a:gd name="connsiteX207" fmla="*/ 280359 w 3252161"/>
                <a:gd name="connsiteY207" fmla="*/ 12939 h 683077"/>
                <a:gd name="connsiteX208" fmla="*/ 228600 w 3252161"/>
                <a:gd name="connsiteY208" fmla="*/ 17253 h 683077"/>
                <a:gd name="connsiteX209" fmla="*/ 202721 w 3252161"/>
                <a:gd name="connsiteY209" fmla="*/ 25879 h 683077"/>
                <a:gd name="connsiteX210" fmla="*/ 107831 w 3252161"/>
                <a:gd name="connsiteY210" fmla="*/ 21566 h 683077"/>
                <a:gd name="connsiteX211" fmla="*/ 103517 w 3252161"/>
                <a:gd name="connsiteY211" fmla="*/ 4313 h 683077"/>
                <a:gd name="connsiteX212" fmla="*/ 34506 w 3252161"/>
                <a:gd name="connsiteY212" fmla="*/ 8626 h 683077"/>
                <a:gd name="connsiteX213" fmla="*/ 12940 w 3252161"/>
                <a:gd name="connsiteY213" fmla="*/ 12939 h 683077"/>
                <a:gd name="connsiteX214" fmla="*/ 0 w 3252161"/>
                <a:gd name="connsiteY214" fmla="*/ 0 h 683077"/>
                <a:gd name="connsiteX215" fmla="*/ 34506 w 3252161"/>
                <a:gd name="connsiteY215"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1913 w 3252161"/>
                <a:gd name="connsiteY123" fmla="*/ 43392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311880 w 3252161"/>
                <a:gd name="connsiteY126" fmla="*/ 401128 h 683077"/>
                <a:gd name="connsiteX127" fmla="*/ 2333446 w 3252161"/>
                <a:gd name="connsiteY127" fmla="*/ 388189 h 683077"/>
                <a:gd name="connsiteX128" fmla="*/ 2424023 w 3252161"/>
                <a:gd name="connsiteY128" fmla="*/ 375249 h 683077"/>
                <a:gd name="connsiteX129" fmla="*/ 2454215 w 3252161"/>
                <a:gd name="connsiteY129" fmla="*/ 366622 h 683077"/>
                <a:gd name="connsiteX130" fmla="*/ 2467155 w 3252161"/>
                <a:gd name="connsiteY130" fmla="*/ 362309 h 683077"/>
                <a:gd name="connsiteX131" fmla="*/ 2695755 w 3252161"/>
                <a:gd name="connsiteY131" fmla="*/ 353683 h 683077"/>
                <a:gd name="connsiteX132" fmla="*/ 2708695 w 3252161"/>
                <a:gd name="connsiteY132" fmla="*/ 349370 h 683077"/>
                <a:gd name="connsiteX133" fmla="*/ 2725948 w 3252161"/>
                <a:gd name="connsiteY133" fmla="*/ 332117 h 683077"/>
                <a:gd name="connsiteX134" fmla="*/ 2751827 w 3252161"/>
                <a:gd name="connsiteY134" fmla="*/ 323490 h 683077"/>
                <a:gd name="connsiteX135" fmla="*/ 2764766 w 3252161"/>
                <a:gd name="connsiteY135" fmla="*/ 319177 h 683077"/>
                <a:gd name="connsiteX136" fmla="*/ 2794959 w 3252161"/>
                <a:gd name="connsiteY136" fmla="*/ 306238 h 683077"/>
                <a:gd name="connsiteX137" fmla="*/ 2825151 w 3252161"/>
                <a:gd name="connsiteY137" fmla="*/ 297611 h 683077"/>
                <a:gd name="connsiteX138" fmla="*/ 2842404 w 3252161"/>
                <a:gd name="connsiteY138" fmla="*/ 293298 h 683077"/>
                <a:gd name="connsiteX139" fmla="*/ 2838091 w 3252161"/>
                <a:gd name="connsiteY139" fmla="*/ 271732 h 683077"/>
                <a:gd name="connsiteX140" fmla="*/ 2725948 w 3252161"/>
                <a:gd name="connsiteY140" fmla="*/ 276045 h 683077"/>
                <a:gd name="connsiteX141" fmla="*/ 2704381 w 3252161"/>
                <a:gd name="connsiteY141" fmla="*/ 280358 h 683077"/>
                <a:gd name="connsiteX142" fmla="*/ 2678502 w 3252161"/>
                <a:gd name="connsiteY142" fmla="*/ 284672 h 683077"/>
                <a:gd name="connsiteX143" fmla="*/ 2557732 w 3252161"/>
                <a:gd name="connsiteY143" fmla="*/ 288985 h 683077"/>
                <a:gd name="connsiteX144" fmla="*/ 2471468 w 3252161"/>
                <a:gd name="connsiteY144" fmla="*/ 293298 h 683077"/>
                <a:gd name="connsiteX145" fmla="*/ 2445589 w 3252161"/>
                <a:gd name="connsiteY145" fmla="*/ 301924 h 683077"/>
                <a:gd name="connsiteX146" fmla="*/ 2281687 w 3252161"/>
                <a:gd name="connsiteY146" fmla="*/ 310551 h 683077"/>
                <a:gd name="connsiteX147" fmla="*/ 2255808 w 3252161"/>
                <a:gd name="connsiteY147" fmla="*/ 314864 h 683077"/>
                <a:gd name="connsiteX148" fmla="*/ 2204049 w 3252161"/>
                <a:gd name="connsiteY148" fmla="*/ 319177 h 683077"/>
                <a:gd name="connsiteX149" fmla="*/ 2173857 w 3252161"/>
                <a:gd name="connsiteY149" fmla="*/ 327804 h 683077"/>
                <a:gd name="connsiteX150" fmla="*/ 2147978 w 3252161"/>
                <a:gd name="connsiteY150" fmla="*/ 340743 h 683077"/>
                <a:gd name="connsiteX151" fmla="*/ 2135038 w 3252161"/>
                <a:gd name="connsiteY151" fmla="*/ 349370 h 683077"/>
                <a:gd name="connsiteX152" fmla="*/ 2104846 w 3252161"/>
                <a:gd name="connsiteY152" fmla="*/ 357996 h 683077"/>
                <a:gd name="connsiteX153" fmla="*/ 2091906 w 3252161"/>
                <a:gd name="connsiteY153" fmla="*/ 362309 h 683077"/>
                <a:gd name="connsiteX154" fmla="*/ 1940944 w 3252161"/>
                <a:gd name="connsiteY154" fmla="*/ 357996 h 683077"/>
                <a:gd name="connsiteX155" fmla="*/ 1915064 w 3252161"/>
                <a:gd name="connsiteY155" fmla="*/ 349370 h 683077"/>
                <a:gd name="connsiteX156" fmla="*/ 1880559 w 3252161"/>
                <a:gd name="connsiteY156" fmla="*/ 332117 h 683077"/>
                <a:gd name="connsiteX157" fmla="*/ 1867619 w 3252161"/>
                <a:gd name="connsiteY157" fmla="*/ 327804 h 683077"/>
                <a:gd name="connsiteX158" fmla="*/ 1397480 w 3252161"/>
                <a:gd name="connsiteY158" fmla="*/ 332117 h 683077"/>
                <a:gd name="connsiteX159" fmla="*/ 1337095 w 3252161"/>
                <a:gd name="connsiteY159" fmla="*/ 345056 h 683077"/>
                <a:gd name="connsiteX160" fmla="*/ 1328468 w 3252161"/>
                <a:gd name="connsiteY160" fmla="*/ 353683 h 683077"/>
                <a:gd name="connsiteX161" fmla="*/ 1315529 w 3252161"/>
                <a:gd name="connsiteY161" fmla="*/ 357996 h 683077"/>
                <a:gd name="connsiteX162" fmla="*/ 1220638 w 3252161"/>
                <a:gd name="connsiteY162" fmla="*/ 362309 h 683077"/>
                <a:gd name="connsiteX163" fmla="*/ 1155940 w 3252161"/>
                <a:gd name="connsiteY163" fmla="*/ 370936 h 683077"/>
                <a:gd name="connsiteX164" fmla="*/ 1073989 w 3252161"/>
                <a:gd name="connsiteY164" fmla="*/ 379562 h 683077"/>
                <a:gd name="connsiteX165" fmla="*/ 1035170 w 3252161"/>
                <a:gd name="connsiteY165" fmla="*/ 388189 h 683077"/>
                <a:gd name="connsiteX166" fmla="*/ 1000664 w 3252161"/>
                <a:gd name="connsiteY166" fmla="*/ 392502 h 683077"/>
                <a:gd name="connsiteX167" fmla="*/ 776378 w 3252161"/>
                <a:gd name="connsiteY167" fmla="*/ 396815 h 683077"/>
                <a:gd name="connsiteX168" fmla="*/ 595223 w 3252161"/>
                <a:gd name="connsiteY168" fmla="*/ 396815 h 683077"/>
                <a:gd name="connsiteX169" fmla="*/ 569344 w 3252161"/>
                <a:gd name="connsiteY169" fmla="*/ 388189 h 683077"/>
                <a:gd name="connsiteX170" fmla="*/ 590910 w 3252161"/>
                <a:gd name="connsiteY170" fmla="*/ 375249 h 683077"/>
                <a:gd name="connsiteX171" fmla="*/ 603849 w 3252161"/>
                <a:gd name="connsiteY171" fmla="*/ 370936 h 683077"/>
                <a:gd name="connsiteX172" fmla="*/ 715993 w 3252161"/>
                <a:gd name="connsiteY172" fmla="*/ 366622 h 683077"/>
                <a:gd name="connsiteX173" fmla="*/ 733246 w 3252161"/>
                <a:gd name="connsiteY173" fmla="*/ 345056 h 683077"/>
                <a:gd name="connsiteX174" fmla="*/ 746185 w 3252161"/>
                <a:gd name="connsiteY174" fmla="*/ 332117 h 683077"/>
                <a:gd name="connsiteX175" fmla="*/ 772064 w 3252161"/>
                <a:gd name="connsiteY175" fmla="*/ 314864 h 683077"/>
                <a:gd name="connsiteX176" fmla="*/ 914400 w 3252161"/>
                <a:gd name="connsiteY176" fmla="*/ 306238 h 683077"/>
                <a:gd name="connsiteX177" fmla="*/ 927340 w 3252161"/>
                <a:gd name="connsiteY177" fmla="*/ 280358 h 683077"/>
                <a:gd name="connsiteX178" fmla="*/ 923027 w 3252161"/>
                <a:gd name="connsiteY178" fmla="*/ 263106 h 683077"/>
                <a:gd name="connsiteX179" fmla="*/ 897148 w 3252161"/>
                <a:gd name="connsiteY179" fmla="*/ 254479 h 683077"/>
                <a:gd name="connsiteX180" fmla="*/ 884208 w 3252161"/>
                <a:gd name="connsiteY180" fmla="*/ 250166 h 683077"/>
                <a:gd name="connsiteX181" fmla="*/ 875581 w 3252161"/>
                <a:gd name="connsiteY181" fmla="*/ 241539 h 683077"/>
                <a:gd name="connsiteX182" fmla="*/ 862642 w 3252161"/>
                <a:gd name="connsiteY182" fmla="*/ 237226 h 683077"/>
                <a:gd name="connsiteX183" fmla="*/ 759125 w 3252161"/>
                <a:gd name="connsiteY183" fmla="*/ 241539 h 683077"/>
                <a:gd name="connsiteX184" fmla="*/ 724619 w 3252161"/>
                <a:gd name="connsiteY184" fmla="*/ 245853 h 683077"/>
                <a:gd name="connsiteX185" fmla="*/ 698740 w 3252161"/>
                <a:gd name="connsiteY185" fmla="*/ 254479 h 683077"/>
                <a:gd name="connsiteX186" fmla="*/ 517585 w 3252161"/>
                <a:gd name="connsiteY186" fmla="*/ 258792 h 683077"/>
                <a:gd name="connsiteX187" fmla="*/ 431321 w 3252161"/>
                <a:gd name="connsiteY187" fmla="*/ 271732 h 683077"/>
                <a:gd name="connsiteX188" fmla="*/ 392502 w 3252161"/>
                <a:gd name="connsiteY188" fmla="*/ 276045 h 683077"/>
                <a:gd name="connsiteX189" fmla="*/ 73325 w 3252161"/>
                <a:gd name="connsiteY189" fmla="*/ 271732 h 683077"/>
                <a:gd name="connsiteX190" fmla="*/ 64698 w 3252161"/>
                <a:gd name="connsiteY190" fmla="*/ 263106 h 683077"/>
                <a:gd name="connsiteX191" fmla="*/ 60385 w 3252161"/>
                <a:gd name="connsiteY191" fmla="*/ 232913 h 683077"/>
                <a:gd name="connsiteX192" fmla="*/ 51759 w 3252161"/>
                <a:gd name="connsiteY192" fmla="*/ 207034 h 683077"/>
                <a:gd name="connsiteX193" fmla="*/ 56072 w 3252161"/>
                <a:gd name="connsiteY193" fmla="*/ 163902 h 683077"/>
                <a:gd name="connsiteX194" fmla="*/ 69012 w 3252161"/>
                <a:gd name="connsiteY194" fmla="*/ 159589 h 683077"/>
                <a:gd name="connsiteX195" fmla="*/ 237227 w 3252161"/>
                <a:gd name="connsiteY195" fmla="*/ 155275 h 683077"/>
                <a:gd name="connsiteX196" fmla="*/ 288985 w 3252161"/>
                <a:gd name="connsiteY196" fmla="*/ 138022 h 683077"/>
                <a:gd name="connsiteX197" fmla="*/ 301925 w 3252161"/>
                <a:gd name="connsiteY197" fmla="*/ 133709 h 683077"/>
                <a:gd name="connsiteX198" fmla="*/ 444261 w 3252161"/>
                <a:gd name="connsiteY198" fmla="*/ 129396 h 683077"/>
                <a:gd name="connsiteX199" fmla="*/ 418381 w 3252161"/>
                <a:gd name="connsiteY199" fmla="*/ 120770 h 683077"/>
                <a:gd name="connsiteX200" fmla="*/ 396815 w 3252161"/>
                <a:gd name="connsiteY200" fmla="*/ 107830 h 683077"/>
                <a:gd name="connsiteX201" fmla="*/ 388189 w 3252161"/>
                <a:gd name="connsiteY201" fmla="*/ 73324 h 683077"/>
                <a:gd name="connsiteX202" fmla="*/ 379563 w 3252161"/>
                <a:gd name="connsiteY202" fmla="*/ 60385 h 683077"/>
                <a:gd name="connsiteX203" fmla="*/ 370936 w 3252161"/>
                <a:gd name="connsiteY203" fmla="*/ 51758 h 683077"/>
                <a:gd name="connsiteX204" fmla="*/ 345057 w 3252161"/>
                <a:gd name="connsiteY204" fmla="*/ 43132 h 683077"/>
                <a:gd name="connsiteX205" fmla="*/ 332117 w 3252161"/>
                <a:gd name="connsiteY205" fmla="*/ 38819 h 683077"/>
                <a:gd name="connsiteX206" fmla="*/ 323491 w 3252161"/>
                <a:gd name="connsiteY206" fmla="*/ 30192 h 683077"/>
                <a:gd name="connsiteX207" fmla="*/ 327804 w 3252161"/>
                <a:gd name="connsiteY207" fmla="*/ 17253 h 683077"/>
                <a:gd name="connsiteX208" fmla="*/ 280359 w 3252161"/>
                <a:gd name="connsiteY208" fmla="*/ 12939 h 683077"/>
                <a:gd name="connsiteX209" fmla="*/ 228600 w 3252161"/>
                <a:gd name="connsiteY209" fmla="*/ 17253 h 683077"/>
                <a:gd name="connsiteX210" fmla="*/ 202721 w 3252161"/>
                <a:gd name="connsiteY210" fmla="*/ 25879 h 683077"/>
                <a:gd name="connsiteX211" fmla="*/ 107831 w 3252161"/>
                <a:gd name="connsiteY211" fmla="*/ 21566 h 683077"/>
                <a:gd name="connsiteX212" fmla="*/ 103517 w 3252161"/>
                <a:gd name="connsiteY212" fmla="*/ 4313 h 683077"/>
                <a:gd name="connsiteX213" fmla="*/ 34506 w 3252161"/>
                <a:gd name="connsiteY213" fmla="*/ 8626 h 683077"/>
                <a:gd name="connsiteX214" fmla="*/ 12940 w 3252161"/>
                <a:gd name="connsiteY214" fmla="*/ 12939 h 683077"/>
                <a:gd name="connsiteX215" fmla="*/ 0 w 3252161"/>
                <a:gd name="connsiteY215" fmla="*/ 0 h 683077"/>
                <a:gd name="connsiteX216" fmla="*/ 34506 w 3252161"/>
                <a:gd name="connsiteY216"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53087 w 3252161"/>
                <a:gd name="connsiteY86" fmla="*/ 539151 h 683077"/>
                <a:gd name="connsiteX87" fmla="*/ 2040148 w 3252161"/>
                <a:gd name="connsiteY87" fmla="*/ 543464 h 683077"/>
                <a:gd name="connsiteX88" fmla="*/ 2022895 w 3252161"/>
                <a:gd name="connsiteY88" fmla="*/ 560717 h 683077"/>
                <a:gd name="connsiteX89" fmla="*/ 2014268 w 3252161"/>
                <a:gd name="connsiteY89" fmla="*/ 569343 h 683077"/>
                <a:gd name="connsiteX90" fmla="*/ 2001329 w 3252161"/>
                <a:gd name="connsiteY90" fmla="*/ 573656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2001329 w 3252161"/>
                <a:gd name="connsiteY91" fmla="*/ 573656 h 683077"/>
                <a:gd name="connsiteX92" fmla="*/ 1956175 w 3252161"/>
                <a:gd name="connsiteY92" fmla="*/ 579183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56175 w 3252161"/>
                <a:gd name="connsiteY91" fmla="*/ 579183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686464 w 3252161"/>
                <a:gd name="connsiteY91" fmla="*/ 569343 h 683077"/>
                <a:gd name="connsiteX92" fmla="*/ 1673525 w 3252161"/>
                <a:gd name="connsiteY92" fmla="*/ 565030 h 683077"/>
                <a:gd name="connsiteX93" fmla="*/ 1651959 w 3252161"/>
                <a:gd name="connsiteY93" fmla="*/ 552090 h 683077"/>
                <a:gd name="connsiteX94" fmla="*/ 1634706 w 3252161"/>
                <a:gd name="connsiteY94" fmla="*/ 530524 h 683077"/>
                <a:gd name="connsiteX95" fmla="*/ 1630393 w 3252161"/>
                <a:gd name="connsiteY95" fmla="*/ 517585 h 683077"/>
                <a:gd name="connsiteX96" fmla="*/ 1634706 w 3252161"/>
                <a:gd name="connsiteY96" fmla="*/ 504645 h 683077"/>
                <a:gd name="connsiteX97" fmla="*/ 1664898 w 3252161"/>
                <a:gd name="connsiteY97" fmla="*/ 491706 h 683077"/>
                <a:gd name="connsiteX98" fmla="*/ 1669212 w 3252161"/>
                <a:gd name="connsiteY98" fmla="*/ 478766 h 683077"/>
                <a:gd name="connsiteX99" fmla="*/ 1660585 w 3252161"/>
                <a:gd name="connsiteY99" fmla="*/ 470139 h 683077"/>
                <a:gd name="connsiteX100" fmla="*/ 1621766 w 3252161"/>
                <a:gd name="connsiteY100" fmla="*/ 465826 h 683077"/>
                <a:gd name="connsiteX101" fmla="*/ 1613140 w 3252161"/>
                <a:gd name="connsiteY101" fmla="*/ 452887 h 683077"/>
                <a:gd name="connsiteX102" fmla="*/ 1617453 w 3252161"/>
                <a:gd name="connsiteY102" fmla="*/ 427007 h 683077"/>
                <a:gd name="connsiteX103" fmla="*/ 1630393 w 3252161"/>
                <a:gd name="connsiteY103" fmla="*/ 383875 h 683077"/>
                <a:gd name="connsiteX104" fmla="*/ 1643332 w 3252161"/>
                <a:gd name="connsiteY104" fmla="*/ 370936 h 683077"/>
                <a:gd name="connsiteX105" fmla="*/ 1807234 w 3252161"/>
                <a:gd name="connsiteY105" fmla="*/ 375249 h 683077"/>
                <a:gd name="connsiteX106" fmla="*/ 1846053 w 3252161"/>
                <a:gd name="connsiteY106" fmla="*/ 388189 h 683077"/>
                <a:gd name="connsiteX107" fmla="*/ 1858993 w 3252161"/>
                <a:gd name="connsiteY107" fmla="*/ 392502 h 683077"/>
                <a:gd name="connsiteX108" fmla="*/ 1876246 w 3252161"/>
                <a:gd name="connsiteY108" fmla="*/ 431321 h 683077"/>
                <a:gd name="connsiteX109" fmla="*/ 1884872 w 3252161"/>
                <a:gd name="connsiteY109" fmla="*/ 465826 h 683077"/>
                <a:gd name="connsiteX110" fmla="*/ 1893498 w 3252161"/>
                <a:gd name="connsiteY110" fmla="*/ 474453 h 683077"/>
                <a:gd name="connsiteX111" fmla="*/ 1919378 w 3252161"/>
                <a:gd name="connsiteY111" fmla="*/ 504645 h 683077"/>
                <a:gd name="connsiteX112" fmla="*/ 1928004 w 3252161"/>
                <a:gd name="connsiteY112" fmla="*/ 513272 h 683077"/>
                <a:gd name="connsiteX113" fmla="*/ 1932317 w 3252161"/>
                <a:gd name="connsiteY113" fmla="*/ 526211 h 683077"/>
                <a:gd name="connsiteX114" fmla="*/ 1979763 w 3252161"/>
                <a:gd name="connsiteY114" fmla="*/ 526211 h 683077"/>
                <a:gd name="connsiteX115" fmla="*/ 1984076 w 3252161"/>
                <a:gd name="connsiteY115" fmla="*/ 508958 h 683077"/>
                <a:gd name="connsiteX116" fmla="*/ 2001329 w 3252161"/>
                <a:gd name="connsiteY116" fmla="*/ 487392 h 683077"/>
                <a:gd name="connsiteX117" fmla="*/ 2018581 w 3252161"/>
                <a:gd name="connsiteY117" fmla="*/ 491706 h 683077"/>
                <a:gd name="connsiteX118" fmla="*/ 2027208 w 3252161"/>
                <a:gd name="connsiteY118" fmla="*/ 500332 h 683077"/>
                <a:gd name="connsiteX119" fmla="*/ 2040148 w 3252161"/>
                <a:gd name="connsiteY119" fmla="*/ 508958 h 683077"/>
                <a:gd name="connsiteX120" fmla="*/ 2122098 w 3252161"/>
                <a:gd name="connsiteY120" fmla="*/ 504645 h 683077"/>
                <a:gd name="connsiteX121" fmla="*/ 2130725 w 3252161"/>
                <a:gd name="connsiteY121" fmla="*/ 496019 h 683077"/>
                <a:gd name="connsiteX122" fmla="*/ 2135038 w 3252161"/>
                <a:gd name="connsiteY122" fmla="*/ 461513 h 683077"/>
                <a:gd name="connsiteX123" fmla="*/ 2149056 w 3252161"/>
                <a:gd name="connsiteY123" fmla="*/ 452976 h 683077"/>
                <a:gd name="connsiteX124" fmla="*/ 2170488 w 3252161"/>
                <a:gd name="connsiteY124" fmla="*/ 452977 h 683077"/>
                <a:gd name="connsiteX125" fmla="*/ 2210070 w 3252161"/>
                <a:gd name="connsiteY125" fmla="*/ 411238 h 683077"/>
                <a:gd name="connsiteX126" fmla="*/ 2201444 w 3252161"/>
                <a:gd name="connsiteY126" fmla="*/ 424401 h 683077"/>
                <a:gd name="connsiteX127" fmla="*/ 2311880 w 3252161"/>
                <a:gd name="connsiteY127" fmla="*/ 401128 h 683077"/>
                <a:gd name="connsiteX128" fmla="*/ 2333446 w 3252161"/>
                <a:gd name="connsiteY128" fmla="*/ 388189 h 683077"/>
                <a:gd name="connsiteX129" fmla="*/ 2424023 w 3252161"/>
                <a:gd name="connsiteY129" fmla="*/ 375249 h 683077"/>
                <a:gd name="connsiteX130" fmla="*/ 2454215 w 3252161"/>
                <a:gd name="connsiteY130" fmla="*/ 366622 h 683077"/>
                <a:gd name="connsiteX131" fmla="*/ 2467155 w 3252161"/>
                <a:gd name="connsiteY131" fmla="*/ 362309 h 683077"/>
                <a:gd name="connsiteX132" fmla="*/ 2695755 w 3252161"/>
                <a:gd name="connsiteY132" fmla="*/ 353683 h 683077"/>
                <a:gd name="connsiteX133" fmla="*/ 2708695 w 3252161"/>
                <a:gd name="connsiteY133" fmla="*/ 349370 h 683077"/>
                <a:gd name="connsiteX134" fmla="*/ 2725948 w 3252161"/>
                <a:gd name="connsiteY134" fmla="*/ 332117 h 683077"/>
                <a:gd name="connsiteX135" fmla="*/ 2751827 w 3252161"/>
                <a:gd name="connsiteY135" fmla="*/ 323490 h 683077"/>
                <a:gd name="connsiteX136" fmla="*/ 2764766 w 3252161"/>
                <a:gd name="connsiteY136" fmla="*/ 319177 h 683077"/>
                <a:gd name="connsiteX137" fmla="*/ 2794959 w 3252161"/>
                <a:gd name="connsiteY137" fmla="*/ 306238 h 683077"/>
                <a:gd name="connsiteX138" fmla="*/ 2825151 w 3252161"/>
                <a:gd name="connsiteY138" fmla="*/ 297611 h 683077"/>
                <a:gd name="connsiteX139" fmla="*/ 2842404 w 3252161"/>
                <a:gd name="connsiteY139" fmla="*/ 293298 h 683077"/>
                <a:gd name="connsiteX140" fmla="*/ 2838091 w 3252161"/>
                <a:gd name="connsiteY140" fmla="*/ 271732 h 683077"/>
                <a:gd name="connsiteX141" fmla="*/ 2725948 w 3252161"/>
                <a:gd name="connsiteY141" fmla="*/ 276045 h 683077"/>
                <a:gd name="connsiteX142" fmla="*/ 2704381 w 3252161"/>
                <a:gd name="connsiteY142" fmla="*/ 280358 h 683077"/>
                <a:gd name="connsiteX143" fmla="*/ 2678502 w 3252161"/>
                <a:gd name="connsiteY143" fmla="*/ 284672 h 683077"/>
                <a:gd name="connsiteX144" fmla="*/ 2557732 w 3252161"/>
                <a:gd name="connsiteY144" fmla="*/ 288985 h 683077"/>
                <a:gd name="connsiteX145" fmla="*/ 2471468 w 3252161"/>
                <a:gd name="connsiteY145" fmla="*/ 293298 h 683077"/>
                <a:gd name="connsiteX146" fmla="*/ 2445589 w 3252161"/>
                <a:gd name="connsiteY146" fmla="*/ 301924 h 683077"/>
                <a:gd name="connsiteX147" fmla="*/ 2281687 w 3252161"/>
                <a:gd name="connsiteY147" fmla="*/ 310551 h 683077"/>
                <a:gd name="connsiteX148" fmla="*/ 2255808 w 3252161"/>
                <a:gd name="connsiteY148" fmla="*/ 314864 h 683077"/>
                <a:gd name="connsiteX149" fmla="*/ 2204049 w 3252161"/>
                <a:gd name="connsiteY149" fmla="*/ 319177 h 683077"/>
                <a:gd name="connsiteX150" fmla="*/ 2173857 w 3252161"/>
                <a:gd name="connsiteY150" fmla="*/ 327804 h 683077"/>
                <a:gd name="connsiteX151" fmla="*/ 2147978 w 3252161"/>
                <a:gd name="connsiteY151" fmla="*/ 340743 h 683077"/>
                <a:gd name="connsiteX152" fmla="*/ 2135038 w 3252161"/>
                <a:gd name="connsiteY152" fmla="*/ 349370 h 683077"/>
                <a:gd name="connsiteX153" fmla="*/ 2104846 w 3252161"/>
                <a:gd name="connsiteY153" fmla="*/ 357996 h 683077"/>
                <a:gd name="connsiteX154" fmla="*/ 2091906 w 3252161"/>
                <a:gd name="connsiteY154" fmla="*/ 362309 h 683077"/>
                <a:gd name="connsiteX155" fmla="*/ 1940944 w 3252161"/>
                <a:gd name="connsiteY155" fmla="*/ 357996 h 683077"/>
                <a:gd name="connsiteX156" fmla="*/ 1915064 w 3252161"/>
                <a:gd name="connsiteY156" fmla="*/ 349370 h 683077"/>
                <a:gd name="connsiteX157" fmla="*/ 1880559 w 3252161"/>
                <a:gd name="connsiteY157" fmla="*/ 332117 h 683077"/>
                <a:gd name="connsiteX158" fmla="*/ 1867619 w 3252161"/>
                <a:gd name="connsiteY158" fmla="*/ 327804 h 683077"/>
                <a:gd name="connsiteX159" fmla="*/ 1397480 w 3252161"/>
                <a:gd name="connsiteY159" fmla="*/ 332117 h 683077"/>
                <a:gd name="connsiteX160" fmla="*/ 1337095 w 3252161"/>
                <a:gd name="connsiteY160" fmla="*/ 345056 h 683077"/>
                <a:gd name="connsiteX161" fmla="*/ 1328468 w 3252161"/>
                <a:gd name="connsiteY161" fmla="*/ 353683 h 683077"/>
                <a:gd name="connsiteX162" fmla="*/ 1315529 w 3252161"/>
                <a:gd name="connsiteY162" fmla="*/ 357996 h 683077"/>
                <a:gd name="connsiteX163" fmla="*/ 1220638 w 3252161"/>
                <a:gd name="connsiteY163" fmla="*/ 362309 h 683077"/>
                <a:gd name="connsiteX164" fmla="*/ 1155940 w 3252161"/>
                <a:gd name="connsiteY164" fmla="*/ 370936 h 683077"/>
                <a:gd name="connsiteX165" fmla="*/ 1073989 w 3252161"/>
                <a:gd name="connsiteY165" fmla="*/ 379562 h 683077"/>
                <a:gd name="connsiteX166" fmla="*/ 1035170 w 3252161"/>
                <a:gd name="connsiteY166" fmla="*/ 388189 h 683077"/>
                <a:gd name="connsiteX167" fmla="*/ 1000664 w 3252161"/>
                <a:gd name="connsiteY167" fmla="*/ 392502 h 683077"/>
                <a:gd name="connsiteX168" fmla="*/ 776378 w 3252161"/>
                <a:gd name="connsiteY168" fmla="*/ 396815 h 683077"/>
                <a:gd name="connsiteX169" fmla="*/ 595223 w 3252161"/>
                <a:gd name="connsiteY169" fmla="*/ 396815 h 683077"/>
                <a:gd name="connsiteX170" fmla="*/ 569344 w 3252161"/>
                <a:gd name="connsiteY170" fmla="*/ 388189 h 683077"/>
                <a:gd name="connsiteX171" fmla="*/ 590910 w 3252161"/>
                <a:gd name="connsiteY171" fmla="*/ 375249 h 683077"/>
                <a:gd name="connsiteX172" fmla="*/ 603849 w 3252161"/>
                <a:gd name="connsiteY172" fmla="*/ 370936 h 683077"/>
                <a:gd name="connsiteX173" fmla="*/ 715993 w 3252161"/>
                <a:gd name="connsiteY173" fmla="*/ 366622 h 683077"/>
                <a:gd name="connsiteX174" fmla="*/ 733246 w 3252161"/>
                <a:gd name="connsiteY174" fmla="*/ 345056 h 683077"/>
                <a:gd name="connsiteX175" fmla="*/ 746185 w 3252161"/>
                <a:gd name="connsiteY175" fmla="*/ 332117 h 683077"/>
                <a:gd name="connsiteX176" fmla="*/ 772064 w 3252161"/>
                <a:gd name="connsiteY176" fmla="*/ 314864 h 683077"/>
                <a:gd name="connsiteX177" fmla="*/ 914400 w 3252161"/>
                <a:gd name="connsiteY177" fmla="*/ 306238 h 683077"/>
                <a:gd name="connsiteX178" fmla="*/ 927340 w 3252161"/>
                <a:gd name="connsiteY178" fmla="*/ 280358 h 683077"/>
                <a:gd name="connsiteX179" fmla="*/ 923027 w 3252161"/>
                <a:gd name="connsiteY179" fmla="*/ 263106 h 683077"/>
                <a:gd name="connsiteX180" fmla="*/ 897148 w 3252161"/>
                <a:gd name="connsiteY180" fmla="*/ 254479 h 683077"/>
                <a:gd name="connsiteX181" fmla="*/ 884208 w 3252161"/>
                <a:gd name="connsiteY181" fmla="*/ 250166 h 683077"/>
                <a:gd name="connsiteX182" fmla="*/ 875581 w 3252161"/>
                <a:gd name="connsiteY182" fmla="*/ 241539 h 683077"/>
                <a:gd name="connsiteX183" fmla="*/ 862642 w 3252161"/>
                <a:gd name="connsiteY183" fmla="*/ 237226 h 683077"/>
                <a:gd name="connsiteX184" fmla="*/ 759125 w 3252161"/>
                <a:gd name="connsiteY184" fmla="*/ 241539 h 683077"/>
                <a:gd name="connsiteX185" fmla="*/ 724619 w 3252161"/>
                <a:gd name="connsiteY185" fmla="*/ 245853 h 683077"/>
                <a:gd name="connsiteX186" fmla="*/ 698740 w 3252161"/>
                <a:gd name="connsiteY186" fmla="*/ 254479 h 683077"/>
                <a:gd name="connsiteX187" fmla="*/ 517585 w 3252161"/>
                <a:gd name="connsiteY187" fmla="*/ 258792 h 683077"/>
                <a:gd name="connsiteX188" fmla="*/ 431321 w 3252161"/>
                <a:gd name="connsiteY188" fmla="*/ 271732 h 683077"/>
                <a:gd name="connsiteX189" fmla="*/ 392502 w 3252161"/>
                <a:gd name="connsiteY189" fmla="*/ 276045 h 683077"/>
                <a:gd name="connsiteX190" fmla="*/ 73325 w 3252161"/>
                <a:gd name="connsiteY190" fmla="*/ 271732 h 683077"/>
                <a:gd name="connsiteX191" fmla="*/ 64698 w 3252161"/>
                <a:gd name="connsiteY191" fmla="*/ 263106 h 683077"/>
                <a:gd name="connsiteX192" fmla="*/ 60385 w 3252161"/>
                <a:gd name="connsiteY192" fmla="*/ 232913 h 683077"/>
                <a:gd name="connsiteX193" fmla="*/ 51759 w 3252161"/>
                <a:gd name="connsiteY193" fmla="*/ 207034 h 683077"/>
                <a:gd name="connsiteX194" fmla="*/ 56072 w 3252161"/>
                <a:gd name="connsiteY194" fmla="*/ 163902 h 683077"/>
                <a:gd name="connsiteX195" fmla="*/ 69012 w 3252161"/>
                <a:gd name="connsiteY195" fmla="*/ 159589 h 683077"/>
                <a:gd name="connsiteX196" fmla="*/ 237227 w 3252161"/>
                <a:gd name="connsiteY196" fmla="*/ 155275 h 683077"/>
                <a:gd name="connsiteX197" fmla="*/ 288985 w 3252161"/>
                <a:gd name="connsiteY197" fmla="*/ 138022 h 683077"/>
                <a:gd name="connsiteX198" fmla="*/ 301925 w 3252161"/>
                <a:gd name="connsiteY198" fmla="*/ 133709 h 683077"/>
                <a:gd name="connsiteX199" fmla="*/ 444261 w 3252161"/>
                <a:gd name="connsiteY199" fmla="*/ 129396 h 683077"/>
                <a:gd name="connsiteX200" fmla="*/ 418381 w 3252161"/>
                <a:gd name="connsiteY200" fmla="*/ 120770 h 683077"/>
                <a:gd name="connsiteX201" fmla="*/ 396815 w 3252161"/>
                <a:gd name="connsiteY201" fmla="*/ 107830 h 683077"/>
                <a:gd name="connsiteX202" fmla="*/ 388189 w 3252161"/>
                <a:gd name="connsiteY202" fmla="*/ 73324 h 683077"/>
                <a:gd name="connsiteX203" fmla="*/ 379563 w 3252161"/>
                <a:gd name="connsiteY203" fmla="*/ 60385 h 683077"/>
                <a:gd name="connsiteX204" fmla="*/ 370936 w 3252161"/>
                <a:gd name="connsiteY204" fmla="*/ 51758 h 683077"/>
                <a:gd name="connsiteX205" fmla="*/ 345057 w 3252161"/>
                <a:gd name="connsiteY205" fmla="*/ 43132 h 683077"/>
                <a:gd name="connsiteX206" fmla="*/ 332117 w 3252161"/>
                <a:gd name="connsiteY206" fmla="*/ 38819 h 683077"/>
                <a:gd name="connsiteX207" fmla="*/ 323491 w 3252161"/>
                <a:gd name="connsiteY207" fmla="*/ 30192 h 683077"/>
                <a:gd name="connsiteX208" fmla="*/ 327804 w 3252161"/>
                <a:gd name="connsiteY208" fmla="*/ 17253 h 683077"/>
                <a:gd name="connsiteX209" fmla="*/ 280359 w 3252161"/>
                <a:gd name="connsiteY209" fmla="*/ 12939 h 683077"/>
                <a:gd name="connsiteX210" fmla="*/ 228600 w 3252161"/>
                <a:gd name="connsiteY210" fmla="*/ 17253 h 683077"/>
                <a:gd name="connsiteX211" fmla="*/ 202721 w 3252161"/>
                <a:gd name="connsiteY211" fmla="*/ 25879 h 683077"/>
                <a:gd name="connsiteX212" fmla="*/ 107831 w 3252161"/>
                <a:gd name="connsiteY212" fmla="*/ 21566 h 683077"/>
                <a:gd name="connsiteX213" fmla="*/ 103517 w 3252161"/>
                <a:gd name="connsiteY213" fmla="*/ 4313 h 683077"/>
                <a:gd name="connsiteX214" fmla="*/ 34506 w 3252161"/>
                <a:gd name="connsiteY214" fmla="*/ 8626 h 683077"/>
                <a:gd name="connsiteX215" fmla="*/ 12940 w 3252161"/>
                <a:gd name="connsiteY215" fmla="*/ 12939 h 683077"/>
                <a:gd name="connsiteX216" fmla="*/ 0 w 3252161"/>
                <a:gd name="connsiteY216" fmla="*/ 0 h 683077"/>
                <a:gd name="connsiteX217" fmla="*/ 34506 w 3252161"/>
                <a:gd name="connsiteY217"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29464 w 3252161"/>
                <a:gd name="connsiteY62" fmla="*/ 586596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2915729 w 3252161"/>
                <a:gd name="connsiteY61" fmla="*/ 59522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9464 w 3252161"/>
                <a:gd name="connsiteY63" fmla="*/ 586596 h 683077"/>
                <a:gd name="connsiteX64" fmla="*/ 2820838 w 3252161"/>
                <a:gd name="connsiteY64" fmla="*/ 573656 h 683077"/>
                <a:gd name="connsiteX65" fmla="*/ 2851031 w 3252161"/>
                <a:gd name="connsiteY65" fmla="*/ 543464 h 683077"/>
                <a:gd name="connsiteX66" fmla="*/ 3075317 w 3252161"/>
                <a:gd name="connsiteY66" fmla="*/ 539151 h 683077"/>
                <a:gd name="connsiteX67" fmla="*/ 3088257 w 3252161"/>
                <a:gd name="connsiteY67" fmla="*/ 534838 h 683077"/>
                <a:gd name="connsiteX68" fmla="*/ 3105510 w 3252161"/>
                <a:gd name="connsiteY68" fmla="*/ 517585 h 683077"/>
                <a:gd name="connsiteX69" fmla="*/ 3178834 w 3252161"/>
                <a:gd name="connsiteY69" fmla="*/ 504645 h 683077"/>
                <a:gd name="connsiteX70" fmla="*/ 3187461 w 3252161"/>
                <a:gd name="connsiteY70" fmla="*/ 496019 h 683077"/>
                <a:gd name="connsiteX71" fmla="*/ 3191774 w 3252161"/>
                <a:gd name="connsiteY71" fmla="*/ 483079 h 683077"/>
                <a:gd name="connsiteX72" fmla="*/ 3204714 w 3252161"/>
                <a:gd name="connsiteY72" fmla="*/ 478766 h 683077"/>
                <a:gd name="connsiteX73" fmla="*/ 3196087 w 3252161"/>
                <a:gd name="connsiteY73" fmla="*/ 470139 h 683077"/>
                <a:gd name="connsiteX74" fmla="*/ 2846717 w 3252161"/>
                <a:gd name="connsiteY74" fmla="*/ 478766 h 683077"/>
                <a:gd name="connsiteX75" fmla="*/ 2820838 w 3252161"/>
                <a:gd name="connsiteY75" fmla="*/ 487392 h 683077"/>
                <a:gd name="connsiteX76" fmla="*/ 2807898 w 3252161"/>
                <a:gd name="connsiteY76" fmla="*/ 496019 h 683077"/>
                <a:gd name="connsiteX77" fmla="*/ 2743200 w 3252161"/>
                <a:gd name="connsiteY77" fmla="*/ 500332 h 683077"/>
                <a:gd name="connsiteX78" fmla="*/ 2691442 w 3252161"/>
                <a:gd name="connsiteY78" fmla="*/ 517585 h 683077"/>
                <a:gd name="connsiteX79" fmla="*/ 2678502 w 3252161"/>
                <a:gd name="connsiteY79" fmla="*/ 521898 h 683077"/>
                <a:gd name="connsiteX80" fmla="*/ 2540480 w 3252161"/>
                <a:gd name="connsiteY80" fmla="*/ 530524 h 683077"/>
                <a:gd name="connsiteX81" fmla="*/ 2303253 w 3252161"/>
                <a:gd name="connsiteY81" fmla="*/ 539151 h 683077"/>
                <a:gd name="connsiteX82" fmla="*/ 2225615 w 3252161"/>
                <a:gd name="connsiteY82" fmla="*/ 534838 h 683077"/>
                <a:gd name="connsiteX83" fmla="*/ 2216989 w 3252161"/>
                <a:gd name="connsiteY83" fmla="*/ 526211 h 683077"/>
                <a:gd name="connsiteX84" fmla="*/ 2147978 w 3252161"/>
                <a:gd name="connsiteY84" fmla="*/ 521898 h 683077"/>
                <a:gd name="connsiteX85" fmla="*/ 2135038 w 3252161"/>
                <a:gd name="connsiteY85" fmla="*/ 526211 h 683077"/>
                <a:gd name="connsiteX86" fmla="*/ 2126412 w 3252161"/>
                <a:gd name="connsiteY86" fmla="*/ 534838 h 683077"/>
                <a:gd name="connsiteX87" fmla="*/ 2099050 w 3252161"/>
                <a:gd name="connsiteY87" fmla="*/ 524414 h 683077"/>
                <a:gd name="connsiteX88" fmla="*/ 2053087 w 3252161"/>
                <a:gd name="connsiteY88" fmla="*/ 539151 h 683077"/>
                <a:gd name="connsiteX89" fmla="*/ 2040148 w 3252161"/>
                <a:gd name="connsiteY89" fmla="*/ 543464 h 683077"/>
                <a:gd name="connsiteX90" fmla="*/ 2022895 w 3252161"/>
                <a:gd name="connsiteY90" fmla="*/ 560717 h 683077"/>
                <a:gd name="connsiteX91" fmla="*/ 2014268 w 3252161"/>
                <a:gd name="connsiteY91" fmla="*/ 569343 h 683077"/>
                <a:gd name="connsiteX92" fmla="*/ 1920456 w 3252161"/>
                <a:gd name="connsiteY92" fmla="*/ 564895 h 683077"/>
                <a:gd name="connsiteX93" fmla="*/ 1686464 w 3252161"/>
                <a:gd name="connsiteY93" fmla="*/ 569343 h 683077"/>
                <a:gd name="connsiteX94" fmla="*/ 1673525 w 3252161"/>
                <a:gd name="connsiteY94" fmla="*/ 565030 h 683077"/>
                <a:gd name="connsiteX95" fmla="*/ 1651959 w 3252161"/>
                <a:gd name="connsiteY95" fmla="*/ 552090 h 683077"/>
                <a:gd name="connsiteX96" fmla="*/ 1634706 w 3252161"/>
                <a:gd name="connsiteY96" fmla="*/ 530524 h 683077"/>
                <a:gd name="connsiteX97" fmla="*/ 1630393 w 3252161"/>
                <a:gd name="connsiteY97" fmla="*/ 517585 h 683077"/>
                <a:gd name="connsiteX98" fmla="*/ 1634706 w 3252161"/>
                <a:gd name="connsiteY98" fmla="*/ 504645 h 683077"/>
                <a:gd name="connsiteX99" fmla="*/ 1664898 w 3252161"/>
                <a:gd name="connsiteY99" fmla="*/ 491706 h 683077"/>
                <a:gd name="connsiteX100" fmla="*/ 1669212 w 3252161"/>
                <a:gd name="connsiteY100" fmla="*/ 478766 h 683077"/>
                <a:gd name="connsiteX101" fmla="*/ 1660585 w 3252161"/>
                <a:gd name="connsiteY101" fmla="*/ 470139 h 683077"/>
                <a:gd name="connsiteX102" fmla="*/ 1621766 w 3252161"/>
                <a:gd name="connsiteY102" fmla="*/ 465826 h 683077"/>
                <a:gd name="connsiteX103" fmla="*/ 1613140 w 3252161"/>
                <a:gd name="connsiteY103" fmla="*/ 452887 h 683077"/>
                <a:gd name="connsiteX104" fmla="*/ 1617453 w 3252161"/>
                <a:gd name="connsiteY104" fmla="*/ 427007 h 683077"/>
                <a:gd name="connsiteX105" fmla="*/ 1630393 w 3252161"/>
                <a:gd name="connsiteY105" fmla="*/ 383875 h 683077"/>
                <a:gd name="connsiteX106" fmla="*/ 1643332 w 3252161"/>
                <a:gd name="connsiteY106" fmla="*/ 370936 h 683077"/>
                <a:gd name="connsiteX107" fmla="*/ 1807234 w 3252161"/>
                <a:gd name="connsiteY107" fmla="*/ 375249 h 683077"/>
                <a:gd name="connsiteX108" fmla="*/ 1846053 w 3252161"/>
                <a:gd name="connsiteY108" fmla="*/ 388189 h 683077"/>
                <a:gd name="connsiteX109" fmla="*/ 1858993 w 3252161"/>
                <a:gd name="connsiteY109" fmla="*/ 392502 h 683077"/>
                <a:gd name="connsiteX110" fmla="*/ 1876246 w 3252161"/>
                <a:gd name="connsiteY110" fmla="*/ 431321 h 683077"/>
                <a:gd name="connsiteX111" fmla="*/ 1884872 w 3252161"/>
                <a:gd name="connsiteY111" fmla="*/ 465826 h 683077"/>
                <a:gd name="connsiteX112" fmla="*/ 1893498 w 3252161"/>
                <a:gd name="connsiteY112" fmla="*/ 474453 h 683077"/>
                <a:gd name="connsiteX113" fmla="*/ 1919378 w 3252161"/>
                <a:gd name="connsiteY113" fmla="*/ 504645 h 683077"/>
                <a:gd name="connsiteX114" fmla="*/ 1928004 w 3252161"/>
                <a:gd name="connsiteY114" fmla="*/ 513272 h 683077"/>
                <a:gd name="connsiteX115" fmla="*/ 1932317 w 3252161"/>
                <a:gd name="connsiteY115" fmla="*/ 526211 h 683077"/>
                <a:gd name="connsiteX116" fmla="*/ 1979763 w 3252161"/>
                <a:gd name="connsiteY116" fmla="*/ 526211 h 683077"/>
                <a:gd name="connsiteX117" fmla="*/ 1984076 w 3252161"/>
                <a:gd name="connsiteY117" fmla="*/ 508958 h 683077"/>
                <a:gd name="connsiteX118" fmla="*/ 2001329 w 3252161"/>
                <a:gd name="connsiteY118" fmla="*/ 487392 h 683077"/>
                <a:gd name="connsiteX119" fmla="*/ 2018581 w 3252161"/>
                <a:gd name="connsiteY119" fmla="*/ 491706 h 683077"/>
                <a:gd name="connsiteX120" fmla="*/ 2027208 w 3252161"/>
                <a:gd name="connsiteY120" fmla="*/ 500332 h 683077"/>
                <a:gd name="connsiteX121" fmla="*/ 2040148 w 3252161"/>
                <a:gd name="connsiteY121" fmla="*/ 508958 h 683077"/>
                <a:gd name="connsiteX122" fmla="*/ 2122098 w 3252161"/>
                <a:gd name="connsiteY122" fmla="*/ 504645 h 683077"/>
                <a:gd name="connsiteX123" fmla="*/ 2130725 w 3252161"/>
                <a:gd name="connsiteY123" fmla="*/ 496019 h 683077"/>
                <a:gd name="connsiteX124" fmla="*/ 2135038 w 3252161"/>
                <a:gd name="connsiteY124" fmla="*/ 461513 h 683077"/>
                <a:gd name="connsiteX125" fmla="*/ 2149056 w 3252161"/>
                <a:gd name="connsiteY125" fmla="*/ 452976 h 683077"/>
                <a:gd name="connsiteX126" fmla="*/ 2170488 w 3252161"/>
                <a:gd name="connsiteY126" fmla="*/ 452977 h 683077"/>
                <a:gd name="connsiteX127" fmla="*/ 2210070 w 3252161"/>
                <a:gd name="connsiteY127" fmla="*/ 411238 h 683077"/>
                <a:gd name="connsiteX128" fmla="*/ 2201444 w 3252161"/>
                <a:gd name="connsiteY128" fmla="*/ 424401 h 683077"/>
                <a:gd name="connsiteX129" fmla="*/ 2311880 w 3252161"/>
                <a:gd name="connsiteY129" fmla="*/ 401128 h 683077"/>
                <a:gd name="connsiteX130" fmla="*/ 2333446 w 3252161"/>
                <a:gd name="connsiteY130" fmla="*/ 388189 h 683077"/>
                <a:gd name="connsiteX131" fmla="*/ 2424023 w 3252161"/>
                <a:gd name="connsiteY131" fmla="*/ 375249 h 683077"/>
                <a:gd name="connsiteX132" fmla="*/ 2454215 w 3252161"/>
                <a:gd name="connsiteY132" fmla="*/ 366622 h 683077"/>
                <a:gd name="connsiteX133" fmla="*/ 2467155 w 3252161"/>
                <a:gd name="connsiteY133" fmla="*/ 362309 h 683077"/>
                <a:gd name="connsiteX134" fmla="*/ 2695755 w 3252161"/>
                <a:gd name="connsiteY134" fmla="*/ 353683 h 683077"/>
                <a:gd name="connsiteX135" fmla="*/ 2708695 w 3252161"/>
                <a:gd name="connsiteY135" fmla="*/ 349370 h 683077"/>
                <a:gd name="connsiteX136" fmla="*/ 2725948 w 3252161"/>
                <a:gd name="connsiteY136" fmla="*/ 332117 h 683077"/>
                <a:gd name="connsiteX137" fmla="*/ 2751827 w 3252161"/>
                <a:gd name="connsiteY137" fmla="*/ 323490 h 683077"/>
                <a:gd name="connsiteX138" fmla="*/ 2764766 w 3252161"/>
                <a:gd name="connsiteY138" fmla="*/ 319177 h 683077"/>
                <a:gd name="connsiteX139" fmla="*/ 2794959 w 3252161"/>
                <a:gd name="connsiteY139" fmla="*/ 306238 h 683077"/>
                <a:gd name="connsiteX140" fmla="*/ 2825151 w 3252161"/>
                <a:gd name="connsiteY140" fmla="*/ 297611 h 683077"/>
                <a:gd name="connsiteX141" fmla="*/ 2842404 w 3252161"/>
                <a:gd name="connsiteY141" fmla="*/ 293298 h 683077"/>
                <a:gd name="connsiteX142" fmla="*/ 2838091 w 3252161"/>
                <a:gd name="connsiteY142" fmla="*/ 271732 h 683077"/>
                <a:gd name="connsiteX143" fmla="*/ 2725948 w 3252161"/>
                <a:gd name="connsiteY143" fmla="*/ 276045 h 683077"/>
                <a:gd name="connsiteX144" fmla="*/ 2704381 w 3252161"/>
                <a:gd name="connsiteY144" fmla="*/ 280358 h 683077"/>
                <a:gd name="connsiteX145" fmla="*/ 2678502 w 3252161"/>
                <a:gd name="connsiteY145" fmla="*/ 284672 h 683077"/>
                <a:gd name="connsiteX146" fmla="*/ 2557732 w 3252161"/>
                <a:gd name="connsiteY146" fmla="*/ 288985 h 683077"/>
                <a:gd name="connsiteX147" fmla="*/ 2471468 w 3252161"/>
                <a:gd name="connsiteY147" fmla="*/ 293298 h 683077"/>
                <a:gd name="connsiteX148" fmla="*/ 2445589 w 3252161"/>
                <a:gd name="connsiteY148" fmla="*/ 301924 h 683077"/>
                <a:gd name="connsiteX149" fmla="*/ 2281687 w 3252161"/>
                <a:gd name="connsiteY149" fmla="*/ 310551 h 683077"/>
                <a:gd name="connsiteX150" fmla="*/ 2255808 w 3252161"/>
                <a:gd name="connsiteY150" fmla="*/ 314864 h 683077"/>
                <a:gd name="connsiteX151" fmla="*/ 2204049 w 3252161"/>
                <a:gd name="connsiteY151" fmla="*/ 319177 h 683077"/>
                <a:gd name="connsiteX152" fmla="*/ 2173857 w 3252161"/>
                <a:gd name="connsiteY152" fmla="*/ 327804 h 683077"/>
                <a:gd name="connsiteX153" fmla="*/ 2147978 w 3252161"/>
                <a:gd name="connsiteY153" fmla="*/ 340743 h 683077"/>
                <a:gd name="connsiteX154" fmla="*/ 2135038 w 3252161"/>
                <a:gd name="connsiteY154" fmla="*/ 349370 h 683077"/>
                <a:gd name="connsiteX155" fmla="*/ 2104846 w 3252161"/>
                <a:gd name="connsiteY155" fmla="*/ 357996 h 683077"/>
                <a:gd name="connsiteX156" fmla="*/ 2091906 w 3252161"/>
                <a:gd name="connsiteY156" fmla="*/ 362309 h 683077"/>
                <a:gd name="connsiteX157" fmla="*/ 1940944 w 3252161"/>
                <a:gd name="connsiteY157" fmla="*/ 357996 h 683077"/>
                <a:gd name="connsiteX158" fmla="*/ 1915064 w 3252161"/>
                <a:gd name="connsiteY158" fmla="*/ 349370 h 683077"/>
                <a:gd name="connsiteX159" fmla="*/ 1880559 w 3252161"/>
                <a:gd name="connsiteY159" fmla="*/ 332117 h 683077"/>
                <a:gd name="connsiteX160" fmla="*/ 1867619 w 3252161"/>
                <a:gd name="connsiteY160" fmla="*/ 327804 h 683077"/>
                <a:gd name="connsiteX161" fmla="*/ 1397480 w 3252161"/>
                <a:gd name="connsiteY161" fmla="*/ 332117 h 683077"/>
                <a:gd name="connsiteX162" fmla="*/ 1337095 w 3252161"/>
                <a:gd name="connsiteY162" fmla="*/ 345056 h 683077"/>
                <a:gd name="connsiteX163" fmla="*/ 1328468 w 3252161"/>
                <a:gd name="connsiteY163" fmla="*/ 353683 h 683077"/>
                <a:gd name="connsiteX164" fmla="*/ 1315529 w 3252161"/>
                <a:gd name="connsiteY164" fmla="*/ 357996 h 683077"/>
                <a:gd name="connsiteX165" fmla="*/ 1220638 w 3252161"/>
                <a:gd name="connsiteY165" fmla="*/ 362309 h 683077"/>
                <a:gd name="connsiteX166" fmla="*/ 1155940 w 3252161"/>
                <a:gd name="connsiteY166" fmla="*/ 370936 h 683077"/>
                <a:gd name="connsiteX167" fmla="*/ 1073989 w 3252161"/>
                <a:gd name="connsiteY167" fmla="*/ 379562 h 683077"/>
                <a:gd name="connsiteX168" fmla="*/ 1035170 w 3252161"/>
                <a:gd name="connsiteY168" fmla="*/ 388189 h 683077"/>
                <a:gd name="connsiteX169" fmla="*/ 1000664 w 3252161"/>
                <a:gd name="connsiteY169" fmla="*/ 392502 h 683077"/>
                <a:gd name="connsiteX170" fmla="*/ 776378 w 3252161"/>
                <a:gd name="connsiteY170" fmla="*/ 396815 h 683077"/>
                <a:gd name="connsiteX171" fmla="*/ 595223 w 3252161"/>
                <a:gd name="connsiteY171" fmla="*/ 396815 h 683077"/>
                <a:gd name="connsiteX172" fmla="*/ 569344 w 3252161"/>
                <a:gd name="connsiteY172" fmla="*/ 388189 h 683077"/>
                <a:gd name="connsiteX173" fmla="*/ 590910 w 3252161"/>
                <a:gd name="connsiteY173" fmla="*/ 375249 h 683077"/>
                <a:gd name="connsiteX174" fmla="*/ 603849 w 3252161"/>
                <a:gd name="connsiteY174" fmla="*/ 370936 h 683077"/>
                <a:gd name="connsiteX175" fmla="*/ 715993 w 3252161"/>
                <a:gd name="connsiteY175" fmla="*/ 366622 h 683077"/>
                <a:gd name="connsiteX176" fmla="*/ 733246 w 3252161"/>
                <a:gd name="connsiteY176" fmla="*/ 345056 h 683077"/>
                <a:gd name="connsiteX177" fmla="*/ 746185 w 3252161"/>
                <a:gd name="connsiteY177" fmla="*/ 332117 h 683077"/>
                <a:gd name="connsiteX178" fmla="*/ 772064 w 3252161"/>
                <a:gd name="connsiteY178" fmla="*/ 314864 h 683077"/>
                <a:gd name="connsiteX179" fmla="*/ 914400 w 3252161"/>
                <a:gd name="connsiteY179" fmla="*/ 306238 h 683077"/>
                <a:gd name="connsiteX180" fmla="*/ 927340 w 3252161"/>
                <a:gd name="connsiteY180" fmla="*/ 280358 h 683077"/>
                <a:gd name="connsiteX181" fmla="*/ 923027 w 3252161"/>
                <a:gd name="connsiteY181" fmla="*/ 263106 h 683077"/>
                <a:gd name="connsiteX182" fmla="*/ 897148 w 3252161"/>
                <a:gd name="connsiteY182" fmla="*/ 254479 h 683077"/>
                <a:gd name="connsiteX183" fmla="*/ 884208 w 3252161"/>
                <a:gd name="connsiteY183" fmla="*/ 250166 h 683077"/>
                <a:gd name="connsiteX184" fmla="*/ 875581 w 3252161"/>
                <a:gd name="connsiteY184" fmla="*/ 241539 h 683077"/>
                <a:gd name="connsiteX185" fmla="*/ 862642 w 3252161"/>
                <a:gd name="connsiteY185" fmla="*/ 237226 h 683077"/>
                <a:gd name="connsiteX186" fmla="*/ 759125 w 3252161"/>
                <a:gd name="connsiteY186" fmla="*/ 241539 h 683077"/>
                <a:gd name="connsiteX187" fmla="*/ 724619 w 3252161"/>
                <a:gd name="connsiteY187" fmla="*/ 245853 h 683077"/>
                <a:gd name="connsiteX188" fmla="*/ 698740 w 3252161"/>
                <a:gd name="connsiteY188" fmla="*/ 254479 h 683077"/>
                <a:gd name="connsiteX189" fmla="*/ 517585 w 3252161"/>
                <a:gd name="connsiteY189" fmla="*/ 258792 h 683077"/>
                <a:gd name="connsiteX190" fmla="*/ 431321 w 3252161"/>
                <a:gd name="connsiteY190" fmla="*/ 271732 h 683077"/>
                <a:gd name="connsiteX191" fmla="*/ 392502 w 3252161"/>
                <a:gd name="connsiteY191" fmla="*/ 276045 h 683077"/>
                <a:gd name="connsiteX192" fmla="*/ 73325 w 3252161"/>
                <a:gd name="connsiteY192" fmla="*/ 271732 h 683077"/>
                <a:gd name="connsiteX193" fmla="*/ 64698 w 3252161"/>
                <a:gd name="connsiteY193" fmla="*/ 263106 h 683077"/>
                <a:gd name="connsiteX194" fmla="*/ 60385 w 3252161"/>
                <a:gd name="connsiteY194" fmla="*/ 232913 h 683077"/>
                <a:gd name="connsiteX195" fmla="*/ 51759 w 3252161"/>
                <a:gd name="connsiteY195" fmla="*/ 207034 h 683077"/>
                <a:gd name="connsiteX196" fmla="*/ 56072 w 3252161"/>
                <a:gd name="connsiteY196" fmla="*/ 163902 h 683077"/>
                <a:gd name="connsiteX197" fmla="*/ 69012 w 3252161"/>
                <a:gd name="connsiteY197" fmla="*/ 159589 h 683077"/>
                <a:gd name="connsiteX198" fmla="*/ 237227 w 3252161"/>
                <a:gd name="connsiteY198" fmla="*/ 155275 h 683077"/>
                <a:gd name="connsiteX199" fmla="*/ 288985 w 3252161"/>
                <a:gd name="connsiteY199" fmla="*/ 138022 h 683077"/>
                <a:gd name="connsiteX200" fmla="*/ 301925 w 3252161"/>
                <a:gd name="connsiteY200" fmla="*/ 133709 h 683077"/>
                <a:gd name="connsiteX201" fmla="*/ 444261 w 3252161"/>
                <a:gd name="connsiteY201" fmla="*/ 129396 h 683077"/>
                <a:gd name="connsiteX202" fmla="*/ 418381 w 3252161"/>
                <a:gd name="connsiteY202" fmla="*/ 120770 h 683077"/>
                <a:gd name="connsiteX203" fmla="*/ 396815 w 3252161"/>
                <a:gd name="connsiteY203" fmla="*/ 107830 h 683077"/>
                <a:gd name="connsiteX204" fmla="*/ 388189 w 3252161"/>
                <a:gd name="connsiteY204" fmla="*/ 73324 h 683077"/>
                <a:gd name="connsiteX205" fmla="*/ 379563 w 3252161"/>
                <a:gd name="connsiteY205" fmla="*/ 60385 h 683077"/>
                <a:gd name="connsiteX206" fmla="*/ 370936 w 3252161"/>
                <a:gd name="connsiteY206" fmla="*/ 51758 h 683077"/>
                <a:gd name="connsiteX207" fmla="*/ 345057 w 3252161"/>
                <a:gd name="connsiteY207" fmla="*/ 43132 h 683077"/>
                <a:gd name="connsiteX208" fmla="*/ 332117 w 3252161"/>
                <a:gd name="connsiteY208" fmla="*/ 38819 h 683077"/>
                <a:gd name="connsiteX209" fmla="*/ 323491 w 3252161"/>
                <a:gd name="connsiteY209" fmla="*/ 30192 h 683077"/>
                <a:gd name="connsiteX210" fmla="*/ 327804 w 3252161"/>
                <a:gd name="connsiteY210" fmla="*/ 17253 h 683077"/>
                <a:gd name="connsiteX211" fmla="*/ 280359 w 3252161"/>
                <a:gd name="connsiteY211" fmla="*/ 12939 h 683077"/>
                <a:gd name="connsiteX212" fmla="*/ 228600 w 3252161"/>
                <a:gd name="connsiteY212" fmla="*/ 17253 h 683077"/>
                <a:gd name="connsiteX213" fmla="*/ 202721 w 3252161"/>
                <a:gd name="connsiteY213" fmla="*/ 25879 h 683077"/>
                <a:gd name="connsiteX214" fmla="*/ 107831 w 3252161"/>
                <a:gd name="connsiteY214" fmla="*/ 21566 h 683077"/>
                <a:gd name="connsiteX215" fmla="*/ 103517 w 3252161"/>
                <a:gd name="connsiteY215" fmla="*/ 4313 h 683077"/>
                <a:gd name="connsiteX216" fmla="*/ 34506 w 3252161"/>
                <a:gd name="connsiteY216" fmla="*/ 8626 h 683077"/>
                <a:gd name="connsiteX217" fmla="*/ 12940 w 3252161"/>
                <a:gd name="connsiteY217" fmla="*/ 12939 h 683077"/>
                <a:gd name="connsiteX218" fmla="*/ 0 w 3252161"/>
                <a:gd name="connsiteY218" fmla="*/ 0 h 683077"/>
                <a:gd name="connsiteX219" fmla="*/ 34506 w 3252161"/>
                <a:gd name="connsiteY219"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20838 w 3252161"/>
                <a:gd name="connsiteY63" fmla="*/ 573656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792263 w 3252161"/>
                <a:gd name="connsiteY63" fmla="*/ 599850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00400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 name="connsiteX0" fmla="*/ 34506 w 3252161"/>
                <a:gd name="connsiteY0" fmla="*/ 21566 h 683077"/>
                <a:gd name="connsiteX1" fmla="*/ 38819 w 3252161"/>
                <a:gd name="connsiteY1" fmla="*/ 392502 h 683077"/>
                <a:gd name="connsiteX2" fmla="*/ 73325 w 3252161"/>
                <a:gd name="connsiteY2" fmla="*/ 379562 h 683077"/>
                <a:gd name="connsiteX3" fmla="*/ 133710 w 3252161"/>
                <a:gd name="connsiteY3" fmla="*/ 383875 h 683077"/>
                <a:gd name="connsiteX4" fmla="*/ 142336 w 3252161"/>
                <a:gd name="connsiteY4" fmla="*/ 409755 h 683077"/>
                <a:gd name="connsiteX5" fmla="*/ 146649 w 3252161"/>
                <a:gd name="connsiteY5" fmla="*/ 422694 h 683077"/>
                <a:gd name="connsiteX6" fmla="*/ 159589 w 3252161"/>
                <a:gd name="connsiteY6" fmla="*/ 427007 h 683077"/>
                <a:gd name="connsiteX7" fmla="*/ 207034 w 3252161"/>
                <a:gd name="connsiteY7" fmla="*/ 422694 h 683077"/>
                <a:gd name="connsiteX8" fmla="*/ 224287 w 3252161"/>
                <a:gd name="connsiteY8" fmla="*/ 405441 h 683077"/>
                <a:gd name="connsiteX9" fmla="*/ 297612 w 3252161"/>
                <a:gd name="connsiteY9" fmla="*/ 409755 h 683077"/>
                <a:gd name="connsiteX10" fmla="*/ 323491 w 3252161"/>
                <a:gd name="connsiteY10" fmla="*/ 418381 h 683077"/>
                <a:gd name="connsiteX11" fmla="*/ 388189 w 3252161"/>
                <a:gd name="connsiteY11" fmla="*/ 422694 h 683077"/>
                <a:gd name="connsiteX12" fmla="*/ 401129 w 3252161"/>
                <a:gd name="connsiteY12" fmla="*/ 427007 h 683077"/>
                <a:gd name="connsiteX13" fmla="*/ 409755 w 3252161"/>
                <a:gd name="connsiteY13" fmla="*/ 435634 h 683077"/>
                <a:gd name="connsiteX14" fmla="*/ 491706 w 3252161"/>
                <a:gd name="connsiteY14" fmla="*/ 439947 h 683077"/>
                <a:gd name="connsiteX15" fmla="*/ 508959 w 3252161"/>
                <a:gd name="connsiteY15" fmla="*/ 444260 h 683077"/>
                <a:gd name="connsiteX16" fmla="*/ 521898 w 3252161"/>
                <a:gd name="connsiteY16" fmla="*/ 448573 h 683077"/>
                <a:gd name="connsiteX17" fmla="*/ 547778 w 3252161"/>
                <a:gd name="connsiteY17" fmla="*/ 452887 h 683077"/>
                <a:gd name="connsiteX18" fmla="*/ 616789 w 3252161"/>
                <a:gd name="connsiteY18" fmla="*/ 457200 h 683077"/>
                <a:gd name="connsiteX19" fmla="*/ 638355 w 3252161"/>
                <a:gd name="connsiteY19" fmla="*/ 461513 h 683077"/>
                <a:gd name="connsiteX20" fmla="*/ 664234 w 3252161"/>
                <a:gd name="connsiteY20" fmla="*/ 465826 h 683077"/>
                <a:gd name="connsiteX21" fmla="*/ 690114 w 3252161"/>
                <a:gd name="connsiteY21" fmla="*/ 474453 h 683077"/>
                <a:gd name="connsiteX22" fmla="*/ 750498 w 3252161"/>
                <a:gd name="connsiteY22" fmla="*/ 470139 h 683077"/>
                <a:gd name="connsiteX23" fmla="*/ 763438 w 3252161"/>
                <a:gd name="connsiteY23" fmla="*/ 465826 h 683077"/>
                <a:gd name="connsiteX24" fmla="*/ 815197 w 3252161"/>
                <a:gd name="connsiteY24" fmla="*/ 470139 h 683077"/>
                <a:gd name="connsiteX25" fmla="*/ 845389 w 3252161"/>
                <a:gd name="connsiteY25" fmla="*/ 483079 h 683077"/>
                <a:gd name="connsiteX26" fmla="*/ 948906 w 3252161"/>
                <a:gd name="connsiteY26" fmla="*/ 474453 h 683077"/>
                <a:gd name="connsiteX27" fmla="*/ 961846 w 3252161"/>
                <a:gd name="connsiteY27" fmla="*/ 470139 h 683077"/>
                <a:gd name="connsiteX28" fmla="*/ 1013604 w 3252161"/>
                <a:gd name="connsiteY28" fmla="*/ 483079 h 683077"/>
                <a:gd name="connsiteX29" fmla="*/ 1026544 w 3252161"/>
                <a:gd name="connsiteY29" fmla="*/ 487392 h 683077"/>
                <a:gd name="connsiteX30" fmla="*/ 1117121 w 3252161"/>
                <a:gd name="connsiteY30" fmla="*/ 491706 h 683077"/>
                <a:gd name="connsiteX31" fmla="*/ 1130061 w 3252161"/>
                <a:gd name="connsiteY31" fmla="*/ 496019 h 683077"/>
                <a:gd name="connsiteX32" fmla="*/ 1168880 w 3252161"/>
                <a:gd name="connsiteY32" fmla="*/ 513272 h 683077"/>
                <a:gd name="connsiteX33" fmla="*/ 1405612 w 3252161"/>
                <a:gd name="connsiteY33" fmla="*/ 538117 h 683077"/>
                <a:gd name="connsiteX34" fmla="*/ 1505310 w 3252161"/>
                <a:gd name="connsiteY34" fmla="*/ 534838 h 683077"/>
                <a:gd name="connsiteX35" fmla="*/ 1508500 w 3252161"/>
                <a:gd name="connsiteY35" fmla="*/ 533939 h 683077"/>
                <a:gd name="connsiteX36" fmla="*/ 1570008 w 3252161"/>
                <a:gd name="connsiteY36" fmla="*/ 560717 h 683077"/>
                <a:gd name="connsiteX37" fmla="*/ 1595887 w 3252161"/>
                <a:gd name="connsiteY37" fmla="*/ 577970 h 683077"/>
                <a:gd name="connsiteX38" fmla="*/ 1604514 w 3252161"/>
                <a:gd name="connsiteY38" fmla="*/ 586596 h 683077"/>
                <a:gd name="connsiteX39" fmla="*/ 1742536 w 3252161"/>
                <a:gd name="connsiteY39" fmla="*/ 590909 h 683077"/>
                <a:gd name="connsiteX40" fmla="*/ 1979763 w 3252161"/>
                <a:gd name="connsiteY40" fmla="*/ 599536 h 683077"/>
                <a:gd name="connsiteX41" fmla="*/ 2001329 w 3252161"/>
                <a:gd name="connsiteY41" fmla="*/ 603849 h 683077"/>
                <a:gd name="connsiteX42" fmla="*/ 2031521 w 3252161"/>
                <a:gd name="connsiteY42" fmla="*/ 608162 h 683077"/>
                <a:gd name="connsiteX43" fmla="*/ 2286000 w 3252161"/>
                <a:gd name="connsiteY43" fmla="*/ 608162 h 683077"/>
                <a:gd name="connsiteX44" fmla="*/ 2311880 w 3252161"/>
                <a:gd name="connsiteY44" fmla="*/ 599536 h 683077"/>
                <a:gd name="connsiteX45" fmla="*/ 2333446 w 3252161"/>
                <a:gd name="connsiteY45" fmla="*/ 595222 h 683077"/>
                <a:gd name="connsiteX46" fmla="*/ 2467155 w 3252161"/>
                <a:gd name="connsiteY46" fmla="*/ 599536 h 683077"/>
                <a:gd name="connsiteX47" fmla="*/ 2484408 w 3252161"/>
                <a:gd name="connsiteY47" fmla="*/ 603849 h 683077"/>
                <a:gd name="connsiteX48" fmla="*/ 2566359 w 3252161"/>
                <a:gd name="connsiteY48" fmla="*/ 608162 h 683077"/>
                <a:gd name="connsiteX49" fmla="*/ 2609491 w 3252161"/>
                <a:gd name="connsiteY49" fmla="*/ 616789 h 683077"/>
                <a:gd name="connsiteX50" fmla="*/ 2626744 w 3252161"/>
                <a:gd name="connsiteY50" fmla="*/ 621102 h 683077"/>
                <a:gd name="connsiteX51" fmla="*/ 2665563 w 3252161"/>
                <a:gd name="connsiteY51" fmla="*/ 638355 h 683077"/>
                <a:gd name="connsiteX52" fmla="*/ 2704381 w 3252161"/>
                <a:gd name="connsiteY52" fmla="*/ 655607 h 683077"/>
                <a:gd name="connsiteX53" fmla="*/ 2717321 w 3252161"/>
                <a:gd name="connsiteY53" fmla="*/ 664234 h 683077"/>
                <a:gd name="connsiteX54" fmla="*/ 2954548 w 3252161"/>
                <a:gd name="connsiteY54" fmla="*/ 655607 h 683077"/>
                <a:gd name="connsiteX55" fmla="*/ 3148642 w 3252161"/>
                <a:gd name="connsiteY55" fmla="*/ 655607 h 683077"/>
                <a:gd name="connsiteX56" fmla="*/ 3187461 w 3252161"/>
                <a:gd name="connsiteY56" fmla="*/ 642668 h 683077"/>
                <a:gd name="connsiteX57" fmla="*/ 3226280 w 3252161"/>
                <a:gd name="connsiteY57" fmla="*/ 638355 h 683077"/>
                <a:gd name="connsiteX58" fmla="*/ 3221966 w 3252161"/>
                <a:gd name="connsiteY58" fmla="*/ 616789 h 683077"/>
                <a:gd name="connsiteX59" fmla="*/ 3233738 w 3252161"/>
                <a:gd name="connsiteY59" fmla="*/ 599536 h 683077"/>
                <a:gd name="connsiteX60" fmla="*/ 3198334 w 3252161"/>
                <a:gd name="connsiteY60" fmla="*/ 564715 h 683077"/>
                <a:gd name="connsiteX61" fmla="*/ 3034792 w 3252161"/>
                <a:gd name="connsiteY61" fmla="*/ 576172 h 683077"/>
                <a:gd name="connsiteX62" fmla="*/ 2892007 w 3252161"/>
                <a:gd name="connsiteY62" fmla="*/ 569658 h 683077"/>
                <a:gd name="connsiteX63" fmla="*/ 2842269 w 3252161"/>
                <a:gd name="connsiteY63" fmla="*/ 559369 h 683077"/>
                <a:gd name="connsiteX64" fmla="*/ 2851031 w 3252161"/>
                <a:gd name="connsiteY64" fmla="*/ 543464 h 683077"/>
                <a:gd name="connsiteX65" fmla="*/ 3075317 w 3252161"/>
                <a:gd name="connsiteY65" fmla="*/ 539151 h 683077"/>
                <a:gd name="connsiteX66" fmla="*/ 3088257 w 3252161"/>
                <a:gd name="connsiteY66" fmla="*/ 534838 h 683077"/>
                <a:gd name="connsiteX67" fmla="*/ 3105510 w 3252161"/>
                <a:gd name="connsiteY67" fmla="*/ 517585 h 683077"/>
                <a:gd name="connsiteX68" fmla="*/ 3178834 w 3252161"/>
                <a:gd name="connsiteY68" fmla="*/ 504645 h 683077"/>
                <a:gd name="connsiteX69" fmla="*/ 3187461 w 3252161"/>
                <a:gd name="connsiteY69" fmla="*/ 496019 h 683077"/>
                <a:gd name="connsiteX70" fmla="*/ 3191774 w 3252161"/>
                <a:gd name="connsiteY70" fmla="*/ 483079 h 683077"/>
                <a:gd name="connsiteX71" fmla="*/ 3204714 w 3252161"/>
                <a:gd name="connsiteY71" fmla="*/ 478766 h 683077"/>
                <a:gd name="connsiteX72" fmla="*/ 3196087 w 3252161"/>
                <a:gd name="connsiteY72" fmla="*/ 470139 h 683077"/>
                <a:gd name="connsiteX73" fmla="*/ 2846717 w 3252161"/>
                <a:gd name="connsiteY73" fmla="*/ 478766 h 683077"/>
                <a:gd name="connsiteX74" fmla="*/ 2820838 w 3252161"/>
                <a:gd name="connsiteY74" fmla="*/ 487392 h 683077"/>
                <a:gd name="connsiteX75" fmla="*/ 2807898 w 3252161"/>
                <a:gd name="connsiteY75" fmla="*/ 496019 h 683077"/>
                <a:gd name="connsiteX76" fmla="*/ 2743200 w 3252161"/>
                <a:gd name="connsiteY76" fmla="*/ 500332 h 683077"/>
                <a:gd name="connsiteX77" fmla="*/ 2691442 w 3252161"/>
                <a:gd name="connsiteY77" fmla="*/ 517585 h 683077"/>
                <a:gd name="connsiteX78" fmla="*/ 2678502 w 3252161"/>
                <a:gd name="connsiteY78" fmla="*/ 521898 h 683077"/>
                <a:gd name="connsiteX79" fmla="*/ 2540480 w 3252161"/>
                <a:gd name="connsiteY79" fmla="*/ 530524 h 683077"/>
                <a:gd name="connsiteX80" fmla="*/ 2303253 w 3252161"/>
                <a:gd name="connsiteY80" fmla="*/ 539151 h 683077"/>
                <a:gd name="connsiteX81" fmla="*/ 2225615 w 3252161"/>
                <a:gd name="connsiteY81" fmla="*/ 534838 h 683077"/>
                <a:gd name="connsiteX82" fmla="*/ 2216989 w 3252161"/>
                <a:gd name="connsiteY82" fmla="*/ 526211 h 683077"/>
                <a:gd name="connsiteX83" fmla="*/ 2147978 w 3252161"/>
                <a:gd name="connsiteY83" fmla="*/ 521898 h 683077"/>
                <a:gd name="connsiteX84" fmla="*/ 2135038 w 3252161"/>
                <a:gd name="connsiteY84" fmla="*/ 526211 h 683077"/>
                <a:gd name="connsiteX85" fmla="*/ 2126412 w 3252161"/>
                <a:gd name="connsiteY85" fmla="*/ 534838 h 683077"/>
                <a:gd name="connsiteX86" fmla="*/ 2099050 w 3252161"/>
                <a:gd name="connsiteY86" fmla="*/ 524414 h 683077"/>
                <a:gd name="connsiteX87" fmla="*/ 2053087 w 3252161"/>
                <a:gd name="connsiteY87" fmla="*/ 539151 h 683077"/>
                <a:gd name="connsiteX88" fmla="*/ 2040148 w 3252161"/>
                <a:gd name="connsiteY88" fmla="*/ 543464 h 683077"/>
                <a:gd name="connsiteX89" fmla="*/ 2022895 w 3252161"/>
                <a:gd name="connsiteY89" fmla="*/ 560717 h 683077"/>
                <a:gd name="connsiteX90" fmla="*/ 2014268 w 3252161"/>
                <a:gd name="connsiteY90" fmla="*/ 569343 h 683077"/>
                <a:gd name="connsiteX91" fmla="*/ 1920456 w 3252161"/>
                <a:gd name="connsiteY91" fmla="*/ 564895 h 683077"/>
                <a:gd name="connsiteX92" fmla="*/ 1686464 w 3252161"/>
                <a:gd name="connsiteY92" fmla="*/ 569343 h 683077"/>
                <a:gd name="connsiteX93" fmla="*/ 1673525 w 3252161"/>
                <a:gd name="connsiteY93" fmla="*/ 565030 h 683077"/>
                <a:gd name="connsiteX94" fmla="*/ 1651959 w 3252161"/>
                <a:gd name="connsiteY94" fmla="*/ 552090 h 683077"/>
                <a:gd name="connsiteX95" fmla="*/ 1634706 w 3252161"/>
                <a:gd name="connsiteY95" fmla="*/ 530524 h 683077"/>
                <a:gd name="connsiteX96" fmla="*/ 1630393 w 3252161"/>
                <a:gd name="connsiteY96" fmla="*/ 517585 h 683077"/>
                <a:gd name="connsiteX97" fmla="*/ 1634706 w 3252161"/>
                <a:gd name="connsiteY97" fmla="*/ 504645 h 683077"/>
                <a:gd name="connsiteX98" fmla="*/ 1664898 w 3252161"/>
                <a:gd name="connsiteY98" fmla="*/ 491706 h 683077"/>
                <a:gd name="connsiteX99" fmla="*/ 1669212 w 3252161"/>
                <a:gd name="connsiteY99" fmla="*/ 478766 h 683077"/>
                <a:gd name="connsiteX100" fmla="*/ 1660585 w 3252161"/>
                <a:gd name="connsiteY100" fmla="*/ 470139 h 683077"/>
                <a:gd name="connsiteX101" fmla="*/ 1621766 w 3252161"/>
                <a:gd name="connsiteY101" fmla="*/ 465826 h 683077"/>
                <a:gd name="connsiteX102" fmla="*/ 1613140 w 3252161"/>
                <a:gd name="connsiteY102" fmla="*/ 452887 h 683077"/>
                <a:gd name="connsiteX103" fmla="*/ 1617453 w 3252161"/>
                <a:gd name="connsiteY103" fmla="*/ 427007 h 683077"/>
                <a:gd name="connsiteX104" fmla="*/ 1630393 w 3252161"/>
                <a:gd name="connsiteY104" fmla="*/ 383875 h 683077"/>
                <a:gd name="connsiteX105" fmla="*/ 1643332 w 3252161"/>
                <a:gd name="connsiteY105" fmla="*/ 370936 h 683077"/>
                <a:gd name="connsiteX106" fmla="*/ 1807234 w 3252161"/>
                <a:gd name="connsiteY106" fmla="*/ 375249 h 683077"/>
                <a:gd name="connsiteX107" fmla="*/ 1846053 w 3252161"/>
                <a:gd name="connsiteY107" fmla="*/ 388189 h 683077"/>
                <a:gd name="connsiteX108" fmla="*/ 1858993 w 3252161"/>
                <a:gd name="connsiteY108" fmla="*/ 392502 h 683077"/>
                <a:gd name="connsiteX109" fmla="*/ 1876246 w 3252161"/>
                <a:gd name="connsiteY109" fmla="*/ 431321 h 683077"/>
                <a:gd name="connsiteX110" fmla="*/ 1884872 w 3252161"/>
                <a:gd name="connsiteY110" fmla="*/ 465826 h 683077"/>
                <a:gd name="connsiteX111" fmla="*/ 1893498 w 3252161"/>
                <a:gd name="connsiteY111" fmla="*/ 474453 h 683077"/>
                <a:gd name="connsiteX112" fmla="*/ 1919378 w 3252161"/>
                <a:gd name="connsiteY112" fmla="*/ 504645 h 683077"/>
                <a:gd name="connsiteX113" fmla="*/ 1928004 w 3252161"/>
                <a:gd name="connsiteY113" fmla="*/ 513272 h 683077"/>
                <a:gd name="connsiteX114" fmla="*/ 1932317 w 3252161"/>
                <a:gd name="connsiteY114" fmla="*/ 526211 h 683077"/>
                <a:gd name="connsiteX115" fmla="*/ 1979763 w 3252161"/>
                <a:gd name="connsiteY115" fmla="*/ 526211 h 683077"/>
                <a:gd name="connsiteX116" fmla="*/ 1984076 w 3252161"/>
                <a:gd name="connsiteY116" fmla="*/ 508958 h 683077"/>
                <a:gd name="connsiteX117" fmla="*/ 2001329 w 3252161"/>
                <a:gd name="connsiteY117" fmla="*/ 487392 h 683077"/>
                <a:gd name="connsiteX118" fmla="*/ 2018581 w 3252161"/>
                <a:gd name="connsiteY118" fmla="*/ 491706 h 683077"/>
                <a:gd name="connsiteX119" fmla="*/ 2027208 w 3252161"/>
                <a:gd name="connsiteY119" fmla="*/ 500332 h 683077"/>
                <a:gd name="connsiteX120" fmla="*/ 2040148 w 3252161"/>
                <a:gd name="connsiteY120" fmla="*/ 508958 h 683077"/>
                <a:gd name="connsiteX121" fmla="*/ 2122098 w 3252161"/>
                <a:gd name="connsiteY121" fmla="*/ 504645 h 683077"/>
                <a:gd name="connsiteX122" fmla="*/ 2130725 w 3252161"/>
                <a:gd name="connsiteY122" fmla="*/ 496019 h 683077"/>
                <a:gd name="connsiteX123" fmla="*/ 2135038 w 3252161"/>
                <a:gd name="connsiteY123" fmla="*/ 461513 h 683077"/>
                <a:gd name="connsiteX124" fmla="*/ 2149056 w 3252161"/>
                <a:gd name="connsiteY124" fmla="*/ 452976 h 683077"/>
                <a:gd name="connsiteX125" fmla="*/ 2170488 w 3252161"/>
                <a:gd name="connsiteY125" fmla="*/ 452977 h 683077"/>
                <a:gd name="connsiteX126" fmla="*/ 2210070 w 3252161"/>
                <a:gd name="connsiteY126" fmla="*/ 411238 h 683077"/>
                <a:gd name="connsiteX127" fmla="*/ 2201444 w 3252161"/>
                <a:gd name="connsiteY127" fmla="*/ 424401 h 683077"/>
                <a:gd name="connsiteX128" fmla="*/ 2311880 w 3252161"/>
                <a:gd name="connsiteY128" fmla="*/ 401128 h 683077"/>
                <a:gd name="connsiteX129" fmla="*/ 2333446 w 3252161"/>
                <a:gd name="connsiteY129" fmla="*/ 388189 h 683077"/>
                <a:gd name="connsiteX130" fmla="*/ 2424023 w 3252161"/>
                <a:gd name="connsiteY130" fmla="*/ 375249 h 683077"/>
                <a:gd name="connsiteX131" fmla="*/ 2454215 w 3252161"/>
                <a:gd name="connsiteY131" fmla="*/ 366622 h 683077"/>
                <a:gd name="connsiteX132" fmla="*/ 2467155 w 3252161"/>
                <a:gd name="connsiteY132" fmla="*/ 362309 h 683077"/>
                <a:gd name="connsiteX133" fmla="*/ 2695755 w 3252161"/>
                <a:gd name="connsiteY133" fmla="*/ 353683 h 683077"/>
                <a:gd name="connsiteX134" fmla="*/ 2708695 w 3252161"/>
                <a:gd name="connsiteY134" fmla="*/ 349370 h 683077"/>
                <a:gd name="connsiteX135" fmla="*/ 2725948 w 3252161"/>
                <a:gd name="connsiteY135" fmla="*/ 332117 h 683077"/>
                <a:gd name="connsiteX136" fmla="*/ 2751827 w 3252161"/>
                <a:gd name="connsiteY136" fmla="*/ 323490 h 683077"/>
                <a:gd name="connsiteX137" fmla="*/ 2764766 w 3252161"/>
                <a:gd name="connsiteY137" fmla="*/ 319177 h 683077"/>
                <a:gd name="connsiteX138" fmla="*/ 2794959 w 3252161"/>
                <a:gd name="connsiteY138" fmla="*/ 306238 h 683077"/>
                <a:gd name="connsiteX139" fmla="*/ 2825151 w 3252161"/>
                <a:gd name="connsiteY139" fmla="*/ 297611 h 683077"/>
                <a:gd name="connsiteX140" fmla="*/ 2842404 w 3252161"/>
                <a:gd name="connsiteY140" fmla="*/ 293298 h 683077"/>
                <a:gd name="connsiteX141" fmla="*/ 2838091 w 3252161"/>
                <a:gd name="connsiteY141" fmla="*/ 271732 h 683077"/>
                <a:gd name="connsiteX142" fmla="*/ 2725948 w 3252161"/>
                <a:gd name="connsiteY142" fmla="*/ 276045 h 683077"/>
                <a:gd name="connsiteX143" fmla="*/ 2704381 w 3252161"/>
                <a:gd name="connsiteY143" fmla="*/ 280358 h 683077"/>
                <a:gd name="connsiteX144" fmla="*/ 2678502 w 3252161"/>
                <a:gd name="connsiteY144" fmla="*/ 284672 h 683077"/>
                <a:gd name="connsiteX145" fmla="*/ 2557732 w 3252161"/>
                <a:gd name="connsiteY145" fmla="*/ 288985 h 683077"/>
                <a:gd name="connsiteX146" fmla="*/ 2471468 w 3252161"/>
                <a:gd name="connsiteY146" fmla="*/ 293298 h 683077"/>
                <a:gd name="connsiteX147" fmla="*/ 2445589 w 3252161"/>
                <a:gd name="connsiteY147" fmla="*/ 301924 h 683077"/>
                <a:gd name="connsiteX148" fmla="*/ 2281687 w 3252161"/>
                <a:gd name="connsiteY148" fmla="*/ 310551 h 683077"/>
                <a:gd name="connsiteX149" fmla="*/ 2255808 w 3252161"/>
                <a:gd name="connsiteY149" fmla="*/ 314864 h 683077"/>
                <a:gd name="connsiteX150" fmla="*/ 2204049 w 3252161"/>
                <a:gd name="connsiteY150" fmla="*/ 319177 h 683077"/>
                <a:gd name="connsiteX151" fmla="*/ 2173857 w 3252161"/>
                <a:gd name="connsiteY151" fmla="*/ 327804 h 683077"/>
                <a:gd name="connsiteX152" fmla="*/ 2147978 w 3252161"/>
                <a:gd name="connsiteY152" fmla="*/ 340743 h 683077"/>
                <a:gd name="connsiteX153" fmla="*/ 2135038 w 3252161"/>
                <a:gd name="connsiteY153" fmla="*/ 349370 h 683077"/>
                <a:gd name="connsiteX154" fmla="*/ 2104846 w 3252161"/>
                <a:gd name="connsiteY154" fmla="*/ 357996 h 683077"/>
                <a:gd name="connsiteX155" fmla="*/ 2091906 w 3252161"/>
                <a:gd name="connsiteY155" fmla="*/ 362309 h 683077"/>
                <a:gd name="connsiteX156" fmla="*/ 1940944 w 3252161"/>
                <a:gd name="connsiteY156" fmla="*/ 357996 h 683077"/>
                <a:gd name="connsiteX157" fmla="*/ 1915064 w 3252161"/>
                <a:gd name="connsiteY157" fmla="*/ 349370 h 683077"/>
                <a:gd name="connsiteX158" fmla="*/ 1880559 w 3252161"/>
                <a:gd name="connsiteY158" fmla="*/ 332117 h 683077"/>
                <a:gd name="connsiteX159" fmla="*/ 1867619 w 3252161"/>
                <a:gd name="connsiteY159" fmla="*/ 327804 h 683077"/>
                <a:gd name="connsiteX160" fmla="*/ 1397480 w 3252161"/>
                <a:gd name="connsiteY160" fmla="*/ 332117 h 683077"/>
                <a:gd name="connsiteX161" fmla="*/ 1337095 w 3252161"/>
                <a:gd name="connsiteY161" fmla="*/ 345056 h 683077"/>
                <a:gd name="connsiteX162" fmla="*/ 1328468 w 3252161"/>
                <a:gd name="connsiteY162" fmla="*/ 353683 h 683077"/>
                <a:gd name="connsiteX163" fmla="*/ 1315529 w 3252161"/>
                <a:gd name="connsiteY163" fmla="*/ 357996 h 683077"/>
                <a:gd name="connsiteX164" fmla="*/ 1220638 w 3252161"/>
                <a:gd name="connsiteY164" fmla="*/ 362309 h 683077"/>
                <a:gd name="connsiteX165" fmla="*/ 1155940 w 3252161"/>
                <a:gd name="connsiteY165" fmla="*/ 370936 h 683077"/>
                <a:gd name="connsiteX166" fmla="*/ 1073989 w 3252161"/>
                <a:gd name="connsiteY166" fmla="*/ 379562 h 683077"/>
                <a:gd name="connsiteX167" fmla="*/ 1035170 w 3252161"/>
                <a:gd name="connsiteY167" fmla="*/ 388189 h 683077"/>
                <a:gd name="connsiteX168" fmla="*/ 1000664 w 3252161"/>
                <a:gd name="connsiteY168" fmla="*/ 392502 h 683077"/>
                <a:gd name="connsiteX169" fmla="*/ 776378 w 3252161"/>
                <a:gd name="connsiteY169" fmla="*/ 396815 h 683077"/>
                <a:gd name="connsiteX170" fmla="*/ 595223 w 3252161"/>
                <a:gd name="connsiteY170" fmla="*/ 396815 h 683077"/>
                <a:gd name="connsiteX171" fmla="*/ 569344 w 3252161"/>
                <a:gd name="connsiteY171" fmla="*/ 388189 h 683077"/>
                <a:gd name="connsiteX172" fmla="*/ 590910 w 3252161"/>
                <a:gd name="connsiteY172" fmla="*/ 375249 h 683077"/>
                <a:gd name="connsiteX173" fmla="*/ 603849 w 3252161"/>
                <a:gd name="connsiteY173" fmla="*/ 370936 h 683077"/>
                <a:gd name="connsiteX174" fmla="*/ 715993 w 3252161"/>
                <a:gd name="connsiteY174" fmla="*/ 366622 h 683077"/>
                <a:gd name="connsiteX175" fmla="*/ 733246 w 3252161"/>
                <a:gd name="connsiteY175" fmla="*/ 345056 h 683077"/>
                <a:gd name="connsiteX176" fmla="*/ 746185 w 3252161"/>
                <a:gd name="connsiteY176" fmla="*/ 332117 h 683077"/>
                <a:gd name="connsiteX177" fmla="*/ 772064 w 3252161"/>
                <a:gd name="connsiteY177" fmla="*/ 314864 h 683077"/>
                <a:gd name="connsiteX178" fmla="*/ 914400 w 3252161"/>
                <a:gd name="connsiteY178" fmla="*/ 306238 h 683077"/>
                <a:gd name="connsiteX179" fmla="*/ 927340 w 3252161"/>
                <a:gd name="connsiteY179" fmla="*/ 280358 h 683077"/>
                <a:gd name="connsiteX180" fmla="*/ 923027 w 3252161"/>
                <a:gd name="connsiteY180" fmla="*/ 263106 h 683077"/>
                <a:gd name="connsiteX181" fmla="*/ 897148 w 3252161"/>
                <a:gd name="connsiteY181" fmla="*/ 254479 h 683077"/>
                <a:gd name="connsiteX182" fmla="*/ 884208 w 3252161"/>
                <a:gd name="connsiteY182" fmla="*/ 250166 h 683077"/>
                <a:gd name="connsiteX183" fmla="*/ 875581 w 3252161"/>
                <a:gd name="connsiteY183" fmla="*/ 241539 h 683077"/>
                <a:gd name="connsiteX184" fmla="*/ 862642 w 3252161"/>
                <a:gd name="connsiteY184" fmla="*/ 237226 h 683077"/>
                <a:gd name="connsiteX185" fmla="*/ 759125 w 3252161"/>
                <a:gd name="connsiteY185" fmla="*/ 241539 h 683077"/>
                <a:gd name="connsiteX186" fmla="*/ 724619 w 3252161"/>
                <a:gd name="connsiteY186" fmla="*/ 245853 h 683077"/>
                <a:gd name="connsiteX187" fmla="*/ 698740 w 3252161"/>
                <a:gd name="connsiteY187" fmla="*/ 254479 h 683077"/>
                <a:gd name="connsiteX188" fmla="*/ 517585 w 3252161"/>
                <a:gd name="connsiteY188" fmla="*/ 258792 h 683077"/>
                <a:gd name="connsiteX189" fmla="*/ 431321 w 3252161"/>
                <a:gd name="connsiteY189" fmla="*/ 271732 h 683077"/>
                <a:gd name="connsiteX190" fmla="*/ 392502 w 3252161"/>
                <a:gd name="connsiteY190" fmla="*/ 276045 h 683077"/>
                <a:gd name="connsiteX191" fmla="*/ 73325 w 3252161"/>
                <a:gd name="connsiteY191" fmla="*/ 271732 h 683077"/>
                <a:gd name="connsiteX192" fmla="*/ 64698 w 3252161"/>
                <a:gd name="connsiteY192" fmla="*/ 263106 h 683077"/>
                <a:gd name="connsiteX193" fmla="*/ 60385 w 3252161"/>
                <a:gd name="connsiteY193" fmla="*/ 232913 h 683077"/>
                <a:gd name="connsiteX194" fmla="*/ 51759 w 3252161"/>
                <a:gd name="connsiteY194" fmla="*/ 207034 h 683077"/>
                <a:gd name="connsiteX195" fmla="*/ 56072 w 3252161"/>
                <a:gd name="connsiteY195" fmla="*/ 163902 h 683077"/>
                <a:gd name="connsiteX196" fmla="*/ 69012 w 3252161"/>
                <a:gd name="connsiteY196" fmla="*/ 159589 h 683077"/>
                <a:gd name="connsiteX197" fmla="*/ 237227 w 3252161"/>
                <a:gd name="connsiteY197" fmla="*/ 155275 h 683077"/>
                <a:gd name="connsiteX198" fmla="*/ 288985 w 3252161"/>
                <a:gd name="connsiteY198" fmla="*/ 138022 h 683077"/>
                <a:gd name="connsiteX199" fmla="*/ 301925 w 3252161"/>
                <a:gd name="connsiteY199" fmla="*/ 133709 h 683077"/>
                <a:gd name="connsiteX200" fmla="*/ 444261 w 3252161"/>
                <a:gd name="connsiteY200" fmla="*/ 129396 h 683077"/>
                <a:gd name="connsiteX201" fmla="*/ 418381 w 3252161"/>
                <a:gd name="connsiteY201" fmla="*/ 120770 h 683077"/>
                <a:gd name="connsiteX202" fmla="*/ 396815 w 3252161"/>
                <a:gd name="connsiteY202" fmla="*/ 107830 h 683077"/>
                <a:gd name="connsiteX203" fmla="*/ 388189 w 3252161"/>
                <a:gd name="connsiteY203" fmla="*/ 73324 h 683077"/>
                <a:gd name="connsiteX204" fmla="*/ 379563 w 3252161"/>
                <a:gd name="connsiteY204" fmla="*/ 60385 h 683077"/>
                <a:gd name="connsiteX205" fmla="*/ 370936 w 3252161"/>
                <a:gd name="connsiteY205" fmla="*/ 51758 h 683077"/>
                <a:gd name="connsiteX206" fmla="*/ 345057 w 3252161"/>
                <a:gd name="connsiteY206" fmla="*/ 43132 h 683077"/>
                <a:gd name="connsiteX207" fmla="*/ 332117 w 3252161"/>
                <a:gd name="connsiteY207" fmla="*/ 38819 h 683077"/>
                <a:gd name="connsiteX208" fmla="*/ 323491 w 3252161"/>
                <a:gd name="connsiteY208" fmla="*/ 30192 h 683077"/>
                <a:gd name="connsiteX209" fmla="*/ 327804 w 3252161"/>
                <a:gd name="connsiteY209" fmla="*/ 17253 h 683077"/>
                <a:gd name="connsiteX210" fmla="*/ 280359 w 3252161"/>
                <a:gd name="connsiteY210" fmla="*/ 12939 h 683077"/>
                <a:gd name="connsiteX211" fmla="*/ 228600 w 3252161"/>
                <a:gd name="connsiteY211" fmla="*/ 17253 h 683077"/>
                <a:gd name="connsiteX212" fmla="*/ 202721 w 3252161"/>
                <a:gd name="connsiteY212" fmla="*/ 25879 h 683077"/>
                <a:gd name="connsiteX213" fmla="*/ 107831 w 3252161"/>
                <a:gd name="connsiteY213" fmla="*/ 21566 h 683077"/>
                <a:gd name="connsiteX214" fmla="*/ 103517 w 3252161"/>
                <a:gd name="connsiteY214" fmla="*/ 4313 h 683077"/>
                <a:gd name="connsiteX215" fmla="*/ 34506 w 3252161"/>
                <a:gd name="connsiteY215" fmla="*/ 8626 h 683077"/>
                <a:gd name="connsiteX216" fmla="*/ 12940 w 3252161"/>
                <a:gd name="connsiteY216" fmla="*/ 12939 h 683077"/>
                <a:gd name="connsiteX217" fmla="*/ 0 w 3252161"/>
                <a:gd name="connsiteY217" fmla="*/ 0 h 683077"/>
                <a:gd name="connsiteX218" fmla="*/ 34506 w 3252161"/>
                <a:gd name="connsiteY218" fmla="*/ 21566 h 683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Lst>
              <a:rect l="l" t="t" r="r" b="b"/>
              <a:pathLst>
                <a:path w="3252161" h="683077">
                  <a:moveTo>
                    <a:pt x="34506" y="21566"/>
                  </a:moveTo>
                  <a:cubicBezTo>
                    <a:pt x="35944" y="145211"/>
                    <a:pt x="28670" y="269265"/>
                    <a:pt x="38819" y="392502"/>
                  </a:cubicBezTo>
                  <a:cubicBezTo>
                    <a:pt x="40714" y="415516"/>
                    <a:pt x="71533" y="381354"/>
                    <a:pt x="73325" y="379562"/>
                  </a:cubicBezTo>
                  <a:cubicBezTo>
                    <a:pt x="93453" y="381000"/>
                    <a:pt x="115222" y="375786"/>
                    <a:pt x="133710" y="383875"/>
                  </a:cubicBezTo>
                  <a:cubicBezTo>
                    <a:pt x="142041" y="387520"/>
                    <a:pt x="139461" y="401128"/>
                    <a:pt x="142336" y="409755"/>
                  </a:cubicBezTo>
                  <a:cubicBezTo>
                    <a:pt x="143774" y="414068"/>
                    <a:pt x="142336" y="421256"/>
                    <a:pt x="146649" y="422694"/>
                  </a:cubicBezTo>
                  <a:lnTo>
                    <a:pt x="159589" y="427007"/>
                  </a:lnTo>
                  <a:cubicBezTo>
                    <a:pt x="175404" y="425569"/>
                    <a:pt x="191969" y="427716"/>
                    <a:pt x="207034" y="422694"/>
                  </a:cubicBezTo>
                  <a:cubicBezTo>
                    <a:pt x="214750" y="420122"/>
                    <a:pt x="224287" y="405441"/>
                    <a:pt x="224287" y="405441"/>
                  </a:cubicBezTo>
                  <a:cubicBezTo>
                    <a:pt x="248729" y="406879"/>
                    <a:pt x="273334" y="406588"/>
                    <a:pt x="297612" y="409755"/>
                  </a:cubicBezTo>
                  <a:cubicBezTo>
                    <a:pt x="306629" y="410931"/>
                    <a:pt x="314418" y="417776"/>
                    <a:pt x="323491" y="418381"/>
                  </a:cubicBezTo>
                  <a:lnTo>
                    <a:pt x="388189" y="422694"/>
                  </a:lnTo>
                  <a:cubicBezTo>
                    <a:pt x="392502" y="424132"/>
                    <a:pt x="397230" y="424668"/>
                    <a:pt x="401129" y="427007"/>
                  </a:cubicBezTo>
                  <a:cubicBezTo>
                    <a:pt x="404616" y="429099"/>
                    <a:pt x="405729" y="435059"/>
                    <a:pt x="409755" y="435634"/>
                  </a:cubicBezTo>
                  <a:cubicBezTo>
                    <a:pt x="436835" y="439503"/>
                    <a:pt x="464389" y="438509"/>
                    <a:pt x="491706" y="439947"/>
                  </a:cubicBezTo>
                  <a:cubicBezTo>
                    <a:pt x="497457" y="441385"/>
                    <a:pt x="503259" y="442632"/>
                    <a:pt x="508959" y="444260"/>
                  </a:cubicBezTo>
                  <a:cubicBezTo>
                    <a:pt x="513330" y="445509"/>
                    <a:pt x="517460" y="447587"/>
                    <a:pt x="521898" y="448573"/>
                  </a:cubicBezTo>
                  <a:cubicBezTo>
                    <a:pt x="530435" y="450470"/>
                    <a:pt x="539068" y="452095"/>
                    <a:pt x="547778" y="452887"/>
                  </a:cubicBezTo>
                  <a:cubicBezTo>
                    <a:pt x="570732" y="454974"/>
                    <a:pt x="593785" y="455762"/>
                    <a:pt x="616789" y="457200"/>
                  </a:cubicBezTo>
                  <a:lnTo>
                    <a:pt x="638355" y="461513"/>
                  </a:lnTo>
                  <a:cubicBezTo>
                    <a:pt x="646959" y="463077"/>
                    <a:pt x="655750" y="463705"/>
                    <a:pt x="664234" y="465826"/>
                  </a:cubicBezTo>
                  <a:cubicBezTo>
                    <a:pt x="673056" y="468031"/>
                    <a:pt x="690114" y="474453"/>
                    <a:pt x="690114" y="474453"/>
                  </a:cubicBezTo>
                  <a:cubicBezTo>
                    <a:pt x="710242" y="473015"/>
                    <a:pt x="730457" y="472497"/>
                    <a:pt x="750498" y="470139"/>
                  </a:cubicBezTo>
                  <a:cubicBezTo>
                    <a:pt x="755013" y="469608"/>
                    <a:pt x="758891" y="465826"/>
                    <a:pt x="763438" y="465826"/>
                  </a:cubicBezTo>
                  <a:cubicBezTo>
                    <a:pt x="780751" y="465826"/>
                    <a:pt x="797944" y="468701"/>
                    <a:pt x="815197" y="470139"/>
                  </a:cubicBezTo>
                  <a:cubicBezTo>
                    <a:pt x="818569" y="471825"/>
                    <a:pt x="839040" y="483079"/>
                    <a:pt x="845389" y="483079"/>
                  </a:cubicBezTo>
                  <a:cubicBezTo>
                    <a:pt x="876464" y="483079"/>
                    <a:pt x="916683" y="478033"/>
                    <a:pt x="948906" y="474453"/>
                  </a:cubicBezTo>
                  <a:cubicBezTo>
                    <a:pt x="953219" y="473015"/>
                    <a:pt x="957299" y="470139"/>
                    <a:pt x="961846" y="470139"/>
                  </a:cubicBezTo>
                  <a:cubicBezTo>
                    <a:pt x="979266" y="470139"/>
                    <a:pt x="997549" y="477728"/>
                    <a:pt x="1013604" y="483079"/>
                  </a:cubicBezTo>
                  <a:cubicBezTo>
                    <a:pt x="1017917" y="484517"/>
                    <a:pt x="1022003" y="487176"/>
                    <a:pt x="1026544" y="487392"/>
                  </a:cubicBezTo>
                  <a:lnTo>
                    <a:pt x="1117121" y="491706"/>
                  </a:lnTo>
                  <a:cubicBezTo>
                    <a:pt x="1121434" y="493144"/>
                    <a:pt x="1125994" y="493986"/>
                    <a:pt x="1130061" y="496019"/>
                  </a:cubicBezTo>
                  <a:cubicBezTo>
                    <a:pt x="1147904" y="504940"/>
                    <a:pt x="1142753" y="511337"/>
                    <a:pt x="1168880" y="513272"/>
                  </a:cubicBezTo>
                  <a:cubicBezTo>
                    <a:pt x="1349874" y="526678"/>
                    <a:pt x="1274996" y="523414"/>
                    <a:pt x="1405612" y="538117"/>
                  </a:cubicBezTo>
                  <a:cubicBezTo>
                    <a:pt x="1447576" y="552106"/>
                    <a:pt x="1484777" y="532756"/>
                    <a:pt x="1505310" y="534838"/>
                  </a:cubicBezTo>
                  <a:cubicBezTo>
                    <a:pt x="1506373" y="534538"/>
                    <a:pt x="1524105" y="550908"/>
                    <a:pt x="1508500" y="533939"/>
                  </a:cubicBezTo>
                  <a:lnTo>
                    <a:pt x="1570008" y="560717"/>
                  </a:lnTo>
                  <a:cubicBezTo>
                    <a:pt x="1578302" y="566938"/>
                    <a:pt x="1588556" y="570639"/>
                    <a:pt x="1595887" y="577970"/>
                  </a:cubicBezTo>
                  <a:cubicBezTo>
                    <a:pt x="1598763" y="580845"/>
                    <a:pt x="1600463" y="586239"/>
                    <a:pt x="1604514" y="586596"/>
                  </a:cubicBezTo>
                  <a:cubicBezTo>
                    <a:pt x="1650366" y="590642"/>
                    <a:pt x="1696529" y="589471"/>
                    <a:pt x="1742536" y="590909"/>
                  </a:cubicBezTo>
                  <a:cubicBezTo>
                    <a:pt x="1851408" y="604517"/>
                    <a:pt x="1722894" y="589656"/>
                    <a:pt x="1979763" y="599536"/>
                  </a:cubicBezTo>
                  <a:cubicBezTo>
                    <a:pt x="1987089" y="599818"/>
                    <a:pt x="1994098" y="602644"/>
                    <a:pt x="2001329" y="603849"/>
                  </a:cubicBezTo>
                  <a:cubicBezTo>
                    <a:pt x="2011357" y="605520"/>
                    <a:pt x="2021457" y="606724"/>
                    <a:pt x="2031521" y="608162"/>
                  </a:cubicBezTo>
                  <a:cubicBezTo>
                    <a:pt x="2119744" y="637567"/>
                    <a:pt x="2059597" y="619116"/>
                    <a:pt x="2286000" y="608162"/>
                  </a:cubicBezTo>
                  <a:cubicBezTo>
                    <a:pt x="2295083" y="607723"/>
                    <a:pt x="2302963" y="601320"/>
                    <a:pt x="2311880" y="599536"/>
                  </a:cubicBezTo>
                  <a:lnTo>
                    <a:pt x="2333446" y="595222"/>
                  </a:lnTo>
                  <a:cubicBezTo>
                    <a:pt x="2378016" y="596660"/>
                    <a:pt x="2422635" y="596992"/>
                    <a:pt x="2467155" y="599536"/>
                  </a:cubicBezTo>
                  <a:cubicBezTo>
                    <a:pt x="2473073" y="599874"/>
                    <a:pt x="2478502" y="603335"/>
                    <a:pt x="2484408" y="603849"/>
                  </a:cubicBezTo>
                  <a:cubicBezTo>
                    <a:pt x="2511660" y="606219"/>
                    <a:pt x="2539042" y="606724"/>
                    <a:pt x="2566359" y="608162"/>
                  </a:cubicBezTo>
                  <a:cubicBezTo>
                    <a:pt x="2592931" y="617019"/>
                    <a:pt x="2565879" y="608859"/>
                    <a:pt x="2609491" y="616789"/>
                  </a:cubicBezTo>
                  <a:cubicBezTo>
                    <a:pt x="2615323" y="617849"/>
                    <a:pt x="2620993" y="619664"/>
                    <a:pt x="2626744" y="621102"/>
                  </a:cubicBezTo>
                  <a:cubicBezTo>
                    <a:pt x="2672311" y="655275"/>
                    <a:pt x="2614054" y="615461"/>
                    <a:pt x="2665563" y="638355"/>
                  </a:cubicBezTo>
                  <a:cubicBezTo>
                    <a:pt x="2717572" y="661471"/>
                    <a:pt x="2646301" y="643992"/>
                    <a:pt x="2704381" y="655607"/>
                  </a:cubicBezTo>
                  <a:cubicBezTo>
                    <a:pt x="2708694" y="658483"/>
                    <a:pt x="2712138" y="664140"/>
                    <a:pt x="2717321" y="664234"/>
                  </a:cubicBezTo>
                  <a:cubicBezTo>
                    <a:pt x="2921801" y="667952"/>
                    <a:pt x="2872151" y="683077"/>
                    <a:pt x="2954548" y="655607"/>
                  </a:cubicBezTo>
                  <a:cubicBezTo>
                    <a:pt x="3037102" y="661112"/>
                    <a:pt x="3047968" y="663997"/>
                    <a:pt x="3148642" y="655607"/>
                  </a:cubicBezTo>
                  <a:cubicBezTo>
                    <a:pt x="3252161" y="646980"/>
                    <a:pt x="3129230" y="649138"/>
                    <a:pt x="3187461" y="642668"/>
                  </a:cubicBezTo>
                  <a:lnTo>
                    <a:pt x="3226280" y="638355"/>
                  </a:lnTo>
                  <a:cubicBezTo>
                    <a:pt x="3224842" y="631166"/>
                    <a:pt x="3224854" y="623527"/>
                    <a:pt x="3221966" y="616789"/>
                  </a:cubicBezTo>
                  <a:cubicBezTo>
                    <a:pt x="3219856" y="611866"/>
                    <a:pt x="3237083" y="601023"/>
                    <a:pt x="3233738" y="599536"/>
                  </a:cubicBezTo>
                  <a:cubicBezTo>
                    <a:pt x="3225429" y="595843"/>
                    <a:pt x="3198334" y="564715"/>
                    <a:pt x="3198334" y="564715"/>
                  </a:cubicBezTo>
                  <a:lnTo>
                    <a:pt x="3034792" y="576172"/>
                  </a:lnTo>
                  <a:cubicBezTo>
                    <a:pt x="2978181" y="580964"/>
                    <a:pt x="2924094" y="572458"/>
                    <a:pt x="2892007" y="569658"/>
                  </a:cubicBezTo>
                  <a:cubicBezTo>
                    <a:pt x="2859920" y="566858"/>
                    <a:pt x="2849098" y="563735"/>
                    <a:pt x="2842269" y="559369"/>
                  </a:cubicBezTo>
                  <a:cubicBezTo>
                    <a:pt x="2839519" y="537371"/>
                    <a:pt x="2829168" y="543884"/>
                    <a:pt x="2851031" y="543464"/>
                  </a:cubicBezTo>
                  <a:lnTo>
                    <a:pt x="3075317" y="539151"/>
                  </a:lnTo>
                  <a:cubicBezTo>
                    <a:pt x="3079630" y="537713"/>
                    <a:pt x="3084557" y="537481"/>
                    <a:pt x="3088257" y="534838"/>
                  </a:cubicBezTo>
                  <a:cubicBezTo>
                    <a:pt x="3094875" y="530111"/>
                    <a:pt x="3097794" y="520157"/>
                    <a:pt x="3105510" y="517585"/>
                  </a:cubicBezTo>
                  <a:cubicBezTo>
                    <a:pt x="3146454" y="503936"/>
                    <a:pt x="3122333" y="509781"/>
                    <a:pt x="3178834" y="504645"/>
                  </a:cubicBezTo>
                  <a:cubicBezTo>
                    <a:pt x="3181710" y="501770"/>
                    <a:pt x="3185369" y="499506"/>
                    <a:pt x="3187461" y="496019"/>
                  </a:cubicBezTo>
                  <a:cubicBezTo>
                    <a:pt x="3189800" y="492120"/>
                    <a:pt x="3188559" y="486294"/>
                    <a:pt x="3191774" y="483079"/>
                  </a:cubicBezTo>
                  <a:cubicBezTo>
                    <a:pt x="3194989" y="479864"/>
                    <a:pt x="3200401" y="480204"/>
                    <a:pt x="3204714" y="478766"/>
                  </a:cubicBezTo>
                  <a:cubicBezTo>
                    <a:pt x="3201838" y="475890"/>
                    <a:pt x="3200153" y="470219"/>
                    <a:pt x="3196087" y="470139"/>
                  </a:cubicBezTo>
                  <a:lnTo>
                    <a:pt x="2846717" y="478766"/>
                  </a:lnTo>
                  <a:cubicBezTo>
                    <a:pt x="2838091" y="481641"/>
                    <a:pt x="2828404" y="482348"/>
                    <a:pt x="2820838" y="487392"/>
                  </a:cubicBezTo>
                  <a:cubicBezTo>
                    <a:pt x="2816525" y="490268"/>
                    <a:pt x="2813012" y="495167"/>
                    <a:pt x="2807898" y="496019"/>
                  </a:cubicBezTo>
                  <a:cubicBezTo>
                    <a:pt x="2786578" y="499572"/>
                    <a:pt x="2764766" y="498894"/>
                    <a:pt x="2743200" y="500332"/>
                  </a:cubicBezTo>
                  <a:lnTo>
                    <a:pt x="2691442" y="517585"/>
                  </a:lnTo>
                  <a:cubicBezTo>
                    <a:pt x="2687129" y="519023"/>
                    <a:pt x="2683040" y="521614"/>
                    <a:pt x="2678502" y="521898"/>
                  </a:cubicBezTo>
                  <a:lnTo>
                    <a:pt x="2540480" y="530524"/>
                  </a:lnTo>
                  <a:cubicBezTo>
                    <a:pt x="2453511" y="552270"/>
                    <a:pt x="2511440" y="539151"/>
                    <a:pt x="2303253" y="539151"/>
                  </a:cubicBezTo>
                  <a:cubicBezTo>
                    <a:pt x="2277334" y="539151"/>
                    <a:pt x="2251494" y="536276"/>
                    <a:pt x="2225615" y="534838"/>
                  </a:cubicBezTo>
                  <a:cubicBezTo>
                    <a:pt x="2222740" y="531962"/>
                    <a:pt x="2220164" y="528751"/>
                    <a:pt x="2216989" y="526211"/>
                  </a:cubicBezTo>
                  <a:cubicBezTo>
                    <a:pt x="2192792" y="506853"/>
                    <a:pt x="2193520" y="518395"/>
                    <a:pt x="2147978" y="521898"/>
                  </a:cubicBezTo>
                  <a:cubicBezTo>
                    <a:pt x="2143665" y="523336"/>
                    <a:pt x="2138937" y="523872"/>
                    <a:pt x="2135038" y="526211"/>
                  </a:cubicBezTo>
                  <a:cubicBezTo>
                    <a:pt x="2131551" y="528303"/>
                    <a:pt x="2130429" y="534204"/>
                    <a:pt x="2126412" y="534838"/>
                  </a:cubicBezTo>
                  <a:cubicBezTo>
                    <a:pt x="2120414" y="536126"/>
                    <a:pt x="2111271" y="523695"/>
                    <a:pt x="2099050" y="524414"/>
                  </a:cubicBezTo>
                  <a:cubicBezTo>
                    <a:pt x="2086829" y="525133"/>
                    <a:pt x="2062904" y="537564"/>
                    <a:pt x="2053087" y="539151"/>
                  </a:cubicBezTo>
                  <a:cubicBezTo>
                    <a:pt x="2048774" y="540589"/>
                    <a:pt x="2043847" y="540821"/>
                    <a:pt x="2040148" y="543464"/>
                  </a:cubicBezTo>
                  <a:cubicBezTo>
                    <a:pt x="2033530" y="548191"/>
                    <a:pt x="2028646" y="554966"/>
                    <a:pt x="2022895" y="560717"/>
                  </a:cubicBezTo>
                  <a:cubicBezTo>
                    <a:pt x="2020019" y="563592"/>
                    <a:pt x="2018126" y="568057"/>
                    <a:pt x="2014268" y="569343"/>
                  </a:cubicBezTo>
                  <a:lnTo>
                    <a:pt x="1920456" y="564895"/>
                  </a:lnTo>
                  <a:lnTo>
                    <a:pt x="1686464" y="569343"/>
                  </a:lnTo>
                  <a:cubicBezTo>
                    <a:pt x="1681919" y="569223"/>
                    <a:pt x="1677423" y="567369"/>
                    <a:pt x="1673525" y="565030"/>
                  </a:cubicBezTo>
                  <a:cubicBezTo>
                    <a:pt x="1643917" y="547266"/>
                    <a:pt x="1688618" y="564313"/>
                    <a:pt x="1651959" y="552090"/>
                  </a:cubicBezTo>
                  <a:cubicBezTo>
                    <a:pt x="1643933" y="544065"/>
                    <a:pt x="1640148" y="541409"/>
                    <a:pt x="1634706" y="530524"/>
                  </a:cubicBezTo>
                  <a:cubicBezTo>
                    <a:pt x="1632673" y="526458"/>
                    <a:pt x="1631831" y="521898"/>
                    <a:pt x="1630393" y="517585"/>
                  </a:cubicBezTo>
                  <a:cubicBezTo>
                    <a:pt x="1631831" y="513272"/>
                    <a:pt x="1631866" y="508195"/>
                    <a:pt x="1634706" y="504645"/>
                  </a:cubicBezTo>
                  <a:cubicBezTo>
                    <a:pt x="1642152" y="495338"/>
                    <a:pt x="1654539" y="494296"/>
                    <a:pt x="1664898" y="491706"/>
                  </a:cubicBezTo>
                  <a:cubicBezTo>
                    <a:pt x="1666336" y="487393"/>
                    <a:pt x="1670104" y="483224"/>
                    <a:pt x="1669212" y="478766"/>
                  </a:cubicBezTo>
                  <a:cubicBezTo>
                    <a:pt x="1668415" y="474778"/>
                    <a:pt x="1664509" y="471209"/>
                    <a:pt x="1660585" y="470139"/>
                  </a:cubicBezTo>
                  <a:cubicBezTo>
                    <a:pt x="1648024" y="466713"/>
                    <a:pt x="1634706" y="467264"/>
                    <a:pt x="1621766" y="465826"/>
                  </a:cubicBezTo>
                  <a:cubicBezTo>
                    <a:pt x="1618891" y="461513"/>
                    <a:pt x="1613712" y="458039"/>
                    <a:pt x="1613140" y="452887"/>
                  </a:cubicBezTo>
                  <a:cubicBezTo>
                    <a:pt x="1612174" y="444195"/>
                    <a:pt x="1615738" y="435583"/>
                    <a:pt x="1617453" y="427007"/>
                  </a:cubicBezTo>
                  <a:cubicBezTo>
                    <a:pt x="1618919" y="419676"/>
                    <a:pt x="1627642" y="386626"/>
                    <a:pt x="1630393" y="383875"/>
                  </a:cubicBezTo>
                  <a:lnTo>
                    <a:pt x="1643332" y="370936"/>
                  </a:lnTo>
                  <a:cubicBezTo>
                    <a:pt x="1697966" y="372374"/>
                    <a:pt x="1752708" y="371531"/>
                    <a:pt x="1807234" y="375249"/>
                  </a:cubicBezTo>
                  <a:cubicBezTo>
                    <a:pt x="1807248" y="375250"/>
                    <a:pt x="1839576" y="386030"/>
                    <a:pt x="1846053" y="388189"/>
                  </a:cubicBezTo>
                  <a:lnTo>
                    <a:pt x="1858993" y="392502"/>
                  </a:lnTo>
                  <a:cubicBezTo>
                    <a:pt x="1869319" y="407990"/>
                    <a:pt x="1871847" y="409324"/>
                    <a:pt x="1876246" y="431321"/>
                  </a:cubicBezTo>
                  <a:cubicBezTo>
                    <a:pt x="1877174" y="435960"/>
                    <a:pt x="1880893" y="459194"/>
                    <a:pt x="1884872" y="465826"/>
                  </a:cubicBezTo>
                  <a:cubicBezTo>
                    <a:pt x="1886964" y="469313"/>
                    <a:pt x="1890958" y="471278"/>
                    <a:pt x="1893498" y="474453"/>
                  </a:cubicBezTo>
                  <a:cubicBezTo>
                    <a:pt x="1919772" y="507295"/>
                    <a:pt x="1877851" y="463116"/>
                    <a:pt x="1919378" y="504645"/>
                  </a:cubicBezTo>
                  <a:lnTo>
                    <a:pt x="1928004" y="513272"/>
                  </a:lnTo>
                  <a:cubicBezTo>
                    <a:pt x="1929442" y="517585"/>
                    <a:pt x="1929102" y="522996"/>
                    <a:pt x="1932317" y="526211"/>
                  </a:cubicBezTo>
                  <a:cubicBezTo>
                    <a:pt x="1942069" y="535962"/>
                    <a:pt x="1976910" y="526568"/>
                    <a:pt x="1979763" y="526211"/>
                  </a:cubicBezTo>
                  <a:cubicBezTo>
                    <a:pt x="1981201" y="520460"/>
                    <a:pt x="1981741" y="514407"/>
                    <a:pt x="1984076" y="508958"/>
                  </a:cubicBezTo>
                  <a:cubicBezTo>
                    <a:pt x="1988156" y="499437"/>
                    <a:pt x="1994373" y="494348"/>
                    <a:pt x="2001329" y="487392"/>
                  </a:cubicBezTo>
                  <a:cubicBezTo>
                    <a:pt x="2007080" y="488830"/>
                    <a:pt x="2013279" y="489055"/>
                    <a:pt x="2018581" y="491706"/>
                  </a:cubicBezTo>
                  <a:cubicBezTo>
                    <a:pt x="2022218" y="493525"/>
                    <a:pt x="2024032" y="497792"/>
                    <a:pt x="2027208" y="500332"/>
                  </a:cubicBezTo>
                  <a:cubicBezTo>
                    <a:pt x="2031256" y="503570"/>
                    <a:pt x="2035835" y="506083"/>
                    <a:pt x="2040148" y="508958"/>
                  </a:cubicBezTo>
                  <a:cubicBezTo>
                    <a:pt x="2067465" y="507520"/>
                    <a:pt x="2095018" y="508513"/>
                    <a:pt x="2122098" y="504645"/>
                  </a:cubicBezTo>
                  <a:cubicBezTo>
                    <a:pt x="2126124" y="504070"/>
                    <a:pt x="2129556" y="499914"/>
                    <a:pt x="2130725" y="496019"/>
                  </a:cubicBezTo>
                  <a:cubicBezTo>
                    <a:pt x="2134056" y="484916"/>
                    <a:pt x="2133276" y="472970"/>
                    <a:pt x="2135038" y="461513"/>
                  </a:cubicBezTo>
                  <a:cubicBezTo>
                    <a:pt x="2136109" y="455530"/>
                    <a:pt x="2155601" y="437543"/>
                    <a:pt x="2149056" y="452976"/>
                  </a:cubicBezTo>
                  <a:cubicBezTo>
                    <a:pt x="2154170" y="447188"/>
                    <a:pt x="2160319" y="459933"/>
                    <a:pt x="2170488" y="452977"/>
                  </a:cubicBezTo>
                  <a:cubicBezTo>
                    <a:pt x="2180657" y="446021"/>
                    <a:pt x="2204911" y="416001"/>
                    <a:pt x="2210070" y="411238"/>
                  </a:cubicBezTo>
                  <a:cubicBezTo>
                    <a:pt x="2215229" y="406475"/>
                    <a:pt x="2184476" y="426086"/>
                    <a:pt x="2201444" y="424401"/>
                  </a:cubicBezTo>
                  <a:cubicBezTo>
                    <a:pt x="2218412" y="422716"/>
                    <a:pt x="2291467" y="405179"/>
                    <a:pt x="2311880" y="401128"/>
                  </a:cubicBezTo>
                  <a:cubicBezTo>
                    <a:pt x="2368384" y="382293"/>
                    <a:pt x="2286087" y="411869"/>
                    <a:pt x="2333446" y="388189"/>
                  </a:cubicBezTo>
                  <a:cubicBezTo>
                    <a:pt x="2361993" y="373916"/>
                    <a:pt x="2392650" y="377340"/>
                    <a:pt x="2424023" y="375249"/>
                  </a:cubicBezTo>
                  <a:cubicBezTo>
                    <a:pt x="2455049" y="364908"/>
                    <a:pt x="2416304" y="377455"/>
                    <a:pt x="2454215" y="366622"/>
                  </a:cubicBezTo>
                  <a:cubicBezTo>
                    <a:pt x="2458587" y="365373"/>
                    <a:pt x="2462670" y="363056"/>
                    <a:pt x="2467155" y="362309"/>
                  </a:cubicBezTo>
                  <a:cubicBezTo>
                    <a:pt x="2529608" y="351901"/>
                    <a:pt x="2683749" y="353956"/>
                    <a:pt x="2695755" y="353683"/>
                  </a:cubicBezTo>
                  <a:cubicBezTo>
                    <a:pt x="2700068" y="352245"/>
                    <a:pt x="2704995" y="352013"/>
                    <a:pt x="2708695" y="349370"/>
                  </a:cubicBezTo>
                  <a:cubicBezTo>
                    <a:pt x="2715313" y="344643"/>
                    <a:pt x="2718232" y="334689"/>
                    <a:pt x="2725948" y="332117"/>
                  </a:cubicBezTo>
                  <a:lnTo>
                    <a:pt x="2751827" y="323490"/>
                  </a:lnTo>
                  <a:lnTo>
                    <a:pt x="2764766" y="319177"/>
                  </a:lnTo>
                  <a:cubicBezTo>
                    <a:pt x="2778983" y="304962"/>
                    <a:pt x="2768674" y="312079"/>
                    <a:pt x="2794959" y="306238"/>
                  </a:cubicBezTo>
                  <a:cubicBezTo>
                    <a:pt x="2825295" y="299496"/>
                    <a:pt x="2799937" y="304815"/>
                    <a:pt x="2825151" y="297611"/>
                  </a:cubicBezTo>
                  <a:cubicBezTo>
                    <a:pt x="2830851" y="295983"/>
                    <a:pt x="2836653" y="294736"/>
                    <a:pt x="2842404" y="293298"/>
                  </a:cubicBezTo>
                  <a:cubicBezTo>
                    <a:pt x="2840966" y="286109"/>
                    <a:pt x="2845343" y="272806"/>
                    <a:pt x="2838091" y="271732"/>
                  </a:cubicBezTo>
                  <a:cubicBezTo>
                    <a:pt x="2801086" y="266250"/>
                    <a:pt x="2763279" y="273637"/>
                    <a:pt x="2725948" y="276045"/>
                  </a:cubicBezTo>
                  <a:cubicBezTo>
                    <a:pt x="2718632" y="276517"/>
                    <a:pt x="2711594" y="279046"/>
                    <a:pt x="2704381" y="280358"/>
                  </a:cubicBezTo>
                  <a:cubicBezTo>
                    <a:pt x="2695777" y="281922"/>
                    <a:pt x="2687232" y="284158"/>
                    <a:pt x="2678502" y="284672"/>
                  </a:cubicBezTo>
                  <a:cubicBezTo>
                    <a:pt x="2638289" y="287038"/>
                    <a:pt x="2597979" y="287308"/>
                    <a:pt x="2557732" y="288985"/>
                  </a:cubicBezTo>
                  <a:lnTo>
                    <a:pt x="2471468" y="293298"/>
                  </a:lnTo>
                  <a:cubicBezTo>
                    <a:pt x="2462842" y="296173"/>
                    <a:pt x="2454645" y="301101"/>
                    <a:pt x="2445589" y="301924"/>
                  </a:cubicBezTo>
                  <a:cubicBezTo>
                    <a:pt x="2359458" y="309756"/>
                    <a:pt x="2414013" y="305650"/>
                    <a:pt x="2281687" y="310551"/>
                  </a:cubicBezTo>
                  <a:cubicBezTo>
                    <a:pt x="2273061" y="311989"/>
                    <a:pt x="2264500" y="313898"/>
                    <a:pt x="2255808" y="314864"/>
                  </a:cubicBezTo>
                  <a:cubicBezTo>
                    <a:pt x="2238601" y="316776"/>
                    <a:pt x="2221228" y="317030"/>
                    <a:pt x="2204049" y="319177"/>
                  </a:cubicBezTo>
                  <a:cubicBezTo>
                    <a:pt x="2200360" y="319638"/>
                    <a:pt x="2178634" y="325416"/>
                    <a:pt x="2173857" y="327804"/>
                  </a:cubicBezTo>
                  <a:cubicBezTo>
                    <a:pt x="2140416" y="344524"/>
                    <a:pt x="2180496" y="329904"/>
                    <a:pt x="2147978" y="340743"/>
                  </a:cubicBezTo>
                  <a:cubicBezTo>
                    <a:pt x="2143665" y="343619"/>
                    <a:pt x="2139675" y="347052"/>
                    <a:pt x="2135038" y="349370"/>
                  </a:cubicBezTo>
                  <a:cubicBezTo>
                    <a:pt x="2128146" y="352816"/>
                    <a:pt x="2111292" y="356154"/>
                    <a:pt x="2104846" y="357996"/>
                  </a:cubicBezTo>
                  <a:cubicBezTo>
                    <a:pt x="2100474" y="359245"/>
                    <a:pt x="2096219" y="360871"/>
                    <a:pt x="2091906" y="362309"/>
                  </a:cubicBezTo>
                  <a:cubicBezTo>
                    <a:pt x="2041585" y="360871"/>
                    <a:pt x="1991151" y="361669"/>
                    <a:pt x="1940944" y="357996"/>
                  </a:cubicBezTo>
                  <a:cubicBezTo>
                    <a:pt x="1931875" y="357332"/>
                    <a:pt x="1915064" y="349370"/>
                    <a:pt x="1915064" y="349370"/>
                  </a:cubicBezTo>
                  <a:cubicBezTo>
                    <a:pt x="1900009" y="334313"/>
                    <a:pt x="1910296" y="342029"/>
                    <a:pt x="1880559" y="332117"/>
                  </a:cubicBezTo>
                  <a:lnTo>
                    <a:pt x="1867619" y="327804"/>
                  </a:lnTo>
                  <a:lnTo>
                    <a:pt x="1397480" y="332117"/>
                  </a:lnTo>
                  <a:cubicBezTo>
                    <a:pt x="1376988" y="332470"/>
                    <a:pt x="1356383" y="338627"/>
                    <a:pt x="1337095" y="345056"/>
                  </a:cubicBezTo>
                  <a:cubicBezTo>
                    <a:pt x="1334219" y="347932"/>
                    <a:pt x="1331955" y="351591"/>
                    <a:pt x="1328468" y="353683"/>
                  </a:cubicBezTo>
                  <a:cubicBezTo>
                    <a:pt x="1324570" y="356022"/>
                    <a:pt x="1320061" y="357633"/>
                    <a:pt x="1315529" y="357996"/>
                  </a:cubicBezTo>
                  <a:cubicBezTo>
                    <a:pt x="1283967" y="360521"/>
                    <a:pt x="1252268" y="360871"/>
                    <a:pt x="1220638" y="362309"/>
                  </a:cubicBezTo>
                  <a:cubicBezTo>
                    <a:pt x="1177669" y="369470"/>
                    <a:pt x="1209775" y="364602"/>
                    <a:pt x="1155940" y="370936"/>
                  </a:cubicBezTo>
                  <a:cubicBezTo>
                    <a:pt x="1091887" y="378472"/>
                    <a:pt x="1151869" y="372482"/>
                    <a:pt x="1073989" y="379562"/>
                  </a:cubicBezTo>
                  <a:cubicBezTo>
                    <a:pt x="1054728" y="385982"/>
                    <a:pt x="1061734" y="384394"/>
                    <a:pt x="1035170" y="388189"/>
                  </a:cubicBezTo>
                  <a:cubicBezTo>
                    <a:pt x="1023695" y="389828"/>
                    <a:pt x="1012249" y="392116"/>
                    <a:pt x="1000664" y="392502"/>
                  </a:cubicBezTo>
                  <a:cubicBezTo>
                    <a:pt x="925930" y="394993"/>
                    <a:pt x="851140" y="395377"/>
                    <a:pt x="776378" y="396815"/>
                  </a:cubicBezTo>
                  <a:cubicBezTo>
                    <a:pt x="704503" y="408793"/>
                    <a:pt x="729170" y="406382"/>
                    <a:pt x="595223" y="396815"/>
                  </a:cubicBezTo>
                  <a:cubicBezTo>
                    <a:pt x="586153" y="396167"/>
                    <a:pt x="569344" y="388189"/>
                    <a:pt x="569344" y="388189"/>
                  </a:cubicBezTo>
                  <a:cubicBezTo>
                    <a:pt x="606003" y="375966"/>
                    <a:pt x="561302" y="393013"/>
                    <a:pt x="590910" y="375249"/>
                  </a:cubicBezTo>
                  <a:cubicBezTo>
                    <a:pt x="594808" y="372910"/>
                    <a:pt x="599313" y="371249"/>
                    <a:pt x="603849" y="370936"/>
                  </a:cubicBezTo>
                  <a:cubicBezTo>
                    <a:pt x="641169" y="368362"/>
                    <a:pt x="678612" y="368060"/>
                    <a:pt x="715993" y="366622"/>
                  </a:cubicBezTo>
                  <a:cubicBezTo>
                    <a:pt x="744929" y="347331"/>
                    <a:pt x="716579" y="370056"/>
                    <a:pt x="733246" y="345056"/>
                  </a:cubicBezTo>
                  <a:cubicBezTo>
                    <a:pt x="736629" y="339981"/>
                    <a:pt x="741370" y="335862"/>
                    <a:pt x="746185" y="332117"/>
                  </a:cubicBezTo>
                  <a:cubicBezTo>
                    <a:pt x="754369" y="325752"/>
                    <a:pt x="762228" y="318142"/>
                    <a:pt x="772064" y="314864"/>
                  </a:cubicBezTo>
                  <a:cubicBezTo>
                    <a:pt x="825946" y="296905"/>
                    <a:pt x="780460" y="310702"/>
                    <a:pt x="914400" y="306238"/>
                  </a:cubicBezTo>
                  <a:cubicBezTo>
                    <a:pt x="918762" y="299695"/>
                    <a:pt x="927340" y="289288"/>
                    <a:pt x="927340" y="280358"/>
                  </a:cubicBezTo>
                  <a:cubicBezTo>
                    <a:pt x="927340" y="274430"/>
                    <a:pt x="927528" y="266964"/>
                    <a:pt x="923027" y="263106"/>
                  </a:cubicBezTo>
                  <a:cubicBezTo>
                    <a:pt x="916123" y="257188"/>
                    <a:pt x="905774" y="257355"/>
                    <a:pt x="897148" y="254479"/>
                  </a:cubicBezTo>
                  <a:lnTo>
                    <a:pt x="884208" y="250166"/>
                  </a:lnTo>
                  <a:cubicBezTo>
                    <a:pt x="881332" y="247290"/>
                    <a:pt x="879068" y="243631"/>
                    <a:pt x="875581" y="241539"/>
                  </a:cubicBezTo>
                  <a:cubicBezTo>
                    <a:pt x="871683" y="239200"/>
                    <a:pt x="867188" y="237226"/>
                    <a:pt x="862642" y="237226"/>
                  </a:cubicBezTo>
                  <a:cubicBezTo>
                    <a:pt x="828106" y="237226"/>
                    <a:pt x="793631" y="240101"/>
                    <a:pt x="759125" y="241539"/>
                  </a:cubicBezTo>
                  <a:cubicBezTo>
                    <a:pt x="747623" y="242977"/>
                    <a:pt x="735953" y="243424"/>
                    <a:pt x="724619" y="245853"/>
                  </a:cubicBezTo>
                  <a:cubicBezTo>
                    <a:pt x="715728" y="247758"/>
                    <a:pt x="707830" y="254263"/>
                    <a:pt x="698740" y="254479"/>
                  </a:cubicBezTo>
                  <a:lnTo>
                    <a:pt x="517585" y="258792"/>
                  </a:lnTo>
                  <a:cubicBezTo>
                    <a:pt x="483765" y="281341"/>
                    <a:pt x="512230" y="265509"/>
                    <a:pt x="431321" y="271732"/>
                  </a:cubicBezTo>
                  <a:cubicBezTo>
                    <a:pt x="418340" y="272730"/>
                    <a:pt x="405442" y="274607"/>
                    <a:pt x="392502" y="276045"/>
                  </a:cubicBezTo>
                  <a:cubicBezTo>
                    <a:pt x="286110" y="274607"/>
                    <a:pt x="179644" y="275929"/>
                    <a:pt x="73325" y="271732"/>
                  </a:cubicBezTo>
                  <a:cubicBezTo>
                    <a:pt x="69262" y="271572"/>
                    <a:pt x="65984" y="266964"/>
                    <a:pt x="64698" y="263106"/>
                  </a:cubicBezTo>
                  <a:cubicBezTo>
                    <a:pt x="61483" y="253461"/>
                    <a:pt x="62671" y="242819"/>
                    <a:pt x="60385" y="232913"/>
                  </a:cubicBezTo>
                  <a:cubicBezTo>
                    <a:pt x="58340" y="224053"/>
                    <a:pt x="51759" y="207034"/>
                    <a:pt x="51759" y="207034"/>
                  </a:cubicBezTo>
                  <a:cubicBezTo>
                    <a:pt x="53197" y="192657"/>
                    <a:pt x="51134" y="177481"/>
                    <a:pt x="56072" y="163902"/>
                  </a:cubicBezTo>
                  <a:cubicBezTo>
                    <a:pt x="57626" y="159629"/>
                    <a:pt x="64471" y="159805"/>
                    <a:pt x="69012" y="159589"/>
                  </a:cubicBezTo>
                  <a:cubicBezTo>
                    <a:pt x="125039" y="156921"/>
                    <a:pt x="181155" y="156713"/>
                    <a:pt x="237227" y="155275"/>
                  </a:cubicBezTo>
                  <a:lnTo>
                    <a:pt x="288985" y="138022"/>
                  </a:lnTo>
                  <a:cubicBezTo>
                    <a:pt x="293298" y="136584"/>
                    <a:pt x="297380" y="133847"/>
                    <a:pt x="301925" y="133709"/>
                  </a:cubicBezTo>
                  <a:lnTo>
                    <a:pt x="444261" y="129396"/>
                  </a:lnTo>
                  <a:cubicBezTo>
                    <a:pt x="435634" y="126521"/>
                    <a:pt x="424811" y="127200"/>
                    <a:pt x="418381" y="120770"/>
                  </a:cubicBezTo>
                  <a:cubicBezTo>
                    <a:pt x="406540" y="108928"/>
                    <a:pt x="413613" y="113429"/>
                    <a:pt x="396815" y="107830"/>
                  </a:cubicBezTo>
                  <a:cubicBezTo>
                    <a:pt x="395175" y="99628"/>
                    <a:pt x="392610" y="82165"/>
                    <a:pt x="388189" y="73324"/>
                  </a:cubicBezTo>
                  <a:cubicBezTo>
                    <a:pt x="385871" y="68688"/>
                    <a:pt x="382801" y="64433"/>
                    <a:pt x="379563" y="60385"/>
                  </a:cubicBezTo>
                  <a:cubicBezTo>
                    <a:pt x="377022" y="57209"/>
                    <a:pt x="374573" y="53577"/>
                    <a:pt x="370936" y="51758"/>
                  </a:cubicBezTo>
                  <a:cubicBezTo>
                    <a:pt x="362803" y="47692"/>
                    <a:pt x="353683" y="46007"/>
                    <a:pt x="345057" y="43132"/>
                  </a:cubicBezTo>
                  <a:lnTo>
                    <a:pt x="332117" y="38819"/>
                  </a:lnTo>
                  <a:cubicBezTo>
                    <a:pt x="329242" y="35943"/>
                    <a:pt x="324288" y="34180"/>
                    <a:pt x="323491" y="30192"/>
                  </a:cubicBezTo>
                  <a:cubicBezTo>
                    <a:pt x="322599" y="25734"/>
                    <a:pt x="332025" y="18941"/>
                    <a:pt x="327804" y="17253"/>
                  </a:cubicBezTo>
                  <a:cubicBezTo>
                    <a:pt x="313060" y="11355"/>
                    <a:pt x="296174" y="14377"/>
                    <a:pt x="280359" y="12939"/>
                  </a:cubicBezTo>
                  <a:cubicBezTo>
                    <a:pt x="263106" y="14377"/>
                    <a:pt x="245677" y="14407"/>
                    <a:pt x="228600" y="17253"/>
                  </a:cubicBezTo>
                  <a:cubicBezTo>
                    <a:pt x="219631" y="18748"/>
                    <a:pt x="202721" y="25879"/>
                    <a:pt x="202721" y="25879"/>
                  </a:cubicBezTo>
                  <a:lnTo>
                    <a:pt x="107831" y="21566"/>
                  </a:lnTo>
                  <a:cubicBezTo>
                    <a:pt x="102038" y="20307"/>
                    <a:pt x="109355" y="5343"/>
                    <a:pt x="103517" y="4313"/>
                  </a:cubicBezTo>
                  <a:cubicBezTo>
                    <a:pt x="80819" y="307"/>
                    <a:pt x="57510" y="7188"/>
                    <a:pt x="34506" y="8626"/>
                  </a:cubicBezTo>
                  <a:cubicBezTo>
                    <a:pt x="6647" y="36485"/>
                    <a:pt x="23956" y="29463"/>
                    <a:pt x="12940" y="12939"/>
                  </a:cubicBezTo>
                  <a:cubicBezTo>
                    <a:pt x="9556" y="7864"/>
                    <a:pt x="4313" y="4313"/>
                    <a:pt x="0" y="0"/>
                  </a:cubicBezTo>
                  <a:lnTo>
                    <a:pt x="34506" y="21566"/>
                  </a:lnTo>
                  <a:close/>
                </a:path>
              </a:pathLst>
            </a:custGeom>
            <a:gradFill>
              <a:gsLst>
                <a:gs pos="0">
                  <a:srgbClr val="000082"/>
                </a:gs>
                <a:gs pos="30000">
                  <a:srgbClr val="66008F"/>
                </a:gs>
                <a:gs pos="64999">
                  <a:srgbClr val="BA0066">
                    <a:alpha val="90000"/>
                  </a:srgbClr>
                </a:gs>
                <a:gs pos="100000">
                  <a:srgbClr val="990000"/>
                </a:gs>
              </a:gsLst>
              <a:lin ang="10800000" scaled="1"/>
            </a:gradFill>
            <a:ln w="19050" cap="flat" cmpd="sng" algn="ctr">
              <a:noFill/>
              <a:prstDash val="solid"/>
              <a:round/>
              <a:headEnd type="none" w="med" len="med"/>
              <a:tailEnd type="none" w="med" len="med"/>
            </a:ln>
            <a:effectLst/>
          </p:spPr>
          <p:txBody>
            <a:bodyPr wrap="none"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21" name="Westside - Isolated Facility" hidden="1"/>
          <p:cNvGrpSpPr/>
          <p:nvPr/>
        </p:nvGrpSpPr>
        <p:grpSpPr>
          <a:xfrm>
            <a:off x="3665538" y="3264947"/>
            <a:ext cx="1653545" cy="2954879"/>
            <a:chOff x="3665538" y="3264947"/>
            <a:chExt cx="1653545" cy="2954879"/>
          </a:xfrm>
        </p:grpSpPr>
        <p:grpSp>
          <p:nvGrpSpPr>
            <p:cNvPr id="79" name="Westside - Isolated Facility"/>
            <p:cNvGrpSpPr/>
            <p:nvPr/>
          </p:nvGrpSpPr>
          <p:grpSpPr>
            <a:xfrm>
              <a:off x="3665538" y="3310191"/>
              <a:ext cx="1561470" cy="2909635"/>
              <a:chOff x="3665538" y="3310191"/>
              <a:chExt cx="1561470" cy="2909635"/>
            </a:xfrm>
          </p:grpSpPr>
          <p:grpSp>
            <p:nvGrpSpPr>
              <p:cNvPr id="89" name="Westside - Isolated Facility"/>
              <p:cNvGrpSpPr/>
              <p:nvPr/>
            </p:nvGrpSpPr>
            <p:grpSpPr>
              <a:xfrm>
                <a:off x="3665538" y="3310191"/>
                <a:ext cx="1561470" cy="2909635"/>
                <a:chOff x="3665538" y="3310191"/>
                <a:chExt cx="1561470" cy="2909635"/>
              </a:xfrm>
            </p:grpSpPr>
            <p:sp>
              <p:nvSpPr>
                <p:cNvPr id="96" name="Freeform 9"/>
                <p:cNvSpPr>
                  <a:spLocks/>
                </p:cNvSpPr>
                <p:nvPr/>
              </p:nvSpPr>
              <p:spPr bwMode="auto">
                <a:xfrm>
                  <a:off x="3859120" y="3367470"/>
                  <a:ext cx="706106" cy="44748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595"/>
                    <a:gd name="connsiteX1" fmla="*/ 1051 w 1248"/>
                    <a:gd name="connsiteY1" fmla="*/ 5 h 1595"/>
                    <a:gd name="connsiteX2" fmla="*/ 943 w 1248"/>
                    <a:gd name="connsiteY2" fmla="*/ 166 h 1595"/>
                    <a:gd name="connsiteX3" fmla="*/ 636 w 1248"/>
                    <a:gd name="connsiteY3" fmla="*/ 308 h 1595"/>
                    <a:gd name="connsiteX4" fmla="*/ 395 w 1248"/>
                    <a:gd name="connsiteY4" fmla="*/ 481 h 1595"/>
                    <a:gd name="connsiteX5" fmla="*/ 324 w 1248"/>
                    <a:gd name="connsiteY5" fmla="*/ 545 h 1595"/>
                    <a:gd name="connsiteX6" fmla="*/ 69 w 1248"/>
                    <a:gd name="connsiteY6" fmla="*/ 671 h 1595"/>
                    <a:gd name="connsiteX7" fmla="*/ 0 w 1248"/>
                    <a:gd name="connsiteY7" fmla="*/ 1057 h 1595"/>
                    <a:gd name="connsiteX8" fmla="*/ 303 w 1248"/>
                    <a:gd name="connsiteY8" fmla="*/ 1153 h 1595"/>
                    <a:gd name="connsiteX9" fmla="*/ 276 w 1248"/>
                    <a:gd name="connsiteY9" fmla="*/ 1568 h 1595"/>
                    <a:gd name="connsiteX10" fmla="*/ 613 w 1248"/>
                    <a:gd name="connsiteY10" fmla="*/ 1595 h 1595"/>
                    <a:gd name="connsiteX0" fmla="*/ 1248 w 1248"/>
                    <a:gd name="connsiteY0" fmla="*/ 7 h 1568"/>
                    <a:gd name="connsiteX1" fmla="*/ 1051 w 1248"/>
                    <a:gd name="connsiteY1" fmla="*/ 5 h 1568"/>
                    <a:gd name="connsiteX2" fmla="*/ 943 w 1248"/>
                    <a:gd name="connsiteY2" fmla="*/ 166 h 1568"/>
                    <a:gd name="connsiteX3" fmla="*/ 636 w 1248"/>
                    <a:gd name="connsiteY3" fmla="*/ 308 h 1568"/>
                    <a:gd name="connsiteX4" fmla="*/ 395 w 1248"/>
                    <a:gd name="connsiteY4" fmla="*/ 481 h 1568"/>
                    <a:gd name="connsiteX5" fmla="*/ 324 w 1248"/>
                    <a:gd name="connsiteY5" fmla="*/ 545 h 1568"/>
                    <a:gd name="connsiteX6" fmla="*/ 69 w 1248"/>
                    <a:gd name="connsiteY6" fmla="*/ 671 h 1568"/>
                    <a:gd name="connsiteX7" fmla="*/ 0 w 1248"/>
                    <a:gd name="connsiteY7" fmla="*/ 1057 h 1568"/>
                    <a:gd name="connsiteX8" fmla="*/ 303 w 1248"/>
                    <a:gd name="connsiteY8" fmla="*/ 1153 h 1568"/>
                    <a:gd name="connsiteX9" fmla="*/ 276 w 1248"/>
                    <a:gd name="connsiteY9" fmla="*/ 1568 h 1568"/>
                    <a:gd name="connsiteX0" fmla="*/ 1248 w 1248"/>
                    <a:gd name="connsiteY0" fmla="*/ 7 h 1153"/>
                    <a:gd name="connsiteX1" fmla="*/ 1051 w 1248"/>
                    <a:gd name="connsiteY1" fmla="*/ 5 h 1153"/>
                    <a:gd name="connsiteX2" fmla="*/ 943 w 1248"/>
                    <a:gd name="connsiteY2" fmla="*/ 166 h 1153"/>
                    <a:gd name="connsiteX3" fmla="*/ 636 w 1248"/>
                    <a:gd name="connsiteY3" fmla="*/ 308 h 1153"/>
                    <a:gd name="connsiteX4" fmla="*/ 395 w 1248"/>
                    <a:gd name="connsiteY4" fmla="*/ 481 h 1153"/>
                    <a:gd name="connsiteX5" fmla="*/ 324 w 1248"/>
                    <a:gd name="connsiteY5" fmla="*/ 545 h 1153"/>
                    <a:gd name="connsiteX6" fmla="*/ 69 w 1248"/>
                    <a:gd name="connsiteY6" fmla="*/ 671 h 1153"/>
                    <a:gd name="connsiteX7" fmla="*/ 0 w 1248"/>
                    <a:gd name="connsiteY7" fmla="*/ 1057 h 1153"/>
                    <a:gd name="connsiteX8" fmla="*/ 303 w 1248"/>
                    <a:gd name="connsiteY8" fmla="*/ 1153 h 1153"/>
                    <a:gd name="connsiteX0" fmla="*/ 1248 w 1248"/>
                    <a:gd name="connsiteY0" fmla="*/ 7 h 1057"/>
                    <a:gd name="connsiteX1" fmla="*/ 1051 w 1248"/>
                    <a:gd name="connsiteY1" fmla="*/ 5 h 1057"/>
                    <a:gd name="connsiteX2" fmla="*/ 943 w 1248"/>
                    <a:gd name="connsiteY2" fmla="*/ 166 h 1057"/>
                    <a:gd name="connsiteX3" fmla="*/ 636 w 1248"/>
                    <a:gd name="connsiteY3" fmla="*/ 308 h 1057"/>
                    <a:gd name="connsiteX4" fmla="*/ 395 w 1248"/>
                    <a:gd name="connsiteY4" fmla="*/ 481 h 1057"/>
                    <a:gd name="connsiteX5" fmla="*/ 324 w 1248"/>
                    <a:gd name="connsiteY5" fmla="*/ 545 h 1057"/>
                    <a:gd name="connsiteX6" fmla="*/ 69 w 1248"/>
                    <a:gd name="connsiteY6" fmla="*/ 671 h 1057"/>
                    <a:gd name="connsiteX7" fmla="*/ 0 w 1248"/>
                    <a:gd name="connsiteY7" fmla="*/ 1057 h 1057"/>
                    <a:gd name="connsiteX0" fmla="*/ 1179 w 1179"/>
                    <a:gd name="connsiteY0" fmla="*/ 7 h 671"/>
                    <a:gd name="connsiteX1" fmla="*/ 982 w 1179"/>
                    <a:gd name="connsiteY1" fmla="*/ 5 h 671"/>
                    <a:gd name="connsiteX2" fmla="*/ 874 w 1179"/>
                    <a:gd name="connsiteY2" fmla="*/ 166 h 671"/>
                    <a:gd name="connsiteX3" fmla="*/ 567 w 1179"/>
                    <a:gd name="connsiteY3" fmla="*/ 308 h 671"/>
                    <a:gd name="connsiteX4" fmla="*/ 326 w 1179"/>
                    <a:gd name="connsiteY4" fmla="*/ 481 h 671"/>
                    <a:gd name="connsiteX5" fmla="*/ 255 w 1179"/>
                    <a:gd name="connsiteY5" fmla="*/ 545 h 671"/>
                    <a:gd name="connsiteX6" fmla="*/ 0 w 1179"/>
                    <a:gd name="connsiteY6" fmla="*/ 671 h 671"/>
                    <a:gd name="connsiteX0" fmla="*/ 924 w 924"/>
                    <a:gd name="connsiteY0" fmla="*/ 7 h 545"/>
                    <a:gd name="connsiteX1" fmla="*/ 727 w 924"/>
                    <a:gd name="connsiteY1" fmla="*/ 5 h 545"/>
                    <a:gd name="connsiteX2" fmla="*/ 619 w 924"/>
                    <a:gd name="connsiteY2" fmla="*/ 166 h 545"/>
                    <a:gd name="connsiteX3" fmla="*/ 312 w 924"/>
                    <a:gd name="connsiteY3" fmla="*/ 308 h 545"/>
                    <a:gd name="connsiteX4" fmla="*/ 71 w 924"/>
                    <a:gd name="connsiteY4" fmla="*/ 481 h 545"/>
                    <a:gd name="connsiteX5" fmla="*/ 0 w 924"/>
                    <a:gd name="connsiteY5" fmla="*/ 545 h 545"/>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3 w 853"/>
                    <a:gd name="connsiteY0" fmla="*/ 7 h 481"/>
                    <a:gd name="connsiteX1" fmla="*/ 656 w 853"/>
                    <a:gd name="connsiteY1" fmla="*/ 5 h 481"/>
                    <a:gd name="connsiteX2" fmla="*/ 548 w 853"/>
                    <a:gd name="connsiteY2" fmla="*/ 166 h 481"/>
                    <a:gd name="connsiteX3" fmla="*/ 241 w 853"/>
                    <a:gd name="connsiteY3" fmla="*/ 308 h 481"/>
                    <a:gd name="connsiteX4" fmla="*/ 0 w 853"/>
                    <a:gd name="connsiteY4" fmla="*/ 481 h 481"/>
                    <a:gd name="connsiteX0" fmla="*/ 850 w 850"/>
                    <a:gd name="connsiteY0" fmla="*/ 7 h 491"/>
                    <a:gd name="connsiteX1" fmla="*/ 653 w 850"/>
                    <a:gd name="connsiteY1" fmla="*/ 5 h 491"/>
                    <a:gd name="connsiteX2" fmla="*/ 545 w 850"/>
                    <a:gd name="connsiteY2" fmla="*/ 166 h 491"/>
                    <a:gd name="connsiteX3" fmla="*/ 238 w 850"/>
                    <a:gd name="connsiteY3" fmla="*/ 308 h 491"/>
                    <a:gd name="connsiteX4" fmla="*/ 0 w 850"/>
                    <a:gd name="connsiteY4" fmla="*/ 491 h 491"/>
                    <a:gd name="connsiteX0" fmla="*/ 897 w 897"/>
                    <a:gd name="connsiteY0" fmla="*/ 162 h 491"/>
                    <a:gd name="connsiteX1" fmla="*/ 653 w 897"/>
                    <a:gd name="connsiteY1" fmla="*/ 5 h 491"/>
                    <a:gd name="connsiteX2" fmla="*/ 545 w 897"/>
                    <a:gd name="connsiteY2" fmla="*/ 166 h 491"/>
                    <a:gd name="connsiteX3" fmla="*/ 238 w 897"/>
                    <a:gd name="connsiteY3" fmla="*/ 308 h 491"/>
                    <a:gd name="connsiteX4" fmla="*/ 0 w 897"/>
                    <a:gd name="connsiteY4" fmla="*/ 491 h 49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72 h 401"/>
                    <a:gd name="connsiteX1" fmla="*/ 683 w 897"/>
                    <a:gd name="connsiteY1" fmla="*/ 70 h 401"/>
                    <a:gd name="connsiteX2" fmla="*/ 545 w 897"/>
                    <a:gd name="connsiteY2" fmla="*/ 76 h 401"/>
                    <a:gd name="connsiteX3" fmla="*/ 238 w 897"/>
                    <a:gd name="connsiteY3" fmla="*/ 218 h 401"/>
                    <a:gd name="connsiteX4" fmla="*/ 0 w 897"/>
                    <a:gd name="connsiteY4" fmla="*/ 401 h 401"/>
                    <a:gd name="connsiteX0" fmla="*/ 897 w 897"/>
                    <a:gd name="connsiteY0" fmla="*/ 21 h 350"/>
                    <a:gd name="connsiteX1" fmla="*/ 683 w 897"/>
                    <a:gd name="connsiteY1" fmla="*/ 19 h 350"/>
                    <a:gd name="connsiteX2" fmla="*/ 725 w 897"/>
                    <a:gd name="connsiteY2" fmla="*/ 19 h 350"/>
                    <a:gd name="connsiteX3" fmla="*/ 545 w 897"/>
                    <a:gd name="connsiteY3" fmla="*/ 25 h 350"/>
                    <a:gd name="connsiteX4" fmla="*/ 238 w 897"/>
                    <a:gd name="connsiteY4" fmla="*/ 167 h 350"/>
                    <a:gd name="connsiteX5" fmla="*/ 0 w 897"/>
                    <a:gd name="connsiteY5" fmla="*/ 350 h 350"/>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897 w 897"/>
                    <a:gd name="connsiteY0" fmla="*/ 7 h 336"/>
                    <a:gd name="connsiteX1" fmla="*/ 683 w 897"/>
                    <a:gd name="connsiteY1" fmla="*/ 5 h 336"/>
                    <a:gd name="connsiteX2" fmla="*/ 725 w 897"/>
                    <a:gd name="connsiteY2" fmla="*/ 5 h 336"/>
                    <a:gd name="connsiteX3" fmla="*/ 545 w 897"/>
                    <a:gd name="connsiteY3" fmla="*/ 11 h 336"/>
                    <a:gd name="connsiteX4" fmla="*/ 238 w 897"/>
                    <a:gd name="connsiteY4" fmla="*/ 153 h 336"/>
                    <a:gd name="connsiteX5" fmla="*/ 0 w 897"/>
                    <a:gd name="connsiteY5" fmla="*/ 336 h 336"/>
                    <a:gd name="connsiteX0" fmla="*/ 720 w 834"/>
                    <a:gd name="connsiteY0" fmla="*/ 5 h 410"/>
                    <a:gd name="connsiteX1" fmla="*/ 683 w 834"/>
                    <a:gd name="connsiteY1" fmla="*/ 79 h 410"/>
                    <a:gd name="connsiteX2" fmla="*/ 725 w 834"/>
                    <a:gd name="connsiteY2" fmla="*/ 79 h 410"/>
                    <a:gd name="connsiteX3" fmla="*/ 545 w 834"/>
                    <a:gd name="connsiteY3" fmla="*/ 85 h 410"/>
                    <a:gd name="connsiteX4" fmla="*/ 238 w 834"/>
                    <a:gd name="connsiteY4" fmla="*/ 227 h 410"/>
                    <a:gd name="connsiteX5" fmla="*/ 0 w 834"/>
                    <a:gd name="connsiteY5" fmla="*/ 410 h 410"/>
                    <a:gd name="connsiteX0" fmla="*/ 720 w 834"/>
                    <a:gd name="connsiteY0" fmla="*/ 5 h 410"/>
                    <a:gd name="connsiteX1" fmla="*/ 683 w 834"/>
                    <a:gd name="connsiteY1" fmla="*/ 79 h 410"/>
                    <a:gd name="connsiteX2" fmla="*/ 545 w 834"/>
                    <a:gd name="connsiteY2" fmla="*/ 85 h 410"/>
                    <a:gd name="connsiteX3" fmla="*/ 238 w 834"/>
                    <a:gd name="connsiteY3" fmla="*/ 227 h 410"/>
                    <a:gd name="connsiteX4" fmla="*/ 0 w 834"/>
                    <a:gd name="connsiteY4" fmla="*/ 410 h 410"/>
                    <a:gd name="connsiteX0" fmla="*/ 720 w 720"/>
                    <a:gd name="connsiteY0" fmla="*/ 0 h 405"/>
                    <a:gd name="connsiteX1" fmla="*/ 545 w 720"/>
                    <a:gd name="connsiteY1" fmla="*/ 80 h 405"/>
                    <a:gd name="connsiteX2" fmla="*/ 238 w 720"/>
                    <a:gd name="connsiteY2" fmla="*/ 222 h 405"/>
                    <a:gd name="connsiteX3" fmla="*/ 0 w 720"/>
                    <a:gd name="connsiteY3" fmla="*/ 405 h 405"/>
                    <a:gd name="connsiteX0" fmla="*/ 720 w 720"/>
                    <a:gd name="connsiteY0" fmla="*/ 0 h 405"/>
                    <a:gd name="connsiteX1" fmla="*/ 620 w 720"/>
                    <a:gd name="connsiteY1" fmla="*/ 38 h 405"/>
                    <a:gd name="connsiteX2" fmla="*/ 238 w 720"/>
                    <a:gd name="connsiteY2" fmla="*/ 222 h 405"/>
                    <a:gd name="connsiteX3" fmla="*/ 0 w 720"/>
                    <a:gd name="connsiteY3" fmla="*/ 405 h 405"/>
                    <a:gd name="connsiteX0" fmla="*/ 620 w 620"/>
                    <a:gd name="connsiteY0" fmla="*/ 0 h 367"/>
                    <a:gd name="connsiteX1" fmla="*/ 238 w 620"/>
                    <a:gd name="connsiteY1" fmla="*/ 184 h 367"/>
                    <a:gd name="connsiteX2" fmla="*/ 0 w 620"/>
                    <a:gd name="connsiteY2" fmla="*/ 367 h 367"/>
                    <a:gd name="connsiteX0" fmla="*/ 349 w 349"/>
                    <a:gd name="connsiteY0" fmla="*/ 0 h 234"/>
                    <a:gd name="connsiteX1" fmla="*/ 238 w 349"/>
                    <a:gd name="connsiteY1" fmla="*/ 51 h 234"/>
                    <a:gd name="connsiteX2" fmla="*/ 0 w 349"/>
                    <a:gd name="connsiteY2" fmla="*/ 234 h 234"/>
                    <a:gd name="connsiteX0" fmla="*/ 445 w 445"/>
                    <a:gd name="connsiteY0" fmla="*/ 0 h 282"/>
                    <a:gd name="connsiteX1" fmla="*/ 238 w 445"/>
                    <a:gd name="connsiteY1" fmla="*/ 99 h 282"/>
                    <a:gd name="connsiteX2" fmla="*/ 0 w 445"/>
                    <a:gd name="connsiteY2" fmla="*/ 282 h 282"/>
                  </a:gdLst>
                  <a:ahLst/>
                  <a:cxnLst>
                    <a:cxn ang="0">
                      <a:pos x="connsiteX0" y="connsiteY0"/>
                    </a:cxn>
                    <a:cxn ang="0">
                      <a:pos x="connsiteX1" y="connsiteY1"/>
                    </a:cxn>
                    <a:cxn ang="0">
                      <a:pos x="connsiteX2" y="connsiteY2"/>
                    </a:cxn>
                  </a:cxnLst>
                  <a:rect l="l" t="t" r="r" b="b"/>
                  <a:pathLst>
                    <a:path w="445" h="282">
                      <a:moveTo>
                        <a:pt x="445" y="0"/>
                      </a:moveTo>
                      <a:cubicBezTo>
                        <a:pt x="365" y="37"/>
                        <a:pt x="312" y="52"/>
                        <a:pt x="238" y="99"/>
                      </a:cubicBezTo>
                      <a:cubicBezTo>
                        <a:pt x="164" y="146"/>
                        <a:pt x="52" y="242"/>
                        <a:pt x="0" y="28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25400" dir="2700000" algn="ctr" rotWithShape="0">
                    <a:schemeClr val="bg1"/>
                  </a:outerShdw>
                </a:effectLst>
              </p:spPr>
              <p:txBody>
                <a:bodyPr rot="10800000" vert="eaVert" wrap="none"/>
                <a:lstStyle/>
                <a:p>
                  <a:pPr>
                    <a:defRPr/>
                  </a:pPr>
                  <a:endParaRPr lang="en-US" dirty="0">
                    <a:solidFill>
                      <a:prstClr val="white"/>
                    </a:solidFill>
                    <a:latin typeface="Arial" charset="0"/>
                    <a:cs typeface="Arial" charset="0"/>
                  </a:endParaRPr>
                </a:p>
              </p:txBody>
            </p:sp>
            <p:grpSp>
              <p:nvGrpSpPr>
                <p:cNvPr id="97" name="Group 69"/>
                <p:cNvGrpSpPr>
                  <a:grpSpLocks/>
                </p:cNvGrpSpPr>
                <p:nvPr/>
              </p:nvGrpSpPr>
              <p:grpSpPr bwMode="auto">
                <a:xfrm>
                  <a:off x="3714447" y="5836688"/>
                  <a:ext cx="347363" cy="383138"/>
                  <a:chOff x="3714477" y="5837339"/>
                  <a:chExt cx="347519" cy="383212"/>
                </a:xfrm>
              </p:grpSpPr>
              <p:sp>
                <p:nvSpPr>
                  <p:cNvPr id="120" name="Freeform 9"/>
                  <p:cNvSpPr>
                    <a:spLocks/>
                  </p:cNvSpPr>
                  <p:nvPr/>
                </p:nvSpPr>
                <p:spPr bwMode="auto">
                  <a:xfrm>
                    <a:off x="3714477" y="5849498"/>
                    <a:ext cx="96839" cy="189159"/>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74 w 74"/>
                      <a:gd name="connsiteY0" fmla="*/ 0 h 168"/>
                      <a:gd name="connsiteX1" fmla="*/ 0 w 74"/>
                      <a:gd name="connsiteY1" fmla="*/ 168 h 168"/>
                      <a:gd name="connsiteX0" fmla="*/ 61 w 61"/>
                      <a:gd name="connsiteY0" fmla="*/ 0 h 116"/>
                      <a:gd name="connsiteX1" fmla="*/ 0 w 61"/>
                      <a:gd name="connsiteY1" fmla="*/ 116 h 116"/>
                    </a:gdLst>
                    <a:ahLst/>
                    <a:cxnLst>
                      <a:cxn ang="0">
                        <a:pos x="connsiteX0" y="connsiteY0"/>
                      </a:cxn>
                      <a:cxn ang="0">
                        <a:pos x="connsiteX1" y="connsiteY1"/>
                      </a:cxn>
                    </a:cxnLst>
                    <a:rect l="l" t="t" r="r" b="b"/>
                    <a:pathLst>
                      <a:path w="61" h="116">
                        <a:moveTo>
                          <a:pt x="61" y="0"/>
                        </a:moveTo>
                        <a:cubicBezTo>
                          <a:pt x="36" y="56"/>
                          <a:pt x="25" y="60"/>
                          <a:pt x="0" y="116"/>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21" name="Freeform 9"/>
                  <p:cNvSpPr>
                    <a:spLocks/>
                  </p:cNvSpPr>
                  <p:nvPr/>
                </p:nvSpPr>
                <p:spPr bwMode="auto">
                  <a:xfrm>
                    <a:off x="3898483" y="5837339"/>
                    <a:ext cx="163513" cy="383212"/>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 name="connsiteX0" fmla="*/ 0 w 99"/>
                      <a:gd name="connsiteY0" fmla="*/ 0 h 192"/>
                      <a:gd name="connsiteX1" fmla="*/ 99 w 99"/>
                      <a:gd name="connsiteY1" fmla="*/ 192 h 192"/>
                      <a:gd name="connsiteX0" fmla="*/ 4 w 103"/>
                      <a:gd name="connsiteY0" fmla="*/ 0 h 192"/>
                      <a:gd name="connsiteX1" fmla="*/ 103 w 103"/>
                      <a:gd name="connsiteY1" fmla="*/ 192 h 192"/>
                      <a:gd name="connsiteX0" fmla="*/ 19 w 103"/>
                      <a:gd name="connsiteY0" fmla="*/ 0 h 235"/>
                      <a:gd name="connsiteX1" fmla="*/ 103 w 103"/>
                      <a:gd name="connsiteY1" fmla="*/ 235 h 235"/>
                    </a:gdLst>
                    <a:ahLst/>
                    <a:cxnLst>
                      <a:cxn ang="0">
                        <a:pos x="connsiteX0" y="connsiteY0"/>
                      </a:cxn>
                      <a:cxn ang="0">
                        <a:pos x="connsiteX1" y="connsiteY1"/>
                      </a:cxn>
                    </a:cxnLst>
                    <a:rect l="l" t="t" r="r" b="b"/>
                    <a:pathLst>
                      <a:path w="103" h="235">
                        <a:moveTo>
                          <a:pt x="19" y="0"/>
                        </a:moveTo>
                        <a:cubicBezTo>
                          <a:pt x="52" y="64"/>
                          <a:pt x="0" y="226"/>
                          <a:pt x="103" y="235"/>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grpSp>
              <p:nvGrpSpPr>
                <p:cNvPr id="98" name="Group 11"/>
                <p:cNvGrpSpPr/>
                <p:nvPr/>
              </p:nvGrpSpPr>
              <p:grpSpPr>
                <a:xfrm>
                  <a:off x="4600575" y="3310191"/>
                  <a:ext cx="626433" cy="166687"/>
                  <a:chOff x="4600575" y="3310191"/>
                  <a:chExt cx="626433" cy="166687"/>
                </a:xfrm>
              </p:grpSpPr>
              <p:cxnSp>
                <p:nvCxnSpPr>
                  <p:cNvPr id="115" name="Straight Connector 114"/>
                  <p:cNvCxnSpPr/>
                  <p:nvPr/>
                </p:nvCxnSpPr>
                <p:spPr bwMode="auto">
                  <a:xfrm flipH="1">
                    <a:off x="4611289" y="3310191"/>
                    <a:ext cx="615719" cy="392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6" name="Straight Connector 115"/>
                  <p:cNvCxnSpPr/>
                  <p:nvPr/>
                </p:nvCxnSpPr>
                <p:spPr bwMode="auto">
                  <a:xfrm rot="10800000">
                    <a:off x="4615372" y="3362636"/>
                    <a:ext cx="593725" cy="26987"/>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7" name="Straight Connector 116"/>
                  <p:cNvCxnSpPr/>
                  <p:nvPr/>
                </p:nvCxnSpPr>
                <p:spPr bwMode="auto">
                  <a:xfrm rot="10800000">
                    <a:off x="4627565" y="3370265"/>
                    <a:ext cx="518237" cy="84818"/>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8" name="Straight Connector 117"/>
                  <p:cNvCxnSpPr/>
                  <p:nvPr/>
                </p:nvCxnSpPr>
                <p:spPr bwMode="auto">
                  <a:xfrm rot="10800000">
                    <a:off x="4621213" y="3376616"/>
                    <a:ext cx="361960" cy="96879"/>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cxnSp>
                <p:nvCxnSpPr>
                  <p:cNvPr id="119" name="Straight Connector 118"/>
                  <p:cNvCxnSpPr/>
                  <p:nvPr/>
                </p:nvCxnSpPr>
                <p:spPr bwMode="auto">
                  <a:xfrm flipH="1" flipV="1">
                    <a:off x="4600575" y="3365504"/>
                    <a:ext cx="201618" cy="111374"/>
                  </a:xfrm>
                  <a:prstGeom prst="line">
                    <a:avLst/>
                  </a:pr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cxnSp>
            </p:grpSp>
            <p:grpSp>
              <p:nvGrpSpPr>
                <p:cNvPr id="106" name="Group 70"/>
                <p:cNvGrpSpPr>
                  <a:grpSpLocks/>
                </p:cNvGrpSpPr>
                <p:nvPr/>
              </p:nvGrpSpPr>
              <p:grpSpPr bwMode="auto">
                <a:xfrm>
                  <a:off x="3695684" y="3843517"/>
                  <a:ext cx="190412" cy="958442"/>
                  <a:chOff x="3695687" y="3843785"/>
                  <a:chExt cx="190513" cy="958626"/>
                </a:xfrm>
              </p:grpSpPr>
              <p:sp>
                <p:nvSpPr>
                  <p:cNvPr id="113" name="Freeform 9"/>
                  <p:cNvSpPr>
                    <a:spLocks/>
                  </p:cNvSpPr>
                  <p:nvPr/>
                </p:nvSpPr>
                <p:spPr bwMode="auto">
                  <a:xfrm>
                    <a:off x="3695687"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14" name="Freeform 9"/>
                  <p:cNvSpPr>
                    <a:spLocks/>
                  </p:cNvSpPr>
                  <p:nvPr/>
                </p:nvSpPr>
                <p:spPr bwMode="auto">
                  <a:xfrm>
                    <a:off x="3724274" y="3843785"/>
                    <a:ext cx="161926" cy="958626"/>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57 w 57"/>
                      <a:gd name="connsiteY0" fmla="*/ 0 h 554"/>
                      <a:gd name="connsiteX1" fmla="*/ 0 w 57"/>
                      <a:gd name="connsiteY1" fmla="*/ 554 h 554"/>
                      <a:gd name="connsiteX0" fmla="*/ 57 w 57"/>
                      <a:gd name="connsiteY0" fmla="*/ 0 h 698"/>
                      <a:gd name="connsiteX1" fmla="*/ 0 w 57"/>
                      <a:gd name="connsiteY1" fmla="*/ 698 h 698"/>
                      <a:gd name="connsiteX0" fmla="*/ 99 w 99"/>
                      <a:gd name="connsiteY0" fmla="*/ 0 h 656"/>
                      <a:gd name="connsiteX1" fmla="*/ 0 w 99"/>
                      <a:gd name="connsiteY1" fmla="*/ 656 h 656"/>
                      <a:gd name="connsiteX0" fmla="*/ 19 w 86"/>
                      <a:gd name="connsiteY0" fmla="*/ 0 h 560"/>
                      <a:gd name="connsiteX1" fmla="*/ 67 w 86"/>
                      <a:gd name="connsiteY1" fmla="*/ 560 h 560"/>
                      <a:gd name="connsiteX0" fmla="*/ 108 w 108"/>
                      <a:gd name="connsiteY0" fmla="*/ 0 h 659"/>
                      <a:gd name="connsiteX1" fmla="*/ 0 w 108"/>
                      <a:gd name="connsiteY1" fmla="*/ 659 h 659"/>
                      <a:gd name="connsiteX0" fmla="*/ 444 w 444"/>
                      <a:gd name="connsiteY0" fmla="*/ 0 h 515"/>
                      <a:gd name="connsiteX1" fmla="*/ 0 w 444"/>
                      <a:gd name="connsiteY1" fmla="*/ 515 h 515"/>
                      <a:gd name="connsiteX0" fmla="*/ 99 w 99"/>
                      <a:gd name="connsiteY0" fmla="*/ 0 h 656"/>
                      <a:gd name="connsiteX1" fmla="*/ 0 w 99"/>
                      <a:gd name="connsiteY1" fmla="*/ 656 h 656"/>
                      <a:gd name="connsiteX0" fmla="*/ 99 w 99"/>
                      <a:gd name="connsiteY0" fmla="*/ 0 h 656"/>
                      <a:gd name="connsiteX1" fmla="*/ 0 w 99"/>
                      <a:gd name="connsiteY1" fmla="*/ 656 h 656"/>
                      <a:gd name="connsiteX0" fmla="*/ 81 w 81"/>
                      <a:gd name="connsiteY0" fmla="*/ 0 h 659"/>
                      <a:gd name="connsiteX1" fmla="*/ 0 w 81"/>
                      <a:gd name="connsiteY1" fmla="*/ 659 h 659"/>
                      <a:gd name="connsiteX0" fmla="*/ 84 w 84"/>
                      <a:gd name="connsiteY0" fmla="*/ 0 h 644"/>
                      <a:gd name="connsiteX1" fmla="*/ 0 w 84"/>
                      <a:gd name="connsiteY1" fmla="*/ 644 h 644"/>
                      <a:gd name="connsiteX0" fmla="*/ 84 w 97"/>
                      <a:gd name="connsiteY0" fmla="*/ 9 h 653"/>
                      <a:gd name="connsiteX1" fmla="*/ 96 w 97"/>
                      <a:gd name="connsiteY1" fmla="*/ 0 h 653"/>
                      <a:gd name="connsiteX2" fmla="*/ 0 w 97"/>
                      <a:gd name="connsiteY2" fmla="*/ 653 h 653"/>
                      <a:gd name="connsiteX0" fmla="*/ 338 w 351"/>
                      <a:gd name="connsiteY0" fmla="*/ 9 h 604"/>
                      <a:gd name="connsiteX1" fmla="*/ 350 w 351"/>
                      <a:gd name="connsiteY1" fmla="*/ 0 h 604"/>
                      <a:gd name="connsiteX2" fmla="*/ 0 w 351"/>
                      <a:gd name="connsiteY2" fmla="*/ 604 h 604"/>
                      <a:gd name="connsiteX0" fmla="*/ 338 w 351"/>
                      <a:gd name="connsiteY0" fmla="*/ 9 h 604"/>
                      <a:gd name="connsiteX1" fmla="*/ 350 w 351"/>
                      <a:gd name="connsiteY1" fmla="*/ 0 h 604"/>
                      <a:gd name="connsiteX2" fmla="*/ 0 w 351"/>
                      <a:gd name="connsiteY2" fmla="*/ 604 h 604"/>
                      <a:gd name="connsiteX0" fmla="*/ 338 w 338"/>
                      <a:gd name="connsiteY0" fmla="*/ 0 h 595"/>
                      <a:gd name="connsiteX1" fmla="*/ 0 w 338"/>
                      <a:gd name="connsiteY1" fmla="*/ 595 h 595"/>
                      <a:gd name="connsiteX0" fmla="*/ 306 w 306"/>
                      <a:gd name="connsiteY0" fmla="*/ 0 h 556"/>
                      <a:gd name="connsiteX1" fmla="*/ 0 w 306"/>
                      <a:gd name="connsiteY1" fmla="*/ 556 h 556"/>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32 w 132"/>
                      <a:gd name="connsiteY0" fmla="*/ 0 h 580"/>
                      <a:gd name="connsiteX1" fmla="*/ 0 w 132"/>
                      <a:gd name="connsiteY1" fmla="*/ 580 h 580"/>
                      <a:gd name="connsiteX0" fmla="*/ 102 w 102"/>
                      <a:gd name="connsiteY0" fmla="*/ 0 h 604"/>
                      <a:gd name="connsiteX1" fmla="*/ 0 w 102"/>
                      <a:gd name="connsiteY1" fmla="*/ 604 h 604"/>
                      <a:gd name="connsiteX0" fmla="*/ 102 w 102"/>
                      <a:gd name="connsiteY0" fmla="*/ 0 h 604"/>
                      <a:gd name="connsiteX1" fmla="*/ 0 w 102"/>
                      <a:gd name="connsiteY1" fmla="*/ 604 h 604"/>
                    </a:gdLst>
                    <a:ahLst/>
                    <a:cxnLst>
                      <a:cxn ang="0">
                        <a:pos x="connsiteX0" y="connsiteY0"/>
                      </a:cxn>
                      <a:cxn ang="0">
                        <a:pos x="connsiteX1" y="connsiteY1"/>
                      </a:cxn>
                    </a:cxnLst>
                    <a:rect l="l" t="t" r="r" b="b"/>
                    <a:pathLst>
                      <a:path w="102" h="604">
                        <a:moveTo>
                          <a:pt x="102" y="0"/>
                        </a:moveTo>
                        <a:cubicBezTo>
                          <a:pt x="56" y="250"/>
                          <a:pt x="17" y="504"/>
                          <a:pt x="0" y="604"/>
                        </a:cubicBezTo>
                      </a:path>
                    </a:pathLst>
                  </a:custGeom>
                  <a:noFill/>
                  <a:ln w="19050" cap="flat" cmpd="sng">
                    <a:solidFill>
                      <a:srgbClr val="FF66FF"/>
                    </a:solidFill>
                    <a:prstDash val="sysDash"/>
                    <a:round/>
                    <a:headEnd type="none" w="med" len="med"/>
                    <a:tailEnd type="none" w="med" len="med"/>
                  </a:ln>
                  <a:effectLst>
                    <a:glow rad="635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grpSp>
            <p:sp>
              <p:nvSpPr>
                <p:cNvPr id="107" name="Freeform 9"/>
                <p:cNvSpPr>
                  <a:spLocks/>
                </p:cNvSpPr>
                <p:nvPr/>
              </p:nvSpPr>
              <p:spPr bwMode="auto">
                <a:xfrm>
                  <a:off x="3665538" y="4809895"/>
                  <a:ext cx="134875" cy="95368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0 w 613"/>
                    <a:gd name="connsiteY0" fmla="*/ 0 h 661"/>
                    <a:gd name="connsiteX1" fmla="*/ 303 w 613"/>
                    <a:gd name="connsiteY1" fmla="*/ 96 h 661"/>
                    <a:gd name="connsiteX2" fmla="*/ 276 w 613"/>
                    <a:gd name="connsiteY2" fmla="*/ 511 h 661"/>
                    <a:gd name="connsiteX3" fmla="*/ 613 w 613"/>
                    <a:gd name="connsiteY3" fmla="*/ 538 h 661"/>
                    <a:gd name="connsiteX4" fmla="*/ 607 w 613"/>
                    <a:gd name="connsiteY4" fmla="*/ 661 h 661"/>
                    <a:gd name="connsiteX0" fmla="*/ 34 w 344"/>
                    <a:gd name="connsiteY0" fmla="*/ 0 h 565"/>
                    <a:gd name="connsiteX1" fmla="*/ 7 w 344"/>
                    <a:gd name="connsiteY1" fmla="*/ 415 h 565"/>
                    <a:gd name="connsiteX2" fmla="*/ 344 w 344"/>
                    <a:gd name="connsiteY2" fmla="*/ 442 h 565"/>
                    <a:gd name="connsiteX3" fmla="*/ 338 w 344"/>
                    <a:gd name="connsiteY3" fmla="*/ 565 h 565"/>
                    <a:gd name="connsiteX0" fmla="*/ 79 w 389"/>
                    <a:gd name="connsiteY0" fmla="*/ 0 h 565"/>
                    <a:gd name="connsiteX1" fmla="*/ 79 w 389"/>
                    <a:gd name="connsiteY1" fmla="*/ 76 h 565"/>
                    <a:gd name="connsiteX2" fmla="*/ 52 w 389"/>
                    <a:gd name="connsiteY2" fmla="*/ 415 h 565"/>
                    <a:gd name="connsiteX3" fmla="*/ 389 w 389"/>
                    <a:gd name="connsiteY3" fmla="*/ 442 h 565"/>
                    <a:gd name="connsiteX4" fmla="*/ 383 w 389"/>
                    <a:gd name="connsiteY4" fmla="*/ 565 h 565"/>
                    <a:gd name="connsiteX0" fmla="*/ 90 w 400"/>
                    <a:gd name="connsiteY0" fmla="*/ 0 h 565"/>
                    <a:gd name="connsiteX1" fmla="*/ 90 w 400"/>
                    <a:gd name="connsiteY1" fmla="*/ 76 h 565"/>
                    <a:gd name="connsiteX2" fmla="*/ 63 w 400"/>
                    <a:gd name="connsiteY2" fmla="*/ 415 h 565"/>
                    <a:gd name="connsiteX3" fmla="*/ 400 w 400"/>
                    <a:gd name="connsiteY3" fmla="*/ 442 h 565"/>
                    <a:gd name="connsiteX4" fmla="*/ 394 w 400"/>
                    <a:gd name="connsiteY4" fmla="*/ 565 h 565"/>
                    <a:gd name="connsiteX0" fmla="*/ 0 w 550"/>
                    <a:gd name="connsiteY0" fmla="*/ 0 h 661"/>
                    <a:gd name="connsiteX1" fmla="*/ 240 w 550"/>
                    <a:gd name="connsiteY1" fmla="*/ 172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40 w 550"/>
                    <a:gd name="connsiteY1" fmla="*/ 172 h 661"/>
                    <a:gd name="connsiteX2" fmla="*/ 255 w 550"/>
                    <a:gd name="connsiteY2" fmla="*/ 194 h 661"/>
                    <a:gd name="connsiteX3" fmla="*/ 213 w 550"/>
                    <a:gd name="connsiteY3" fmla="*/ 511 h 661"/>
                    <a:gd name="connsiteX4" fmla="*/ 550 w 550"/>
                    <a:gd name="connsiteY4" fmla="*/ 538 h 661"/>
                    <a:gd name="connsiteX5" fmla="*/ 544 w 550"/>
                    <a:gd name="connsiteY5"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50"/>
                    <a:gd name="connsiteY0" fmla="*/ 0 h 661"/>
                    <a:gd name="connsiteX1" fmla="*/ 255 w 550"/>
                    <a:gd name="connsiteY1" fmla="*/ 194 h 661"/>
                    <a:gd name="connsiteX2" fmla="*/ 213 w 550"/>
                    <a:gd name="connsiteY2" fmla="*/ 511 h 661"/>
                    <a:gd name="connsiteX3" fmla="*/ 550 w 550"/>
                    <a:gd name="connsiteY3" fmla="*/ 538 h 661"/>
                    <a:gd name="connsiteX4" fmla="*/ 544 w 550"/>
                    <a:gd name="connsiteY4" fmla="*/ 661 h 661"/>
                    <a:gd name="connsiteX0" fmla="*/ 0 w 528"/>
                    <a:gd name="connsiteY0" fmla="*/ 0 h 636"/>
                    <a:gd name="connsiteX1" fmla="*/ 233 w 528"/>
                    <a:gd name="connsiteY1" fmla="*/ 169 h 636"/>
                    <a:gd name="connsiteX2" fmla="*/ 191 w 528"/>
                    <a:gd name="connsiteY2" fmla="*/ 486 h 636"/>
                    <a:gd name="connsiteX3" fmla="*/ 528 w 528"/>
                    <a:gd name="connsiteY3" fmla="*/ 513 h 636"/>
                    <a:gd name="connsiteX4" fmla="*/ 522 w 528"/>
                    <a:gd name="connsiteY4" fmla="*/ 636 h 636"/>
                    <a:gd name="connsiteX0" fmla="*/ 0 w 528"/>
                    <a:gd name="connsiteY0" fmla="*/ 0 h 637"/>
                    <a:gd name="connsiteX1" fmla="*/ 233 w 528"/>
                    <a:gd name="connsiteY1" fmla="*/ 169 h 637"/>
                    <a:gd name="connsiteX2" fmla="*/ 191 w 528"/>
                    <a:gd name="connsiteY2" fmla="*/ 486 h 637"/>
                    <a:gd name="connsiteX3" fmla="*/ 528 w 528"/>
                    <a:gd name="connsiteY3" fmla="*/ 513 h 637"/>
                    <a:gd name="connsiteX4" fmla="*/ 276 w 528"/>
                    <a:gd name="connsiteY4" fmla="*/ 637 h 637"/>
                    <a:gd name="connsiteX0" fmla="*/ 0 w 584"/>
                    <a:gd name="connsiteY0" fmla="*/ 0 h 637"/>
                    <a:gd name="connsiteX1" fmla="*/ 233 w 584"/>
                    <a:gd name="connsiteY1" fmla="*/ 169 h 637"/>
                    <a:gd name="connsiteX2" fmla="*/ 191 w 584"/>
                    <a:gd name="connsiteY2" fmla="*/ 486 h 637"/>
                    <a:gd name="connsiteX3" fmla="*/ 528 w 584"/>
                    <a:gd name="connsiteY3" fmla="*/ 513 h 637"/>
                    <a:gd name="connsiteX4" fmla="*/ 236 w 584"/>
                    <a:gd name="connsiteY4" fmla="*/ 552 h 637"/>
                    <a:gd name="connsiteX5" fmla="*/ 276 w 584"/>
                    <a:gd name="connsiteY5" fmla="*/ 637 h 637"/>
                    <a:gd name="connsiteX0" fmla="*/ 0 w 542"/>
                    <a:gd name="connsiteY0" fmla="*/ 0 h 637"/>
                    <a:gd name="connsiteX1" fmla="*/ 233 w 542"/>
                    <a:gd name="connsiteY1" fmla="*/ 169 h 637"/>
                    <a:gd name="connsiteX2" fmla="*/ 191 w 542"/>
                    <a:gd name="connsiteY2" fmla="*/ 486 h 637"/>
                    <a:gd name="connsiteX3" fmla="*/ 528 w 542"/>
                    <a:gd name="connsiteY3" fmla="*/ 513 h 637"/>
                    <a:gd name="connsiteX4" fmla="*/ 276 w 542"/>
                    <a:gd name="connsiteY4" fmla="*/ 637 h 637"/>
                    <a:gd name="connsiteX0" fmla="*/ 0 w 276"/>
                    <a:gd name="connsiteY0" fmla="*/ 0 h 637"/>
                    <a:gd name="connsiteX1" fmla="*/ 233 w 276"/>
                    <a:gd name="connsiteY1" fmla="*/ 169 h 637"/>
                    <a:gd name="connsiteX2" fmla="*/ 191 w 276"/>
                    <a:gd name="connsiteY2" fmla="*/ 486 h 637"/>
                    <a:gd name="connsiteX3" fmla="*/ 276 w 276"/>
                    <a:gd name="connsiteY3" fmla="*/ 637 h 637"/>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63 w 141"/>
                    <a:gd name="connsiteY0" fmla="*/ 0 h 565"/>
                    <a:gd name="connsiteX1" fmla="*/ 98 w 141"/>
                    <a:gd name="connsiteY1" fmla="*/ 97 h 565"/>
                    <a:gd name="connsiteX2" fmla="*/ 56 w 141"/>
                    <a:gd name="connsiteY2" fmla="*/ 414 h 565"/>
                    <a:gd name="connsiteX3" fmla="*/ 141 w 141"/>
                    <a:gd name="connsiteY3" fmla="*/ 565 h 565"/>
                    <a:gd name="connsiteX0" fmla="*/ 7 w 85"/>
                    <a:gd name="connsiteY0" fmla="*/ 0 h 565"/>
                    <a:gd name="connsiteX1" fmla="*/ 42 w 85"/>
                    <a:gd name="connsiteY1" fmla="*/ 97 h 565"/>
                    <a:gd name="connsiteX2" fmla="*/ 0 w 85"/>
                    <a:gd name="connsiteY2" fmla="*/ 414 h 565"/>
                    <a:gd name="connsiteX3" fmla="*/ 85 w 85"/>
                    <a:gd name="connsiteY3" fmla="*/ 565 h 565"/>
                    <a:gd name="connsiteX0" fmla="*/ 34 w 85"/>
                    <a:gd name="connsiteY0" fmla="*/ 0 h 601"/>
                    <a:gd name="connsiteX1" fmla="*/ 42 w 85"/>
                    <a:gd name="connsiteY1" fmla="*/ 133 h 601"/>
                    <a:gd name="connsiteX2" fmla="*/ 0 w 85"/>
                    <a:gd name="connsiteY2" fmla="*/ 450 h 601"/>
                    <a:gd name="connsiteX3" fmla="*/ 85 w 85"/>
                    <a:gd name="connsiteY3" fmla="*/ 601 h 601"/>
                    <a:gd name="connsiteX0" fmla="*/ 34 w 85"/>
                    <a:gd name="connsiteY0" fmla="*/ 0 h 601"/>
                    <a:gd name="connsiteX1" fmla="*/ 42 w 85"/>
                    <a:gd name="connsiteY1" fmla="*/ 133 h 601"/>
                    <a:gd name="connsiteX2" fmla="*/ 0 w 85"/>
                    <a:gd name="connsiteY2" fmla="*/ 450 h 601"/>
                    <a:gd name="connsiteX3" fmla="*/ 85 w 85"/>
                    <a:gd name="connsiteY3" fmla="*/ 601 h 601"/>
                  </a:gdLst>
                  <a:ahLst/>
                  <a:cxnLst>
                    <a:cxn ang="0">
                      <a:pos x="connsiteX0" y="connsiteY0"/>
                    </a:cxn>
                    <a:cxn ang="0">
                      <a:pos x="connsiteX1" y="connsiteY1"/>
                    </a:cxn>
                    <a:cxn ang="0">
                      <a:pos x="connsiteX2" y="connsiteY2"/>
                    </a:cxn>
                    <a:cxn ang="0">
                      <a:pos x="connsiteX3" y="connsiteY3"/>
                    </a:cxn>
                  </a:cxnLst>
                  <a:rect l="l" t="t" r="r" b="b"/>
                  <a:pathLst>
                    <a:path w="85" h="601">
                      <a:moveTo>
                        <a:pt x="34" y="0"/>
                      </a:moveTo>
                      <a:cubicBezTo>
                        <a:pt x="37" y="44"/>
                        <a:pt x="39" y="89"/>
                        <a:pt x="42" y="133"/>
                      </a:cubicBezTo>
                      <a:cubicBezTo>
                        <a:pt x="32" y="292"/>
                        <a:pt x="22" y="276"/>
                        <a:pt x="0" y="450"/>
                      </a:cubicBezTo>
                      <a:cubicBezTo>
                        <a:pt x="7" y="528"/>
                        <a:pt x="67" y="570"/>
                        <a:pt x="85" y="601"/>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dist="50800" dir="27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109" name="Parallelogram 108"/>
                <p:cNvSpPr>
                  <a:spLocks noChangeAspect="1"/>
                </p:cNvSpPr>
                <p:nvPr/>
              </p:nvSpPr>
              <p:spPr bwMode="auto">
                <a:xfrm>
                  <a:off x="3688069" y="5757228"/>
                  <a:ext cx="350355" cy="118192"/>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95" name="Pump Station - Westside Isolated Facility"/>
              <p:cNvSpPr/>
              <p:nvPr/>
            </p:nvSpPr>
            <p:spPr bwMode="invGray">
              <a:xfrm>
                <a:off x="3791845" y="3748790"/>
                <a:ext cx="137096" cy="13713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grpSp>
        <p:grpSp>
          <p:nvGrpSpPr>
            <p:cNvPr id="122" name="Group 121"/>
            <p:cNvGrpSpPr/>
            <p:nvPr/>
          </p:nvGrpSpPr>
          <p:grpSpPr>
            <a:xfrm>
              <a:off x="4802193" y="3264947"/>
              <a:ext cx="516890" cy="300990"/>
              <a:chOff x="4802193" y="3264947"/>
              <a:chExt cx="516890" cy="300990"/>
            </a:xfrm>
          </p:grpSpPr>
          <p:sp>
            <p:nvSpPr>
              <p:cNvPr id="123"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4"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5"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6"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sp>
            <p:nvSpPr>
              <p:cNvPr id="127"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grpSp>
        <p:nvGrpSpPr>
          <p:cNvPr id="24" name="Eastside - Isolated Facility" hidden="1"/>
          <p:cNvGrpSpPr/>
          <p:nvPr/>
        </p:nvGrpSpPr>
        <p:grpSpPr>
          <a:xfrm>
            <a:off x="3698077" y="3264947"/>
            <a:ext cx="2969423" cy="2998524"/>
            <a:chOff x="3698077" y="3264947"/>
            <a:chExt cx="2969423" cy="2998524"/>
          </a:xfrm>
        </p:grpSpPr>
        <p:grpSp>
          <p:nvGrpSpPr>
            <p:cNvPr id="4" name="Interconnection near CCFB - Eastside Isolated Facility"/>
            <p:cNvGrpSpPr>
              <a:grpSpLocks/>
            </p:cNvGrpSpPr>
            <p:nvPr/>
          </p:nvGrpSpPr>
          <p:grpSpPr bwMode="auto">
            <a:xfrm>
              <a:off x="3698077" y="6063174"/>
              <a:ext cx="631149" cy="200297"/>
              <a:chOff x="3876277" y="6028940"/>
              <a:chExt cx="549538" cy="205476"/>
            </a:xfrm>
          </p:grpSpPr>
          <p:sp>
            <p:nvSpPr>
              <p:cNvPr id="58" name="Freeform 9"/>
              <p:cNvSpPr>
                <a:spLocks/>
              </p:cNvSpPr>
              <p:nvPr/>
            </p:nvSpPr>
            <p:spPr bwMode="auto">
              <a:xfrm>
                <a:off x="3876277" y="6028940"/>
                <a:ext cx="452837" cy="4690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Lst>
                <a:ahLst/>
                <a:cxnLst>
                  <a:cxn ang="0">
                    <a:pos x="connsiteX0" y="connsiteY0"/>
                  </a:cxn>
                  <a:cxn ang="0">
                    <a:pos x="connsiteX1" y="connsiteY1"/>
                  </a:cxn>
                </a:cxnLst>
                <a:rect l="l" t="t" r="r" b="b"/>
                <a:pathLst>
                  <a:path w="297" h="25">
                    <a:moveTo>
                      <a:pt x="297" y="0"/>
                    </a:moveTo>
                    <a:lnTo>
                      <a:pt x="0" y="25"/>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sp>
            <p:nvSpPr>
              <p:cNvPr id="59" name="Freeform 9"/>
              <p:cNvSpPr>
                <a:spLocks/>
              </p:cNvSpPr>
              <p:nvPr/>
            </p:nvSpPr>
            <p:spPr bwMode="auto">
              <a:xfrm>
                <a:off x="4195038" y="6101575"/>
                <a:ext cx="230777" cy="132841"/>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79"/>
                  <a:gd name="connsiteX1" fmla="*/ 0 w 423"/>
                  <a:gd name="connsiteY1" fmla="*/ 1479 h 1479"/>
                  <a:gd name="connsiteX0" fmla="*/ 327 w 327"/>
                  <a:gd name="connsiteY0" fmla="*/ 0 h 165"/>
                  <a:gd name="connsiteX1" fmla="*/ 0 w 327"/>
                  <a:gd name="connsiteY1" fmla="*/ 165 h 165"/>
                  <a:gd name="connsiteX0" fmla="*/ 297 w 297"/>
                  <a:gd name="connsiteY0" fmla="*/ 0 h 25"/>
                  <a:gd name="connsiteX1" fmla="*/ 0 w 297"/>
                  <a:gd name="connsiteY1" fmla="*/ 25 h 25"/>
                  <a:gd name="connsiteX0" fmla="*/ 249 w 249"/>
                  <a:gd name="connsiteY0" fmla="*/ 0 h 89"/>
                  <a:gd name="connsiteX1" fmla="*/ 0 w 249"/>
                  <a:gd name="connsiteY1" fmla="*/ 89 h 89"/>
                  <a:gd name="connsiteX0" fmla="*/ 87 w 87"/>
                  <a:gd name="connsiteY0" fmla="*/ 0 h 54"/>
                  <a:gd name="connsiteX1" fmla="*/ 0 w 87"/>
                  <a:gd name="connsiteY1" fmla="*/ 54 h 54"/>
                  <a:gd name="connsiteX0" fmla="*/ 136 w 136"/>
                  <a:gd name="connsiteY0" fmla="*/ 0 h 54"/>
                  <a:gd name="connsiteX1" fmla="*/ 0 w 136"/>
                  <a:gd name="connsiteY1" fmla="*/ 54 h 54"/>
                </a:gdLst>
                <a:ahLst/>
                <a:cxnLst>
                  <a:cxn ang="0">
                    <a:pos x="connsiteX0" y="connsiteY0"/>
                  </a:cxn>
                  <a:cxn ang="0">
                    <a:pos x="connsiteX1" y="connsiteY1"/>
                  </a:cxn>
                </a:cxnLst>
                <a:rect l="l" t="t" r="r" b="b"/>
                <a:pathLst>
                  <a:path w="136" h="54">
                    <a:moveTo>
                      <a:pt x="136" y="0"/>
                    </a:moveTo>
                    <a:lnTo>
                      <a:pt x="0" y="54"/>
                    </a:ln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endParaRPr lang="en-US" dirty="0">
                  <a:solidFill>
                    <a:prstClr val="white"/>
                  </a:solidFill>
                  <a:latin typeface="Arial" charset="0"/>
                  <a:cs typeface="Arial" charset="0"/>
                </a:endParaRPr>
              </a:p>
            </p:txBody>
          </p:sp>
        </p:grpSp>
        <p:grpSp>
          <p:nvGrpSpPr>
            <p:cNvPr id="19" name="Eastside Isolated Facility"/>
            <p:cNvGrpSpPr/>
            <p:nvPr/>
          </p:nvGrpSpPr>
          <p:grpSpPr>
            <a:xfrm>
              <a:off x="4185249" y="3264947"/>
              <a:ext cx="2482251" cy="2875370"/>
              <a:chOff x="4185249" y="3264947"/>
              <a:chExt cx="2482251" cy="2875370"/>
            </a:xfrm>
          </p:grpSpPr>
          <p:grpSp>
            <p:nvGrpSpPr>
              <p:cNvPr id="11" name="Intake #5 - Tunnel"/>
              <p:cNvGrpSpPr/>
              <p:nvPr/>
            </p:nvGrpSpPr>
            <p:grpSpPr>
              <a:xfrm>
                <a:off x="4802193" y="3473862"/>
                <a:ext cx="382746" cy="130398"/>
                <a:chOff x="4802193" y="3473862"/>
                <a:chExt cx="382746" cy="130398"/>
              </a:xfrm>
            </p:grpSpPr>
            <p:sp>
              <p:nvSpPr>
                <p:cNvPr id="99" name="Freeform 9"/>
                <p:cNvSpPr>
                  <a:spLocks/>
                </p:cNvSpPr>
                <p:nvPr/>
              </p:nvSpPr>
              <p:spPr bwMode="auto">
                <a:xfrm>
                  <a:off x="4855228" y="3557587"/>
                  <a:ext cx="329711" cy="4667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9229 w 9229"/>
                    <a:gd name="connsiteY0" fmla="*/ 29000 h 29000"/>
                    <a:gd name="connsiteX1" fmla="*/ 0 w 9229"/>
                    <a:gd name="connsiteY1" fmla="*/ 0 h 29000"/>
                  </a:gdLst>
                  <a:ahLst/>
                  <a:cxnLst>
                    <a:cxn ang="0">
                      <a:pos x="connsiteX0" y="connsiteY0"/>
                    </a:cxn>
                    <a:cxn ang="0">
                      <a:pos x="connsiteX1" y="connsiteY1"/>
                    </a:cxn>
                  </a:cxnLst>
                  <a:rect l="l" t="t" r="r" b="b"/>
                  <a:pathLst>
                    <a:path w="9229" h="29000">
                      <a:moveTo>
                        <a:pt x="9229" y="29000"/>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69" name="Oval 17"/>
                <p:cNvSpPr>
                  <a:spLocks noChangeArrowheads="1"/>
                </p:cNvSpPr>
                <p:nvPr/>
              </p:nvSpPr>
              <p:spPr bwMode="invGray">
                <a:xfrm>
                  <a:off x="4802193" y="3473862"/>
                  <a:ext cx="90488"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2" name="Intake #4 - Tunnel"/>
              <p:cNvGrpSpPr/>
              <p:nvPr/>
            </p:nvGrpSpPr>
            <p:grpSpPr>
              <a:xfrm>
                <a:off x="4975548" y="3460527"/>
                <a:ext cx="209391" cy="129188"/>
                <a:chOff x="4975548" y="3460527"/>
                <a:chExt cx="209391" cy="129188"/>
              </a:xfrm>
            </p:grpSpPr>
            <p:sp>
              <p:nvSpPr>
                <p:cNvPr id="102" name="Freeform 9"/>
                <p:cNvSpPr>
                  <a:spLocks/>
                </p:cNvSpPr>
                <p:nvPr/>
              </p:nvSpPr>
              <p:spPr bwMode="auto">
                <a:xfrm>
                  <a:off x="5051107" y="3539268"/>
                  <a:ext cx="133832" cy="5044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5301 w 5301"/>
                    <a:gd name="connsiteY0" fmla="*/ 8909 h 8909"/>
                    <a:gd name="connsiteX1" fmla="*/ 0 w 5301"/>
                    <a:gd name="connsiteY1" fmla="*/ 0 h 8909"/>
                  </a:gdLst>
                  <a:ahLst/>
                  <a:cxnLst>
                    <a:cxn ang="0">
                      <a:pos x="connsiteX0" y="connsiteY0"/>
                    </a:cxn>
                    <a:cxn ang="0">
                      <a:pos x="connsiteX1" y="connsiteY1"/>
                    </a:cxn>
                  </a:cxnLst>
                  <a:rect l="l" t="t" r="r" b="b"/>
                  <a:pathLst>
                    <a:path w="5301" h="8909">
                      <a:moveTo>
                        <a:pt x="5301" y="8909"/>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0" name="Oval 17"/>
                <p:cNvSpPr>
                  <a:spLocks noChangeArrowheads="1"/>
                </p:cNvSpPr>
                <p:nvPr/>
              </p:nvSpPr>
              <p:spPr bwMode="invGray">
                <a:xfrm>
                  <a:off x="4975548" y="3460527"/>
                  <a:ext cx="92075"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4" name="Intake #3 - Tunnel"/>
              <p:cNvGrpSpPr/>
              <p:nvPr/>
            </p:nvGrpSpPr>
            <p:grpSpPr>
              <a:xfrm>
                <a:off x="5139696" y="3450685"/>
                <a:ext cx="111125" cy="141288"/>
                <a:chOff x="5139696" y="3450685"/>
                <a:chExt cx="111125" cy="141288"/>
              </a:xfrm>
            </p:grpSpPr>
            <p:sp>
              <p:nvSpPr>
                <p:cNvPr id="103" name="Freeform 9"/>
                <p:cNvSpPr>
                  <a:spLocks/>
                </p:cNvSpPr>
                <p:nvPr/>
              </p:nvSpPr>
              <p:spPr bwMode="auto">
                <a:xfrm>
                  <a:off x="5171447" y="3496723"/>
                  <a:ext cx="79374" cy="95250"/>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18 w 218"/>
                    <a:gd name="connsiteY0" fmla="*/ 0 h 15"/>
                    <a:gd name="connsiteX1" fmla="*/ 0 w 218"/>
                    <a:gd name="connsiteY1" fmla="*/ 15 h 15"/>
                    <a:gd name="connsiteX0" fmla="*/ 161 w 161"/>
                    <a:gd name="connsiteY0" fmla="*/ 28 h 28"/>
                    <a:gd name="connsiteX1" fmla="*/ 0 w 161"/>
                    <a:gd name="connsiteY1" fmla="*/ 0 h 28"/>
                    <a:gd name="connsiteX0" fmla="*/ 143 w 143"/>
                    <a:gd name="connsiteY0" fmla="*/ 43 h 43"/>
                    <a:gd name="connsiteX1" fmla="*/ 0 w 143"/>
                    <a:gd name="connsiteY1" fmla="*/ 0 h 43"/>
                    <a:gd name="connsiteX0" fmla="*/ 86 w 86"/>
                    <a:gd name="connsiteY0" fmla="*/ 56 h 56"/>
                    <a:gd name="connsiteX1" fmla="*/ 0 w 86"/>
                    <a:gd name="connsiteY1" fmla="*/ 0 h 56"/>
                  </a:gdLst>
                  <a:ahLst/>
                  <a:cxnLst>
                    <a:cxn ang="0">
                      <a:pos x="connsiteX0" y="connsiteY0"/>
                    </a:cxn>
                    <a:cxn ang="0">
                      <a:pos x="connsiteX1" y="connsiteY1"/>
                    </a:cxn>
                  </a:cxnLst>
                  <a:rect l="l" t="t" r="r" b="b"/>
                  <a:pathLst>
                    <a:path w="86" h="56">
                      <a:moveTo>
                        <a:pt x="86" y="56"/>
                      </a:moveTo>
                      <a:lnTo>
                        <a:pt x="0" y="0"/>
                      </a:ln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72" name="Oval 17"/>
                <p:cNvSpPr>
                  <a:spLocks noChangeArrowheads="1"/>
                </p:cNvSpPr>
                <p:nvPr/>
              </p:nvSpPr>
              <p:spPr bwMode="invGray">
                <a:xfrm>
                  <a:off x="5139696" y="3450685"/>
                  <a:ext cx="90487" cy="92075"/>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3" name="Intake #1 - Tunnel"/>
              <p:cNvGrpSpPr/>
              <p:nvPr/>
            </p:nvGrpSpPr>
            <p:grpSpPr>
              <a:xfrm>
                <a:off x="5227008" y="3264947"/>
                <a:ext cx="193675" cy="306388"/>
                <a:chOff x="5227008" y="3264947"/>
                <a:chExt cx="193675" cy="306388"/>
              </a:xfrm>
            </p:grpSpPr>
            <p:sp>
              <p:nvSpPr>
                <p:cNvPr id="100" name="Freeform 9"/>
                <p:cNvSpPr>
                  <a:spLocks/>
                </p:cNvSpPr>
                <p:nvPr/>
              </p:nvSpPr>
              <p:spPr bwMode="auto">
                <a:xfrm>
                  <a:off x="5303208" y="3306222"/>
                  <a:ext cx="117475" cy="265113"/>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Lst>
                  <a:ahLst/>
                  <a:cxnLst>
                    <a:cxn ang="0">
                      <a:pos x="connsiteX0" y="connsiteY0"/>
                    </a:cxn>
                    <a:cxn ang="0">
                      <a:pos x="connsiteX1" y="connsiteY1"/>
                    </a:cxn>
                    <a:cxn ang="0">
                      <a:pos x="connsiteX2" y="connsiteY2"/>
                    </a:cxn>
                  </a:cxnLst>
                  <a:rect l="l" t="t" r="r" b="b"/>
                  <a:pathLst>
                    <a:path w="74" h="163">
                      <a:moveTo>
                        <a:pt x="16" y="146"/>
                      </a:moveTo>
                      <a:cubicBezTo>
                        <a:pt x="15" y="147"/>
                        <a:pt x="17" y="163"/>
                        <a:pt x="52" y="91"/>
                      </a:cubicBezTo>
                      <a:cubicBezTo>
                        <a:pt x="54"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71" name="Oval 17"/>
                <p:cNvSpPr>
                  <a:spLocks noChangeArrowheads="1"/>
                </p:cNvSpPr>
                <p:nvPr/>
              </p:nvSpPr>
              <p:spPr bwMode="invGray">
                <a:xfrm>
                  <a:off x="5227008" y="3264947"/>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8" name="Eastside Isolated Facility"/>
              <p:cNvGrpSpPr/>
              <p:nvPr/>
            </p:nvGrpSpPr>
            <p:grpSpPr>
              <a:xfrm>
                <a:off x="4185249" y="3369722"/>
                <a:ext cx="2482251" cy="2770595"/>
                <a:chOff x="4185249" y="3369722"/>
                <a:chExt cx="2482251" cy="2770595"/>
              </a:xfrm>
            </p:grpSpPr>
            <p:grpSp>
              <p:nvGrpSpPr>
                <p:cNvPr id="10" name="Intake #2 - Tunnel"/>
                <p:cNvGrpSpPr/>
                <p:nvPr/>
              </p:nvGrpSpPr>
              <p:grpSpPr>
                <a:xfrm>
                  <a:off x="5201608" y="3369722"/>
                  <a:ext cx="187325" cy="180975"/>
                  <a:chOff x="5201608" y="3369722"/>
                  <a:chExt cx="187325" cy="180975"/>
                </a:xfrm>
              </p:grpSpPr>
              <p:sp>
                <p:nvSpPr>
                  <p:cNvPr id="101" name="Freeform 9"/>
                  <p:cNvSpPr>
                    <a:spLocks/>
                  </p:cNvSpPr>
                  <p:nvPr/>
                </p:nvSpPr>
                <p:spPr bwMode="auto">
                  <a:xfrm>
                    <a:off x="5271458" y="3403060"/>
                    <a:ext cx="117475" cy="147637"/>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08 w 508"/>
                      <a:gd name="connsiteY0" fmla="*/ 0 h 1491"/>
                      <a:gd name="connsiteX1" fmla="*/ 0 w 508"/>
                      <a:gd name="connsiteY1" fmla="*/ 1491 h 1491"/>
                      <a:gd name="connsiteX0" fmla="*/ 385 w 385"/>
                      <a:gd name="connsiteY0" fmla="*/ 97 h 97"/>
                      <a:gd name="connsiteX1" fmla="*/ 0 w 385"/>
                      <a:gd name="connsiteY1" fmla="*/ 0 h 97"/>
                      <a:gd name="connsiteX0" fmla="*/ 385 w 385"/>
                      <a:gd name="connsiteY0" fmla="*/ 129 h 129"/>
                      <a:gd name="connsiteX1" fmla="*/ 222 w 385"/>
                      <a:gd name="connsiteY1" fmla="*/ 0 h 129"/>
                      <a:gd name="connsiteX2" fmla="*/ 0 w 385"/>
                      <a:gd name="connsiteY2" fmla="*/ 32 h 129"/>
                      <a:gd name="connsiteX0" fmla="*/ 222 w 222"/>
                      <a:gd name="connsiteY0" fmla="*/ 0 h 32"/>
                      <a:gd name="connsiteX1" fmla="*/ 0 w 222"/>
                      <a:gd name="connsiteY1" fmla="*/ 32 h 32"/>
                      <a:gd name="connsiteX0" fmla="*/ 222 w 222"/>
                      <a:gd name="connsiteY0" fmla="*/ 0 h 91"/>
                      <a:gd name="connsiteX1" fmla="*/ 102 w 222"/>
                      <a:gd name="connsiteY1" fmla="*/ 83 h 91"/>
                      <a:gd name="connsiteX2" fmla="*/ 0 w 222"/>
                      <a:gd name="connsiteY2" fmla="*/ 32 h 91"/>
                      <a:gd name="connsiteX0" fmla="*/ 16 w 103"/>
                      <a:gd name="connsiteY0" fmla="*/ 146 h 147"/>
                      <a:gd name="connsiteX1" fmla="*/ 102 w 103"/>
                      <a:gd name="connsiteY1" fmla="*/ 62 h 147"/>
                      <a:gd name="connsiteX2" fmla="*/ 0 w 103"/>
                      <a:gd name="connsiteY2" fmla="*/ 11 h 147"/>
                      <a:gd name="connsiteX0" fmla="*/ 16 w 172"/>
                      <a:gd name="connsiteY0" fmla="*/ 146 h 147"/>
                      <a:gd name="connsiteX1" fmla="*/ 102 w 172"/>
                      <a:gd name="connsiteY1" fmla="*/ 62 h 147"/>
                      <a:gd name="connsiteX2" fmla="*/ 0 w 172"/>
                      <a:gd name="connsiteY2" fmla="*/ 11 h 147"/>
                      <a:gd name="connsiteX0" fmla="*/ 16 w 172"/>
                      <a:gd name="connsiteY0" fmla="*/ 146 h 147"/>
                      <a:gd name="connsiteX1" fmla="*/ 102 w 172"/>
                      <a:gd name="connsiteY1" fmla="*/ 62 h 147"/>
                      <a:gd name="connsiteX2" fmla="*/ 0 w 172"/>
                      <a:gd name="connsiteY2" fmla="*/ 11 h 147"/>
                      <a:gd name="connsiteX0" fmla="*/ 16 w 102"/>
                      <a:gd name="connsiteY0" fmla="*/ 146 h 147"/>
                      <a:gd name="connsiteX1" fmla="*/ 102 w 102"/>
                      <a:gd name="connsiteY1" fmla="*/ 62 h 147"/>
                      <a:gd name="connsiteX2" fmla="*/ 0 w 102"/>
                      <a:gd name="connsiteY2" fmla="*/ 11 h 147"/>
                      <a:gd name="connsiteX0" fmla="*/ 16 w 102"/>
                      <a:gd name="connsiteY0" fmla="*/ 146 h 147"/>
                      <a:gd name="connsiteX1" fmla="*/ 102 w 102"/>
                      <a:gd name="connsiteY1" fmla="*/ 62 h 147"/>
                      <a:gd name="connsiteX2" fmla="*/ 0 w 102"/>
                      <a:gd name="connsiteY2" fmla="*/ 11 h 147"/>
                      <a:gd name="connsiteX0" fmla="*/ 16 w 104"/>
                      <a:gd name="connsiteY0" fmla="*/ 146 h 147"/>
                      <a:gd name="connsiteX1" fmla="*/ 102 w 104"/>
                      <a:gd name="connsiteY1" fmla="*/ 62 h 147"/>
                      <a:gd name="connsiteX2" fmla="*/ 0 w 104"/>
                      <a:gd name="connsiteY2" fmla="*/ 11 h 147"/>
                      <a:gd name="connsiteX0" fmla="*/ 16 w 74"/>
                      <a:gd name="connsiteY0" fmla="*/ 146 h 163"/>
                      <a:gd name="connsiteX1" fmla="*/ 52 w 74"/>
                      <a:gd name="connsiteY1" fmla="*/ 91 h 163"/>
                      <a:gd name="connsiteX2" fmla="*/ 0 w 74"/>
                      <a:gd name="connsiteY2" fmla="*/ 11 h 163"/>
                      <a:gd name="connsiteX0" fmla="*/ 52 w 74"/>
                      <a:gd name="connsiteY0" fmla="*/ 91 h 91"/>
                      <a:gd name="connsiteX1" fmla="*/ 0 w 74"/>
                      <a:gd name="connsiteY1" fmla="*/ 11 h 91"/>
                      <a:gd name="connsiteX0" fmla="*/ 8 w 74"/>
                      <a:gd name="connsiteY0" fmla="*/ 91 h 91"/>
                      <a:gd name="connsiteX1" fmla="*/ 0 w 74"/>
                      <a:gd name="connsiteY1" fmla="*/ 11 h 91"/>
                    </a:gdLst>
                    <a:ahLst/>
                    <a:cxnLst>
                      <a:cxn ang="0">
                        <a:pos x="connsiteX0" y="connsiteY0"/>
                      </a:cxn>
                      <a:cxn ang="0">
                        <a:pos x="connsiteX1" y="connsiteY1"/>
                      </a:cxn>
                    </a:cxnLst>
                    <a:rect l="l" t="t" r="r" b="b"/>
                    <a:pathLst>
                      <a:path w="74" h="91">
                        <a:moveTo>
                          <a:pt x="8" y="91"/>
                        </a:moveTo>
                        <a:cubicBezTo>
                          <a:pt x="10" y="76"/>
                          <a:pt x="74" y="0"/>
                          <a:pt x="0" y="11"/>
                        </a:cubicBezTo>
                      </a:path>
                    </a:pathLst>
                  </a:custGeom>
                  <a:noFill/>
                  <a:ln w="19050" cap="flat" cmpd="sng">
                    <a:solidFill>
                      <a:srgbClr val="FF66FF"/>
                    </a:solidFill>
                    <a:prstDash val="sysDash"/>
                    <a:round/>
                    <a:headEnd type="none" w="med" len="med"/>
                    <a:tailEnd type="none" w="med" len="med"/>
                  </a:ln>
                  <a:effectLst>
                    <a:outerShdw blurRad="25400" dist="12700" dir="2700000" algn="tl" rotWithShape="0">
                      <a:prstClr val="black"/>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8" name="Oval 17"/>
                  <p:cNvSpPr>
                    <a:spLocks noChangeArrowheads="1"/>
                  </p:cNvSpPr>
                  <p:nvPr/>
                </p:nvSpPr>
                <p:spPr bwMode="invGray">
                  <a:xfrm>
                    <a:off x="5201608" y="3369722"/>
                    <a:ext cx="92075" cy="90488"/>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white"/>
                      </a:solidFill>
                      <a:effectLst>
                        <a:glow rad="101600">
                          <a:srgbClr val="748560">
                            <a:satMod val="175000"/>
                            <a:alpha val="40000"/>
                          </a:srgbClr>
                        </a:glow>
                        <a:outerShdw dist="88900" algn="tl" rotWithShape="0">
                          <a:prstClr val="black"/>
                        </a:outerShdw>
                      </a:effectLst>
                    </a:endParaRPr>
                  </a:p>
                </p:txBody>
              </p:sp>
            </p:grpSp>
            <p:grpSp>
              <p:nvGrpSpPr>
                <p:cNvPr id="16" name="Eastside Isolated Facility"/>
                <p:cNvGrpSpPr/>
                <p:nvPr/>
              </p:nvGrpSpPr>
              <p:grpSpPr>
                <a:xfrm>
                  <a:off x="4185249" y="3543995"/>
                  <a:ext cx="2482251" cy="2596322"/>
                  <a:chOff x="4185249" y="3543995"/>
                  <a:chExt cx="2482251" cy="2596322"/>
                </a:xfrm>
              </p:grpSpPr>
              <p:grpSp>
                <p:nvGrpSpPr>
                  <p:cNvPr id="15" name="Eastside - Isolated Facility"/>
                  <p:cNvGrpSpPr/>
                  <p:nvPr/>
                </p:nvGrpSpPr>
                <p:grpSpPr>
                  <a:xfrm>
                    <a:off x="4185249" y="3543995"/>
                    <a:ext cx="2482251" cy="2596322"/>
                    <a:chOff x="4185249" y="3543995"/>
                    <a:chExt cx="2482251" cy="2596322"/>
                  </a:xfrm>
                </p:grpSpPr>
                <p:sp>
                  <p:nvSpPr>
                    <p:cNvPr id="27" name="Canal Alignment"/>
                    <p:cNvSpPr>
                      <a:spLocks/>
                    </p:cNvSpPr>
                    <p:nvPr/>
                  </p:nvSpPr>
                  <p:spPr bwMode="invGray">
                    <a:xfrm>
                      <a:off x="4451757" y="3646006"/>
                      <a:ext cx="2215743" cy="2438895"/>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120 w 1472"/>
                        <a:gd name="connsiteY9" fmla="*/ 1443 h 1470"/>
                        <a:gd name="connsiteX10" fmla="*/ 0 w 1472"/>
                        <a:gd name="connsiteY10" fmla="*/ 1470 h 1470"/>
                        <a:gd name="connsiteX0" fmla="*/ 560 w 1352"/>
                        <a:gd name="connsiteY0" fmla="*/ 0 h 1547"/>
                        <a:gd name="connsiteX1" fmla="*/ 752 w 1352"/>
                        <a:gd name="connsiteY1" fmla="*/ 96 h 1547"/>
                        <a:gd name="connsiteX2" fmla="*/ 800 w 1352"/>
                        <a:gd name="connsiteY2" fmla="*/ 288 h 1547"/>
                        <a:gd name="connsiteX3" fmla="*/ 848 w 1352"/>
                        <a:gd name="connsiteY3" fmla="*/ 384 h 1547"/>
                        <a:gd name="connsiteX4" fmla="*/ 1040 w 1352"/>
                        <a:gd name="connsiteY4" fmla="*/ 528 h 1547"/>
                        <a:gd name="connsiteX5" fmla="*/ 1136 w 1352"/>
                        <a:gd name="connsiteY5" fmla="*/ 672 h 1547"/>
                        <a:gd name="connsiteX6" fmla="*/ 1328 w 1352"/>
                        <a:gd name="connsiteY6" fmla="*/ 864 h 1547"/>
                        <a:gd name="connsiteX7" fmla="*/ 1280 w 1352"/>
                        <a:gd name="connsiteY7" fmla="*/ 1104 h 1547"/>
                        <a:gd name="connsiteX8" fmla="*/ 1040 w 1352"/>
                        <a:gd name="connsiteY8" fmla="*/ 1200 h 1547"/>
                        <a:gd name="connsiteX9" fmla="*/ 0 w 1352"/>
                        <a:gd name="connsiteY9" fmla="*/ 1443 h 1547"/>
                        <a:gd name="connsiteX10" fmla="*/ 63 w 1352"/>
                        <a:gd name="connsiteY10" fmla="*/ 1547 h 1547"/>
                        <a:gd name="connsiteX0" fmla="*/ 793 w 1585"/>
                        <a:gd name="connsiteY0" fmla="*/ 0 h 1670"/>
                        <a:gd name="connsiteX1" fmla="*/ 985 w 1585"/>
                        <a:gd name="connsiteY1" fmla="*/ 96 h 1670"/>
                        <a:gd name="connsiteX2" fmla="*/ 1033 w 1585"/>
                        <a:gd name="connsiteY2" fmla="*/ 288 h 1670"/>
                        <a:gd name="connsiteX3" fmla="*/ 1081 w 1585"/>
                        <a:gd name="connsiteY3" fmla="*/ 384 h 1670"/>
                        <a:gd name="connsiteX4" fmla="*/ 1273 w 1585"/>
                        <a:gd name="connsiteY4" fmla="*/ 528 h 1670"/>
                        <a:gd name="connsiteX5" fmla="*/ 1369 w 1585"/>
                        <a:gd name="connsiteY5" fmla="*/ 672 h 1670"/>
                        <a:gd name="connsiteX6" fmla="*/ 1561 w 1585"/>
                        <a:gd name="connsiteY6" fmla="*/ 864 h 1670"/>
                        <a:gd name="connsiteX7" fmla="*/ 1513 w 1585"/>
                        <a:gd name="connsiteY7" fmla="*/ 1104 h 1670"/>
                        <a:gd name="connsiteX8" fmla="*/ 1273 w 1585"/>
                        <a:gd name="connsiteY8" fmla="*/ 1200 h 1670"/>
                        <a:gd name="connsiteX9" fmla="*/ 233 w 1585"/>
                        <a:gd name="connsiteY9" fmla="*/ 1443 h 1670"/>
                        <a:gd name="connsiteX10" fmla="*/ 21 w 1585"/>
                        <a:gd name="connsiteY10"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1012 w 1564"/>
                        <a:gd name="connsiteY2" fmla="*/ 288 h 1670"/>
                        <a:gd name="connsiteX3" fmla="*/ 1060 w 1564"/>
                        <a:gd name="connsiteY3" fmla="*/ 384 h 1670"/>
                        <a:gd name="connsiteX4" fmla="*/ 1252 w 1564"/>
                        <a:gd name="connsiteY4" fmla="*/ 528 h 1670"/>
                        <a:gd name="connsiteX5" fmla="*/ 1348 w 1564"/>
                        <a:gd name="connsiteY5" fmla="*/ 672 h 1670"/>
                        <a:gd name="connsiteX6" fmla="*/ 1540 w 1564"/>
                        <a:gd name="connsiteY6" fmla="*/ 864 h 1670"/>
                        <a:gd name="connsiteX7" fmla="*/ 1492 w 1564"/>
                        <a:gd name="connsiteY7" fmla="*/ 1104 h 1670"/>
                        <a:gd name="connsiteX8" fmla="*/ 1252 w 1564"/>
                        <a:gd name="connsiteY8" fmla="*/ 1200 h 1670"/>
                        <a:gd name="connsiteX9" fmla="*/ 212 w 1564"/>
                        <a:gd name="connsiteY9" fmla="*/ 1443 h 1670"/>
                        <a:gd name="connsiteX10" fmla="*/ 278 w 1564"/>
                        <a:gd name="connsiteY10" fmla="*/ 1600 h 1670"/>
                        <a:gd name="connsiteX11" fmla="*/ 0 w 1564"/>
                        <a:gd name="connsiteY11" fmla="*/ 1670 h 1670"/>
                        <a:gd name="connsiteX0" fmla="*/ 772 w 1564"/>
                        <a:gd name="connsiteY0" fmla="*/ 0 h 1670"/>
                        <a:gd name="connsiteX1" fmla="*/ 964 w 1564"/>
                        <a:gd name="connsiteY1" fmla="*/ 96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72 w 1564"/>
                        <a:gd name="connsiteY0" fmla="*/ 0 h 1670"/>
                        <a:gd name="connsiteX1" fmla="*/ 811 w 1564"/>
                        <a:gd name="connsiteY1" fmla="*/ 137 h 1670"/>
                        <a:gd name="connsiteX2" fmla="*/ 913 w 1564"/>
                        <a:gd name="connsiteY2" fmla="*/ 193 h 1670"/>
                        <a:gd name="connsiteX3" fmla="*/ 1012 w 1564"/>
                        <a:gd name="connsiteY3" fmla="*/ 288 h 1670"/>
                        <a:gd name="connsiteX4" fmla="*/ 1060 w 1564"/>
                        <a:gd name="connsiteY4" fmla="*/ 384 h 1670"/>
                        <a:gd name="connsiteX5" fmla="*/ 1252 w 1564"/>
                        <a:gd name="connsiteY5" fmla="*/ 528 h 1670"/>
                        <a:gd name="connsiteX6" fmla="*/ 1348 w 1564"/>
                        <a:gd name="connsiteY6" fmla="*/ 672 h 1670"/>
                        <a:gd name="connsiteX7" fmla="*/ 1540 w 1564"/>
                        <a:gd name="connsiteY7" fmla="*/ 864 h 1670"/>
                        <a:gd name="connsiteX8" fmla="*/ 1492 w 1564"/>
                        <a:gd name="connsiteY8" fmla="*/ 1104 h 1670"/>
                        <a:gd name="connsiteX9" fmla="*/ 1252 w 1564"/>
                        <a:gd name="connsiteY9" fmla="*/ 1200 h 1670"/>
                        <a:gd name="connsiteX10" fmla="*/ 212 w 1564"/>
                        <a:gd name="connsiteY10" fmla="*/ 1443 h 1670"/>
                        <a:gd name="connsiteX11" fmla="*/ 278 w 1564"/>
                        <a:gd name="connsiteY11" fmla="*/ 1600 h 1670"/>
                        <a:gd name="connsiteX12" fmla="*/ 0 w 1564"/>
                        <a:gd name="connsiteY12" fmla="*/ 1670 h 1670"/>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16 w 1564"/>
                        <a:gd name="connsiteY0" fmla="*/ 0 h 1603"/>
                        <a:gd name="connsiteX1" fmla="*/ 811 w 1564"/>
                        <a:gd name="connsiteY1" fmla="*/ 70 h 1603"/>
                        <a:gd name="connsiteX2" fmla="*/ 913 w 1564"/>
                        <a:gd name="connsiteY2" fmla="*/ 126 h 1603"/>
                        <a:gd name="connsiteX3" fmla="*/ 1012 w 1564"/>
                        <a:gd name="connsiteY3" fmla="*/ 221 h 1603"/>
                        <a:gd name="connsiteX4" fmla="*/ 1060 w 1564"/>
                        <a:gd name="connsiteY4" fmla="*/ 317 h 1603"/>
                        <a:gd name="connsiteX5" fmla="*/ 1252 w 1564"/>
                        <a:gd name="connsiteY5" fmla="*/ 461 h 1603"/>
                        <a:gd name="connsiteX6" fmla="*/ 1348 w 1564"/>
                        <a:gd name="connsiteY6" fmla="*/ 605 h 1603"/>
                        <a:gd name="connsiteX7" fmla="*/ 1540 w 1564"/>
                        <a:gd name="connsiteY7" fmla="*/ 797 h 1603"/>
                        <a:gd name="connsiteX8" fmla="*/ 1492 w 1564"/>
                        <a:gd name="connsiteY8" fmla="*/ 1037 h 1603"/>
                        <a:gd name="connsiteX9" fmla="*/ 1252 w 1564"/>
                        <a:gd name="connsiteY9" fmla="*/ 1133 h 1603"/>
                        <a:gd name="connsiteX10" fmla="*/ 212 w 1564"/>
                        <a:gd name="connsiteY10" fmla="*/ 1376 h 1603"/>
                        <a:gd name="connsiteX11" fmla="*/ 278 w 1564"/>
                        <a:gd name="connsiteY11" fmla="*/ 1533 h 1603"/>
                        <a:gd name="connsiteX12" fmla="*/ 0 w 1564"/>
                        <a:gd name="connsiteY12" fmla="*/ 1603 h 1603"/>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09 w 1564"/>
                        <a:gd name="connsiteY0" fmla="*/ 42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765 w 1564"/>
                        <a:gd name="connsiteY0" fmla="*/ 16 h 1581"/>
                        <a:gd name="connsiteX1" fmla="*/ 811 w 1564"/>
                        <a:gd name="connsiteY1" fmla="*/ 48 h 1581"/>
                        <a:gd name="connsiteX2" fmla="*/ 913 w 1564"/>
                        <a:gd name="connsiteY2" fmla="*/ 104 h 1581"/>
                        <a:gd name="connsiteX3" fmla="*/ 1012 w 1564"/>
                        <a:gd name="connsiteY3" fmla="*/ 199 h 1581"/>
                        <a:gd name="connsiteX4" fmla="*/ 1060 w 1564"/>
                        <a:gd name="connsiteY4" fmla="*/ 295 h 1581"/>
                        <a:gd name="connsiteX5" fmla="*/ 1252 w 1564"/>
                        <a:gd name="connsiteY5" fmla="*/ 439 h 1581"/>
                        <a:gd name="connsiteX6" fmla="*/ 1348 w 1564"/>
                        <a:gd name="connsiteY6" fmla="*/ 583 h 1581"/>
                        <a:gd name="connsiteX7" fmla="*/ 1540 w 1564"/>
                        <a:gd name="connsiteY7" fmla="*/ 775 h 1581"/>
                        <a:gd name="connsiteX8" fmla="*/ 1492 w 1564"/>
                        <a:gd name="connsiteY8" fmla="*/ 1015 h 1581"/>
                        <a:gd name="connsiteX9" fmla="*/ 1252 w 1564"/>
                        <a:gd name="connsiteY9" fmla="*/ 1111 h 1581"/>
                        <a:gd name="connsiteX10" fmla="*/ 212 w 1564"/>
                        <a:gd name="connsiteY10" fmla="*/ 1354 h 1581"/>
                        <a:gd name="connsiteX11" fmla="*/ 278 w 1564"/>
                        <a:gd name="connsiteY11" fmla="*/ 1511 h 1581"/>
                        <a:gd name="connsiteX12" fmla="*/ 0 w 1564"/>
                        <a:gd name="connsiteY12" fmla="*/ 1581 h 1581"/>
                        <a:gd name="connsiteX0" fmla="*/ 597 w 1396"/>
                        <a:gd name="connsiteY0" fmla="*/ 16 h 1539"/>
                        <a:gd name="connsiteX1" fmla="*/ 643 w 1396"/>
                        <a:gd name="connsiteY1" fmla="*/ 48 h 1539"/>
                        <a:gd name="connsiteX2" fmla="*/ 745 w 1396"/>
                        <a:gd name="connsiteY2" fmla="*/ 104 h 1539"/>
                        <a:gd name="connsiteX3" fmla="*/ 844 w 1396"/>
                        <a:gd name="connsiteY3" fmla="*/ 199 h 1539"/>
                        <a:gd name="connsiteX4" fmla="*/ 892 w 1396"/>
                        <a:gd name="connsiteY4" fmla="*/ 295 h 1539"/>
                        <a:gd name="connsiteX5" fmla="*/ 1084 w 1396"/>
                        <a:gd name="connsiteY5" fmla="*/ 439 h 1539"/>
                        <a:gd name="connsiteX6" fmla="*/ 1180 w 1396"/>
                        <a:gd name="connsiteY6" fmla="*/ 583 h 1539"/>
                        <a:gd name="connsiteX7" fmla="*/ 1372 w 1396"/>
                        <a:gd name="connsiteY7" fmla="*/ 775 h 1539"/>
                        <a:gd name="connsiteX8" fmla="*/ 1324 w 1396"/>
                        <a:gd name="connsiteY8" fmla="*/ 1015 h 1539"/>
                        <a:gd name="connsiteX9" fmla="*/ 1084 w 1396"/>
                        <a:gd name="connsiteY9" fmla="*/ 1111 h 1539"/>
                        <a:gd name="connsiteX10" fmla="*/ 44 w 1396"/>
                        <a:gd name="connsiteY10" fmla="*/ 1354 h 1539"/>
                        <a:gd name="connsiteX11" fmla="*/ 110 w 1396"/>
                        <a:gd name="connsiteY11" fmla="*/ 1511 h 1539"/>
                        <a:gd name="connsiteX12" fmla="*/ 0 w 1396"/>
                        <a:gd name="connsiteY12" fmla="*/ 1525 h 1539"/>
                        <a:gd name="connsiteX0" fmla="*/ 597 w 1396"/>
                        <a:gd name="connsiteY0" fmla="*/ 16 h 1531"/>
                        <a:gd name="connsiteX1" fmla="*/ 643 w 1396"/>
                        <a:gd name="connsiteY1" fmla="*/ 48 h 1531"/>
                        <a:gd name="connsiteX2" fmla="*/ 745 w 1396"/>
                        <a:gd name="connsiteY2" fmla="*/ 104 h 1531"/>
                        <a:gd name="connsiteX3" fmla="*/ 844 w 1396"/>
                        <a:gd name="connsiteY3" fmla="*/ 199 h 1531"/>
                        <a:gd name="connsiteX4" fmla="*/ 892 w 1396"/>
                        <a:gd name="connsiteY4" fmla="*/ 295 h 1531"/>
                        <a:gd name="connsiteX5" fmla="*/ 1084 w 1396"/>
                        <a:gd name="connsiteY5" fmla="*/ 439 h 1531"/>
                        <a:gd name="connsiteX6" fmla="*/ 1180 w 1396"/>
                        <a:gd name="connsiteY6" fmla="*/ 583 h 1531"/>
                        <a:gd name="connsiteX7" fmla="*/ 1372 w 1396"/>
                        <a:gd name="connsiteY7" fmla="*/ 775 h 1531"/>
                        <a:gd name="connsiteX8" fmla="*/ 1324 w 1396"/>
                        <a:gd name="connsiteY8" fmla="*/ 1015 h 1531"/>
                        <a:gd name="connsiteX9" fmla="*/ 1084 w 1396"/>
                        <a:gd name="connsiteY9" fmla="*/ 1111 h 1531"/>
                        <a:gd name="connsiteX10" fmla="*/ 298 w 1396"/>
                        <a:gd name="connsiteY10" fmla="*/ 1406 h 1531"/>
                        <a:gd name="connsiteX11" fmla="*/ 110 w 1396"/>
                        <a:gd name="connsiteY11" fmla="*/ 1511 h 1531"/>
                        <a:gd name="connsiteX12" fmla="*/ 0 w 1396"/>
                        <a:gd name="connsiteY12" fmla="*/ 1525 h 1531"/>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298 w 1396"/>
                        <a:gd name="connsiteY10" fmla="*/ 1406 h 1536"/>
                        <a:gd name="connsiteX11" fmla="*/ 450 w 1396"/>
                        <a:gd name="connsiteY11" fmla="*/ 1372 h 1536"/>
                        <a:gd name="connsiteX12" fmla="*/ 110 w 1396"/>
                        <a:gd name="connsiteY12" fmla="*/ 1511 h 1536"/>
                        <a:gd name="connsiteX13" fmla="*/ 0 w 1396"/>
                        <a:gd name="connsiteY13" fmla="*/ 1525 h 1536"/>
                        <a:gd name="connsiteX0" fmla="*/ 597 w 1396"/>
                        <a:gd name="connsiteY0" fmla="*/ 16 h 1536"/>
                        <a:gd name="connsiteX1" fmla="*/ 643 w 1396"/>
                        <a:gd name="connsiteY1" fmla="*/ 48 h 1536"/>
                        <a:gd name="connsiteX2" fmla="*/ 745 w 1396"/>
                        <a:gd name="connsiteY2" fmla="*/ 104 h 1536"/>
                        <a:gd name="connsiteX3" fmla="*/ 844 w 1396"/>
                        <a:gd name="connsiteY3" fmla="*/ 199 h 1536"/>
                        <a:gd name="connsiteX4" fmla="*/ 892 w 1396"/>
                        <a:gd name="connsiteY4" fmla="*/ 295 h 1536"/>
                        <a:gd name="connsiteX5" fmla="*/ 1084 w 1396"/>
                        <a:gd name="connsiteY5" fmla="*/ 439 h 1536"/>
                        <a:gd name="connsiteX6" fmla="*/ 1180 w 1396"/>
                        <a:gd name="connsiteY6" fmla="*/ 583 h 1536"/>
                        <a:gd name="connsiteX7" fmla="*/ 1372 w 1396"/>
                        <a:gd name="connsiteY7" fmla="*/ 775 h 1536"/>
                        <a:gd name="connsiteX8" fmla="*/ 1324 w 1396"/>
                        <a:gd name="connsiteY8" fmla="*/ 1015 h 1536"/>
                        <a:gd name="connsiteX9" fmla="*/ 1084 w 1396"/>
                        <a:gd name="connsiteY9" fmla="*/ 1111 h 1536"/>
                        <a:gd name="connsiteX10" fmla="*/ 450 w 1396"/>
                        <a:gd name="connsiteY10" fmla="*/ 1372 h 1536"/>
                        <a:gd name="connsiteX11" fmla="*/ 110 w 1396"/>
                        <a:gd name="connsiteY11" fmla="*/ 1511 h 1536"/>
                        <a:gd name="connsiteX12" fmla="*/ 0 w 1396"/>
                        <a:gd name="connsiteY12" fmla="*/ 1525 h 1536"/>
                        <a:gd name="connsiteX0" fmla="*/ 4277 w 10000"/>
                        <a:gd name="connsiteY0" fmla="*/ 108 h 10004"/>
                        <a:gd name="connsiteX1" fmla="*/ 4224 w 10000"/>
                        <a:gd name="connsiteY1" fmla="*/ 35 h 10004"/>
                        <a:gd name="connsiteX2" fmla="*/ 4606 w 10000"/>
                        <a:gd name="connsiteY2" fmla="*/ 317 h 10004"/>
                        <a:gd name="connsiteX3" fmla="*/ 5337 w 10000"/>
                        <a:gd name="connsiteY3" fmla="*/ 681 h 10004"/>
                        <a:gd name="connsiteX4" fmla="*/ 6046 w 10000"/>
                        <a:gd name="connsiteY4" fmla="*/ 1300 h 10004"/>
                        <a:gd name="connsiteX5" fmla="*/ 6390 w 10000"/>
                        <a:gd name="connsiteY5" fmla="*/ 1925 h 10004"/>
                        <a:gd name="connsiteX6" fmla="*/ 7765 w 10000"/>
                        <a:gd name="connsiteY6" fmla="*/ 2862 h 10004"/>
                        <a:gd name="connsiteX7" fmla="*/ 8453 w 10000"/>
                        <a:gd name="connsiteY7" fmla="*/ 3800 h 10004"/>
                        <a:gd name="connsiteX8" fmla="*/ 9828 w 10000"/>
                        <a:gd name="connsiteY8" fmla="*/ 5050 h 10004"/>
                        <a:gd name="connsiteX9" fmla="*/ 9484 w 10000"/>
                        <a:gd name="connsiteY9" fmla="*/ 6612 h 10004"/>
                        <a:gd name="connsiteX10" fmla="*/ 7765 w 10000"/>
                        <a:gd name="connsiteY10" fmla="*/ 7237 h 10004"/>
                        <a:gd name="connsiteX11" fmla="*/ 3223 w 10000"/>
                        <a:gd name="connsiteY11" fmla="*/ 8936 h 10004"/>
                        <a:gd name="connsiteX12" fmla="*/ 788 w 10000"/>
                        <a:gd name="connsiteY12" fmla="*/ 9841 h 10004"/>
                        <a:gd name="connsiteX13" fmla="*/ 0 w 10000"/>
                        <a:gd name="connsiteY13" fmla="*/ 9932 h 1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00" h="10004">
                          <a:moveTo>
                            <a:pt x="4277" y="108"/>
                          </a:moveTo>
                          <a:cubicBezTo>
                            <a:pt x="4278" y="111"/>
                            <a:pt x="4169" y="0"/>
                            <a:pt x="4224" y="35"/>
                          </a:cubicBezTo>
                          <a:cubicBezTo>
                            <a:pt x="4279" y="70"/>
                            <a:pt x="4430" y="224"/>
                            <a:pt x="4606" y="317"/>
                          </a:cubicBezTo>
                          <a:cubicBezTo>
                            <a:pt x="4835" y="421"/>
                            <a:pt x="5100" y="518"/>
                            <a:pt x="5337" y="681"/>
                          </a:cubicBezTo>
                          <a:cubicBezTo>
                            <a:pt x="5580" y="844"/>
                            <a:pt x="5931" y="994"/>
                            <a:pt x="6046" y="1300"/>
                          </a:cubicBezTo>
                          <a:cubicBezTo>
                            <a:pt x="6160" y="1612"/>
                            <a:pt x="6103" y="1664"/>
                            <a:pt x="6390" y="1925"/>
                          </a:cubicBezTo>
                          <a:cubicBezTo>
                            <a:pt x="6676" y="2185"/>
                            <a:pt x="7421" y="2550"/>
                            <a:pt x="7765" y="2862"/>
                          </a:cubicBezTo>
                          <a:cubicBezTo>
                            <a:pt x="8109" y="3175"/>
                            <a:pt x="8109" y="3435"/>
                            <a:pt x="8453" y="3800"/>
                          </a:cubicBezTo>
                          <a:cubicBezTo>
                            <a:pt x="8797" y="4164"/>
                            <a:pt x="9656" y="4581"/>
                            <a:pt x="9828" y="5050"/>
                          </a:cubicBezTo>
                          <a:cubicBezTo>
                            <a:pt x="10000" y="5518"/>
                            <a:pt x="9828" y="6247"/>
                            <a:pt x="9484" y="6612"/>
                          </a:cubicBezTo>
                          <a:cubicBezTo>
                            <a:pt x="9140" y="6977"/>
                            <a:pt x="8990" y="6814"/>
                            <a:pt x="7765" y="7237"/>
                          </a:cubicBezTo>
                          <a:lnTo>
                            <a:pt x="3223" y="8936"/>
                          </a:lnTo>
                          <a:cubicBezTo>
                            <a:pt x="3001" y="9047"/>
                            <a:pt x="1325" y="9678"/>
                            <a:pt x="788" y="9841"/>
                          </a:cubicBezTo>
                          <a:cubicBezTo>
                            <a:pt x="251" y="10004"/>
                            <a:pt x="158" y="9789"/>
                            <a:pt x="0" y="9932"/>
                          </a:cubicBezTo>
                        </a:path>
                      </a:pathLst>
                    </a:custGeom>
                    <a:noFill/>
                    <a:ln w="28575" cap="flat" cmpd="sng">
                      <a:solidFill>
                        <a:srgbClr val="FF66FF"/>
                      </a:solidFill>
                      <a:prstDash val="solid"/>
                      <a:round/>
                      <a:headEnd type="none" w="med" len="med"/>
                      <a:tailEnd type="none" w="med" len="med"/>
                    </a:ln>
                    <a:effectLst>
                      <a:glow rad="139700">
                        <a:schemeClr val="accent4">
                          <a:satMod val="175000"/>
                          <a:alpha val="40000"/>
                        </a:schemeClr>
                      </a:glow>
                      <a:outerShdw blurRad="50800" dist="50800" dir="5400000" algn="ctr" rotWithShape="0">
                        <a:schemeClr val="bg1"/>
                      </a:outerShdw>
                    </a:effectLst>
                  </p:spPr>
                  <p:txBody>
                    <a:bodyPr rot="10800000" vert="eaVert" wrap="none">
                      <a:spAutoFit/>
                    </a:bodyPr>
                    <a:lstStyle/>
                    <a:p>
                      <a:pPr>
                        <a:defRPr/>
                      </a:pPr>
                      <a:endParaRPr lang="en-US" dirty="0">
                        <a:solidFill>
                          <a:prstClr val="white"/>
                        </a:solidFill>
                        <a:latin typeface="Arial" charset="0"/>
                        <a:cs typeface="Arial" charset="0"/>
                      </a:endParaRPr>
                    </a:p>
                  </p:txBody>
                </p:sp>
                <p:sp>
                  <p:nvSpPr>
                    <p:cNvPr id="60" name="Eastside Afterbay"/>
                    <p:cNvSpPr>
                      <a:spLocks noChangeAspect="1"/>
                    </p:cNvSpPr>
                    <p:nvPr/>
                  </p:nvSpPr>
                  <p:spPr bwMode="auto">
                    <a:xfrm>
                      <a:off x="4185249" y="6022102"/>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05" name="Isosceles Triangle 104"/>
                    <p:cNvSpPr/>
                    <p:nvPr/>
                  </p:nvSpPr>
                  <p:spPr bwMode="invGray">
                    <a:xfrm>
                      <a:off x="5319083" y="3568957"/>
                      <a:ext cx="100584" cy="100584"/>
                    </a:xfrm>
                    <a:prstGeom prst="triangle">
                      <a:avLst/>
                    </a:prstGeom>
                    <a:solidFill>
                      <a:srgbClr val="FFFF00"/>
                    </a:solidFill>
                    <a:ln w="19050"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104" name="Eastside Forebay"/>
                    <p:cNvSpPr>
                      <a:spLocks/>
                    </p:cNvSpPr>
                    <p:nvPr/>
                  </p:nvSpPr>
                  <p:spPr bwMode="auto">
                    <a:xfrm>
                      <a:off x="5204460" y="3543995"/>
                      <a:ext cx="91440" cy="91440"/>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sp>
                <p:nvSpPr>
                  <p:cNvPr id="31" name="Pump Station - Eastside Isolated Facility Triangle"/>
                  <p:cNvSpPr/>
                  <p:nvPr/>
                </p:nvSpPr>
                <p:spPr bwMode="invGray">
                  <a:xfrm>
                    <a:off x="6411558" y="4593516"/>
                    <a:ext cx="137160" cy="137160"/>
                  </a:xfrm>
                  <a:prstGeom prst="triangle">
                    <a:avLst/>
                  </a:prstGeom>
                  <a:solidFill>
                    <a:srgbClr val="FFFF00"/>
                  </a:solidFill>
                  <a:ln w="28575" cap="flat" cmpd="sng" algn="ctr">
                    <a:solidFill>
                      <a:srgbClr val="FF0000"/>
                    </a:solidFill>
                    <a:prstDash val="solid"/>
                    <a:round/>
                    <a:headEnd type="none" w="med" len="med"/>
                    <a:tailEnd type="none" w="med" len="med"/>
                  </a:ln>
                  <a:effectLst>
                    <a:glow rad="101600">
                      <a:schemeClr val="accent4">
                        <a:satMod val="175000"/>
                        <a:alpha val="40000"/>
                      </a:schemeClr>
                    </a:glow>
                  </a:effectLst>
                </p:spPr>
                <p:txBody>
                  <a:bodyPr anchor="ctr" anchorCtr="1"/>
                  <a:lstStyle/>
                  <a:p>
                    <a:pPr>
                      <a:defRPr/>
                    </a:pPr>
                    <a:endParaRPr lang="en-US" dirty="0">
                      <a:solidFill>
                        <a:prstClr val="white"/>
                      </a:solidFill>
                      <a:effectLst>
                        <a:outerShdw blurRad="38100" dist="38100" dir="2700000" algn="tl">
                          <a:srgbClr val="000000">
                            <a:alpha val="43137"/>
                          </a:srgbClr>
                        </a:outerShdw>
                      </a:effectLst>
                      <a:latin typeface="Arial" charset="0"/>
                      <a:cs typeface="Arial" charset="0"/>
                    </a:endParaRPr>
                  </a:p>
                </p:txBody>
              </p:sp>
              <p:sp>
                <p:nvSpPr>
                  <p:cNvPr id="82" name="Siphon 3 - Eastside Isolated Faciity"/>
                  <p:cNvSpPr/>
                  <p:nvPr/>
                </p:nvSpPr>
                <p:spPr bwMode="auto">
                  <a:xfrm rot="3950170">
                    <a:off x="5814223" y="5470152"/>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1" name="Siphon 2 -  Eastside Isolated Facility"/>
                  <p:cNvSpPr/>
                  <p:nvPr/>
                </p:nvSpPr>
                <p:spPr bwMode="auto">
                  <a:xfrm rot="19772601">
                    <a:off x="6573452" y="4784556"/>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55" name="Siphon 1 - Eastside Isolated Faciity"/>
                  <p:cNvSpPr/>
                  <p:nvPr/>
                </p:nvSpPr>
                <p:spPr bwMode="auto">
                  <a:xfrm rot="19772601">
                    <a:off x="6286791" y="4474453"/>
                    <a:ext cx="76200" cy="152400"/>
                  </a:xfrm>
                  <a:prstGeom prst="rect">
                    <a:avLst/>
                  </a:prstGeom>
                  <a:solidFill>
                    <a:srgbClr val="FFC000"/>
                  </a:solidFill>
                  <a:ln>
                    <a:headEnd type="none" w="med" len="med"/>
                    <a:tailEnd type="none" w="med" len="med"/>
                  </a:ln>
                  <a:effectLst>
                    <a:glow rad="101600">
                      <a:schemeClr val="bg1">
                        <a:alpha val="60000"/>
                      </a:schemeClr>
                    </a:glow>
                    <a:outerShdw blurRad="63500" dist="38100" dir="5400000" rotWithShape="0">
                      <a:srgbClr val="000000">
                        <a:alpha val="45000"/>
                      </a:srgbClr>
                    </a:outerShdw>
                  </a:effectLst>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grpSp>
          </p:grpSp>
        </p:grpSp>
      </p:grpSp>
      <p:sp>
        <p:nvSpPr>
          <p:cNvPr id="74" name="South Fork Mokelumne-Middle River YELLOW HIGHLIGHT" hidden="1"/>
          <p:cNvSpPr>
            <a:spLocks/>
          </p:cNvSpPr>
          <p:nvPr/>
        </p:nvSpPr>
        <p:spPr bwMode="invGray">
          <a:xfrm>
            <a:off x="4533177" y="3831360"/>
            <a:ext cx="1154113" cy="2082800"/>
          </a:xfrm>
          <a:custGeom>
            <a:avLst/>
            <a:gdLst/>
            <a:ahLst/>
            <a:cxnLst>
              <a:cxn ang="0">
                <a:pos x="608" y="0"/>
              </a:cxn>
              <a:cxn ang="0">
                <a:pos x="624" y="32"/>
              </a:cxn>
              <a:cxn ang="0">
                <a:pos x="596" y="36"/>
              </a:cxn>
              <a:cxn ang="0">
                <a:pos x="684" y="56"/>
              </a:cxn>
              <a:cxn ang="0">
                <a:pos x="720" y="80"/>
              </a:cxn>
              <a:cxn ang="0">
                <a:pos x="628" y="116"/>
              </a:cxn>
              <a:cxn ang="0">
                <a:pos x="620" y="128"/>
              </a:cxn>
              <a:cxn ang="0">
                <a:pos x="628" y="152"/>
              </a:cxn>
              <a:cxn ang="0">
                <a:pos x="572" y="168"/>
              </a:cxn>
              <a:cxn ang="0">
                <a:pos x="548" y="180"/>
              </a:cxn>
              <a:cxn ang="0">
                <a:pos x="560" y="208"/>
              </a:cxn>
              <a:cxn ang="0">
                <a:pos x="604" y="240"/>
              </a:cxn>
              <a:cxn ang="0">
                <a:pos x="588" y="280"/>
              </a:cxn>
              <a:cxn ang="0">
                <a:pos x="636" y="296"/>
              </a:cxn>
              <a:cxn ang="0">
                <a:pos x="608" y="328"/>
              </a:cxn>
              <a:cxn ang="0">
                <a:pos x="596" y="340"/>
              </a:cxn>
              <a:cxn ang="0">
                <a:pos x="588" y="364"/>
              </a:cxn>
              <a:cxn ang="0">
                <a:pos x="584" y="452"/>
              </a:cxn>
              <a:cxn ang="0">
                <a:pos x="532" y="448"/>
              </a:cxn>
              <a:cxn ang="0">
                <a:pos x="440" y="452"/>
              </a:cxn>
              <a:cxn ang="0">
                <a:pos x="424" y="524"/>
              </a:cxn>
              <a:cxn ang="0">
                <a:pos x="452" y="528"/>
              </a:cxn>
              <a:cxn ang="0">
                <a:pos x="456" y="564"/>
              </a:cxn>
              <a:cxn ang="0">
                <a:pos x="512" y="600"/>
              </a:cxn>
              <a:cxn ang="0">
                <a:pos x="432" y="616"/>
              </a:cxn>
              <a:cxn ang="0">
                <a:pos x="408" y="624"/>
              </a:cxn>
              <a:cxn ang="0">
                <a:pos x="400" y="652"/>
              </a:cxn>
              <a:cxn ang="0">
                <a:pos x="364" y="660"/>
              </a:cxn>
              <a:cxn ang="0">
                <a:pos x="340" y="708"/>
              </a:cxn>
              <a:cxn ang="0">
                <a:pos x="344" y="740"/>
              </a:cxn>
              <a:cxn ang="0">
                <a:pos x="352" y="752"/>
              </a:cxn>
              <a:cxn ang="0">
                <a:pos x="340" y="776"/>
              </a:cxn>
              <a:cxn ang="0">
                <a:pos x="332" y="800"/>
              </a:cxn>
              <a:cxn ang="0">
                <a:pos x="356" y="836"/>
              </a:cxn>
              <a:cxn ang="0">
                <a:pos x="360" y="848"/>
              </a:cxn>
              <a:cxn ang="0">
                <a:pos x="372" y="860"/>
              </a:cxn>
              <a:cxn ang="0">
                <a:pos x="344" y="888"/>
              </a:cxn>
              <a:cxn ang="0">
                <a:pos x="404" y="904"/>
              </a:cxn>
              <a:cxn ang="0">
                <a:pos x="460" y="928"/>
              </a:cxn>
              <a:cxn ang="0">
                <a:pos x="556" y="980"/>
              </a:cxn>
              <a:cxn ang="0">
                <a:pos x="676" y="1020"/>
              </a:cxn>
              <a:cxn ang="0">
                <a:pos x="708" y="1048"/>
              </a:cxn>
              <a:cxn ang="0">
                <a:pos x="676" y="1076"/>
              </a:cxn>
              <a:cxn ang="0">
                <a:pos x="588" y="1104"/>
              </a:cxn>
              <a:cxn ang="0">
                <a:pos x="476" y="1156"/>
              </a:cxn>
              <a:cxn ang="0">
                <a:pos x="348" y="1160"/>
              </a:cxn>
              <a:cxn ang="0">
                <a:pos x="280" y="1172"/>
              </a:cxn>
              <a:cxn ang="0">
                <a:pos x="36" y="1216"/>
              </a:cxn>
              <a:cxn ang="0">
                <a:pos x="20" y="1276"/>
              </a:cxn>
              <a:cxn ang="0">
                <a:pos x="4" y="1300"/>
              </a:cxn>
              <a:cxn ang="0">
                <a:pos x="0" y="1312"/>
              </a:cxn>
            </a:cxnLst>
            <a:rect l="0" t="0" r="r" b="b"/>
            <a:pathLst>
              <a:path w="727" h="1312">
                <a:moveTo>
                  <a:pt x="608" y="0"/>
                </a:moveTo>
                <a:cubicBezTo>
                  <a:pt x="616" y="3"/>
                  <a:pt x="644" y="20"/>
                  <a:pt x="624" y="32"/>
                </a:cubicBezTo>
                <a:cubicBezTo>
                  <a:pt x="616" y="37"/>
                  <a:pt x="605" y="35"/>
                  <a:pt x="596" y="36"/>
                </a:cubicBezTo>
                <a:cubicBezTo>
                  <a:pt x="607" y="68"/>
                  <a:pt x="658" y="55"/>
                  <a:pt x="684" y="56"/>
                </a:cubicBezTo>
                <a:cubicBezTo>
                  <a:pt x="703" y="61"/>
                  <a:pt x="709" y="64"/>
                  <a:pt x="720" y="80"/>
                </a:cubicBezTo>
                <a:cubicBezTo>
                  <a:pt x="709" y="112"/>
                  <a:pt x="657" y="110"/>
                  <a:pt x="628" y="116"/>
                </a:cubicBezTo>
                <a:cubicBezTo>
                  <a:pt x="625" y="120"/>
                  <a:pt x="620" y="123"/>
                  <a:pt x="620" y="128"/>
                </a:cubicBezTo>
                <a:cubicBezTo>
                  <a:pt x="620" y="136"/>
                  <a:pt x="628" y="152"/>
                  <a:pt x="628" y="152"/>
                </a:cubicBezTo>
                <a:cubicBezTo>
                  <a:pt x="609" y="158"/>
                  <a:pt x="591" y="162"/>
                  <a:pt x="572" y="168"/>
                </a:cubicBezTo>
                <a:cubicBezTo>
                  <a:pt x="564" y="171"/>
                  <a:pt x="556" y="177"/>
                  <a:pt x="548" y="180"/>
                </a:cubicBezTo>
                <a:cubicBezTo>
                  <a:pt x="533" y="202"/>
                  <a:pt x="546" y="187"/>
                  <a:pt x="560" y="208"/>
                </a:cubicBezTo>
                <a:cubicBezTo>
                  <a:pt x="540" y="239"/>
                  <a:pt x="586" y="237"/>
                  <a:pt x="604" y="240"/>
                </a:cubicBezTo>
                <a:cubicBezTo>
                  <a:pt x="616" y="258"/>
                  <a:pt x="609" y="273"/>
                  <a:pt x="588" y="280"/>
                </a:cubicBezTo>
                <a:cubicBezTo>
                  <a:pt x="605" y="286"/>
                  <a:pt x="621" y="286"/>
                  <a:pt x="636" y="296"/>
                </a:cubicBezTo>
                <a:cubicBezTo>
                  <a:pt x="653" y="322"/>
                  <a:pt x="627" y="322"/>
                  <a:pt x="608" y="328"/>
                </a:cubicBezTo>
                <a:cubicBezTo>
                  <a:pt x="604" y="332"/>
                  <a:pt x="599" y="335"/>
                  <a:pt x="596" y="340"/>
                </a:cubicBezTo>
                <a:cubicBezTo>
                  <a:pt x="592" y="347"/>
                  <a:pt x="588" y="364"/>
                  <a:pt x="588" y="364"/>
                </a:cubicBezTo>
                <a:cubicBezTo>
                  <a:pt x="587" y="393"/>
                  <a:pt x="600" y="428"/>
                  <a:pt x="584" y="452"/>
                </a:cubicBezTo>
                <a:cubicBezTo>
                  <a:pt x="574" y="466"/>
                  <a:pt x="549" y="448"/>
                  <a:pt x="532" y="448"/>
                </a:cubicBezTo>
                <a:cubicBezTo>
                  <a:pt x="501" y="448"/>
                  <a:pt x="471" y="451"/>
                  <a:pt x="440" y="452"/>
                </a:cubicBezTo>
                <a:cubicBezTo>
                  <a:pt x="411" y="462"/>
                  <a:pt x="408" y="493"/>
                  <a:pt x="424" y="524"/>
                </a:cubicBezTo>
                <a:cubicBezTo>
                  <a:pt x="428" y="532"/>
                  <a:pt x="443" y="527"/>
                  <a:pt x="452" y="528"/>
                </a:cubicBezTo>
                <a:cubicBezTo>
                  <a:pt x="453" y="540"/>
                  <a:pt x="452" y="553"/>
                  <a:pt x="456" y="564"/>
                </a:cubicBezTo>
                <a:cubicBezTo>
                  <a:pt x="460" y="576"/>
                  <a:pt x="499" y="596"/>
                  <a:pt x="512" y="600"/>
                </a:cubicBezTo>
                <a:cubicBezTo>
                  <a:pt x="500" y="637"/>
                  <a:pt x="514" y="606"/>
                  <a:pt x="432" y="616"/>
                </a:cubicBezTo>
                <a:cubicBezTo>
                  <a:pt x="424" y="617"/>
                  <a:pt x="408" y="624"/>
                  <a:pt x="408" y="624"/>
                </a:cubicBezTo>
                <a:cubicBezTo>
                  <a:pt x="405" y="633"/>
                  <a:pt x="408" y="646"/>
                  <a:pt x="400" y="652"/>
                </a:cubicBezTo>
                <a:cubicBezTo>
                  <a:pt x="390" y="659"/>
                  <a:pt x="376" y="656"/>
                  <a:pt x="364" y="660"/>
                </a:cubicBezTo>
                <a:cubicBezTo>
                  <a:pt x="359" y="695"/>
                  <a:pt x="356" y="684"/>
                  <a:pt x="340" y="708"/>
                </a:cubicBezTo>
                <a:cubicBezTo>
                  <a:pt x="341" y="719"/>
                  <a:pt x="341" y="730"/>
                  <a:pt x="344" y="740"/>
                </a:cubicBezTo>
                <a:cubicBezTo>
                  <a:pt x="345" y="745"/>
                  <a:pt x="351" y="747"/>
                  <a:pt x="352" y="752"/>
                </a:cubicBezTo>
                <a:cubicBezTo>
                  <a:pt x="353" y="760"/>
                  <a:pt x="343" y="770"/>
                  <a:pt x="340" y="776"/>
                </a:cubicBezTo>
                <a:cubicBezTo>
                  <a:pt x="337" y="784"/>
                  <a:pt x="332" y="800"/>
                  <a:pt x="332" y="800"/>
                </a:cubicBezTo>
                <a:cubicBezTo>
                  <a:pt x="340" y="863"/>
                  <a:pt x="324" y="814"/>
                  <a:pt x="356" y="836"/>
                </a:cubicBezTo>
                <a:cubicBezTo>
                  <a:pt x="360" y="838"/>
                  <a:pt x="358" y="844"/>
                  <a:pt x="360" y="848"/>
                </a:cubicBezTo>
                <a:cubicBezTo>
                  <a:pt x="363" y="853"/>
                  <a:pt x="368" y="856"/>
                  <a:pt x="372" y="860"/>
                </a:cubicBezTo>
                <a:cubicBezTo>
                  <a:pt x="368" y="873"/>
                  <a:pt x="344" y="888"/>
                  <a:pt x="344" y="888"/>
                </a:cubicBezTo>
                <a:cubicBezTo>
                  <a:pt x="363" y="916"/>
                  <a:pt x="343" y="893"/>
                  <a:pt x="404" y="904"/>
                </a:cubicBezTo>
                <a:cubicBezTo>
                  <a:pt x="422" y="907"/>
                  <a:pt x="441" y="923"/>
                  <a:pt x="460" y="928"/>
                </a:cubicBezTo>
                <a:cubicBezTo>
                  <a:pt x="476" y="977"/>
                  <a:pt x="507" y="975"/>
                  <a:pt x="556" y="980"/>
                </a:cubicBezTo>
                <a:cubicBezTo>
                  <a:pt x="596" y="993"/>
                  <a:pt x="640" y="996"/>
                  <a:pt x="676" y="1020"/>
                </a:cubicBezTo>
                <a:cubicBezTo>
                  <a:pt x="685" y="1034"/>
                  <a:pt x="692" y="1043"/>
                  <a:pt x="708" y="1048"/>
                </a:cubicBezTo>
                <a:cubicBezTo>
                  <a:pt x="727" y="1076"/>
                  <a:pt x="705" y="1073"/>
                  <a:pt x="676" y="1076"/>
                </a:cubicBezTo>
                <a:cubicBezTo>
                  <a:pt x="634" y="1104"/>
                  <a:pt x="646" y="1100"/>
                  <a:pt x="588" y="1104"/>
                </a:cubicBezTo>
                <a:cubicBezTo>
                  <a:pt x="549" y="1117"/>
                  <a:pt x="521" y="1153"/>
                  <a:pt x="476" y="1156"/>
                </a:cubicBezTo>
                <a:cubicBezTo>
                  <a:pt x="433" y="1158"/>
                  <a:pt x="391" y="1159"/>
                  <a:pt x="348" y="1160"/>
                </a:cubicBezTo>
                <a:cubicBezTo>
                  <a:pt x="299" y="1170"/>
                  <a:pt x="321" y="1166"/>
                  <a:pt x="280" y="1172"/>
                </a:cubicBezTo>
                <a:cubicBezTo>
                  <a:pt x="203" y="1198"/>
                  <a:pt x="107" y="1168"/>
                  <a:pt x="36" y="1216"/>
                </a:cubicBezTo>
                <a:cubicBezTo>
                  <a:pt x="20" y="1239"/>
                  <a:pt x="30" y="1247"/>
                  <a:pt x="20" y="1276"/>
                </a:cubicBezTo>
                <a:cubicBezTo>
                  <a:pt x="17" y="1285"/>
                  <a:pt x="7" y="1291"/>
                  <a:pt x="4" y="1300"/>
                </a:cubicBezTo>
                <a:cubicBezTo>
                  <a:pt x="3" y="1304"/>
                  <a:pt x="0" y="1312"/>
                  <a:pt x="0" y="1312"/>
                </a:cubicBezTo>
              </a:path>
            </a:pathLst>
          </a:custGeom>
          <a:noFill/>
          <a:ln w="98425" cap="flat" cmpd="sng">
            <a:solidFill>
              <a:srgbClr val="FFFF00"/>
            </a:solidFill>
            <a:prstDash val="solid"/>
            <a:round/>
            <a:headEnd type="none" w="med" len="med"/>
            <a:tailEnd type="none" w="med" len="med"/>
          </a:ln>
          <a:effectLst>
            <a:glow rad="228600">
              <a:schemeClr val="bg1">
                <a:alpha val="40000"/>
              </a:schemeClr>
            </a:glow>
          </a:effectLst>
        </p:spPr>
        <p:txBody>
          <a:bodyPr anchor="ctr" anchorCtr="1"/>
          <a:lstStyle/>
          <a:p>
            <a:pPr>
              <a:defRPr/>
            </a:pPr>
            <a:endParaRPr lang="en-US" dirty="0">
              <a:solidFill>
                <a:prstClr val="white"/>
              </a:solidFill>
            </a:endParaRPr>
          </a:p>
        </p:txBody>
      </p:sp>
      <p:grpSp>
        <p:nvGrpSpPr>
          <p:cNvPr id="2" name="North-South Mokelumne &amp; Old-Middle River" hidden="1"/>
          <p:cNvGrpSpPr>
            <a:grpSpLocks/>
          </p:cNvGrpSpPr>
          <p:nvPr/>
        </p:nvGrpSpPr>
        <p:grpSpPr bwMode="auto">
          <a:xfrm>
            <a:off x="4275138" y="3759200"/>
            <a:ext cx="1357346" cy="2127250"/>
            <a:chOff x="4275138" y="3759200"/>
            <a:chExt cx="1357347" cy="2127250"/>
          </a:xfrm>
        </p:grpSpPr>
        <p:sp>
          <p:nvSpPr>
            <p:cNvPr id="41071" name="North Fork Mokelumne - Middle River"/>
            <p:cNvSpPr>
              <a:spLocks/>
            </p:cNvSpPr>
            <p:nvPr/>
          </p:nvSpPr>
          <p:spPr bwMode="invGray">
            <a:xfrm>
              <a:off x="4489450" y="3803650"/>
              <a:ext cx="1143035" cy="2082800"/>
            </a:xfrm>
            <a:custGeom>
              <a:avLst/>
              <a:gdLst>
                <a:gd name="T0" fmla="*/ 965201 w 727"/>
                <a:gd name="T1" fmla="*/ 0 h 1312"/>
                <a:gd name="T2" fmla="*/ 990601 w 727"/>
                <a:gd name="T3" fmla="*/ 50800 h 1312"/>
                <a:gd name="T4" fmla="*/ 946151 w 727"/>
                <a:gd name="T5" fmla="*/ 57150 h 1312"/>
                <a:gd name="T6" fmla="*/ 1085851 w 727"/>
                <a:gd name="T7" fmla="*/ 88900 h 1312"/>
                <a:gd name="T8" fmla="*/ 1143001 w 727"/>
                <a:gd name="T9" fmla="*/ 127000 h 1312"/>
                <a:gd name="T10" fmla="*/ 996951 w 727"/>
                <a:gd name="T11" fmla="*/ 184150 h 1312"/>
                <a:gd name="T12" fmla="*/ 984251 w 727"/>
                <a:gd name="T13" fmla="*/ 203200 h 1312"/>
                <a:gd name="T14" fmla="*/ 996951 w 727"/>
                <a:gd name="T15" fmla="*/ 241300 h 1312"/>
                <a:gd name="T16" fmla="*/ 908051 w 727"/>
                <a:gd name="T17" fmla="*/ 266700 h 1312"/>
                <a:gd name="T18" fmla="*/ 869951 w 727"/>
                <a:gd name="T19" fmla="*/ 285750 h 1312"/>
                <a:gd name="T20" fmla="*/ 889001 w 727"/>
                <a:gd name="T21" fmla="*/ 330200 h 1312"/>
                <a:gd name="T22" fmla="*/ 958851 w 727"/>
                <a:gd name="T23" fmla="*/ 381000 h 1312"/>
                <a:gd name="T24" fmla="*/ 933451 w 727"/>
                <a:gd name="T25" fmla="*/ 444500 h 1312"/>
                <a:gd name="T26" fmla="*/ 1009651 w 727"/>
                <a:gd name="T27" fmla="*/ 469900 h 1312"/>
                <a:gd name="T28" fmla="*/ 965201 w 727"/>
                <a:gd name="T29" fmla="*/ 520700 h 1312"/>
                <a:gd name="T30" fmla="*/ 946151 w 727"/>
                <a:gd name="T31" fmla="*/ 539750 h 1312"/>
                <a:gd name="T32" fmla="*/ 933451 w 727"/>
                <a:gd name="T33" fmla="*/ 577850 h 1312"/>
                <a:gd name="T34" fmla="*/ 927101 w 727"/>
                <a:gd name="T35" fmla="*/ 717550 h 1312"/>
                <a:gd name="T36" fmla="*/ 844551 w 727"/>
                <a:gd name="T37" fmla="*/ 711200 h 1312"/>
                <a:gd name="T38" fmla="*/ 698501 w 727"/>
                <a:gd name="T39" fmla="*/ 717550 h 1312"/>
                <a:gd name="T40" fmla="*/ 673101 w 727"/>
                <a:gd name="T41" fmla="*/ 831850 h 1312"/>
                <a:gd name="T42" fmla="*/ 717551 w 727"/>
                <a:gd name="T43" fmla="*/ 838200 h 1312"/>
                <a:gd name="T44" fmla="*/ 723901 w 727"/>
                <a:gd name="T45" fmla="*/ 895350 h 1312"/>
                <a:gd name="T46" fmla="*/ 812801 w 727"/>
                <a:gd name="T47" fmla="*/ 952500 h 1312"/>
                <a:gd name="T48" fmla="*/ 685801 w 727"/>
                <a:gd name="T49" fmla="*/ 977900 h 1312"/>
                <a:gd name="T50" fmla="*/ 647701 w 727"/>
                <a:gd name="T51" fmla="*/ 990600 h 1312"/>
                <a:gd name="T52" fmla="*/ 635001 w 727"/>
                <a:gd name="T53" fmla="*/ 1035050 h 1312"/>
                <a:gd name="T54" fmla="*/ 577851 w 727"/>
                <a:gd name="T55" fmla="*/ 1047750 h 1312"/>
                <a:gd name="T56" fmla="*/ 539751 w 727"/>
                <a:gd name="T57" fmla="*/ 1123950 h 1312"/>
                <a:gd name="T58" fmla="*/ 546101 w 727"/>
                <a:gd name="T59" fmla="*/ 1174750 h 1312"/>
                <a:gd name="T60" fmla="*/ 558801 w 727"/>
                <a:gd name="T61" fmla="*/ 1193800 h 1312"/>
                <a:gd name="T62" fmla="*/ 539751 w 727"/>
                <a:gd name="T63" fmla="*/ 1231900 h 1312"/>
                <a:gd name="T64" fmla="*/ 527051 w 727"/>
                <a:gd name="T65" fmla="*/ 1270000 h 1312"/>
                <a:gd name="T66" fmla="*/ 565151 w 727"/>
                <a:gd name="T67" fmla="*/ 1327150 h 1312"/>
                <a:gd name="T68" fmla="*/ 571501 w 727"/>
                <a:gd name="T69" fmla="*/ 1346200 h 1312"/>
                <a:gd name="T70" fmla="*/ 590551 w 727"/>
                <a:gd name="T71" fmla="*/ 1365250 h 1312"/>
                <a:gd name="T72" fmla="*/ 546101 w 727"/>
                <a:gd name="T73" fmla="*/ 1409700 h 1312"/>
                <a:gd name="T74" fmla="*/ 641351 w 727"/>
                <a:gd name="T75" fmla="*/ 1435100 h 1312"/>
                <a:gd name="T76" fmla="*/ 730251 w 727"/>
                <a:gd name="T77" fmla="*/ 1473200 h 1312"/>
                <a:gd name="T78" fmla="*/ 882651 w 727"/>
                <a:gd name="T79" fmla="*/ 1555750 h 1312"/>
                <a:gd name="T80" fmla="*/ 1073151 w 727"/>
                <a:gd name="T81" fmla="*/ 1619250 h 1312"/>
                <a:gd name="T82" fmla="*/ 1123951 w 727"/>
                <a:gd name="T83" fmla="*/ 1663700 h 1312"/>
                <a:gd name="T84" fmla="*/ 1073151 w 727"/>
                <a:gd name="T85" fmla="*/ 1708150 h 1312"/>
                <a:gd name="T86" fmla="*/ 933451 w 727"/>
                <a:gd name="T87" fmla="*/ 1752600 h 1312"/>
                <a:gd name="T88" fmla="*/ 755651 w 727"/>
                <a:gd name="T89" fmla="*/ 1835150 h 1312"/>
                <a:gd name="T90" fmla="*/ 552451 w 727"/>
                <a:gd name="T91" fmla="*/ 1841500 h 1312"/>
                <a:gd name="T92" fmla="*/ 444501 w 727"/>
                <a:gd name="T93" fmla="*/ 1860550 h 1312"/>
                <a:gd name="T94" fmla="*/ 57150 w 727"/>
                <a:gd name="T95" fmla="*/ 1930400 h 1312"/>
                <a:gd name="T96" fmla="*/ 31750 w 727"/>
                <a:gd name="T97" fmla="*/ 2025650 h 1312"/>
                <a:gd name="T98" fmla="*/ 6350 w 727"/>
                <a:gd name="T99" fmla="*/ 2063750 h 1312"/>
                <a:gd name="T100" fmla="*/ 0 w 727"/>
                <a:gd name="T101" fmla="*/ 2082800 h 13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connsiteX0" fmla="*/ 8363 w 9904"/>
                <a:gd name="connsiteY0" fmla="*/ 0 h 10000"/>
                <a:gd name="connsiteX1" fmla="*/ 8583 w 9904"/>
                <a:gd name="connsiteY1" fmla="*/ 244 h 10000"/>
                <a:gd name="connsiteX2" fmla="*/ 8198 w 9904"/>
                <a:gd name="connsiteY2" fmla="*/ 274 h 10000"/>
                <a:gd name="connsiteX3" fmla="*/ 9409 w 9904"/>
                <a:gd name="connsiteY3" fmla="*/ 427 h 10000"/>
                <a:gd name="connsiteX4" fmla="*/ 9904 w 9904"/>
                <a:gd name="connsiteY4" fmla="*/ 610 h 10000"/>
                <a:gd name="connsiteX5" fmla="*/ 8638 w 9904"/>
                <a:gd name="connsiteY5" fmla="*/ 884 h 10000"/>
                <a:gd name="connsiteX6" fmla="*/ 8528 w 9904"/>
                <a:gd name="connsiteY6" fmla="*/ 976 h 10000"/>
                <a:gd name="connsiteX7" fmla="*/ 8638 w 9904"/>
                <a:gd name="connsiteY7" fmla="*/ 1159 h 10000"/>
                <a:gd name="connsiteX8" fmla="*/ 7868 w 9904"/>
                <a:gd name="connsiteY8" fmla="*/ 1280 h 10000"/>
                <a:gd name="connsiteX9" fmla="*/ 7538 w 9904"/>
                <a:gd name="connsiteY9" fmla="*/ 1372 h 10000"/>
                <a:gd name="connsiteX10" fmla="*/ 7703 w 9904"/>
                <a:gd name="connsiteY10" fmla="*/ 1585 h 10000"/>
                <a:gd name="connsiteX11" fmla="*/ 8308 w 9904"/>
                <a:gd name="connsiteY11" fmla="*/ 1829 h 10000"/>
                <a:gd name="connsiteX12" fmla="*/ 8088 w 9904"/>
                <a:gd name="connsiteY12" fmla="*/ 2134 h 10000"/>
                <a:gd name="connsiteX13" fmla="*/ 8748 w 9904"/>
                <a:gd name="connsiteY13" fmla="*/ 2256 h 10000"/>
                <a:gd name="connsiteX14" fmla="*/ 8363 w 9904"/>
                <a:gd name="connsiteY14" fmla="*/ 2500 h 10000"/>
                <a:gd name="connsiteX15" fmla="*/ 8198 w 9904"/>
                <a:gd name="connsiteY15" fmla="*/ 2591 h 10000"/>
                <a:gd name="connsiteX16" fmla="*/ 8088 w 9904"/>
                <a:gd name="connsiteY16" fmla="*/ 2774 h 10000"/>
                <a:gd name="connsiteX17" fmla="*/ 8033 w 9904"/>
                <a:gd name="connsiteY17" fmla="*/ 3445 h 10000"/>
                <a:gd name="connsiteX18" fmla="*/ 7318 w 9904"/>
                <a:gd name="connsiteY18" fmla="*/ 3415 h 10000"/>
                <a:gd name="connsiteX19" fmla="*/ 6052 w 9904"/>
                <a:gd name="connsiteY19" fmla="*/ 3445 h 10000"/>
                <a:gd name="connsiteX20" fmla="*/ 5832 w 9904"/>
                <a:gd name="connsiteY20" fmla="*/ 3994 h 10000"/>
                <a:gd name="connsiteX21" fmla="*/ 6217 w 9904"/>
                <a:gd name="connsiteY21" fmla="*/ 4024 h 10000"/>
                <a:gd name="connsiteX22" fmla="*/ 6272 w 9904"/>
                <a:gd name="connsiteY22" fmla="*/ 4299 h 10000"/>
                <a:gd name="connsiteX23" fmla="*/ 7043 w 9904"/>
                <a:gd name="connsiteY23" fmla="*/ 4573 h 10000"/>
                <a:gd name="connsiteX24" fmla="*/ 5942 w 9904"/>
                <a:gd name="connsiteY24" fmla="*/ 4695 h 10000"/>
                <a:gd name="connsiteX25" fmla="*/ 5612 w 9904"/>
                <a:gd name="connsiteY25" fmla="*/ 4756 h 10000"/>
                <a:gd name="connsiteX26" fmla="*/ 5502 w 9904"/>
                <a:gd name="connsiteY26" fmla="*/ 4970 h 10000"/>
                <a:gd name="connsiteX27" fmla="*/ 5007 w 9904"/>
                <a:gd name="connsiteY27" fmla="*/ 5030 h 10000"/>
                <a:gd name="connsiteX28" fmla="*/ 4677 w 9904"/>
                <a:gd name="connsiteY28" fmla="*/ 5396 h 10000"/>
                <a:gd name="connsiteX29" fmla="*/ 4732 w 9904"/>
                <a:gd name="connsiteY29" fmla="*/ 5640 h 10000"/>
                <a:gd name="connsiteX30" fmla="*/ 4842 w 9904"/>
                <a:gd name="connsiteY30" fmla="*/ 5732 h 10000"/>
                <a:gd name="connsiteX31" fmla="*/ 4677 w 9904"/>
                <a:gd name="connsiteY31" fmla="*/ 5915 h 10000"/>
                <a:gd name="connsiteX32" fmla="*/ 4567 w 9904"/>
                <a:gd name="connsiteY32" fmla="*/ 6098 h 10000"/>
                <a:gd name="connsiteX33" fmla="*/ 4897 w 9904"/>
                <a:gd name="connsiteY33" fmla="*/ 6372 h 10000"/>
                <a:gd name="connsiteX34" fmla="*/ 4952 w 9904"/>
                <a:gd name="connsiteY34" fmla="*/ 6463 h 10000"/>
                <a:gd name="connsiteX35" fmla="*/ 5117 w 9904"/>
                <a:gd name="connsiteY35" fmla="*/ 6555 h 10000"/>
                <a:gd name="connsiteX36" fmla="*/ 4732 w 9904"/>
                <a:gd name="connsiteY36" fmla="*/ 6768 h 10000"/>
                <a:gd name="connsiteX37" fmla="*/ 5557 w 9904"/>
                <a:gd name="connsiteY37" fmla="*/ 6890 h 10000"/>
                <a:gd name="connsiteX38" fmla="*/ 6327 w 9904"/>
                <a:gd name="connsiteY38" fmla="*/ 7073 h 10000"/>
                <a:gd name="connsiteX39" fmla="*/ 7648 w 9904"/>
                <a:gd name="connsiteY39" fmla="*/ 7470 h 10000"/>
                <a:gd name="connsiteX40" fmla="*/ 9298 w 9904"/>
                <a:gd name="connsiteY40" fmla="*/ 7774 h 10000"/>
                <a:gd name="connsiteX41" fmla="*/ 9739 w 9904"/>
                <a:gd name="connsiteY41" fmla="*/ 7988 h 10000"/>
                <a:gd name="connsiteX42" fmla="*/ 9298 w 9904"/>
                <a:gd name="connsiteY42" fmla="*/ 8201 h 10000"/>
                <a:gd name="connsiteX43" fmla="*/ 8088 w 9904"/>
                <a:gd name="connsiteY43" fmla="*/ 8415 h 10000"/>
                <a:gd name="connsiteX44" fmla="*/ 4787 w 9904"/>
                <a:gd name="connsiteY44" fmla="*/ 8841 h 10000"/>
                <a:gd name="connsiteX45" fmla="*/ 3851 w 9904"/>
                <a:gd name="connsiteY45" fmla="*/ 8933 h 10000"/>
                <a:gd name="connsiteX46" fmla="*/ 495 w 9904"/>
                <a:gd name="connsiteY46" fmla="*/ 9268 h 10000"/>
                <a:gd name="connsiteX47" fmla="*/ 275 w 9904"/>
                <a:gd name="connsiteY47" fmla="*/ 9726 h 10000"/>
                <a:gd name="connsiteX48" fmla="*/ 55 w 9904"/>
                <a:gd name="connsiteY48" fmla="*/ 9909 h 10000"/>
                <a:gd name="connsiteX49" fmla="*/ 0 w 9904"/>
                <a:gd name="connsiteY49"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4833 w 10000"/>
                <a:gd name="connsiteY43" fmla="*/ 8841 h 10000"/>
                <a:gd name="connsiteX44" fmla="*/ 3888 w 10000"/>
                <a:gd name="connsiteY44" fmla="*/ 8933 h 10000"/>
                <a:gd name="connsiteX45" fmla="*/ 500 w 10000"/>
                <a:gd name="connsiteY45" fmla="*/ 9268 h 10000"/>
                <a:gd name="connsiteX46" fmla="*/ 278 w 10000"/>
                <a:gd name="connsiteY46" fmla="*/ 9726 h 10000"/>
                <a:gd name="connsiteX47" fmla="*/ 56 w 10000"/>
                <a:gd name="connsiteY47" fmla="*/ 9909 h 10000"/>
                <a:gd name="connsiteX48" fmla="*/ 0 w 10000"/>
                <a:gd name="connsiteY48" fmla="*/ 10000 h 10000"/>
                <a:gd name="connsiteX0" fmla="*/ 8444 w 10000"/>
                <a:gd name="connsiteY0" fmla="*/ 0 h 10000"/>
                <a:gd name="connsiteX1" fmla="*/ 8666 w 10000"/>
                <a:gd name="connsiteY1" fmla="*/ 244 h 10000"/>
                <a:gd name="connsiteX2" fmla="*/ 8277 w 10000"/>
                <a:gd name="connsiteY2" fmla="*/ 274 h 10000"/>
                <a:gd name="connsiteX3" fmla="*/ 9500 w 10000"/>
                <a:gd name="connsiteY3" fmla="*/ 427 h 10000"/>
                <a:gd name="connsiteX4" fmla="*/ 10000 w 10000"/>
                <a:gd name="connsiteY4" fmla="*/ 610 h 10000"/>
                <a:gd name="connsiteX5" fmla="*/ 8722 w 10000"/>
                <a:gd name="connsiteY5" fmla="*/ 884 h 10000"/>
                <a:gd name="connsiteX6" fmla="*/ 8611 w 10000"/>
                <a:gd name="connsiteY6" fmla="*/ 976 h 10000"/>
                <a:gd name="connsiteX7" fmla="*/ 8722 w 10000"/>
                <a:gd name="connsiteY7" fmla="*/ 1159 h 10000"/>
                <a:gd name="connsiteX8" fmla="*/ 7944 w 10000"/>
                <a:gd name="connsiteY8" fmla="*/ 1280 h 10000"/>
                <a:gd name="connsiteX9" fmla="*/ 7611 w 10000"/>
                <a:gd name="connsiteY9" fmla="*/ 1372 h 10000"/>
                <a:gd name="connsiteX10" fmla="*/ 7778 w 10000"/>
                <a:gd name="connsiteY10" fmla="*/ 1585 h 10000"/>
                <a:gd name="connsiteX11" fmla="*/ 8389 w 10000"/>
                <a:gd name="connsiteY11" fmla="*/ 1829 h 10000"/>
                <a:gd name="connsiteX12" fmla="*/ 8166 w 10000"/>
                <a:gd name="connsiteY12" fmla="*/ 2134 h 10000"/>
                <a:gd name="connsiteX13" fmla="*/ 8833 w 10000"/>
                <a:gd name="connsiteY13" fmla="*/ 2256 h 10000"/>
                <a:gd name="connsiteX14" fmla="*/ 8444 w 10000"/>
                <a:gd name="connsiteY14" fmla="*/ 2500 h 10000"/>
                <a:gd name="connsiteX15" fmla="*/ 8277 w 10000"/>
                <a:gd name="connsiteY15" fmla="*/ 2591 h 10000"/>
                <a:gd name="connsiteX16" fmla="*/ 8166 w 10000"/>
                <a:gd name="connsiteY16" fmla="*/ 2774 h 10000"/>
                <a:gd name="connsiteX17" fmla="*/ 8111 w 10000"/>
                <a:gd name="connsiteY17" fmla="*/ 3445 h 10000"/>
                <a:gd name="connsiteX18" fmla="*/ 7389 w 10000"/>
                <a:gd name="connsiteY18" fmla="*/ 3415 h 10000"/>
                <a:gd name="connsiteX19" fmla="*/ 6111 w 10000"/>
                <a:gd name="connsiteY19" fmla="*/ 3445 h 10000"/>
                <a:gd name="connsiteX20" fmla="*/ 5889 w 10000"/>
                <a:gd name="connsiteY20" fmla="*/ 3994 h 10000"/>
                <a:gd name="connsiteX21" fmla="*/ 6277 w 10000"/>
                <a:gd name="connsiteY21" fmla="*/ 4024 h 10000"/>
                <a:gd name="connsiteX22" fmla="*/ 6333 w 10000"/>
                <a:gd name="connsiteY22" fmla="*/ 4299 h 10000"/>
                <a:gd name="connsiteX23" fmla="*/ 7111 w 10000"/>
                <a:gd name="connsiteY23" fmla="*/ 4573 h 10000"/>
                <a:gd name="connsiteX24" fmla="*/ 6000 w 10000"/>
                <a:gd name="connsiteY24" fmla="*/ 4695 h 10000"/>
                <a:gd name="connsiteX25" fmla="*/ 5666 w 10000"/>
                <a:gd name="connsiteY25" fmla="*/ 4756 h 10000"/>
                <a:gd name="connsiteX26" fmla="*/ 5555 w 10000"/>
                <a:gd name="connsiteY26" fmla="*/ 4970 h 10000"/>
                <a:gd name="connsiteX27" fmla="*/ 5056 w 10000"/>
                <a:gd name="connsiteY27" fmla="*/ 5030 h 10000"/>
                <a:gd name="connsiteX28" fmla="*/ 4722 w 10000"/>
                <a:gd name="connsiteY28" fmla="*/ 5396 h 10000"/>
                <a:gd name="connsiteX29" fmla="*/ 4778 w 10000"/>
                <a:gd name="connsiteY29" fmla="*/ 5640 h 10000"/>
                <a:gd name="connsiteX30" fmla="*/ 4889 w 10000"/>
                <a:gd name="connsiteY30" fmla="*/ 5732 h 10000"/>
                <a:gd name="connsiteX31" fmla="*/ 4722 w 10000"/>
                <a:gd name="connsiteY31" fmla="*/ 5915 h 10000"/>
                <a:gd name="connsiteX32" fmla="*/ 4611 w 10000"/>
                <a:gd name="connsiteY32" fmla="*/ 6098 h 10000"/>
                <a:gd name="connsiteX33" fmla="*/ 4944 w 10000"/>
                <a:gd name="connsiteY33" fmla="*/ 6372 h 10000"/>
                <a:gd name="connsiteX34" fmla="*/ 5000 w 10000"/>
                <a:gd name="connsiteY34" fmla="*/ 6463 h 10000"/>
                <a:gd name="connsiteX35" fmla="*/ 5167 w 10000"/>
                <a:gd name="connsiteY35" fmla="*/ 6555 h 10000"/>
                <a:gd name="connsiteX36" fmla="*/ 4778 w 10000"/>
                <a:gd name="connsiteY36" fmla="*/ 6768 h 10000"/>
                <a:gd name="connsiteX37" fmla="*/ 5611 w 10000"/>
                <a:gd name="connsiteY37" fmla="*/ 6890 h 10000"/>
                <a:gd name="connsiteX38" fmla="*/ 6388 w 10000"/>
                <a:gd name="connsiteY38" fmla="*/ 7073 h 10000"/>
                <a:gd name="connsiteX39" fmla="*/ 7722 w 10000"/>
                <a:gd name="connsiteY39" fmla="*/ 7470 h 10000"/>
                <a:gd name="connsiteX40" fmla="*/ 9388 w 10000"/>
                <a:gd name="connsiteY40" fmla="*/ 7774 h 10000"/>
                <a:gd name="connsiteX41" fmla="*/ 9833 w 10000"/>
                <a:gd name="connsiteY41" fmla="*/ 7988 h 10000"/>
                <a:gd name="connsiteX42" fmla="*/ 9388 w 10000"/>
                <a:gd name="connsiteY42" fmla="*/ 8201 h 10000"/>
                <a:gd name="connsiteX43" fmla="*/ 3888 w 10000"/>
                <a:gd name="connsiteY43" fmla="*/ 8933 h 10000"/>
                <a:gd name="connsiteX44" fmla="*/ 500 w 10000"/>
                <a:gd name="connsiteY44" fmla="*/ 9268 h 10000"/>
                <a:gd name="connsiteX45" fmla="*/ 278 w 10000"/>
                <a:gd name="connsiteY45" fmla="*/ 9726 h 10000"/>
                <a:gd name="connsiteX46" fmla="*/ 56 w 10000"/>
                <a:gd name="connsiteY46" fmla="*/ 9909 h 10000"/>
                <a:gd name="connsiteX47" fmla="*/ 0 w 10000"/>
                <a:gd name="connsiteY47" fmla="*/ 1000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0000" h="10000">
                  <a:moveTo>
                    <a:pt x="8444" y="0"/>
                  </a:moveTo>
                  <a:cubicBezTo>
                    <a:pt x="8555" y="23"/>
                    <a:pt x="8944" y="152"/>
                    <a:pt x="8666" y="244"/>
                  </a:cubicBezTo>
                  <a:cubicBezTo>
                    <a:pt x="8555" y="282"/>
                    <a:pt x="8403" y="267"/>
                    <a:pt x="8277" y="274"/>
                  </a:cubicBezTo>
                  <a:cubicBezTo>
                    <a:pt x="8430" y="518"/>
                    <a:pt x="9139" y="419"/>
                    <a:pt x="9500" y="427"/>
                  </a:cubicBezTo>
                  <a:cubicBezTo>
                    <a:pt x="9764" y="465"/>
                    <a:pt x="9847" y="488"/>
                    <a:pt x="10000" y="610"/>
                  </a:cubicBezTo>
                  <a:cubicBezTo>
                    <a:pt x="9847" y="854"/>
                    <a:pt x="9125" y="838"/>
                    <a:pt x="8722" y="884"/>
                  </a:cubicBezTo>
                  <a:cubicBezTo>
                    <a:pt x="8680" y="915"/>
                    <a:pt x="8611" y="938"/>
                    <a:pt x="8611" y="976"/>
                  </a:cubicBezTo>
                  <a:cubicBezTo>
                    <a:pt x="8611" y="1037"/>
                    <a:pt x="8722" y="1159"/>
                    <a:pt x="8722" y="1159"/>
                  </a:cubicBezTo>
                  <a:cubicBezTo>
                    <a:pt x="8458" y="1204"/>
                    <a:pt x="8208" y="1235"/>
                    <a:pt x="7944" y="1280"/>
                  </a:cubicBezTo>
                  <a:cubicBezTo>
                    <a:pt x="7833" y="1303"/>
                    <a:pt x="7722" y="1349"/>
                    <a:pt x="7611" y="1372"/>
                  </a:cubicBezTo>
                  <a:cubicBezTo>
                    <a:pt x="7402" y="1540"/>
                    <a:pt x="7583" y="1425"/>
                    <a:pt x="7778" y="1585"/>
                  </a:cubicBezTo>
                  <a:cubicBezTo>
                    <a:pt x="7500" y="1822"/>
                    <a:pt x="8139" y="1806"/>
                    <a:pt x="8389" y="1829"/>
                  </a:cubicBezTo>
                  <a:cubicBezTo>
                    <a:pt x="8555" y="1966"/>
                    <a:pt x="8458" y="2081"/>
                    <a:pt x="8166" y="2134"/>
                  </a:cubicBezTo>
                  <a:cubicBezTo>
                    <a:pt x="8403" y="2180"/>
                    <a:pt x="8625" y="2180"/>
                    <a:pt x="8833" y="2256"/>
                  </a:cubicBezTo>
                  <a:cubicBezTo>
                    <a:pt x="9069" y="2454"/>
                    <a:pt x="8708" y="2454"/>
                    <a:pt x="8444" y="2500"/>
                  </a:cubicBezTo>
                  <a:cubicBezTo>
                    <a:pt x="8389" y="2530"/>
                    <a:pt x="8319" y="2553"/>
                    <a:pt x="8277" y="2591"/>
                  </a:cubicBezTo>
                  <a:cubicBezTo>
                    <a:pt x="8222" y="2645"/>
                    <a:pt x="8166" y="2774"/>
                    <a:pt x="8166" y="2774"/>
                  </a:cubicBezTo>
                  <a:cubicBezTo>
                    <a:pt x="8152" y="2995"/>
                    <a:pt x="8333" y="3262"/>
                    <a:pt x="8111" y="3445"/>
                  </a:cubicBezTo>
                  <a:cubicBezTo>
                    <a:pt x="7972" y="3552"/>
                    <a:pt x="7625" y="3415"/>
                    <a:pt x="7389" y="3415"/>
                  </a:cubicBezTo>
                  <a:cubicBezTo>
                    <a:pt x="6958" y="3415"/>
                    <a:pt x="6542" y="3438"/>
                    <a:pt x="6111" y="3445"/>
                  </a:cubicBezTo>
                  <a:cubicBezTo>
                    <a:pt x="5708" y="3521"/>
                    <a:pt x="5666" y="3758"/>
                    <a:pt x="5889" y="3994"/>
                  </a:cubicBezTo>
                  <a:cubicBezTo>
                    <a:pt x="5944" y="4055"/>
                    <a:pt x="6153" y="4017"/>
                    <a:pt x="6277" y="4024"/>
                  </a:cubicBezTo>
                  <a:cubicBezTo>
                    <a:pt x="6291" y="4116"/>
                    <a:pt x="6277" y="4215"/>
                    <a:pt x="6333" y="4299"/>
                  </a:cubicBezTo>
                  <a:cubicBezTo>
                    <a:pt x="6388" y="4390"/>
                    <a:pt x="6931" y="4543"/>
                    <a:pt x="7111" y="4573"/>
                  </a:cubicBezTo>
                  <a:cubicBezTo>
                    <a:pt x="6945" y="4855"/>
                    <a:pt x="7139" y="4619"/>
                    <a:pt x="6000" y="4695"/>
                  </a:cubicBezTo>
                  <a:cubicBezTo>
                    <a:pt x="5889" y="4703"/>
                    <a:pt x="5666" y="4756"/>
                    <a:pt x="5666" y="4756"/>
                  </a:cubicBezTo>
                  <a:cubicBezTo>
                    <a:pt x="5625" y="4825"/>
                    <a:pt x="5666" y="4924"/>
                    <a:pt x="5555" y="4970"/>
                  </a:cubicBezTo>
                  <a:cubicBezTo>
                    <a:pt x="5417" y="5023"/>
                    <a:pt x="5222" y="5000"/>
                    <a:pt x="5056" y="5030"/>
                  </a:cubicBezTo>
                  <a:cubicBezTo>
                    <a:pt x="4986" y="5297"/>
                    <a:pt x="4944" y="5213"/>
                    <a:pt x="4722" y="5396"/>
                  </a:cubicBezTo>
                  <a:cubicBezTo>
                    <a:pt x="4736" y="5480"/>
                    <a:pt x="4736" y="5564"/>
                    <a:pt x="4778" y="5640"/>
                  </a:cubicBezTo>
                  <a:cubicBezTo>
                    <a:pt x="4792" y="5678"/>
                    <a:pt x="4875" y="5694"/>
                    <a:pt x="4889" y="5732"/>
                  </a:cubicBezTo>
                  <a:cubicBezTo>
                    <a:pt x="4903" y="5793"/>
                    <a:pt x="4764" y="5869"/>
                    <a:pt x="4722" y="5915"/>
                  </a:cubicBezTo>
                  <a:cubicBezTo>
                    <a:pt x="4680" y="5976"/>
                    <a:pt x="4611" y="6098"/>
                    <a:pt x="4611" y="6098"/>
                  </a:cubicBezTo>
                  <a:cubicBezTo>
                    <a:pt x="4722" y="6578"/>
                    <a:pt x="4500" y="6204"/>
                    <a:pt x="4944" y="6372"/>
                  </a:cubicBezTo>
                  <a:cubicBezTo>
                    <a:pt x="5000" y="6387"/>
                    <a:pt x="4972" y="6433"/>
                    <a:pt x="5000" y="6463"/>
                  </a:cubicBezTo>
                  <a:cubicBezTo>
                    <a:pt x="5041" y="6502"/>
                    <a:pt x="5111" y="6524"/>
                    <a:pt x="5167" y="6555"/>
                  </a:cubicBezTo>
                  <a:cubicBezTo>
                    <a:pt x="5111" y="6654"/>
                    <a:pt x="4778" y="6768"/>
                    <a:pt x="4778" y="6768"/>
                  </a:cubicBezTo>
                  <a:cubicBezTo>
                    <a:pt x="5041" y="6982"/>
                    <a:pt x="4764" y="6806"/>
                    <a:pt x="5611" y="6890"/>
                  </a:cubicBezTo>
                  <a:cubicBezTo>
                    <a:pt x="5861" y="6913"/>
                    <a:pt x="6125" y="7035"/>
                    <a:pt x="6388" y="7073"/>
                  </a:cubicBezTo>
                  <a:cubicBezTo>
                    <a:pt x="6610" y="7447"/>
                    <a:pt x="7042" y="7431"/>
                    <a:pt x="7722" y="7470"/>
                  </a:cubicBezTo>
                  <a:cubicBezTo>
                    <a:pt x="8277" y="7569"/>
                    <a:pt x="8888" y="7591"/>
                    <a:pt x="9388" y="7774"/>
                  </a:cubicBezTo>
                  <a:cubicBezTo>
                    <a:pt x="9513" y="7881"/>
                    <a:pt x="9611" y="7950"/>
                    <a:pt x="9833" y="7988"/>
                  </a:cubicBezTo>
                  <a:cubicBezTo>
                    <a:pt x="10097" y="8201"/>
                    <a:pt x="9791" y="8178"/>
                    <a:pt x="9388" y="8201"/>
                  </a:cubicBezTo>
                  <a:cubicBezTo>
                    <a:pt x="8397" y="8358"/>
                    <a:pt x="5369" y="8755"/>
                    <a:pt x="3888" y="8933"/>
                  </a:cubicBezTo>
                  <a:cubicBezTo>
                    <a:pt x="2819" y="9131"/>
                    <a:pt x="1486" y="8902"/>
                    <a:pt x="500" y="9268"/>
                  </a:cubicBezTo>
                  <a:cubicBezTo>
                    <a:pt x="278" y="9444"/>
                    <a:pt x="417" y="9505"/>
                    <a:pt x="278" y="9726"/>
                  </a:cubicBezTo>
                  <a:cubicBezTo>
                    <a:pt x="236" y="9794"/>
                    <a:pt x="97" y="9840"/>
                    <a:pt x="56" y="9909"/>
                  </a:cubicBezTo>
                  <a:cubicBezTo>
                    <a:pt x="41" y="9939"/>
                    <a:pt x="0" y="10000"/>
                    <a:pt x="0" y="10000"/>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2" name="Sourth Fork Mokelumne - Old River" hidden="1"/>
            <p:cNvSpPr>
              <a:spLocks/>
            </p:cNvSpPr>
            <p:nvPr/>
          </p:nvSpPr>
          <p:spPr bwMode="invGray">
            <a:xfrm>
              <a:off x="4275138" y="3759200"/>
              <a:ext cx="1155701" cy="2076450"/>
            </a:xfrm>
            <a:custGeom>
              <a:avLst/>
              <a:gdLst>
                <a:gd name="T0" fmla="*/ 1046163 w 728"/>
                <a:gd name="T1" fmla="*/ 0 h 1308"/>
                <a:gd name="T2" fmla="*/ 1147763 w 728"/>
                <a:gd name="T3" fmla="*/ 12700 h 1308"/>
                <a:gd name="T4" fmla="*/ 1141413 w 728"/>
                <a:gd name="T5" fmla="*/ 38100 h 1308"/>
                <a:gd name="T6" fmla="*/ 1103313 w 728"/>
                <a:gd name="T7" fmla="*/ 50800 h 1308"/>
                <a:gd name="T8" fmla="*/ 1084263 w 728"/>
                <a:gd name="T9" fmla="*/ 69850 h 1308"/>
                <a:gd name="T10" fmla="*/ 1058863 w 728"/>
                <a:gd name="T11" fmla="*/ 76200 h 1308"/>
                <a:gd name="T12" fmla="*/ 1096963 w 728"/>
                <a:gd name="T13" fmla="*/ 95250 h 1308"/>
                <a:gd name="T14" fmla="*/ 893763 w 728"/>
                <a:gd name="T15" fmla="*/ 158750 h 1308"/>
                <a:gd name="T16" fmla="*/ 893763 w 728"/>
                <a:gd name="T17" fmla="*/ 203200 h 1308"/>
                <a:gd name="T18" fmla="*/ 874713 w 728"/>
                <a:gd name="T19" fmla="*/ 266700 h 1308"/>
                <a:gd name="T20" fmla="*/ 836613 w 728"/>
                <a:gd name="T21" fmla="*/ 273050 h 1308"/>
                <a:gd name="T22" fmla="*/ 798513 w 728"/>
                <a:gd name="T23" fmla="*/ 298450 h 1308"/>
                <a:gd name="T24" fmla="*/ 779463 w 728"/>
                <a:gd name="T25" fmla="*/ 311150 h 1308"/>
                <a:gd name="T26" fmla="*/ 773113 w 728"/>
                <a:gd name="T27" fmla="*/ 330200 h 1308"/>
                <a:gd name="T28" fmla="*/ 544513 w 728"/>
                <a:gd name="T29" fmla="*/ 349250 h 1308"/>
                <a:gd name="T30" fmla="*/ 271463 w 728"/>
                <a:gd name="T31" fmla="*/ 412750 h 1308"/>
                <a:gd name="T32" fmla="*/ 252413 w 728"/>
                <a:gd name="T33" fmla="*/ 463550 h 1308"/>
                <a:gd name="T34" fmla="*/ 366713 w 728"/>
                <a:gd name="T35" fmla="*/ 469900 h 1308"/>
                <a:gd name="T36" fmla="*/ 404813 w 728"/>
                <a:gd name="T37" fmla="*/ 482600 h 1308"/>
                <a:gd name="T38" fmla="*/ 417513 w 728"/>
                <a:gd name="T39" fmla="*/ 520700 h 1308"/>
                <a:gd name="T40" fmla="*/ 423863 w 728"/>
                <a:gd name="T41" fmla="*/ 539750 h 1308"/>
                <a:gd name="T42" fmla="*/ 366713 w 728"/>
                <a:gd name="T43" fmla="*/ 565150 h 1308"/>
                <a:gd name="T44" fmla="*/ 334963 w 728"/>
                <a:gd name="T45" fmla="*/ 635000 h 1308"/>
                <a:gd name="T46" fmla="*/ 246063 w 728"/>
                <a:gd name="T47" fmla="*/ 673100 h 1308"/>
                <a:gd name="T48" fmla="*/ 207963 w 728"/>
                <a:gd name="T49" fmla="*/ 723900 h 1308"/>
                <a:gd name="T50" fmla="*/ 176213 w 728"/>
                <a:gd name="T51" fmla="*/ 844550 h 1308"/>
                <a:gd name="T52" fmla="*/ 195263 w 728"/>
                <a:gd name="T53" fmla="*/ 1035050 h 1308"/>
                <a:gd name="T54" fmla="*/ 157163 w 728"/>
                <a:gd name="T55" fmla="*/ 1085850 h 1308"/>
                <a:gd name="T56" fmla="*/ 246063 w 728"/>
                <a:gd name="T57" fmla="*/ 1123950 h 1308"/>
                <a:gd name="T58" fmla="*/ 227013 w 728"/>
                <a:gd name="T59" fmla="*/ 1200150 h 1308"/>
                <a:gd name="T60" fmla="*/ 246063 w 728"/>
                <a:gd name="T61" fmla="*/ 1206500 h 1308"/>
                <a:gd name="T62" fmla="*/ 315913 w 728"/>
                <a:gd name="T63" fmla="*/ 1231900 h 1308"/>
                <a:gd name="T64" fmla="*/ 214313 w 728"/>
                <a:gd name="T65" fmla="*/ 1263650 h 1308"/>
                <a:gd name="T66" fmla="*/ 309563 w 728"/>
                <a:gd name="T67" fmla="*/ 1301750 h 1308"/>
                <a:gd name="T68" fmla="*/ 271463 w 728"/>
                <a:gd name="T69" fmla="*/ 1352550 h 1308"/>
                <a:gd name="T70" fmla="*/ 347663 w 728"/>
                <a:gd name="T71" fmla="*/ 1384300 h 1308"/>
                <a:gd name="T72" fmla="*/ 354013 w 728"/>
                <a:gd name="T73" fmla="*/ 1403350 h 1308"/>
                <a:gd name="T74" fmla="*/ 373063 w 728"/>
                <a:gd name="T75" fmla="*/ 1416050 h 1308"/>
                <a:gd name="T76" fmla="*/ 385763 w 728"/>
                <a:gd name="T77" fmla="*/ 1479550 h 1308"/>
                <a:gd name="T78" fmla="*/ 303213 w 728"/>
                <a:gd name="T79" fmla="*/ 1517650 h 1308"/>
                <a:gd name="T80" fmla="*/ 315913 w 728"/>
                <a:gd name="T81" fmla="*/ 1574800 h 1308"/>
                <a:gd name="T82" fmla="*/ 176213 w 728"/>
                <a:gd name="T83" fmla="*/ 1612900 h 1308"/>
                <a:gd name="T84" fmla="*/ 233363 w 728"/>
                <a:gd name="T85" fmla="*/ 1651000 h 1308"/>
                <a:gd name="T86" fmla="*/ 144463 w 728"/>
                <a:gd name="T87" fmla="*/ 1720850 h 1308"/>
                <a:gd name="T88" fmla="*/ 106363 w 728"/>
                <a:gd name="T89" fmla="*/ 1733550 h 1308"/>
                <a:gd name="T90" fmla="*/ 87313 w 728"/>
                <a:gd name="T91" fmla="*/ 1771650 h 1308"/>
                <a:gd name="T92" fmla="*/ 30163 w 728"/>
                <a:gd name="T93" fmla="*/ 1822450 h 1308"/>
                <a:gd name="T94" fmla="*/ 4763 w 728"/>
                <a:gd name="T95" fmla="*/ 1860550 h 1308"/>
                <a:gd name="T96" fmla="*/ 23813 w 728"/>
                <a:gd name="T97" fmla="*/ 1873250 h 1308"/>
                <a:gd name="T98" fmla="*/ 61913 w 728"/>
                <a:gd name="T99" fmla="*/ 1885950 h 1308"/>
                <a:gd name="T100" fmla="*/ 188913 w 728"/>
                <a:gd name="T101" fmla="*/ 1943100 h 1308"/>
                <a:gd name="T102" fmla="*/ 176213 w 728"/>
                <a:gd name="T103" fmla="*/ 2076450 h 130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728" h="1308">
                  <a:moveTo>
                    <a:pt x="659" y="0"/>
                  </a:moveTo>
                  <a:cubicBezTo>
                    <a:pt x="679" y="7"/>
                    <a:pt x="703" y="0"/>
                    <a:pt x="723" y="8"/>
                  </a:cubicBezTo>
                  <a:cubicBezTo>
                    <a:pt x="728" y="10"/>
                    <a:pt x="723" y="20"/>
                    <a:pt x="719" y="24"/>
                  </a:cubicBezTo>
                  <a:cubicBezTo>
                    <a:pt x="713" y="29"/>
                    <a:pt x="695" y="32"/>
                    <a:pt x="695" y="32"/>
                  </a:cubicBezTo>
                  <a:cubicBezTo>
                    <a:pt x="691" y="36"/>
                    <a:pt x="688" y="41"/>
                    <a:pt x="683" y="44"/>
                  </a:cubicBezTo>
                  <a:cubicBezTo>
                    <a:pt x="678" y="47"/>
                    <a:pt x="669" y="43"/>
                    <a:pt x="667" y="48"/>
                  </a:cubicBezTo>
                  <a:cubicBezTo>
                    <a:pt x="665" y="53"/>
                    <a:pt x="689" y="59"/>
                    <a:pt x="691" y="60"/>
                  </a:cubicBezTo>
                  <a:cubicBezTo>
                    <a:pt x="680" y="106"/>
                    <a:pt x="597" y="98"/>
                    <a:pt x="563" y="100"/>
                  </a:cubicBezTo>
                  <a:cubicBezTo>
                    <a:pt x="543" y="107"/>
                    <a:pt x="554" y="114"/>
                    <a:pt x="563" y="128"/>
                  </a:cubicBezTo>
                  <a:cubicBezTo>
                    <a:pt x="533" y="138"/>
                    <a:pt x="575" y="144"/>
                    <a:pt x="551" y="168"/>
                  </a:cubicBezTo>
                  <a:cubicBezTo>
                    <a:pt x="545" y="174"/>
                    <a:pt x="535" y="171"/>
                    <a:pt x="527" y="172"/>
                  </a:cubicBezTo>
                  <a:cubicBezTo>
                    <a:pt x="519" y="177"/>
                    <a:pt x="511" y="183"/>
                    <a:pt x="503" y="188"/>
                  </a:cubicBezTo>
                  <a:cubicBezTo>
                    <a:pt x="499" y="191"/>
                    <a:pt x="491" y="196"/>
                    <a:pt x="491" y="196"/>
                  </a:cubicBezTo>
                  <a:cubicBezTo>
                    <a:pt x="490" y="200"/>
                    <a:pt x="491" y="207"/>
                    <a:pt x="487" y="208"/>
                  </a:cubicBezTo>
                  <a:cubicBezTo>
                    <a:pt x="462" y="214"/>
                    <a:pt x="370" y="218"/>
                    <a:pt x="343" y="220"/>
                  </a:cubicBezTo>
                  <a:cubicBezTo>
                    <a:pt x="330" y="260"/>
                    <a:pt x="196" y="259"/>
                    <a:pt x="171" y="260"/>
                  </a:cubicBezTo>
                  <a:cubicBezTo>
                    <a:pt x="166" y="262"/>
                    <a:pt x="138" y="286"/>
                    <a:pt x="159" y="292"/>
                  </a:cubicBezTo>
                  <a:cubicBezTo>
                    <a:pt x="182" y="298"/>
                    <a:pt x="207" y="295"/>
                    <a:pt x="231" y="296"/>
                  </a:cubicBezTo>
                  <a:cubicBezTo>
                    <a:pt x="239" y="299"/>
                    <a:pt x="252" y="296"/>
                    <a:pt x="255" y="304"/>
                  </a:cubicBezTo>
                  <a:cubicBezTo>
                    <a:pt x="258" y="312"/>
                    <a:pt x="260" y="320"/>
                    <a:pt x="263" y="328"/>
                  </a:cubicBezTo>
                  <a:cubicBezTo>
                    <a:pt x="264" y="332"/>
                    <a:pt x="267" y="340"/>
                    <a:pt x="267" y="340"/>
                  </a:cubicBezTo>
                  <a:cubicBezTo>
                    <a:pt x="254" y="344"/>
                    <a:pt x="244" y="352"/>
                    <a:pt x="231" y="356"/>
                  </a:cubicBezTo>
                  <a:cubicBezTo>
                    <a:pt x="222" y="370"/>
                    <a:pt x="224" y="389"/>
                    <a:pt x="211" y="400"/>
                  </a:cubicBezTo>
                  <a:cubicBezTo>
                    <a:pt x="191" y="418"/>
                    <a:pt x="179" y="416"/>
                    <a:pt x="155" y="424"/>
                  </a:cubicBezTo>
                  <a:cubicBezTo>
                    <a:pt x="150" y="440"/>
                    <a:pt x="138" y="441"/>
                    <a:pt x="131" y="456"/>
                  </a:cubicBezTo>
                  <a:cubicBezTo>
                    <a:pt x="120" y="481"/>
                    <a:pt x="117" y="506"/>
                    <a:pt x="111" y="532"/>
                  </a:cubicBezTo>
                  <a:cubicBezTo>
                    <a:pt x="117" y="572"/>
                    <a:pt x="110" y="614"/>
                    <a:pt x="123" y="652"/>
                  </a:cubicBezTo>
                  <a:cubicBezTo>
                    <a:pt x="118" y="667"/>
                    <a:pt x="108" y="671"/>
                    <a:pt x="99" y="684"/>
                  </a:cubicBezTo>
                  <a:cubicBezTo>
                    <a:pt x="107" y="714"/>
                    <a:pt x="129" y="699"/>
                    <a:pt x="155" y="708"/>
                  </a:cubicBezTo>
                  <a:cubicBezTo>
                    <a:pt x="142" y="721"/>
                    <a:pt x="131" y="735"/>
                    <a:pt x="143" y="756"/>
                  </a:cubicBezTo>
                  <a:cubicBezTo>
                    <a:pt x="145" y="760"/>
                    <a:pt x="151" y="759"/>
                    <a:pt x="155" y="760"/>
                  </a:cubicBezTo>
                  <a:cubicBezTo>
                    <a:pt x="173" y="765"/>
                    <a:pt x="183" y="766"/>
                    <a:pt x="199" y="776"/>
                  </a:cubicBezTo>
                  <a:cubicBezTo>
                    <a:pt x="190" y="802"/>
                    <a:pt x="161" y="794"/>
                    <a:pt x="135" y="796"/>
                  </a:cubicBezTo>
                  <a:cubicBezTo>
                    <a:pt x="157" y="811"/>
                    <a:pt x="186" y="793"/>
                    <a:pt x="195" y="820"/>
                  </a:cubicBezTo>
                  <a:cubicBezTo>
                    <a:pt x="184" y="823"/>
                    <a:pt x="149" y="830"/>
                    <a:pt x="171" y="852"/>
                  </a:cubicBezTo>
                  <a:cubicBezTo>
                    <a:pt x="178" y="859"/>
                    <a:pt x="208" y="864"/>
                    <a:pt x="219" y="872"/>
                  </a:cubicBezTo>
                  <a:cubicBezTo>
                    <a:pt x="220" y="876"/>
                    <a:pt x="220" y="881"/>
                    <a:pt x="223" y="884"/>
                  </a:cubicBezTo>
                  <a:cubicBezTo>
                    <a:pt x="226" y="888"/>
                    <a:pt x="233" y="888"/>
                    <a:pt x="235" y="892"/>
                  </a:cubicBezTo>
                  <a:cubicBezTo>
                    <a:pt x="241" y="904"/>
                    <a:pt x="239" y="919"/>
                    <a:pt x="243" y="932"/>
                  </a:cubicBezTo>
                  <a:cubicBezTo>
                    <a:pt x="234" y="958"/>
                    <a:pt x="218" y="953"/>
                    <a:pt x="191" y="956"/>
                  </a:cubicBezTo>
                  <a:cubicBezTo>
                    <a:pt x="180" y="973"/>
                    <a:pt x="182" y="981"/>
                    <a:pt x="199" y="992"/>
                  </a:cubicBezTo>
                  <a:cubicBezTo>
                    <a:pt x="170" y="1011"/>
                    <a:pt x="132" y="985"/>
                    <a:pt x="111" y="1016"/>
                  </a:cubicBezTo>
                  <a:cubicBezTo>
                    <a:pt x="126" y="1026"/>
                    <a:pt x="137" y="1025"/>
                    <a:pt x="147" y="1040"/>
                  </a:cubicBezTo>
                  <a:cubicBezTo>
                    <a:pt x="140" y="1081"/>
                    <a:pt x="131" y="1079"/>
                    <a:pt x="91" y="1084"/>
                  </a:cubicBezTo>
                  <a:cubicBezTo>
                    <a:pt x="83" y="1087"/>
                    <a:pt x="75" y="1089"/>
                    <a:pt x="67" y="1092"/>
                  </a:cubicBezTo>
                  <a:cubicBezTo>
                    <a:pt x="59" y="1095"/>
                    <a:pt x="61" y="1109"/>
                    <a:pt x="55" y="1116"/>
                  </a:cubicBezTo>
                  <a:cubicBezTo>
                    <a:pt x="35" y="1138"/>
                    <a:pt x="37" y="1136"/>
                    <a:pt x="19" y="1148"/>
                  </a:cubicBezTo>
                  <a:cubicBezTo>
                    <a:pt x="14" y="1156"/>
                    <a:pt x="8" y="1164"/>
                    <a:pt x="3" y="1172"/>
                  </a:cubicBezTo>
                  <a:cubicBezTo>
                    <a:pt x="0" y="1176"/>
                    <a:pt x="11" y="1178"/>
                    <a:pt x="15" y="1180"/>
                  </a:cubicBezTo>
                  <a:cubicBezTo>
                    <a:pt x="23" y="1183"/>
                    <a:pt x="31" y="1185"/>
                    <a:pt x="39" y="1188"/>
                  </a:cubicBezTo>
                  <a:cubicBezTo>
                    <a:pt x="67" y="1197"/>
                    <a:pt x="94" y="1207"/>
                    <a:pt x="119" y="1224"/>
                  </a:cubicBezTo>
                  <a:cubicBezTo>
                    <a:pt x="119" y="1229"/>
                    <a:pt x="111" y="1286"/>
                    <a:pt x="111" y="1308"/>
                  </a:cubicBezTo>
                </a:path>
              </a:pathLst>
            </a:custGeom>
            <a:noFill/>
            <a:ln w="28575" cap="flat" cmpd="sng">
              <a:solidFill>
                <a:srgbClr val="6699FF"/>
              </a:solidFill>
              <a:prstDash val="solid"/>
              <a:round/>
              <a:headEnd type="none" w="med" len="med"/>
              <a:tailEnd type="triangl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3" name="North Fork Mokelumne" hidden="1"/>
            <p:cNvSpPr>
              <a:spLocks/>
            </p:cNvSpPr>
            <p:nvPr/>
          </p:nvSpPr>
          <p:spPr bwMode="invGray">
            <a:xfrm>
              <a:off x="4456113" y="3797300"/>
              <a:ext cx="788988" cy="412750"/>
            </a:xfrm>
            <a:custGeom>
              <a:avLst/>
              <a:gdLst>
                <a:gd name="T0" fmla="*/ 788988 w 497"/>
                <a:gd name="T1" fmla="*/ 0 h 260"/>
                <a:gd name="T2" fmla="*/ 623888 w 497"/>
                <a:gd name="T3" fmla="*/ 38100 h 260"/>
                <a:gd name="T4" fmla="*/ 407988 w 497"/>
                <a:gd name="T5" fmla="*/ 127000 h 260"/>
                <a:gd name="T6" fmla="*/ 312738 w 497"/>
                <a:gd name="T7" fmla="*/ 146050 h 260"/>
                <a:gd name="T8" fmla="*/ 274638 w 497"/>
                <a:gd name="T9" fmla="*/ 158750 h 260"/>
                <a:gd name="T10" fmla="*/ 242888 w 497"/>
                <a:gd name="T11" fmla="*/ 165100 h 260"/>
                <a:gd name="T12" fmla="*/ 204788 w 497"/>
                <a:gd name="T13" fmla="*/ 177800 h 260"/>
                <a:gd name="T14" fmla="*/ 128588 w 497"/>
                <a:gd name="T15" fmla="*/ 234950 h 260"/>
                <a:gd name="T16" fmla="*/ 39688 w 497"/>
                <a:gd name="T17" fmla="*/ 247650 h 260"/>
                <a:gd name="T18" fmla="*/ 33338 w 497"/>
                <a:gd name="T19" fmla="*/ 285750 h 260"/>
                <a:gd name="T20" fmla="*/ 20638 w 497"/>
                <a:gd name="T21" fmla="*/ 311150 h 260"/>
                <a:gd name="T22" fmla="*/ 39688 w 497"/>
                <a:gd name="T23" fmla="*/ 349250 h 260"/>
                <a:gd name="T24" fmla="*/ 71438 w 497"/>
                <a:gd name="T25" fmla="*/ 412750 h 26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7" h="260">
                  <a:moveTo>
                    <a:pt x="497" y="0"/>
                  </a:moveTo>
                  <a:cubicBezTo>
                    <a:pt x="465" y="21"/>
                    <a:pt x="426" y="2"/>
                    <a:pt x="393" y="24"/>
                  </a:cubicBezTo>
                  <a:cubicBezTo>
                    <a:pt x="359" y="75"/>
                    <a:pt x="314" y="69"/>
                    <a:pt x="257" y="80"/>
                  </a:cubicBezTo>
                  <a:cubicBezTo>
                    <a:pt x="180" y="95"/>
                    <a:pt x="267" y="82"/>
                    <a:pt x="197" y="92"/>
                  </a:cubicBezTo>
                  <a:cubicBezTo>
                    <a:pt x="189" y="95"/>
                    <a:pt x="181" y="98"/>
                    <a:pt x="173" y="100"/>
                  </a:cubicBezTo>
                  <a:cubicBezTo>
                    <a:pt x="166" y="101"/>
                    <a:pt x="160" y="102"/>
                    <a:pt x="153" y="104"/>
                  </a:cubicBezTo>
                  <a:cubicBezTo>
                    <a:pt x="145" y="106"/>
                    <a:pt x="129" y="112"/>
                    <a:pt x="129" y="112"/>
                  </a:cubicBezTo>
                  <a:cubicBezTo>
                    <a:pt x="115" y="126"/>
                    <a:pt x="98" y="137"/>
                    <a:pt x="81" y="148"/>
                  </a:cubicBezTo>
                  <a:cubicBezTo>
                    <a:pt x="65" y="158"/>
                    <a:pt x="25" y="156"/>
                    <a:pt x="25" y="156"/>
                  </a:cubicBezTo>
                  <a:cubicBezTo>
                    <a:pt x="11" y="165"/>
                    <a:pt x="0" y="173"/>
                    <a:pt x="21" y="180"/>
                  </a:cubicBezTo>
                  <a:cubicBezTo>
                    <a:pt x="22" y="184"/>
                    <a:pt x="33" y="203"/>
                    <a:pt x="13" y="196"/>
                  </a:cubicBezTo>
                  <a:cubicBezTo>
                    <a:pt x="14" y="203"/>
                    <a:pt x="20" y="209"/>
                    <a:pt x="25" y="220"/>
                  </a:cubicBezTo>
                  <a:cubicBezTo>
                    <a:pt x="31" y="229"/>
                    <a:pt x="45" y="250"/>
                    <a:pt x="45" y="260"/>
                  </a:cubicBezTo>
                </a:path>
              </a:pathLst>
            </a:custGeom>
            <a:noFill/>
            <a:ln w="28575" cap="flat" cmpd="sng">
              <a:solidFill>
                <a:srgbClr val="6699FF"/>
              </a:solidFill>
              <a:prstDash val="solid"/>
              <a:round/>
              <a:headEnd type="none" w="med" len="med"/>
              <a:tailEnd type="none" w="med" len="me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sp>
        <p:nvSpPr>
          <p:cNvPr id="40970" name="San Joaquin River"/>
          <p:cNvSpPr>
            <a:spLocks/>
          </p:cNvSpPr>
          <p:nvPr/>
        </p:nvSpPr>
        <p:spPr bwMode="ltGray">
          <a:xfrm>
            <a:off x="2603500" y="4287838"/>
            <a:ext cx="6500813" cy="2311400"/>
          </a:xfrm>
          <a:custGeom>
            <a:avLst/>
            <a:gdLst>
              <a:gd name="T0" fmla="*/ 6500813 w 4095"/>
              <a:gd name="T1" fmla="*/ 2311400 h 1456"/>
              <a:gd name="T2" fmla="*/ 6480175 w 4095"/>
              <a:gd name="T3" fmla="*/ 2252663 h 1456"/>
              <a:gd name="T4" fmla="*/ 6421438 w 4095"/>
              <a:gd name="T5" fmla="*/ 2212975 h 1456"/>
              <a:gd name="T6" fmla="*/ 6361113 w 4095"/>
              <a:gd name="T7" fmla="*/ 2152650 h 1456"/>
              <a:gd name="T8" fmla="*/ 6262688 w 4095"/>
              <a:gd name="T9" fmla="*/ 2133600 h 1456"/>
              <a:gd name="T10" fmla="*/ 6043613 w 4095"/>
              <a:gd name="T11" fmla="*/ 2012950 h 1456"/>
              <a:gd name="T12" fmla="*/ 5983288 w 4095"/>
              <a:gd name="T13" fmla="*/ 1854200 h 1456"/>
              <a:gd name="T14" fmla="*/ 5805488 w 4095"/>
              <a:gd name="T15" fmla="*/ 1595438 h 1456"/>
              <a:gd name="T16" fmla="*/ 5765800 w 4095"/>
              <a:gd name="T17" fmla="*/ 1536700 h 1456"/>
              <a:gd name="T18" fmla="*/ 5705475 w 4095"/>
              <a:gd name="T19" fmla="*/ 1516063 h 1456"/>
              <a:gd name="T20" fmla="*/ 5686425 w 4095"/>
              <a:gd name="T21" fmla="*/ 1397000 h 1456"/>
              <a:gd name="T22" fmla="*/ 5626100 w 4095"/>
              <a:gd name="T23" fmla="*/ 1377950 h 1456"/>
              <a:gd name="T24" fmla="*/ 5446713 w 4095"/>
              <a:gd name="T25" fmla="*/ 1357313 h 1456"/>
              <a:gd name="T26" fmla="*/ 5446713 w 4095"/>
              <a:gd name="T27" fmla="*/ 1119188 h 1456"/>
              <a:gd name="T28" fmla="*/ 5189538 w 4095"/>
              <a:gd name="T29" fmla="*/ 960438 h 1456"/>
              <a:gd name="T30" fmla="*/ 4949825 w 4095"/>
              <a:gd name="T31" fmla="*/ 841375 h 1456"/>
              <a:gd name="T32" fmla="*/ 4751388 w 4095"/>
              <a:gd name="T33" fmla="*/ 762000 h 1456"/>
              <a:gd name="T34" fmla="*/ 4711700 w 4095"/>
              <a:gd name="T35" fmla="*/ 720725 h 1456"/>
              <a:gd name="T36" fmla="*/ 4433888 w 4095"/>
              <a:gd name="T37" fmla="*/ 681038 h 1456"/>
              <a:gd name="T38" fmla="*/ 4314825 w 4095"/>
              <a:gd name="T39" fmla="*/ 641350 h 1456"/>
              <a:gd name="T40" fmla="*/ 4114800 w 4095"/>
              <a:gd name="T41" fmla="*/ 482600 h 1456"/>
              <a:gd name="T42" fmla="*/ 3498850 w 4095"/>
              <a:gd name="T43" fmla="*/ 463550 h 1456"/>
              <a:gd name="T44" fmla="*/ 3400425 w 4095"/>
              <a:gd name="T45" fmla="*/ 384175 h 1456"/>
              <a:gd name="T46" fmla="*/ 3200400 w 4095"/>
              <a:gd name="T47" fmla="*/ 323850 h 1456"/>
              <a:gd name="T48" fmla="*/ 3141663 w 4095"/>
              <a:gd name="T49" fmla="*/ 284163 h 1456"/>
              <a:gd name="T50" fmla="*/ 2624138 w 4095"/>
              <a:gd name="T51" fmla="*/ 244475 h 1456"/>
              <a:gd name="T52" fmla="*/ 2246313 w 4095"/>
              <a:gd name="T53" fmla="*/ 184150 h 1456"/>
              <a:gd name="T54" fmla="*/ 2147888 w 4095"/>
              <a:gd name="T55" fmla="*/ 104775 h 1456"/>
              <a:gd name="T56" fmla="*/ 1968500 w 4095"/>
              <a:gd name="T57" fmla="*/ 6350 h 1456"/>
              <a:gd name="T58" fmla="*/ 855663 w 4095"/>
              <a:gd name="T59" fmla="*/ 25400 h 1456"/>
              <a:gd name="T60" fmla="*/ 815975 w 4095"/>
              <a:gd name="T61" fmla="*/ 85725 h 1456"/>
              <a:gd name="T62" fmla="*/ 417513 w 4095"/>
              <a:gd name="T63" fmla="*/ 244475 h 1456"/>
              <a:gd name="T64" fmla="*/ 239713 w 4095"/>
              <a:gd name="T65" fmla="*/ 263525 h 1456"/>
              <a:gd name="T66" fmla="*/ 0 w 4095"/>
              <a:gd name="T67" fmla="*/ 323850 h 145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095" h="1456">
                <a:moveTo>
                  <a:pt x="4095" y="1456"/>
                </a:moveTo>
                <a:cubicBezTo>
                  <a:pt x="4091" y="1444"/>
                  <a:pt x="4090" y="1429"/>
                  <a:pt x="4082" y="1419"/>
                </a:cubicBezTo>
                <a:cubicBezTo>
                  <a:pt x="4073" y="1407"/>
                  <a:pt x="4056" y="1404"/>
                  <a:pt x="4045" y="1394"/>
                </a:cubicBezTo>
                <a:cubicBezTo>
                  <a:pt x="4031" y="1382"/>
                  <a:pt x="4023" y="1364"/>
                  <a:pt x="4007" y="1356"/>
                </a:cubicBezTo>
                <a:cubicBezTo>
                  <a:pt x="3988" y="1347"/>
                  <a:pt x="3966" y="1348"/>
                  <a:pt x="3945" y="1344"/>
                </a:cubicBezTo>
                <a:cubicBezTo>
                  <a:pt x="3920" y="1271"/>
                  <a:pt x="3883" y="1279"/>
                  <a:pt x="3807" y="1268"/>
                </a:cubicBezTo>
                <a:cubicBezTo>
                  <a:pt x="3822" y="1205"/>
                  <a:pt x="3835" y="1191"/>
                  <a:pt x="3769" y="1168"/>
                </a:cubicBezTo>
                <a:cubicBezTo>
                  <a:pt x="3743" y="1091"/>
                  <a:pt x="3726" y="1052"/>
                  <a:pt x="3657" y="1005"/>
                </a:cubicBezTo>
                <a:cubicBezTo>
                  <a:pt x="3649" y="993"/>
                  <a:pt x="3644" y="977"/>
                  <a:pt x="3632" y="968"/>
                </a:cubicBezTo>
                <a:cubicBezTo>
                  <a:pt x="3622" y="960"/>
                  <a:pt x="3601" y="967"/>
                  <a:pt x="3594" y="955"/>
                </a:cubicBezTo>
                <a:cubicBezTo>
                  <a:pt x="3581" y="933"/>
                  <a:pt x="3595" y="902"/>
                  <a:pt x="3582" y="880"/>
                </a:cubicBezTo>
                <a:cubicBezTo>
                  <a:pt x="3575" y="868"/>
                  <a:pt x="3557" y="870"/>
                  <a:pt x="3544" y="868"/>
                </a:cubicBezTo>
                <a:cubicBezTo>
                  <a:pt x="3507" y="862"/>
                  <a:pt x="3469" y="859"/>
                  <a:pt x="3431" y="855"/>
                </a:cubicBezTo>
                <a:cubicBezTo>
                  <a:pt x="3478" y="785"/>
                  <a:pt x="3478" y="775"/>
                  <a:pt x="3431" y="705"/>
                </a:cubicBezTo>
                <a:cubicBezTo>
                  <a:pt x="3403" y="615"/>
                  <a:pt x="3345" y="617"/>
                  <a:pt x="3269" y="605"/>
                </a:cubicBezTo>
                <a:cubicBezTo>
                  <a:pt x="3178" y="517"/>
                  <a:pt x="3308" y="550"/>
                  <a:pt x="3118" y="530"/>
                </a:cubicBezTo>
                <a:cubicBezTo>
                  <a:pt x="3072" y="518"/>
                  <a:pt x="3031" y="511"/>
                  <a:pt x="2993" y="480"/>
                </a:cubicBezTo>
                <a:cubicBezTo>
                  <a:pt x="2984" y="472"/>
                  <a:pt x="2978" y="460"/>
                  <a:pt x="2968" y="454"/>
                </a:cubicBezTo>
                <a:cubicBezTo>
                  <a:pt x="2918" y="424"/>
                  <a:pt x="2852" y="435"/>
                  <a:pt x="2793" y="429"/>
                </a:cubicBezTo>
                <a:cubicBezTo>
                  <a:pt x="2789" y="428"/>
                  <a:pt x="2722" y="407"/>
                  <a:pt x="2718" y="404"/>
                </a:cubicBezTo>
                <a:cubicBezTo>
                  <a:pt x="2676" y="370"/>
                  <a:pt x="2659" y="308"/>
                  <a:pt x="2592" y="304"/>
                </a:cubicBezTo>
                <a:cubicBezTo>
                  <a:pt x="2463" y="296"/>
                  <a:pt x="2333" y="296"/>
                  <a:pt x="2204" y="292"/>
                </a:cubicBezTo>
                <a:cubicBezTo>
                  <a:pt x="2109" y="259"/>
                  <a:pt x="2224" y="307"/>
                  <a:pt x="2142" y="242"/>
                </a:cubicBezTo>
                <a:cubicBezTo>
                  <a:pt x="2110" y="216"/>
                  <a:pt x="2053" y="223"/>
                  <a:pt x="2016" y="204"/>
                </a:cubicBezTo>
                <a:cubicBezTo>
                  <a:pt x="2003" y="197"/>
                  <a:pt x="1994" y="181"/>
                  <a:pt x="1979" y="179"/>
                </a:cubicBezTo>
                <a:cubicBezTo>
                  <a:pt x="1871" y="164"/>
                  <a:pt x="1653" y="154"/>
                  <a:pt x="1653" y="154"/>
                </a:cubicBezTo>
                <a:cubicBezTo>
                  <a:pt x="1565" y="123"/>
                  <a:pt x="1526" y="125"/>
                  <a:pt x="1415" y="116"/>
                </a:cubicBezTo>
                <a:cubicBezTo>
                  <a:pt x="1332" y="89"/>
                  <a:pt x="1422" y="127"/>
                  <a:pt x="1353" y="66"/>
                </a:cubicBezTo>
                <a:cubicBezTo>
                  <a:pt x="1299" y="19"/>
                  <a:pt x="1292" y="21"/>
                  <a:pt x="1240" y="4"/>
                </a:cubicBezTo>
                <a:cubicBezTo>
                  <a:pt x="1006" y="8"/>
                  <a:pt x="772" y="0"/>
                  <a:pt x="539" y="16"/>
                </a:cubicBezTo>
                <a:cubicBezTo>
                  <a:pt x="524" y="17"/>
                  <a:pt x="529" y="51"/>
                  <a:pt x="514" y="54"/>
                </a:cubicBezTo>
                <a:cubicBezTo>
                  <a:pt x="448" y="68"/>
                  <a:pt x="330" y="150"/>
                  <a:pt x="263" y="154"/>
                </a:cubicBezTo>
                <a:cubicBezTo>
                  <a:pt x="210" y="173"/>
                  <a:pt x="206" y="148"/>
                  <a:pt x="151" y="166"/>
                </a:cubicBezTo>
                <a:cubicBezTo>
                  <a:pt x="104" y="182"/>
                  <a:pt x="50" y="204"/>
                  <a:pt x="0" y="204"/>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nvGrpSpPr>
          <p:cNvPr id="3" name="Sac River"/>
          <p:cNvGrpSpPr>
            <a:grpSpLocks/>
          </p:cNvGrpSpPr>
          <p:nvPr/>
        </p:nvGrpSpPr>
        <p:grpSpPr bwMode="auto">
          <a:xfrm>
            <a:off x="2590800" y="1739900"/>
            <a:ext cx="2795588" cy="2616200"/>
            <a:chOff x="2590800" y="1739900"/>
            <a:chExt cx="2795588" cy="2616200"/>
          </a:xfrm>
        </p:grpSpPr>
        <p:sp>
          <p:nvSpPr>
            <p:cNvPr id="41069" name="Sacramento River"/>
            <p:cNvSpPr>
              <a:spLocks/>
            </p:cNvSpPr>
            <p:nvPr/>
          </p:nvSpPr>
          <p:spPr bwMode="ltGray">
            <a:xfrm>
              <a:off x="2590800" y="1739900"/>
              <a:ext cx="2795588" cy="2616200"/>
            </a:xfrm>
            <a:custGeom>
              <a:avLst/>
              <a:gdLst>
                <a:gd name="T0" fmla="*/ 76200 w 1761"/>
                <a:gd name="T1" fmla="*/ 2603500 h 1648"/>
                <a:gd name="T2" fmla="*/ 482600 w 1761"/>
                <a:gd name="T3" fmla="*/ 2501900 h 1648"/>
                <a:gd name="T4" fmla="*/ 895350 w 1761"/>
                <a:gd name="T5" fmla="*/ 2355850 h 1648"/>
                <a:gd name="T6" fmla="*/ 1187450 w 1761"/>
                <a:gd name="T7" fmla="*/ 2222500 h 1648"/>
                <a:gd name="T8" fmla="*/ 1619250 w 1761"/>
                <a:gd name="T9" fmla="*/ 2279650 h 1648"/>
                <a:gd name="T10" fmla="*/ 2000250 w 1761"/>
                <a:gd name="T11" fmla="*/ 2216150 h 1648"/>
                <a:gd name="T12" fmla="*/ 2273300 w 1761"/>
                <a:gd name="T13" fmla="*/ 2127250 h 1648"/>
                <a:gd name="T14" fmla="*/ 2279650 w 1761"/>
                <a:gd name="T15" fmla="*/ 2025650 h 1648"/>
                <a:gd name="T16" fmla="*/ 2724150 w 1761"/>
                <a:gd name="T17" fmla="*/ 2025650 h 1648"/>
                <a:gd name="T18" fmla="*/ 2362200 w 1761"/>
                <a:gd name="T19" fmla="*/ 1911350 h 1648"/>
                <a:gd name="T20" fmla="*/ 2139950 w 1761"/>
                <a:gd name="T21" fmla="*/ 1803400 h 1648"/>
                <a:gd name="T22" fmla="*/ 2482850 w 1761"/>
                <a:gd name="T23" fmla="*/ 1746250 h 1648"/>
                <a:gd name="T24" fmla="*/ 2635250 w 1761"/>
                <a:gd name="T25" fmla="*/ 1727200 h 1648"/>
                <a:gd name="T26" fmla="*/ 2705100 w 1761"/>
                <a:gd name="T27" fmla="*/ 1644650 h 1648"/>
                <a:gd name="T28" fmla="*/ 2565400 w 1761"/>
                <a:gd name="T29" fmla="*/ 1555750 h 1648"/>
                <a:gd name="T30" fmla="*/ 2794000 w 1761"/>
                <a:gd name="T31" fmla="*/ 1511300 h 1648"/>
                <a:gd name="T32" fmla="*/ 2635250 w 1761"/>
                <a:gd name="T33" fmla="*/ 1466850 h 1648"/>
                <a:gd name="T34" fmla="*/ 2425700 w 1761"/>
                <a:gd name="T35" fmla="*/ 1454150 h 1648"/>
                <a:gd name="T36" fmla="*/ 2489200 w 1761"/>
                <a:gd name="T37" fmla="*/ 1365250 h 1648"/>
                <a:gd name="T38" fmla="*/ 2724150 w 1761"/>
                <a:gd name="T39" fmla="*/ 1339850 h 1648"/>
                <a:gd name="T40" fmla="*/ 2743200 w 1761"/>
                <a:gd name="T41" fmla="*/ 1250950 h 1648"/>
                <a:gd name="T42" fmla="*/ 2476500 w 1761"/>
                <a:gd name="T43" fmla="*/ 1257300 h 1648"/>
                <a:gd name="T44" fmla="*/ 2381250 w 1761"/>
                <a:gd name="T45" fmla="*/ 1187450 h 1648"/>
                <a:gd name="T46" fmla="*/ 2133600 w 1761"/>
                <a:gd name="T47" fmla="*/ 1162050 h 1648"/>
                <a:gd name="T48" fmla="*/ 1917700 w 1761"/>
                <a:gd name="T49" fmla="*/ 1117600 h 1648"/>
                <a:gd name="T50" fmla="*/ 1962150 w 1761"/>
                <a:gd name="T51" fmla="*/ 1035050 h 1648"/>
                <a:gd name="T52" fmla="*/ 1854200 w 1761"/>
                <a:gd name="T53" fmla="*/ 1022350 h 1648"/>
                <a:gd name="T54" fmla="*/ 1720850 w 1761"/>
                <a:gd name="T55" fmla="*/ 1028700 h 1648"/>
                <a:gd name="T56" fmla="*/ 1562100 w 1761"/>
                <a:gd name="T57" fmla="*/ 990600 h 1648"/>
                <a:gd name="T58" fmla="*/ 1320800 w 1761"/>
                <a:gd name="T59" fmla="*/ 933450 h 1648"/>
                <a:gd name="T60" fmla="*/ 1193800 w 1761"/>
                <a:gd name="T61" fmla="*/ 901700 h 1648"/>
                <a:gd name="T62" fmla="*/ 1022350 w 1761"/>
                <a:gd name="T63" fmla="*/ 927100 h 1648"/>
                <a:gd name="T64" fmla="*/ 698500 w 1761"/>
                <a:gd name="T65" fmla="*/ 914400 h 1648"/>
                <a:gd name="T66" fmla="*/ 469900 w 1761"/>
                <a:gd name="T67" fmla="*/ 863600 h 1648"/>
                <a:gd name="T68" fmla="*/ 552450 w 1761"/>
                <a:gd name="T69" fmla="*/ 781050 h 1648"/>
                <a:gd name="T70" fmla="*/ 368300 w 1761"/>
                <a:gd name="T71" fmla="*/ 749300 h 1648"/>
                <a:gd name="T72" fmla="*/ 222250 w 1761"/>
                <a:gd name="T73" fmla="*/ 635000 h 1648"/>
                <a:gd name="T74" fmla="*/ 419100 w 1761"/>
                <a:gd name="T75" fmla="*/ 501650 h 1648"/>
                <a:gd name="T76" fmla="*/ 571500 w 1761"/>
                <a:gd name="T77" fmla="*/ 457200 h 1648"/>
                <a:gd name="T78" fmla="*/ 736600 w 1761"/>
                <a:gd name="T79" fmla="*/ 406400 h 1648"/>
                <a:gd name="T80" fmla="*/ 882650 w 1761"/>
                <a:gd name="T81" fmla="*/ 330200 h 1648"/>
                <a:gd name="T82" fmla="*/ 850900 w 1761"/>
                <a:gd name="T83" fmla="*/ 234950 h 1648"/>
                <a:gd name="T84" fmla="*/ 819150 w 1761"/>
                <a:gd name="T85" fmla="*/ 146050 h 1648"/>
                <a:gd name="T86" fmla="*/ 781050 w 1761"/>
                <a:gd name="T87" fmla="*/ 95250 h 1648"/>
                <a:gd name="T88" fmla="*/ 711200 w 1761"/>
                <a:gd name="T89" fmla="*/ 57150 h 1648"/>
                <a:gd name="T90" fmla="*/ 609600 w 1761"/>
                <a:gd name="T91" fmla="*/ 0 h 164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761" h="1648">
                  <a:moveTo>
                    <a:pt x="0" y="1640"/>
                  </a:moveTo>
                  <a:cubicBezTo>
                    <a:pt x="12" y="1644"/>
                    <a:pt x="24" y="1648"/>
                    <a:pt x="48" y="1640"/>
                  </a:cubicBezTo>
                  <a:cubicBezTo>
                    <a:pt x="72" y="1632"/>
                    <a:pt x="101" y="1603"/>
                    <a:pt x="144" y="1592"/>
                  </a:cubicBezTo>
                  <a:cubicBezTo>
                    <a:pt x="187" y="1581"/>
                    <a:pt x="258" y="1585"/>
                    <a:pt x="304" y="1576"/>
                  </a:cubicBezTo>
                  <a:cubicBezTo>
                    <a:pt x="350" y="1567"/>
                    <a:pt x="377" y="1555"/>
                    <a:pt x="420" y="1540"/>
                  </a:cubicBezTo>
                  <a:cubicBezTo>
                    <a:pt x="463" y="1525"/>
                    <a:pt x="530" y="1501"/>
                    <a:pt x="564" y="1484"/>
                  </a:cubicBezTo>
                  <a:cubicBezTo>
                    <a:pt x="598" y="1467"/>
                    <a:pt x="594" y="1450"/>
                    <a:pt x="624" y="1436"/>
                  </a:cubicBezTo>
                  <a:cubicBezTo>
                    <a:pt x="654" y="1422"/>
                    <a:pt x="701" y="1402"/>
                    <a:pt x="748" y="1400"/>
                  </a:cubicBezTo>
                  <a:cubicBezTo>
                    <a:pt x="795" y="1398"/>
                    <a:pt x="863" y="1418"/>
                    <a:pt x="908" y="1424"/>
                  </a:cubicBezTo>
                  <a:cubicBezTo>
                    <a:pt x="953" y="1430"/>
                    <a:pt x="977" y="1433"/>
                    <a:pt x="1020" y="1436"/>
                  </a:cubicBezTo>
                  <a:cubicBezTo>
                    <a:pt x="1063" y="1439"/>
                    <a:pt x="1128" y="1447"/>
                    <a:pt x="1168" y="1440"/>
                  </a:cubicBezTo>
                  <a:cubicBezTo>
                    <a:pt x="1208" y="1433"/>
                    <a:pt x="1228" y="1406"/>
                    <a:pt x="1260" y="1396"/>
                  </a:cubicBezTo>
                  <a:cubicBezTo>
                    <a:pt x="1292" y="1386"/>
                    <a:pt x="1332" y="1389"/>
                    <a:pt x="1360" y="1380"/>
                  </a:cubicBezTo>
                  <a:cubicBezTo>
                    <a:pt x="1388" y="1371"/>
                    <a:pt x="1420" y="1351"/>
                    <a:pt x="1432" y="1340"/>
                  </a:cubicBezTo>
                  <a:cubicBezTo>
                    <a:pt x="1444" y="1329"/>
                    <a:pt x="1431" y="1323"/>
                    <a:pt x="1432" y="1312"/>
                  </a:cubicBezTo>
                  <a:cubicBezTo>
                    <a:pt x="1433" y="1301"/>
                    <a:pt x="1411" y="1281"/>
                    <a:pt x="1436" y="1276"/>
                  </a:cubicBezTo>
                  <a:cubicBezTo>
                    <a:pt x="1461" y="1271"/>
                    <a:pt x="1537" y="1280"/>
                    <a:pt x="1584" y="1280"/>
                  </a:cubicBezTo>
                  <a:cubicBezTo>
                    <a:pt x="1631" y="1280"/>
                    <a:pt x="1713" y="1283"/>
                    <a:pt x="1716" y="1276"/>
                  </a:cubicBezTo>
                  <a:cubicBezTo>
                    <a:pt x="1719" y="1269"/>
                    <a:pt x="1642" y="1252"/>
                    <a:pt x="1604" y="1240"/>
                  </a:cubicBezTo>
                  <a:cubicBezTo>
                    <a:pt x="1566" y="1228"/>
                    <a:pt x="1523" y="1215"/>
                    <a:pt x="1488" y="1204"/>
                  </a:cubicBezTo>
                  <a:cubicBezTo>
                    <a:pt x="1453" y="1193"/>
                    <a:pt x="1419" y="1187"/>
                    <a:pt x="1396" y="1176"/>
                  </a:cubicBezTo>
                  <a:cubicBezTo>
                    <a:pt x="1373" y="1165"/>
                    <a:pt x="1340" y="1148"/>
                    <a:pt x="1348" y="1136"/>
                  </a:cubicBezTo>
                  <a:cubicBezTo>
                    <a:pt x="1356" y="1124"/>
                    <a:pt x="1408" y="1110"/>
                    <a:pt x="1444" y="1104"/>
                  </a:cubicBezTo>
                  <a:cubicBezTo>
                    <a:pt x="1480" y="1098"/>
                    <a:pt x="1535" y="1101"/>
                    <a:pt x="1564" y="1100"/>
                  </a:cubicBezTo>
                  <a:cubicBezTo>
                    <a:pt x="1593" y="1099"/>
                    <a:pt x="1604" y="1098"/>
                    <a:pt x="1620" y="1096"/>
                  </a:cubicBezTo>
                  <a:cubicBezTo>
                    <a:pt x="1636" y="1094"/>
                    <a:pt x="1655" y="1096"/>
                    <a:pt x="1660" y="1088"/>
                  </a:cubicBezTo>
                  <a:cubicBezTo>
                    <a:pt x="1665" y="1080"/>
                    <a:pt x="1645" y="1057"/>
                    <a:pt x="1652" y="1048"/>
                  </a:cubicBezTo>
                  <a:cubicBezTo>
                    <a:pt x="1659" y="1039"/>
                    <a:pt x="1701" y="1043"/>
                    <a:pt x="1704" y="1036"/>
                  </a:cubicBezTo>
                  <a:cubicBezTo>
                    <a:pt x="1707" y="1029"/>
                    <a:pt x="1683" y="1013"/>
                    <a:pt x="1668" y="1004"/>
                  </a:cubicBezTo>
                  <a:cubicBezTo>
                    <a:pt x="1653" y="995"/>
                    <a:pt x="1606" y="986"/>
                    <a:pt x="1616" y="980"/>
                  </a:cubicBezTo>
                  <a:cubicBezTo>
                    <a:pt x="1626" y="974"/>
                    <a:pt x="1704" y="973"/>
                    <a:pt x="1728" y="968"/>
                  </a:cubicBezTo>
                  <a:cubicBezTo>
                    <a:pt x="1752" y="963"/>
                    <a:pt x="1761" y="960"/>
                    <a:pt x="1760" y="952"/>
                  </a:cubicBezTo>
                  <a:cubicBezTo>
                    <a:pt x="1759" y="944"/>
                    <a:pt x="1741" y="925"/>
                    <a:pt x="1724" y="920"/>
                  </a:cubicBezTo>
                  <a:cubicBezTo>
                    <a:pt x="1707" y="915"/>
                    <a:pt x="1681" y="923"/>
                    <a:pt x="1660" y="924"/>
                  </a:cubicBezTo>
                  <a:cubicBezTo>
                    <a:pt x="1639" y="925"/>
                    <a:pt x="1622" y="929"/>
                    <a:pt x="1600" y="928"/>
                  </a:cubicBezTo>
                  <a:cubicBezTo>
                    <a:pt x="1578" y="927"/>
                    <a:pt x="1546" y="923"/>
                    <a:pt x="1528" y="916"/>
                  </a:cubicBezTo>
                  <a:cubicBezTo>
                    <a:pt x="1510" y="909"/>
                    <a:pt x="1481" y="897"/>
                    <a:pt x="1488" y="888"/>
                  </a:cubicBezTo>
                  <a:cubicBezTo>
                    <a:pt x="1495" y="879"/>
                    <a:pt x="1541" y="863"/>
                    <a:pt x="1568" y="860"/>
                  </a:cubicBezTo>
                  <a:cubicBezTo>
                    <a:pt x="1595" y="857"/>
                    <a:pt x="1627" y="875"/>
                    <a:pt x="1652" y="872"/>
                  </a:cubicBezTo>
                  <a:cubicBezTo>
                    <a:pt x="1677" y="869"/>
                    <a:pt x="1711" y="853"/>
                    <a:pt x="1716" y="844"/>
                  </a:cubicBezTo>
                  <a:cubicBezTo>
                    <a:pt x="1721" y="835"/>
                    <a:pt x="1678" y="829"/>
                    <a:pt x="1680" y="820"/>
                  </a:cubicBezTo>
                  <a:cubicBezTo>
                    <a:pt x="1682" y="811"/>
                    <a:pt x="1730" y="795"/>
                    <a:pt x="1728" y="788"/>
                  </a:cubicBezTo>
                  <a:cubicBezTo>
                    <a:pt x="1726" y="781"/>
                    <a:pt x="1696" y="775"/>
                    <a:pt x="1668" y="776"/>
                  </a:cubicBezTo>
                  <a:cubicBezTo>
                    <a:pt x="1640" y="777"/>
                    <a:pt x="1586" y="792"/>
                    <a:pt x="1560" y="792"/>
                  </a:cubicBezTo>
                  <a:cubicBezTo>
                    <a:pt x="1534" y="792"/>
                    <a:pt x="1522" y="783"/>
                    <a:pt x="1512" y="776"/>
                  </a:cubicBezTo>
                  <a:cubicBezTo>
                    <a:pt x="1502" y="769"/>
                    <a:pt x="1515" y="755"/>
                    <a:pt x="1500" y="748"/>
                  </a:cubicBezTo>
                  <a:cubicBezTo>
                    <a:pt x="1485" y="741"/>
                    <a:pt x="1450" y="735"/>
                    <a:pt x="1424" y="732"/>
                  </a:cubicBezTo>
                  <a:cubicBezTo>
                    <a:pt x="1398" y="729"/>
                    <a:pt x="1371" y="733"/>
                    <a:pt x="1344" y="732"/>
                  </a:cubicBezTo>
                  <a:cubicBezTo>
                    <a:pt x="1317" y="731"/>
                    <a:pt x="1283" y="733"/>
                    <a:pt x="1260" y="728"/>
                  </a:cubicBezTo>
                  <a:cubicBezTo>
                    <a:pt x="1237" y="723"/>
                    <a:pt x="1217" y="712"/>
                    <a:pt x="1208" y="704"/>
                  </a:cubicBezTo>
                  <a:cubicBezTo>
                    <a:pt x="1199" y="696"/>
                    <a:pt x="1199" y="689"/>
                    <a:pt x="1204" y="680"/>
                  </a:cubicBezTo>
                  <a:cubicBezTo>
                    <a:pt x="1209" y="671"/>
                    <a:pt x="1235" y="659"/>
                    <a:pt x="1236" y="652"/>
                  </a:cubicBezTo>
                  <a:cubicBezTo>
                    <a:pt x="1237" y="645"/>
                    <a:pt x="1219" y="641"/>
                    <a:pt x="1208" y="640"/>
                  </a:cubicBezTo>
                  <a:cubicBezTo>
                    <a:pt x="1197" y="639"/>
                    <a:pt x="1181" y="643"/>
                    <a:pt x="1168" y="644"/>
                  </a:cubicBezTo>
                  <a:cubicBezTo>
                    <a:pt x="1155" y="645"/>
                    <a:pt x="1142" y="643"/>
                    <a:pt x="1128" y="644"/>
                  </a:cubicBezTo>
                  <a:cubicBezTo>
                    <a:pt x="1114" y="645"/>
                    <a:pt x="1097" y="648"/>
                    <a:pt x="1084" y="648"/>
                  </a:cubicBezTo>
                  <a:cubicBezTo>
                    <a:pt x="1071" y="648"/>
                    <a:pt x="1069" y="648"/>
                    <a:pt x="1052" y="644"/>
                  </a:cubicBezTo>
                  <a:cubicBezTo>
                    <a:pt x="1035" y="640"/>
                    <a:pt x="1007" y="628"/>
                    <a:pt x="984" y="624"/>
                  </a:cubicBezTo>
                  <a:cubicBezTo>
                    <a:pt x="961" y="620"/>
                    <a:pt x="941" y="626"/>
                    <a:pt x="916" y="620"/>
                  </a:cubicBezTo>
                  <a:cubicBezTo>
                    <a:pt x="891" y="614"/>
                    <a:pt x="851" y="597"/>
                    <a:pt x="832" y="588"/>
                  </a:cubicBezTo>
                  <a:cubicBezTo>
                    <a:pt x="813" y="579"/>
                    <a:pt x="817" y="571"/>
                    <a:pt x="804" y="568"/>
                  </a:cubicBezTo>
                  <a:cubicBezTo>
                    <a:pt x="791" y="565"/>
                    <a:pt x="771" y="569"/>
                    <a:pt x="752" y="568"/>
                  </a:cubicBezTo>
                  <a:cubicBezTo>
                    <a:pt x="733" y="567"/>
                    <a:pt x="706" y="557"/>
                    <a:pt x="688" y="560"/>
                  </a:cubicBezTo>
                  <a:cubicBezTo>
                    <a:pt x="670" y="563"/>
                    <a:pt x="670" y="580"/>
                    <a:pt x="644" y="584"/>
                  </a:cubicBezTo>
                  <a:cubicBezTo>
                    <a:pt x="618" y="588"/>
                    <a:pt x="566" y="585"/>
                    <a:pt x="532" y="584"/>
                  </a:cubicBezTo>
                  <a:cubicBezTo>
                    <a:pt x="498" y="583"/>
                    <a:pt x="469" y="580"/>
                    <a:pt x="440" y="576"/>
                  </a:cubicBezTo>
                  <a:cubicBezTo>
                    <a:pt x="411" y="572"/>
                    <a:pt x="380" y="565"/>
                    <a:pt x="356" y="560"/>
                  </a:cubicBezTo>
                  <a:cubicBezTo>
                    <a:pt x="332" y="555"/>
                    <a:pt x="305" y="551"/>
                    <a:pt x="296" y="544"/>
                  </a:cubicBezTo>
                  <a:cubicBezTo>
                    <a:pt x="287" y="537"/>
                    <a:pt x="295" y="525"/>
                    <a:pt x="304" y="516"/>
                  </a:cubicBezTo>
                  <a:cubicBezTo>
                    <a:pt x="313" y="507"/>
                    <a:pt x="350" y="499"/>
                    <a:pt x="348" y="492"/>
                  </a:cubicBezTo>
                  <a:cubicBezTo>
                    <a:pt x="346" y="485"/>
                    <a:pt x="311" y="475"/>
                    <a:pt x="292" y="472"/>
                  </a:cubicBezTo>
                  <a:cubicBezTo>
                    <a:pt x="273" y="469"/>
                    <a:pt x="253" y="477"/>
                    <a:pt x="232" y="472"/>
                  </a:cubicBezTo>
                  <a:cubicBezTo>
                    <a:pt x="211" y="467"/>
                    <a:pt x="183" y="456"/>
                    <a:pt x="168" y="444"/>
                  </a:cubicBezTo>
                  <a:cubicBezTo>
                    <a:pt x="153" y="432"/>
                    <a:pt x="135" y="414"/>
                    <a:pt x="140" y="400"/>
                  </a:cubicBezTo>
                  <a:cubicBezTo>
                    <a:pt x="145" y="386"/>
                    <a:pt x="179" y="374"/>
                    <a:pt x="200" y="360"/>
                  </a:cubicBezTo>
                  <a:cubicBezTo>
                    <a:pt x="221" y="346"/>
                    <a:pt x="247" y="325"/>
                    <a:pt x="264" y="316"/>
                  </a:cubicBezTo>
                  <a:cubicBezTo>
                    <a:pt x="281" y="307"/>
                    <a:pt x="288" y="309"/>
                    <a:pt x="304" y="304"/>
                  </a:cubicBezTo>
                  <a:cubicBezTo>
                    <a:pt x="320" y="299"/>
                    <a:pt x="341" y="293"/>
                    <a:pt x="360" y="288"/>
                  </a:cubicBezTo>
                  <a:cubicBezTo>
                    <a:pt x="379" y="283"/>
                    <a:pt x="399" y="281"/>
                    <a:pt x="416" y="276"/>
                  </a:cubicBezTo>
                  <a:cubicBezTo>
                    <a:pt x="433" y="271"/>
                    <a:pt x="449" y="262"/>
                    <a:pt x="464" y="256"/>
                  </a:cubicBezTo>
                  <a:cubicBezTo>
                    <a:pt x="479" y="250"/>
                    <a:pt x="493" y="248"/>
                    <a:pt x="508" y="240"/>
                  </a:cubicBezTo>
                  <a:cubicBezTo>
                    <a:pt x="523" y="232"/>
                    <a:pt x="552" y="219"/>
                    <a:pt x="556" y="208"/>
                  </a:cubicBezTo>
                  <a:cubicBezTo>
                    <a:pt x="560" y="197"/>
                    <a:pt x="535" y="186"/>
                    <a:pt x="532" y="176"/>
                  </a:cubicBezTo>
                  <a:cubicBezTo>
                    <a:pt x="529" y="166"/>
                    <a:pt x="540" y="158"/>
                    <a:pt x="536" y="148"/>
                  </a:cubicBezTo>
                  <a:cubicBezTo>
                    <a:pt x="532" y="138"/>
                    <a:pt x="511" y="125"/>
                    <a:pt x="508" y="116"/>
                  </a:cubicBezTo>
                  <a:cubicBezTo>
                    <a:pt x="505" y="107"/>
                    <a:pt x="519" y="96"/>
                    <a:pt x="516" y="92"/>
                  </a:cubicBezTo>
                  <a:cubicBezTo>
                    <a:pt x="513" y="88"/>
                    <a:pt x="496" y="97"/>
                    <a:pt x="492" y="92"/>
                  </a:cubicBezTo>
                  <a:cubicBezTo>
                    <a:pt x="488" y="87"/>
                    <a:pt x="501" y="65"/>
                    <a:pt x="492" y="60"/>
                  </a:cubicBezTo>
                  <a:cubicBezTo>
                    <a:pt x="483" y="55"/>
                    <a:pt x="443" y="64"/>
                    <a:pt x="436" y="60"/>
                  </a:cubicBezTo>
                  <a:cubicBezTo>
                    <a:pt x="429" y="56"/>
                    <a:pt x="453" y="42"/>
                    <a:pt x="448" y="36"/>
                  </a:cubicBezTo>
                  <a:cubicBezTo>
                    <a:pt x="443" y="30"/>
                    <a:pt x="415" y="30"/>
                    <a:pt x="404" y="24"/>
                  </a:cubicBezTo>
                  <a:cubicBezTo>
                    <a:pt x="393" y="18"/>
                    <a:pt x="389" y="7"/>
                    <a:pt x="384" y="0"/>
                  </a:cubicBezTo>
                </a:path>
              </a:pathLst>
            </a:custGeom>
            <a:noFill/>
            <a:ln w="5715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sp>
          <p:nvSpPr>
            <p:cNvPr id="41070" name="Feather River"/>
            <p:cNvSpPr>
              <a:spLocks/>
            </p:cNvSpPr>
            <p:nvPr/>
          </p:nvSpPr>
          <p:spPr bwMode="ltGray">
            <a:xfrm>
              <a:off x="4527550" y="2044700"/>
              <a:ext cx="730250" cy="723900"/>
            </a:xfrm>
            <a:custGeom>
              <a:avLst/>
              <a:gdLst>
                <a:gd name="T0" fmla="*/ 13277 w 440"/>
                <a:gd name="T1" fmla="*/ 723900 h 440"/>
                <a:gd name="T2" fmla="*/ 13277 w 440"/>
                <a:gd name="T3" fmla="*/ 644929 h 440"/>
                <a:gd name="T4" fmla="*/ 92941 w 440"/>
                <a:gd name="T5" fmla="*/ 565958 h 440"/>
                <a:gd name="T6" fmla="*/ 172605 w 440"/>
                <a:gd name="T7" fmla="*/ 565958 h 440"/>
                <a:gd name="T8" fmla="*/ 331932 w 440"/>
                <a:gd name="T9" fmla="*/ 565958 h 440"/>
                <a:gd name="T10" fmla="*/ 411595 w 440"/>
                <a:gd name="T11" fmla="*/ 486987 h 440"/>
                <a:gd name="T12" fmla="*/ 331932 w 440"/>
                <a:gd name="T13" fmla="*/ 486987 h 440"/>
                <a:gd name="T14" fmla="*/ 252268 w 440"/>
                <a:gd name="T15" fmla="*/ 408016 h 440"/>
                <a:gd name="T16" fmla="*/ 331932 w 440"/>
                <a:gd name="T17" fmla="*/ 329045 h 440"/>
                <a:gd name="T18" fmla="*/ 331932 w 440"/>
                <a:gd name="T19" fmla="*/ 250075 h 440"/>
                <a:gd name="T20" fmla="*/ 252268 w 440"/>
                <a:gd name="T21" fmla="*/ 171104 h 440"/>
                <a:gd name="T22" fmla="*/ 172605 w 440"/>
                <a:gd name="T23" fmla="*/ 171104 h 440"/>
                <a:gd name="T24" fmla="*/ 92941 w 440"/>
                <a:gd name="T25" fmla="*/ 92133 h 440"/>
                <a:gd name="T26" fmla="*/ 172605 w 440"/>
                <a:gd name="T27" fmla="*/ 92133 h 440"/>
                <a:gd name="T28" fmla="*/ 331932 w 440"/>
                <a:gd name="T29" fmla="*/ 92133 h 440"/>
                <a:gd name="T30" fmla="*/ 491259 w 440"/>
                <a:gd name="T31" fmla="*/ 92133 h 440"/>
                <a:gd name="T32" fmla="*/ 570923 w 440"/>
                <a:gd name="T33" fmla="*/ 13162 h 440"/>
                <a:gd name="T34" fmla="*/ 650586 w 440"/>
                <a:gd name="T35" fmla="*/ 13162 h 440"/>
                <a:gd name="T36" fmla="*/ 730250 w 440"/>
                <a:gd name="T37" fmla="*/ 13162 h 44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440" h="440">
                  <a:moveTo>
                    <a:pt x="8" y="440"/>
                  </a:moveTo>
                  <a:cubicBezTo>
                    <a:pt x="4" y="424"/>
                    <a:pt x="0" y="408"/>
                    <a:pt x="8" y="392"/>
                  </a:cubicBezTo>
                  <a:cubicBezTo>
                    <a:pt x="16" y="376"/>
                    <a:pt x="40" y="352"/>
                    <a:pt x="56" y="344"/>
                  </a:cubicBezTo>
                  <a:cubicBezTo>
                    <a:pt x="72" y="336"/>
                    <a:pt x="80" y="344"/>
                    <a:pt x="104" y="344"/>
                  </a:cubicBezTo>
                  <a:cubicBezTo>
                    <a:pt x="128" y="344"/>
                    <a:pt x="176" y="352"/>
                    <a:pt x="200" y="344"/>
                  </a:cubicBezTo>
                  <a:cubicBezTo>
                    <a:pt x="224" y="336"/>
                    <a:pt x="248" y="304"/>
                    <a:pt x="248" y="296"/>
                  </a:cubicBezTo>
                  <a:cubicBezTo>
                    <a:pt x="248" y="288"/>
                    <a:pt x="216" y="304"/>
                    <a:pt x="200" y="296"/>
                  </a:cubicBezTo>
                  <a:cubicBezTo>
                    <a:pt x="184" y="288"/>
                    <a:pt x="152" y="264"/>
                    <a:pt x="152" y="248"/>
                  </a:cubicBezTo>
                  <a:cubicBezTo>
                    <a:pt x="152" y="232"/>
                    <a:pt x="192" y="216"/>
                    <a:pt x="200" y="200"/>
                  </a:cubicBezTo>
                  <a:cubicBezTo>
                    <a:pt x="208" y="184"/>
                    <a:pt x="208" y="168"/>
                    <a:pt x="200" y="152"/>
                  </a:cubicBezTo>
                  <a:cubicBezTo>
                    <a:pt x="192" y="136"/>
                    <a:pt x="168" y="112"/>
                    <a:pt x="152" y="104"/>
                  </a:cubicBezTo>
                  <a:cubicBezTo>
                    <a:pt x="136" y="96"/>
                    <a:pt x="120" y="112"/>
                    <a:pt x="104" y="104"/>
                  </a:cubicBezTo>
                  <a:cubicBezTo>
                    <a:pt x="88" y="96"/>
                    <a:pt x="56" y="64"/>
                    <a:pt x="56" y="56"/>
                  </a:cubicBezTo>
                  <a:cubicBezTo>
                    <a:pt x="56" y="48"/>
                    <a:pt x="80" y="56"/>
                    <a:pt x="104" y="56"/>
                  </a:cubicBezTo>
                  <a:cubicBezTo>
                    <a:pt x="128" y="56"/>
                    <a:pt x="168" y="56"/>
                    <a:pt x="200" y="56"/>
                  </a:cubicBezTo>
                  <a:cubicBezTo>
                    <a:pt x="232" y="56"/>
                    <a:pt x="272" y="64"/>
                    <a:pt x="296" y="56"/>
                  </a:cubicBezTo>
                  <a:cubicBezTo>
                    <a:pt x="320" y="48"/>
                    <a:pt x="328" y="16"/>
                    <a:pt x="344" y="8"/>
                  </a:cubicBezTo>
                  <a:cubicBezTo>
                    <a:pt x="360" y="0"/>
                    <a:pt x="376" y="8"/>
                    <a:pt x="392" y="8"/>
                  </a:cubicBezTo>
                  <a:cubicBezTo>
                    <a:pt x="408" y="8"/>
                    <a:pt x="424" y="8"/>
                    <a:pt x="440" y="8"/>
                  </a:cubicBezTo>
                </a:path>
              </a:pathLst>
            </a:custGeom>
            <a:noFill/>
            <a:ln w="38100" cap="flat" cmpd="sng">
              <a:solidFill>
                <a:srgbClr val="3333FF"/>
              </a:solidFill>
              <a:prstDash val="solid"/>
              <a:round/>
              <a:headEnd/>
              <a:tailEnd/>
            </a:ln>
            <a:effectLst>
              <a:outerShdw dist="50800" dir="2700000" algn="ctr" rotWithShape="0">
                <a:schemeClr val="bg1"/>
              </a:outerShdw>
            </a:effectLst>
            <a:extLst>
              <a:ext uri="{909E8E84-426E-40DD-AFC4-6F175D3DCCD1}">
                <a14:hiddenFill xmlns:a14="http://schemas.microsoft.com/office/drawing/2010/main">
                  <a:solidFill>
                    <a:srgbClr val="FFFFFF"/>
                  </a:solidFill>
                </a14:hiddenFill>
              </a:ext>
            </a:extLst>
          </p:spPr>
          <p:txBody>
            <a:bodyPr anchor="ctr" anchorCtr="1"/>
            <a:lstStyle/>
            <a:p>
              <a:endParaRPr lang="en-US" dirty="0">
                <a:solidFill>
                  <a:prstClr val="white"/>
                </a:solidFill>
              </a:endParaRPr>
            </a:p>
          </p:txBody>
        </p:sp>
      </p:grpSp>
      <p:sp>
        <p:nvSpPr>
          <p:cNvPr id="110" name="Tunnel - Old Alignment" hidden="1"/>
          <p:cNvSpPr>
            <a:spLocks/>
          </p:cNvSpPr>
          <p:nvPr/>
        </p:nvSpPr>
        <p:spPr bwMode="auto">
          <a:xfrm>
            <a:off x="4515635" y="3554340"/>
            <a:ext cx="742165" cy="2508844"/>
          </a:xfrm>
          <a:custGeom>
            <a:avLst/>
            <a:gdLst>
              <a:gd name="connsiteX0" fmla="*/ 728 w 1472"/>
              <a:gd name="connsiteY0" fmla="*/ 0 h 1518"/>
              <a:gd name="connsiteX1" fmla="*/ 872 w 1472"/>
              <a:gd name="connsiteY1" fmla="*/ 144 h 1518"/>
              <a:gd name="connsiteX2" fmla="*/ 920 w 1472"/>
              <a:gd name="connsiteY2" fmla="*/ 336 h 1518"/>
              <a:gd name="connsiteX3" fmla="*/ 968 w 1472"/>
              <a:gd name="connsiteY3" fmla="*/ 432 h 1518"/>
              <a:gd name="connsiteX4" fmla="*/ 1160 w 1472"/>
              <a:gd name="connsiteY4" fmla="*/ 576 h 1518"/>
              <a:gd name="connsiteX5" fmla="*/ 1256 w 1472"/>
              <a:gd name="connsiteY5" fmla="*/ 720 h 1518"/>
              <a:gd name="connsiteX6" fmla="*/ 1448 w 1472"/>
              <a:gd name="connsiteY6" fmla="*/ 912 h 1518"/>
              <a:gd name="connsiteX7" fmla="*/ 1400 w 1472"/>
              <a:gd name="connsiteY7" fmla="*/ 1152 h 1518"/>
              <a:gd name="connsiteX8" fmla="*/ 1160 w 1472"/>
              <a:gd name="connsiteY8" fmla="*/ 1248 h 1518"/>
              <a:gd name="connsiteX9" fmla="*/ 0 w 1472"/>
              <a:gd name="connsiteY9" fmla="*/ 1518 h 1518"/>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7 h 1487"/>
              <a:gd name="connsiteX1" fmla="*/ 736 w 1472"/>
              <a:gd name="connsiteY1" fmla="*/ 16 h 1487"/>
              <a:gd name="connsiteX2" fmla="*/ 872 w 1472"/>
              <a:gd name="connsiteY2" fmla="*/ 113 h 1487"/>
              <a:gd name="connsiteX3" fmla="*/ 920 w 1472"/>
              <a:gd name="connsiteY3" fmla="*/ 305 h 1487"/>
              <a:gd name="connsiteX4" fmla="*/ 968 w 1472"/>
              <a:gd name="connsiteY4" fmla="*/ 401 h 1487"/>
              <a:gd name="connsiteX5" fmla="*/ 1160 w 1472"/>
              <a:gd name="connsiteY5" fmla="*/ 545 h 1487"/>
              <a:gd name="connsiteX6" fmla="*/ 1256 w 1472"/>
              <a:gd name="connsiteY6" fmla="*/ 689 h 1487"/>
              <a:gd name="connsiteX7" fmla="*/ 1448 w 1472"/>
              <a:gd name="connsiteY7" fmla="*/ 881 h 1487"/>
              <a:gd name="connsiteX8" fmla="*/ 1400 w 1472"/>
              <a:gd name="connsiteY8" fmla="*/ 1121 h 1487"/>
              <a:gd name="connsiteX9" fmla="*/ 1160 w 1472"/>
              <a:gd name="connsiteY9" fmla="*/ 1217 h 1487"/>
              <a:gd name="connsiteX10" fmla="*/ 0 w 1472"/>
              <a:gd name="connsiteY10" fmla="*/ 1487 h 1487"/>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1 h 1471"/>
              <a:gd name="connsiteX1" fmla="*/ 736 w 1472"/>
              <a:gd name="connsiteY1" fmla="*/ 0 h 1471"/>
              <a:gd name="connsiteX2" fmla="*/ 872 w 1472"/>
              <a:gd name="connsiteY2" fmla="*/ 97 h 1471"/>
              <a:gd name="connsiteX3" fmla="*/ 920 w 1472"/>
              <a:gd name="connsiteY3" fmla="*/ 289 h 1471"/>
              <a:gd name="connsiteX4" fmla="*/ 968 w 1472"/>
              <a:gd name="connsiteY4" fmla="*/ 385 h 1471"/>
              <a:gd name="connsiteX5" fmla="*/ 1160 w 1472"/>
              <a:gd name="connsiteY5" fmla="*/ 529 h 1471"/>
              <a:gd name="connsiteX6" fmla="*/ 1256 w 1472"/>
              <a:gd name="connsiteY6" fmla="*/ 673 h 1471"/>
              <a:gd name="connsiteX7" fmla="*/ 1448 w 1472"/>
              <a:gd name="connsiteY7" fmla="*/ 865 h 1471"/>
              <a:gd name="connsiteX8" fmla="*/ 1400 w 1472"/>
              <a:gd name="connsiteY8" fmla="*/ 1105 h 1471"/>
              <a:gd name="connsiteX9" fmla="*/ 1160 w 1472"/>
              <a:gd name="connsiteY9" fmla="*/ 1201 h 1471"/>
              <a:gd name="connsiteX10" fmla="*/ 0 w 1472"/>
              <a:gd name="connsiteY10" fmla="*/ 1471 h 1471"/>
              <a:gd name="connsiteX0" fmla="*/ 728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680 w 1472"/>
              <a:gd name="connsiteY0" fmla="*/ 0 h 1470"/>
              <a:gd name="connsiteX1" fmla="*/ 872 w 1472"/>
              <a:gd name="connsiteY1" fmla="*/ 96 h 1470"/>
              <a:gd name="connsiteX2" fmla="*/ 920 w 1472"/>
              <a:gd name="connsiteY2" fmla="*/ 288 h 1470"/>
              <a:gd name="connsiteX3" fmla="*/ 968 w 1472"/>
              <a:gd name="connsiteY3" fmla="*/ 384 h 1470"/>
              <a:gd name="connsiteX4" fmla="*/ 1160 w 1472"/>
              <a:gd name="connsiteY4" fmla="*/ 528 h 1470"/>
              <a:gd name="connsiteX5" fmla="*/ 1256 w 1472"/>
              <a:gd name="connsiteY5" fmla="*/ 672 h 1470"/>
              <a:gd name="connsiteX6" fmla="*/ 1448 w 1472"/>
              <a:gd name="connsiteY6" fmla="*/ 864 h 1470"/>
              <a:gd name="connsiteX7" fmla="*/ 1400 w 1472"/>
              <a:gd name="connsiteY7" fmla="*/ 1104 h 1470"/>
              <a:gd name="connsiteX8" fmla="*/ 1160 w 1472"/>
              <a:gd name="connsiteY8" fmla="*/ 1200 h 1470"/>
              <a:gd name="connsiteX9" fmla="*/ 0 w 1472"/>
              <a:gd name="connsiteY9" fmla="*/ 1470 h 1470"/>
              <a:gd name="connsiteX0" fmla="*/ 2216 w 2246"/>
              <a:gd name="connsiteY0" fmla="*/ 32 h 1406"/>
              <a:gd name="connsiteX1" fmla="*/ 872 w 2246"/>
              <a:gd name="connsiteY1" fmla="*/ 32 h 1406"/>
              <a:gd name="connsiteX2" fmla="*/ 920 w 2246"/>
              <a:gd name="connsiteY2" fmla="*/ 224 h 1406"/>
              <a:gd name="connsiteX3" fmla="*/ 968 w 2246"/>
              <a:gd name="connsiteY3" fmla="*/ 320 h 1406"/>
              <a:gd name="connsiteX4" fmla="*/ 1160 w 2246"/>
              <a:gd name="connsiteY4" fmla="*/ 464 h 1406"/>
              <a:gd name="connsiteX5" fmla="*/ 1256 w 2246"/>
              <a:gd name="connsiteY5" fmla="*/ 608 h 1406"/>
              <a:gd name="connsiteX6" fmla="*/ 1448 w 2246"/>
              <a:gd name="connsiteY6" fmla="*/ 800 h 1406"/>
              <a:gd name="connsiteX7" fmla="*/ 1400 w 2246"/>
              <a:gd name="connsiteY7" fmla="*/ 1040 h 1406"/>
              <a:gd name="connsiteX8" fmla="*/ 1160 w 2246"/>
              <a:gd name="connsiteY8" fmla="*/ 1136 h 1406"/>
              <a:gd name="connsiteX9" fmla="*/ 0 w 2246"/>
              <a:gd name="connsiteY9" fmla="*/ 1406 h 1406"/>
              <a:gd name="connsiteX0" fmla="*/ 2216 w 2288"/>
              <a:gd name="connsiteY0" fmla="*/ 0 h 1374"/>
              <a:gd name="connsiteX1" fmla="*/ 2072 w 2288"/>
              <a:gd name="connsiteY1" fmla="*/ 144 h 1374"/>
              <a:gd name="connsiteX2" fmla="*/ 920 w 2288"/>
              <a:gd name="connsiteY2" fmla="*/ 192 h 1374"/>
              <a:gd name="connsiteX3" fmla="*/ 968 w 2288"/>
              <a:gd name="connsiteY3" fmla="*/ 288 h 1374"/>
              <a:gd name="connsiteX4" fmla="*/ 1160 w 2288"/>
              <a:gd name="connsiteY4" fmla="*/ 432 h 1374"/>
              <a:gd name="connsiteX5" fmla="*/ 1256 w 2288"/>
              <a:gd name="connsiteY5" fmla="*/ 576 h 1374"/>
              <a:gd name="connsiteX6" fmla="*/ 1448 w 2288"/>
              <a:gd name="connsiteY6" fmla="*/ 768 h 1374"/>
              <a:gd name="connsiteX7" fmla="*/ 1400 w 2288"/>
              <a:gd name="connsiteY7" fmla="*/ 1008 h 1374"/>
              <a:gd name="connsiteX8" fmla="*/ 1160 w 2288"/>
              <a:gd name="connsiteY8" fmla="*/ 1104 h 1374"/>
              <a:gd name="connsiteX9" fmla="*/ 0 w 2288"/>
              <a:gd name="connsiteY9" fmla="*/ 1374 h 1374"/>
              <a:gd name="connsiteX0" fmla="*/ 2216 w 2246"/>
              <a:gd name="connsiteY0" fmla="*/ 0 h 1374"/>
              <a:gd name="connsiteX1" fmla="*/ 2072 w 2246"/>
              <a:gd name="connsiteY1" fmla="*/ 144 h 1374"/>
              <a:gd name="connsiteX2" fmla="*/ 1880 w 2246"/>
              <a:gd name="connsiteY2" fmla="*/ 192 h 1374"/>
              <a:gd name="connsiteX3" fmla="*/ 968 w 2246"/>
              <a:gd name="connsiteY3" fmla="*/ 288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2216 w 2246"/>
              <a:gd name="connsiteY0" fmla="*/ 0 h 1374"/>
              <a:gd name="connsiteX1" fmla="*/ 2072 w 2246"/>
              <a:gd name="connsiteY1" fmla="*/ 144 h 1374"/>
              <a:gd name="connsiteX2" fmla="*/ 1880 w 2246"/>
              <a:gd name="connsiteY2" fmla="*/ 192 h 1374"/>
              <a:gd name="connsiteX3" fmla="*/ 1592 w 2246"/>
              <a:gd name="connsiteY3" fmla="*/ 432 h 1374"/>
              <a:gd name="connsiteX4" fmla="*/ 1160 w 2246"/>
              <a:gd name="connsiteY4" fmla="*/ 432 h 1374"/>
              <a:gd name="connsiteX5" fmla="*/ 1256 w 2246"/>
              <a:gd name="connsiteY5" fmla="*/ 576 h 1374"/>
              <a:gd name="connsiteX6" fmla="*/ 1448 w 2246"/>
              <a:gd name="connsiteY6" fmla="*/ 768 h 1374"/>
              <a:gd name="connsiteX7" fmla="*/ 1400 w 2246"/>
              <a:gd name="connsiteY7" fmla="*/ 1008 h 1374"/>
              <a:gd name="connsiteX8" fmla="*/ 1160 w 2246"/>
              <a:gd name="connsiteY8" fmla="*/ 1104 h 1374"/>
              <a:gd name="connsiteX9" fmla="*/ 0 w 2246"/>
              <a:gd name="connsiteY9" fmla="*/ 1374 h 1374"/>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9 w 1149"/>
              <a:gd name="connsiteY0" fmla="*/ 0 h 1662"/>
              <a:gd name="connsiteX1" fmla="*/ 975 w 1149"/>
              <a:gd name="connsiteY1" fmla="*/ 144 h 1662"/>
              <a:gd name="connsiteX2" fmla="*/ 783 w 1149"/>
              <a:gd name="connsiteY2" fmla="*/ 192 h 1662"/>
              <a:gd name="connsiteX3" fmla="*/ 495 w 1149"/>
              <a:gd name="connsiteY3" fmla="*/ 432 h 1662"/>
              <a:gd name="connsiteX4" fmla="*/ 63 w 1149"/>
              <a:gd name="connsiteY4" fmla="*/ 432 h 1662"/>
              <a:gd name="connsiteX5" fmla="*/ 159 w 1149"/>
              <a:gd name="connsiteY5" fmla="*/ 576 h 1662"/>
              <a:gd name="connsiteX6" fmla="*/ 351 w 1149"/>
              <a:gd name="connsiteY6" fmla="*/ 768 h 1662"/>
              <a:gd name="connsiteX7" fmla="*/ 303 w 1149"/>
              <a:gd name="connsiteY7" fmla="*/ 1008 h 1662"/>
              <a:gd name="connsiteX8" fmla="*/ 63 w 1149"/>
              <a:gd name="connsiteY8" fmla="*/ 1104 h 1662"/>
              <a:gd name="connsiteX9" fmla="*/ 679 w 1149"/>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680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536 w 1142"/>
              <a:gd name="connsiteY8" fmla="*/ 1392 h 1662"/>
              <a:gd name="connsiteX9" fmla="*/ 672 w 1142"/>
              <a:gd name="connsiteY9"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296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344 w 1142"/>
              <a:gd name="connsiteY6" fmla="*/ 768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36 w 1142"/>
              <a:gd name="connsiteY9" fmla="*/ 1392 h 1662"/>
              <a:gd name="connsiteX10" fmla="*/ 672 w 1142"/>
              <a:gd name="connsiteY10"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52 w 1142"/>
              <a:gd name="connsiteY6" fmla="*/ 864 h 1662"/>
              <a:gd name="connsiteX7" fmla="*/ 104 w 1142"/>
              <a:gd name="connsiteY7" fmla="*/ 1008 h 1662"/>
              <a:gd name="connsiteX8" fmla="*/ 301 w 1142"/>
              <a:gd name="connsiteY8" fmla="*/ 1218 h 1662"/>
              <a:gd name="connsiteX9" fmla="*/ 319 w 1142"/>
              <a:gd name="connsiteY9" fmla="*/ 1218 h 1662"/>
              <a:gd name="connsiteX10" fmla="*/ 519 w 1142"/>
              <a:gd name="connsiteY10" fmla="*/ 1218 h 1662"/>
              <a:gd name="connsiteX11" fmla="*/ 536 w 1142"/>
              <a:gd name="connsiteY11" fmla="*/ 1392 h 1662"/>
              <a:gd name="connsiteX12" fmla="*/ 672 w 1142"/>
              <a:gd name="connsiteY12"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57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432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42"/>
              <a:gd name="connsiteY0" fmla="*/ 0 h 1662"/>
              <a:gd name="connsiteX1" fmla="*/ 968 w 1142"/>
              <a:gd name="connsiteY1" fmla="*/ 144 h 1662"/>
              <a:gd name="connsiteX2" fmla="*/ 776 w 1142"/>
              <a:gd name="connsiteY2" fmla="*/ 192 h 1662"/>
              <a:gd name="connsiteX3" fmla="*/ 488 w 1142"/>
              <a:gd name="connsiteY3" fmla="*/ 432 h 1662"/>
              <a:gd name="connsiteX4" fmla="*/ 56 w 1142"/>
              <a:gd name="connsiteY4" fmla="*/ 576 h 1662"/>
              <a:gd name="connsiteX5" fmla="*/ 152 w 1142"/>
              <a:gd name="connsiteY5" fmla="*/ 816 h 1662"/>
              <a:gd name="connsiteX6" fmla="*/ 104 w 1142"/>
              <a:gd name="connsiteY6" fmla="*/ 1008 h 1662"/>
              <a:gd name="connsiteX7" fmla="*/ 301 w 1142"/>
              <a:gd name="connsiteY7" fmla="*/ 1218 h 1662"/>
              <a:gd name="connsiteX8" fmla="*/ 319 w 1142"/>
              <a:gd name="connsiteY8" fmla="*/ 1218 h 1662"/>
              <a:gd name="connsiteX9" fmla="*/ 519 w 1142"/>
              <a:gd name="connsiteY9" fmla="*/ 1218 h 1662"/>
              <a:gd name="connsiteX10" fmla="*/ 536 w 1142"/>
              <a:gd name="connsiteY10" fmla="*/ 1392 h 1662"/>
              <a:gd name="connsiteX11" fmla="*/ 672 w 1142"/>
              <a:gd name="connsiteY11" fmla="*/ 1662 h 1662"/>
              <a:gd name="connsiteX0" fmla="*/ 1112 w 1112"/>
              <a:gd name="connsiteY0" fmla="*/ 89 h 1751"/>
              <a:gd name="connsiteX1" fmla="*/ 1020 w 1112"/>
              <a:gd name="connsiteY1" fmla="*/ 24 h 1751"/>
              <a:gd name="connsiteX2" fmla="*/ 968 w 1112"/>
              <a:gd name="connsiteY2" fmla="*/ 233 h 1751"/>
              <a:gd name="connsiteX3" fmla="*/ 776 w 1112"/>
              <a:gd name="connsiteY3" fmla="*/ 281 h 1751"/>
              <a:gd name="connsiteX4" fmla="*/ 488 w 1112"/>
              <a:gd name="connsiteY4" fmla="*/ 521 h 1751"/>
              <a:gd name="connsiteX5" fmla="*/ 56 w 1112"/>
              <a:gd name="connsiteY5" fmla="*/ 665 h 1751"/>
              <a:gd name="connsiteX6" fmla="*/ 152 w 1112"/>
              <a:gd name="connsiteY6" fmla="*/ 905 h 1751"/>
              <a:gd name="connsiteX7" fmla="*/ 104 w 1112"/>
              <a:gd name="connsiteY7" fmla="*/ 1097 h 1751"/>
              <a:gd name="connsiteX8" fmla="*/ 301 w 1112"/>
              <a:gd name="connsiteY8" fmla="*/ 1307 h 1751"/>
              <a:gd name="connsiteX9" fmla="*/ 319 w 1112"/>
              <a:gd name="connsiteY9" fmla="*/ 1307 h 1751"/>
              <a:gd name="connsiteX10" fmla="*/ 519 w 1112"/>
              <a:gd name="connsiteY10" fmla="*/ 1307 h 1751"/>
              <a:gd name="connsiteX11" fmla="*/ 536 w 1112"/>
              <a:gd name="connsiteY11" fmla="*/ 1481 h 1751"/>
              <a:gd name="connsiteX12" fmla="*/ 672 w 1112"/>
              <a:gd name="connsiteY12" fmla="*/ 1751 h 1751"/>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020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9 h 1759"/>
              <a:gd name="connsiteX1" fmla="*/ 1116 w 1352"/>
              <a:gd name="connsiteY1" fmla="*/ 32 h 1759"/>
              <a:gd name="connsiteX2" fmla="*/ 968 w 1352"/>
              <a:gd name="connsiteY2" fmla="*/ 241 h 1759"/>
              <a:gd name="connsiteX3" fmla="*/ 776 w 1352"/>
              <a:gd name="connsiteY3" fmla="*/ 289 h 1759"/>
              <a:gd name="connsiteX4" fmla="*/ 488 w 1352"/>
              <a:gd name="connsiteY4" fmla="*/ 529 h 1759"/>
              <a:gd name="connsiteX5" fmla="*/ 56 w 1352"/>
              <a:gd name="connsiteY5" fmla="*/ 673 h 1759"/>
              <a:gd name="connsiteX6" fmla="*/ 152 w 1352"/>
              <a:gd name="connsiteY6" fmla="*/ 913 h 1759"/>
              <a:gd name="connsiteX7" fmla="*/ 104 w 1352"/>
              <a:gd name="connsiteY7" fmla="*/ 1105 h 1759"/>
              <a:gd name="connsiteX8" fmla="*/ 301 w 1352"/>
              <a:gd name="connsiteY8" fmla="*/ 1315 h 1759"/>
              <a:gd name="connsiteX9" fmla="*/ 319 w 1352"/>
              <a:gd name="connsiteY9" fmla="*/ 1315 h 1759"/>
              <a:gd name="connsiteX10" fmla="*/ 519 w 1352"/>
              <a:gd name="connsiteY10" fmla="*/ 1315 h 1759"/>
              <a:gd name="connsiteX11" fmla="*/ 536 w 1352"/>
              <a:gd name="connsiteY11" fmla="*/ 1489 h 1759"/>
              <a:gd name="connsiteX12" fmla="*/ 672 w 1352"/>
              <a:gd name="connsiteY12" fmla="*/ 1759 h 1759"/>
              <a:gd name="connsiteX0" fmla="*/ 1352 w 1352"/>
              <a:gd name="connsiteY0" fmla="*/ 41 h 1751"/>
              <a:gd name="connsiteX1" fmla="*/ 1116 w 1352"/>
              <a:gd name="connsiteY1" fmla="*/ 24 h 1751"/>
              <a:gd name="connsiteX2" fmla="*/ 968 w 1352"/>
              <a:gd name="connsiteY2" fmla="*/ 185 h 1751"/>
              <a:gd name="connsiteX3" fmla="*/ 776 w 1352"/>
              <a:gd name="connsiteY3" fmla="*/ 281 h 1751"/>
              <a:gd name="connsiteX4" fmla="*/ 488 w 1352"/>
              <a:gd name="connsiteY4" fmla="*/ 521 h 1751"/>
              <a:gd name="connsiteX5" fmla="*/ 56 w 1352"/>
              <a:gd name="connsiteY5" fmla="*/ 665 h 1751"/>
              <a:gd name="connsiteX6" fmla="*/ 152 w 1352"/>
              <a:gd name="connsiteY6" fmla="*/ 905 h 1751"/>
              <a:gd name="connsiteX7" fmla="*/ 104 w 1352"/>
              <a:gd name="connsiteY7" fmla="*/ 1097 h 1751"/>
              <a:gd name="connsiteX8" fmla="*/ 301 w 1352"/>
              <a:gd name="connsiteY8" fmla="*/ 1307 h 1751"/>
              <a:gd name="connsiteX9" fmla="*/ 319 w 1352"/>
              <a:gd name="connsiteY9" fmla="*/ 1307 h 1751"/>
              <a:gd name="connsiteX10" fmla="*/ 519 w 1352"/>
              <a:gd name="connsiteY10" fmla="*/ 1307 h 1751"/>
              <a:gd name="connsiteX11" fmla="*/ 536 w 1352"/>
              <a:gd name="connsiteY11" fmla="*/ 1481 h 1751"/>
              <a:gd name="connsiteX12" fmla="*/ 672 w 1352"/>
              <a:gd name="connsiteY12"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52 w 1352"/>
              <a:gd name="connsiteY0" fmla="*/ 41 h 1751"/>
              <a:gd name="connsiteX1" fmla="*/ 1116 w 1352"/>
              <a:gd name="connsiteY1" fmla="*/ 24 h 1751"/>
              <a:gd name="connsiteX2" fmla="*/ 968 w 1352"/>
              <a:gd name="connsiteY2" fmla="*/ 185 h 1751"/>
              <a:gd name="connsiteX3" fmla="*/ 488 w 1352"/>
              <a:gd name="connsiteY3" fmla="*/ 521 h 1751"/>
              <a:gd name="connsiteX4" fmla="*/ 56 w 1352"/>
              <a:gd name="connsiteY4" fmla="*/ 665 h 1751"/>
              <a:gd name="connsiteX5" fmla="*/ 152 w 1352"/>
              <a:gd name="connsiteY5" fmla="*/ 905 h 1751"/>
              <a:gd name="connsiteX6" fmla="*/ 104 w 1352"/>
              <a:gd name="connsiteY6" fmla="*/ 1097 h 1751"/>
              <a:gd name="connsiteX7" fmla="*/ 301 w 1352"/>
              <a:gd name="connsiteY7" fmla="*/ 1307 h 1751"/>
              <a:gd name="connsiteX8" fmla="*/ 319 w 1352"/>
              <a:gd name="connsiteY8" fmla="*/ 1307 h 1751"/>
              <a:gd name="connsiteX9" fmla="*/ 519 w 1352"/>
              <a:gd name="connsiteY9" fmla="*/ 1307 h 1751"/>
              <a:gd name="connsiteX10" fmla="*/ 536 w 1352"/>
              <a:gd name="connsiteY10" fmla="*/ 1481 h 1751"/>
              <a:gd name="connsiteX11" fmla="*/ 672 w 1352"/>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41 h 1751"/>
              <a:gd name="connsiteX1" fmla="*/ 1110 w 1346"/>
              <a:gd name="connsiteY1" fmla="*/ 24 h 1751"/>
              <a:gd name="connsiteX2" fmla="*/ 962 w 1346"/>
              <a:gd name="connsiteY2" fmla="*/ 185 h 1751"/>
              <a:gd name="connsiteX3" fmla="*/ 447 w 1346"/>
              <a:gd name="connsiteY3" fmla="*/ 496 h 1751"/>
              <a:gd name="connsiteX4" fmla="*/ 50 w 1346"/>
              <a:gd name="connsiteY4" fmla="*/ 665 h 1751"/>
              <a:gd name="connsiteX5" fmla="*/ 146 w 1346"/>
              <a:gd name="connsiteY5" fmla="*/ 905 h 1751"/>
              <a:gd name="connsiteX6" fmla="*/ 98 w 1346"/>
              <a:gd name="connsiteY6" fmla="*/ 1097 h 1751"/>
              <a:gd name="connsiteX7" fmla="*/ 295 w 1346"/>
              <a:gd name="connsiteY7" fmla="*/ 1307 h 1751"/>
              <a:gd name="connsiteX8" fmla="*/ 313 w 1346"/>
              <a:gd name="connsiteY8" fmla="*/ 1307 h 1751"/>
              <a:gd name="connsiteX9" fmla="*/ 513 w 1346"/>
              <a:gd name="connsiteY9" fmla="*/ 1307 h 1751"/>
              <a:gd name="connsiteX10" fmla="*/ 530 w 1346"/>
              <a:gd name="connsiteY10" fmla="*/ 1481 h 1751"/>
              <a:gd name="connsiteX11" fmla="*/ 666 w 1346"/>
              <a:gd name="connsiteY11" fmla="*/ 1751 h 1751"/>
              <a:gd name="connsiteX0" fmla="*/ 1346 w 1346"/>
              <a:gd name="connsiteY0" fmla="*/ 22 h 1732"/>
              <a:gd name="connsiteX1" fmla="*/ 1110 w 1346"/>
              <a:gd name="connsiteY1" fmla="*/ 5 h 1732"/>
              <a:gd name="connsiteX2" fmla="*/ 962 w 1346"/>
              <a:gd name="connsiteY2" fmla="*/ 166 h 1732"/>
              <a:gd name="connsiteX3" fmla="*/ 447 w 1346"/>
              <a:gd name="connsiteY3" fmla="*/ 477 h 1732"/>
              <a:gd name="connsiteX4" fmla="*/ 50 w 1346"/>
              <a:gd name="connsiteY4" fmla="*/ 646 h 1732"/>
              <a:gd name="connsiteX5" fmla="*/ 146 w 1346"/>
              <a:gd name="connsiteY5" fmla="*/ 886 h 1732"/>
              <a:gd name="connsiteX6" fmla="*/ 98 w 1346"/>
              <a:gd name="connsiteY6" fmla="*/ 1078 h 1732"/>
              <a:gd name="connsiteX7" fmla="*/ 295 w 1346"/>
              <a:gd name="connsiteY7" fmla="*/ 1288 h 1732"/>
              <a:gd name="connsiteX8" fmla="*/ 313 w 1346"/>
              <a:gd name="connsiteY8" fmla="*/ 1288 h 1732"/>
              <a:gd name="connsiteX9" fmla="*/ 513 w 1346"/>
              <a:gd name="connsiteY9" fmla="*/ 1288 h 1732"/>
              <a:gd name="connsiteX10" fmla="*/ 530 w 1346"/>
              <a:gd name="connsiteY10" fmla="*/ 1462 h 1732"/>
              <a:gd name="connsiteX11" fmla="*/ 666 w 1346"/>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331 w 1331"/>
              <a:gd name="connsiteY0" fmla="*/ 17 h 1732"/>
              <a:gd name="connsiteX1" fmla="*/ 1110 w 1331"/>
              <a:gd name="connsiteY1" fmla="*/ 5 h 1732"/>
              <a:gd name="connsiteX2" fmla="*/ 962 w 1331"/>
              <a:gd name="connsiteY2" fmla="*/ 166 h 1732"/>
              <a:gd name="connsiteX3" fmla="*/ 447 w 1331"/>
              <a:gd name="connsiteY3" fmla="*/ 477 h 1732"/>
              <a:gd name="connsiteX4" fmla="*/ 50 w 1331"/>
              <a:gd name="connsiteY4" fmla="*/ 646 h 1732"/>
              <a:gd name="connsiteX5" fmla="*/ 146 w 1331"/>
              <a:gd name="connsiteY5" fmla="*/ 886 h 1732"/>
              <a:gd name="connsiteX6" fmla="*/ 98 w 1331"/>
              <a:gd name="connsiteY6" fmla="*/ 1078 h 1732"/>
              <a:gd name="connsiteX7" fmla="*/ 295 w 1331"/>
              <a:gd name="connsiteY7" fmla="*/ 1288 h 1732"/>
              <a:gd name="connsiteX8" fmla="*/ 313 w 1331"/>
              <a:gd name="connsiteY8" fmla="*/ 1288 h 1732"/>
              <a:gd name="connsiteX9" fmla="*/ 513 w 1331"/>
              <a:gd name="connsiteY9" fmla="*/ 1288 h 1732"/>
              <a:gd name="connsiteX10" fmla="*/ 530 w 1331"/>
              <a:gd name="connsiteY10" fmla="*/ 1462 h 1732"/>
              <a:gd name="connsiteX11" fmla="*/ 666 w 1331"/>
              <a:gd name="connsiteY11" fmla="*/ 1732 h 1732"/>
              <a:gd name="connsiteX0" fmla="*/ 1296 w 1296"/>
              <a:gd name="connsiteY0" fmla="*/ 10 h 1732"/>
              <a:gd name="connsiteX1" fmla="*/ 1110 w 1296"/>
              <a:gd name="connsiteY1" fmla="*/ 5 h 1732"/>
              <a:gd name="connsiteX2" fmla="*/ 962 w 1296"/>
              <a:gd name="connsiteY2" fmla="*/ 166 h 1732"/>
              <a:gd name="connsiteX3" fmla="*/ 447 w 1296"/>
              <a:gd name="connsiteY3" fmla="*/ 477 h 1732"/>
              <a:gd name="connsiteX4" fmla="*/ 50 w 1296"/>
              <a:gd name="connsiteY4" fmla="*/ 646 h 1732"/>
              <a:gd name="connsiteX5" fmla="*/ 146 w 1296"/>
              <a:gd name="connsiteY5" fmla="*/ 886 h 1732"/>
              <a:gd name="connsiteX6" fmla="*/ 98 w 1296"/>
              <a:gd name="connsiteY6" fmla="*/ 1078 h 1732"/>
              <a:gd name="connsiteX7" fmla="*/ 295 w 1296"/>
              <a:gd name="connsiteY7" fmla="*/ 1288 h 1732"/>
              <a:gd name="connsiteX8" fmla="*/ 313 w 1296"/>
              <a:gd name="connsiteY8" fmla="*/ 1288 h 1732"/>
              <a:gd name="connsiteX9" fmla="*/ 513 w 1296"/>
              <a:gd name="connsiteY9" fmla="*/ 1288 h 1732"/>
              <a:gd name="connsiteX10" fmla="*/ 530 w 1296"/>
              <a:gd name="connsiteY10" fmla="*/ 1462 h 1732"/>
              <a:gd name="connsiteX11" fmla="*/ 666 w 1296"/>
              <a:gd name="connsiteY11" fmla="*/ 1732 h 1732"/>
              <a:gd name="connsiteX0" fmla="*/ 1307 w 1307"/>
              <a:gd name="connsiteY0" fmla="*/ 21 h 1732"/>
              <a:gd name="connsiteX1" fmla="*/ 1110 w 1307"/>
              <a:gd name="connsiteY1" fmla="*/ 5 h 1732"/>
              <a:gd name="connsiteX2" fmla="*/ 962 w 1307"/>
              <a:gd name="connsiteY2" fmla="*/ 166 h 1732"/>
              <a:gd name="connsiteX3" fmla="*/ 447 w 1307"/>
              <a:gd name="connsiteY3" fmla="*/ 477 h 1732"/>
              <a:gd name="connsiteX4" fmla="*/ 50 w 1307"/>
              <a:gd name="connsiteY4" fmla="*/ 646 h 1732"/>
              <a:gd name="connsiteX5" fmla="*/ 146 w 1307"/>
              <a:gd name="connsiteY5" fmla="*/ 886 h 1732"/>
              <a:gd name="connsiteX6" fmla="*/ 98 w 1307"/>
              <a:gd name="connsiteY6" fmla="*/ 1078 h 1732"/>
              <a:gd name="connsiteX7" fmla="*/ 295 w 1307"/>
              <a:gd name="connsiteY7" fmla="*/ 1288 h 1732"/>
              <a:gd name="connsiteX8" fmla="*/ 313 w 1307"/>
              <a:gd name="connsiteY8" fmla="*/ 1288 h 1732"/>
              <a:gd name="connsiteX9" fmla="*/ 513 w 1307"/>
              <a:gd name="connsiteY9" fmla="*/ 1288 h 1732"/>
              <a:gd name="connsiteX10" fmla="*/ 530 w 1307"/>
              <a:gd name="connsiteY10" fmla="*/ 1462 h 1732"/>
              <a:gd name="connsiteX11" fmla="*/ 666 w 1307"/>
              <a:gd name="connsiteY11" fmla="*/ 1732 h 1732"/>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62 w 1307"/>
              <a:gd name="connsiteY2" fmla="*/ 152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974 w 1307"/>
              <a:gd name="connsiteY2" fmla="*/ 159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64 w 1307"/>
              <a:gd name="connsiteY2" fmla="*/ 21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51 w 1307"/>
              <a:gd name="connsiteY2" fmla="*/ 145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447 w 1307"/>
              <a:gd name="connsiteY3" fmla="*/ 463 h 1718"/>
              <a:gd name="connsiteX4" fmla="*/ 50 w 1307"/>
              <a:gd name="connsiteY4" fmla="*/ 632 h 1718"/>
              <a:gd name="connsiteX5" fmla="*/ 146 w 1307"/>
              <a:gd name="connsiteY5" fmla="*/ 872 h 1718"/>
              <a:gd name="connsiteX6" fmla="*/ 98 w 1307"/>
              <a:gd name="connsiteY6" fmla="*/ 1064 h 1718"/>
              <a:gd name="connsiteX7" fmla="*/ 295 w 1307"/>
              <a:gd name="connsiteY7" fmla="*/ 1274 h 1718"/>
              <a:gd name="connsiteX8" fmla="*/ 313 w 1307"/>
              <a:gd name="connsiteY8" fmla="*/ 1274 h 1718"/>
              <a:gd name="connsiteX9" fmla="*/ 513 w 1307"/>
              <a:gd name="connsiteY9" fmla="*/ 1274 h 1718"/>
              <a:gd name="connsiteX10" fmla="*/ 530 w 1307"/>
              <a:gd name="connsiteY10" fmla="*/ 1448 h 1718"/>
              <a:gd name="connsiteX11" fmla="*/ 666 w 1307"/>
              <a:gd name="connsiteY11" fmla="*/ 1718 h 1718"/>
              <a:gd name="connsiteX0" fmla="*/ 1307 w 1307"/>
              <a:gd name="connsiteY0" fmla="*/ 7 h 1718"/>
              <a:gd name="connsiteX1" fmla="*/ 1110 w 1307"/>
              <a:gd name="connsiteY1" fmla="*/ 5 h 1718"/>
              <a:gd name="connsiteX2" fmla="*/ 1002 w 1307"/>
              <a:gd name="connsiteY2" fmla="*/ 166 h 1718"/>
              <a:gd name="connsiteX3" fmla="*/ 695 w 1307"/>
              <a:gd name="connsiteY3" fmla="*/ 308 h 1718"/>
              <a:gd name="connsiteX4" fmla="*/ 447 w 1307"/>
              <a:gd name="connsiteY4" fmla="*/ 463 h 1718"/>
              <a:gd name="connsiteX5" fmla="*/ 50 w 1307"/>
              <a:gd name="connsiteY5" fmla="*/ 632 h 1718"/>
              <a:gd name="connsiteX6" fmla="*/ 146 w 1307"/>
              <a:gd name="connsiteY6" fmla="*/ 872 h 1718"/>
              <a:gd name="connsiteX7" fmla="*/ 98 w 1307"/>
              <a:gd name="connsiteY7" fmla="*/ 1064 h 1718"/>
              <a:gd name="connsiteX8" fmla="*/ 295 w 1307"/>
              <a:gd name="connsiteY8" fmla="*/ 1274 h 1718"/>
              <a:gd name="connsiteX9" fmla="*/ 313 w 1307"/>
              <a:gd name="connsiteY9" fmla="*/ 1274 h 1718"/>
              <a:gd name="connsiteX10" fmla="*/ 513 w 1307"/>
              <a:gd name="connsiteY10" fmla="*/ 1274 h 1718"/>
              <a:gd name="connsiteX11" fmla="*/ 530 w 1307"/>
              <a:gd name="connsiteY11" fmla="*/ 1448 h 1718"/>
              <a:gd name="connsiteX12" fmla="*/ 666 w 1307"/>
              <a:gd name="connsiteY12" fmla="*/ 1718 h 1718"/>
              <a:gd name="connsiteX0" fmla="*/ 1308 w 1308"/>
              <a:gd name="connsiteY0" fmla="*/ 7 h 1718"/>
              <a:gd name="connsiteX1" fmla="*/ 1111 w 1308"/>
              <a:gd name="connsiteY1" fmla="*/ 5 h 1718"/>
              <a:gd name="connsiteX2" fmla="*/ 1003 w 1308"/>
              <a:gd name="connsiteY2" fmla="*/ 166 h 1718"/>
              <a:gd name="connsiteX3" fmla="*/ 696 w 1308"/>
              <a:gd name="connsiteY3" fmla="*/ 308 h 1718"/>
              <a:gd name="connsiteX4" fmla="*/ 455 w 1308"/>
              <a:gd name="connsiteY4" fmla="*/ 481 h 1718"/>
              <a:gd name="connsiteX5" fmla="*/ 51 w 1308"/>
              <a:gd name="connsiteY5" fmla="*/ 632 h 1718"/>
              <a:gd name="connsiteX6" fmla="*/ 147 w 1308"/>
              <a:gd name="connsiteY6" fmla="*/ 872 h 1718"/>
              <a:gd name="connsiteX7" fmla="*/ 99 w 1308"/>
              <a:gd name="connsiteY7" fmla="*/ 1064 h 1718"/>
              <a:gd name="connsiteX8" fmla="*/ 296 w 1308"/>
              <a:gd name="connsiteY8" fmla="*/ 1274 h 1718"/>
              <a:gd name="connsiteX9" fmla="*/ 314 w 1308"/>
              <a:gd name="connsiteY9" fmla="*/ 1274 h 1718"/>
              <a:gd name="connsiteX10" fmla="*/ 514 w 1308"/>
              <a:gd name="connsiteY10" fmla="*/ 1274 h 1718"/>
              <a:gd name="connsiteX11" fmla="*/ 531 w 1308"/>
              <a:gd name="connsiteY11" fmla="*/ 1448 h 1718"/>
              <a:gd name="connsiteX12" fmla="*/ 667 w 1308"/>
              <a:gd name="connsiteY12" fmla="*/ 1718 h 1718"/>
              <a:gd name="connsiteX0" fmla="*/ 1285 w 1285"/>
              <a:gd name="connsiteY0" fmla="*/ 7 h 1718"/>
              <a:gd name="connsiteX1" fmla="*/ 1088 w 1285"/>
              <a:gd name="connsiteY1" fmla="*/ 5 h 1718"/>
              <a:gd name="connsiteX2" fmla="*/ 980 w 1285"/>
              <a:gd name="connsiteY2" fmla="*/ 166 h 1718"/>
              <a:gd name="connsiteX3" fmla="*/ 673 w 1285"/>
              <a:gd name="connsiteY3" fmla="*/ 308 h 1718"/>
              <a:gd name="connsiteX4" fmla="*/ 432 w 1285"/>
              <a:gd name="connsiteY4" fmla="*/ 481 h 1718"/>
              <a:gd name="connsiteX5" fmla="*/ 361 w 1285"/>
              <a:gd name="connsiteY5" fmla="*/ 545 h 1718"/>
              <a:gd name="connsiteX6" fmla="*/ 28 w 1285"/>
              <a:gd name="connsiteY6" fmla="*/ 632 h 1718"/>
              <a:gd name="connsiteX7" fmla="*/ 124 w 1285"/>
              <a:gd name="connsiteY7" fmla="*/ 872 h 1718"/>
              <a:gd name="connsiteX8" fmla="*/ 76 w 1285"/>
              <a:gd name="connsiteY8" fmla="*/ 1064 h 1718"/>
              <a:gd name="connsiteX9" fmla="*/ 273 w 1285"/>
              <a:gd name="connsiteY9" fmla="*/ 1274 h 1718"/>
              <a:gd name="connsiteX10" fmla="*/ 291 w 1285"/>
              <a:gd name="connsiteY10" fmla="*/ 1274 h 1718"/>
              <a:gd name="connsiteX11" fmla="*/ 491 w 1285"/>
              <a:gd name="connsiteY11" fmla="*/ 1274 h 1718"/>
              <a:gd name="connsiteX12" fmla="*/ 508 w 1285"/>
              <a:gd name="connsiteY12" fmla="*/ 1448 h 1718"/>
              <a:gd name="connsiteX13" fmla="*/ 644 w 1285"/>
              <a:gd name="connsiteY13" fmla="*/ 1718 h 1718"/>
              <a:gd name="connsiteX0" fmla="*/ 1234 w 1234"/>
              <a:gd name="connsiteY0" fmla="*/ 7 h 1718"/>
              <a:gd name="connsiteX1" fmla="*/ 1037 w 1234"/>
              <a:gd name="connsiteY1" fmla="*/ 5 h 1718"/>
              <a:gd name="connsiteX2" fmla="*/ 929 w 1234"/>
              <a:gd name="connsiteY2" fmla="*/ 166 h 1718"/>
              <a:gd name="connsiteX3" fmla="*/ 622 w 1234"/>
              <a:gd name="connsiteY3" fmla="*/ 308 h 1718"/>
              <a:gd name="connsiteX4" fmla="*/ 381 w 1234"/>
              <a:gd name="connsiteY4" fmla="*/ 481 h 1718"/>
              <a:gd name="connsiteX5" fmla="*/ 310 w 1234"/>
              <a:gd name="connsiteY5" fmla="*/ 545 h 1718"/>
              <a:gd name="connsiteX6" fmla="*/ 55 w 1234"/>
              <a:gd name="connsiteY6" fmla="*/ 671 h 1718"/>
              <a:gd name="connsiteX7" fmla="*/ 73 w 1234"/>
              <a:gd name="connsiteY7" fmla="*/ 872 h 1718"/>
              <a:gd name="connsiteX8" fmla="*/ 25 w 1234"/>
              <a:gd name="connsiteY8" fmla="*/ 1064 h 1718"/>
              <a:gd name="connsiteX9" fmla="*/ 222 w 1234"/>
              <a:gd name="connsiteY9" fmla="*/ 1274 h 1718"/>
              <a:gd name="connsiteX10" fmla="*/ 240 w 1234"/>
              <a:gd name="connsiteY10" fmla="*/ 1274 h 1718"/>
              <a:gd name="connsiteX11" fmla="*/ 440 w 1234"/>
              <a:gd name="connsiteY11" fmla="*/ 1274 h 1718"/>
              <a:gd name="connsiteX12" fmla="*/ 457 w 1234"/>
              <a:gd name="connsiteY12" fmla="*/ 1448 h 1718"/>
              <a:gd name="connsiteX13" fmla="*/ 593 w 1234"/>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4 w 1237"/>
              <a:gd name="connsiteY12" fmla="*/ 1426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21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460 w 1237"/>
              <a:gd name="connsiteY11" fmla="*/ 1448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443 w 1237"/>
              <a:gd name="connsiteY10" fmla="*/ 1274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243 w 1237"/>
              <a:gd name="connsiteY9" fmla="*/ 1274 h 1718"/>
              <a:gd name="connsiteX10" fmla="*/ 383 w 1237"/>
              <a:gd name="connsiteY10" fmla="*/ 1309 h 1718"/>
              <a:gd name="connsiteX11" fmla="*/ 372 w 1237"/>
              <a:gd name="connsiteY11" fmla="*/ 1505 h 1718"/>
              <a:gd name="connsiteX12" fmla="*/ 598 w 1237"/>
              <a:gd name="connsiteY12" fmla="*/ 1560 h 1718"/>
              <a:gd name="connsiteX13" fmla="*/ 596 w 1237"/>
              <a:gd name="connsiteY13"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72 w 1237"/>
              <a:gd name="connsiteY10" fmla="*/ 1505 h 1718"/>
              <a:gd name="connsiteX11" fmla="*/ 598 w 1237"/>
              <a:gd name="connsiteY11" fmla="*/ 1560 h 1718"/>
              <a:gd name="connsiteX12" fmla="*/ 596 w 1237"/>
              <a:gd name="connsiteY12" fmla="*/ 1718 h 1718"/>
              <a:gd name="connsiteX0" fmla="*/ 1237 w 1237"/>
              <a:gd name="connsiteY0" fmla="*/ 7 h 1718"/>
              <a:gd name="connsiteX1" fmla="*/ 1040 w 1237"/>
              <a:gd name="connsiteY1" fmla="*/ 5 h 1718"/>
              <a:gd name="connsiteX2" fmla="*/ 932 w 1237"/>
              <a:gd name="connsiteY2" fmla="*/ 166 h 1718"/>
              <a:gd name="connsiteX3" fmla="*/ 625 w 1237"/>
              <a:gd name="connsiteY3" fmla="*/ 308 h 1718"/>
              <a:gd name="connsiteX4" fmla="*/ 384 w 1237"/>
              <a:gd name="connsiteY4" fmla="*/ 481 h 1718"/>
              <a:gd name="connsiteX5" fmla="*/ 313 w 1237"/>
              <a:gd name="connsiteY5" fmla="*/ 545 h 1718"/>
              <a:gd name="connsiteX6" fmla="*/ 58 w 1237"/>
              <a:gd name="connsiteY6" fmla="*/ 671 h 1718"/>
              <a:gd name="connsiteX7" fmla="*/ 28 w 1237"/>
              <a:gd name="connsiteY7" fmla="*/ 1064 h 1718"/>
              <a:gd name="connsiteX8" fmla="*/ 225 w 1237"/>
              <a:gd name="connsiteY8" fmla="*/ 1274 h 1718"/>
              <a:gd name="connsiteX9" fmla="*/ 383 w 1237"/>
              <a:gd name="connsiteY9" fmla="*/ 1309 h 1718"/>
              <a:gd name="connsiteX10" fmla="*/ 301 w 1237"/>
              <a:gd name="connsiteY10" fmla="*/ 1505 h 1718"/>
              <a:gd name="connsiteX11" fmla="*/ 598 w 1237"/>
              <a:gd name="connsiteY11" fmla="*/ 1560 h 1718"/>
              <a:gd name="connsiteX12" fmla="*/ 596 w 1237"/>
              <a:gd name="connsiteY12" fmla="*/ 1718 h 1718"/>
              <a:gd name="connsiteX0" fmla="*/ 1263 w 1263"/>
              <a:gd name="connsiteY0" fmla="*/ 7 h 1718"/>
              <a:gd name="connsiteX1" fmla="*/ 1066 w 1263"/>
              <a:gd name="connsiteY1" fmla="*/ 5 h 1718"/>
              <a:gd name="connsiteX2" fmla="*/ 958 w 1263"/>
              <a:gd name="connsiteY2" fmla="*/ 166 h 1718"/>
              <a:gd name="connsiteX3" fmla="*/ 651 w 1263"/>
              <a:gd name="connsiteY3" fmla="*/ 308 h 1718"/>
              <a:gd name="connsiteX4" fmla="*/ 410 w 1263"/>
              <a:gd name="connsiteY4" fmla="*/ 481 h 1718"/>
              <a:gd name="connsiteX5" fmla="*/ 339 w 1263"/>
              <a:gd name="connsiteY5" fmla="*/ 545 h 1718"/>
              <a:gd name="connsiteX6" fmla="*/ 84 w 1263"/>
              <a:gd name="connsiteY6" fmla="*/ 671 h 1718"/>
              <a:gd name="connsiteX7" fmla="*/ 54 w 1263"/>
              <a:gd name="connsiteY7" fmla="*/ 1064 h 1718"/>
              <a:gd name="connsiteX8" fmla="*/ 409 w 1263"/>
              <a:gd name="connsiteY8" fmla="*/ 1309 h 1718"/>
              <a:gd name="connsiteX9" fmla="*/ 327 w 1263"/>
              <a:gd name="connsiteY9" fmla="*/ 1505 h 1718"/>
              <a:gd name="connsiteX10" fmla="*/ 624 w 1263"/>
              <a:gd name="connsiteY10" fmla="*/ 1560 h 1718"/>
              <a:gd name="connsiteX11" fmla="*/ 622 w 1263"/>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310 w 1246"/>
              <a:gd name="connsiteY9" fmla="*/ 1505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6 w 1246"/>
              <a:gd name="connsiteY0" fmla="*/ 7 h 1718"/>
              <a:gd name="connsiteX1" fmla="*/ 1049 w 1246"/>
              <a:gd name="connsiteY1" fmla="*/ 5 h 1718"/>
              <a:gd name="connsiteX2" fmla="*/ 941 w 1246"/>
              <a:gd name="connsiteY2" fmla="*/ 166 h 1718"/>
              <a:gd name="connsiteX3" fmla="*/ 634 w 1246"/>
              <a:gd name="connsiteY3" fmla="*/ 308 h 1718"/>
              <a:gd name="connsiteX4" fmla="*/ 393 w 1246"/>
              <a:gd name="connsiteY4" fmla="*/ 481 h 1718"/>
              <a:gd name="connsiteX5" fmla="*/ 322 w 1246"/>
              <a:gd name="connsiteY5" fmla="*/ 545 h 1718"/>
              <a:gd name="connsiteX6" fmla="*/ 67 w 1246"/>
              <a:gd name="connsiteY6" fmla="*/ 671 h 1718"/>
              <a:gd name="connsiteX7" fmla="*/ 37 w 1246"/>
              <a:gd name="connsiteY7" fmla="*/ 1064 h 1718"/>
              <a:gd name="connsiteX8" fmla="*/ 290 w 1246"/>
              <a:gd name="connsiteY8" fmla="*/ 1178 h 1718"/>
              <a:gd name="connsiteX9" fmla="*/ 278 w 1246"/>
              <a:gd name="connsiteY9" fmla="*/ 1526 h 1718"/>
              <a:gd name="connsiteX10" fmla="*/ 607 w 1246"/>
              <a:gd name="connsiteY10" fmla="*/ 1560 h 1718"/>
              <a:gd name="connsiteX11" fmla="*/ 605 w 1246"/>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80 w 1248"/>
              <a:gd name="connsiteY9" fmla="*/ 1526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47 h 1718"/>
              <a:gd name="connsiteX10" fmla="*/ 609 w 1248"/>
              <a:gd name="connsiteY10" fmla="*/ 1560 h 1718"/>
              <a:gd name="connsiteX11" fmla="*/ 607 w 1248"/>
              <a:gd name="connsiteY11" fmla="*/ 1718 h 1718"/>
              <a:gd name="connsiteX0" fmla="*/ 1248 w 1248"/>
              <a:gd name="connsiteY0" fmla="*/ 7 h 1735"/>
              <a:gd name="connsiteX1" fmla="*/ 1051 w 1248"/>
              <a:gd name="connsiteY1" fmla="*/ 5 h 1735"/>
              <a:gd name="connsiteX2" fmla="*/ 943 w 1248"/>
              <a:gd name="connsiteY2" fmla="*/ 166 h 1735"/>
              <a:gd name="connsiteX3" fmla="*/ 636 w 1248"/>
              <a:gd name="connsiteY3" fmla="*/ 308 h 1735"/>
              <a:gd name="connsiteX4" fmla="*/ 395 w 1248"/>
              <a:gd name="connsiteY4" fmla="*/ 481 h 1735"/>
              <a:gd name="connsiteX5" fmla="*/ 324 w 1248"/>
              <a:gd name="connsiteY5" fmla="*/ 545 h 1735"/>
              <a:gd name="connsiteX6" fmla="*/ 69 w 1248"/>
              <a:gd name="connsiteY6" fmla="*/ 671 h 1735"/>
              <a:gd name="connsiteX7" fmla="*/ 39 w 1248"/>
              <a:gd name="connsiteY7" fmla="*/ 1064 h 1735"/>
              <a:gd name="connsiteX8" fmla="*/ 303 w 1248"/>
              <a:gd name="connsiteY8" fmla="*/ 1153 h 1735"/>
              <a:gd name="connsiteX9" fmla="*/ 276 w 1248"/>
              <a:gd name="connsiteY9" fmla="*/ 1547 h 1735"/>
              <a:gd name="connsiteX10" fmla="*/ 609 w 1248"/>
              <a:gd name="connsiteY10" fmla="*/ 1581 h 1735"/>
              <a:gd name="connsiteX11" fmla="*/ 607 w 1248"/>
              <a:gd name="connsiteY11" fmla="*/ 1718 h 1735"/>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47 h 1728"/>
              <a:gd name="connsiteX10" fmla="*/ 613 w 1248"/>
              <a:gd name="connsiteY10" fmla="*/ 1574 h 1728"/>
              <a:gd name="connsiteX11" fmla="*/ 607 w 1248"/>
              <a:gd name="connsiteY11" fmla="*/ 1718 h 1728"/>
              <a:gd name="connsiteX0" fmla="*/ 1248 w 1248"/>
              <a:gd name="connsiteY0" fmla="*/ 7 h 1728"/>
              <a:gd name="connsiteX1" fmla="*/ 1051 w 1248"/>
              <a:gd name="connsiteY1" fmla="*/ 5 h 1728"/>
              <a:gd name="connsiteX2" fmla="*/ 943 w 1248"/>
              <a:gd name="connsiteY2" fmla="*/ 166 h 1728"/>
              <a:gd name="connsiteX3" fmla="*/ 636 w 1248"/>
              <a:gd name="connsiteY3" fmla="*/ 308 h 1728"/>
              <a:gd name="connsiteX4" fmla="*/ 395 w 1248"/>
              <a:gd name="connsiteY4" fmla="*/ 481 h 1728"/>
              <a:gd name="connsiteX5" fmla="*/ 324 w 1248"/>
              <a:gd name="connsiteY5" fmla="*/ 545 h 1728"/>
              <a:gd name="connsiteX6" fmla="*/ 69 w 1248"/>
              <a:gd name="connsiteY6" fmla="*/ 671 h 1728"/>
              <a:gd name="connsiteX7" fmla="*/ 39 w 1248"/>
              <a:gd name="connsiteY7" fmla="*/ 1064 h 1728"/>
              <a:gd name="connsiteX8" fmla="*/ 303 w 1248"/>
              <a:gd name="connsiteY8" fmla="*/ 1153 h 1728"/>
              <a:gd name="connsiteX9" fmla="*/ 276 w 1248"/>
              <a:gd name="connsiteY9" fmla="*/ 1568 h 1728"/>
              <a:gd name="connsiteX10" fmla="*/ 613 w 1248"/>
              <a:gd name="connsiteY10" fmla="*/ 1574 h 1728"/>
              <a:gd name="connsiteX11" fmla="*/ 607 w 1248"/>
              <a:gd name="connsiteY11" fmla="*/ 1718 h 1728"/>
              <a:gd name="connsiteX0" fmla="*/ 1248 w 1248"/>
              <a:gd name="connsiteY0" fmla="*/ 7 h 1749"/>
              <a:gd name="connsiteX1" fmla="*/ 1051 w 1248"/>
              <a:gd name="connsiteY1" fmla="*/ 5 h 1749"/>
              <a:gd name="connsiteX2" fmla="*/ 943 w 1248"/>
              <a:gd name="connsiteY2" fmla="*/ 166 h 1749"/>
              <a:gd name="connsiteX3" fmla="*/ 636 w 1248"/>
              <a:gd name="connsiteY3" fmla="*/ 308 h 1749"/>
              <a:gd name="connsiteX4" fmla="*/ 395 w 1248"/>
              <a:gd name="connsiteY4" fmla="*/ 481 h 1749"/>
              <a:gd name="connsiteX5" fmla="*/ 324 w 1248"/>
              <a:gd name="connsiteY5" fmla="*/ 545 h 1749"/>
              <a:gd name="connsiteX6" fmla="*/ 69 w 1248"/>
              <a:gd name="connsiteY6" fmla="*/ 671 h 1749"/>
              <a:gd name="connsiteX7" fmla="*/ 39 w 1248"/>
              <a:gd name="connsiteY7" fmla="*/ 1064 h 1749"/>
              <a:gd name="connsiteX8" fmla="*/ 303 w 1248"/>
              <a:gd name="connsiteY8" fmla="*/ 1153 h 1749"/>
              <a:gd name="connsiteX9" fmla="*/ 276 w 1248"/>
              <a:gd name="connsiteY9" fmla="*/ 1568 h 1749"/>
              <a:gd name="connsiteX10" fmla="*/ 613 w 1248"/>
              <a:gd name="connsiteY10" fmla="*/ 1595 h 1749"/>
              <a:gd name="connsiteX11" fmla="*/ 607 w 1248"/>
              <a:gd name="connsiteY11" fmla="*/ 1718 h 1749"/>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39 w 1248"/>
              <a:gd name="connsiteY7" fmla="*/ 1064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09 w 1209"/>
              <a:gd name="connsiteY0" fmla="*/ 7 h 1718"/>
              <a:gd name="connsiteX1" fmla="*/ 1012 w 1209"/>
              <a:gd name="connsiteY1" fmla="*/ 5 h 1718"/>
              <a:gd name="connsiteX2" fmla="*/ 904 w 1209"/>
              <a:gd name="connsiteY2" fmla="*/ 166 h 1718"/>
              <a:gd name="connsiteX3" fmla="*/ 597 w 1209"/>
              <a:gd name="connsiteY3" fmla="*/ 308 h 1718"/>
              <a:gd name="connsiteX4" fmla="*/ 356 w 1209"/>
              <a:gd name="connsiteY4" fmla="*/ 481 h 1718"/>
              <a:gd name="connsiteX5" fmla="*/ 285 w 1209"/>
              <a:gd name="connsiteY5" fmla="*/ 545 h 1718"/>
              <a:gd name="connsiteX6" fmla="*/ 30 w 1209"/>
              <a:gd name="connsiteY6" fmla="*/ 671 h 1718"/>
              <a:gd name="connsiteX7" fmla="*/ 0 w 1209"/>
              <a:gd name="connsiteY7" fmla="*/ 1064 h 1718"/>
              <a:gd name="connsiteX8" fmla="*/ 264 w 1209"/>
              <a:gd name="connsiteY8" fmla="*/ 1153 h 1718"/>
              <a:gd name="connsiteX9" fmla="*/ 237 w 1209"/>
              <a:gd name="connsiteY9" fmla="*/ 1568 h 1718"/>
              <a:gd name="connsiteX10" fmla="*/ 574 w 1209"/>
              <a:gd name="connsiteY10" fmla="*/ 1595 h 1718"/>
              <a:gd name="connsiteX11" fmla="*/ 568 w 1209"/>
              <a:gd name="connsiteY11" fmla="*/ 1718 h 1718"/>
              <a:gd name="connsiteX0" fmla="*/ 1211 w 1211"/>
              <a:gd name="connsiteY0" fmla="*/ 7 h 1718"/>
              <a:gd name="connsiteX1" fmla="*/ 1014 w 1211"/>
              <a:gd name="connsiteY1" fmla="*/ 5 h 1718"/>
              <a:gd name="connsiteX2" fmla="*/ 906 w 1211"/>
              <a:gd name="connsiteY2" fmla="*/ 166 h 1718"/>
              <a:gd name="connsiteX3" fmla="*/ 599 w 1211"/>
              <a:gd name="connsiteY3" fmla="*/ 308 h 1718"/>
              <a:gd name="connsiteX4" fmla="*/ 358 w 1211"/>
              <a:gd name="connsiteY4" fmla="*/ 481 h 1718"/>
              <a:gd name="connsiteX5" fmla="*/ 287 w 1211"/>
              <a:gd name="connsiteY5" fmla="*/ 545 h 1718"/>
              <a:gd name="connsiteX6" fmla="*/ 32 w 1211"/>
              <a:gd name="connsiteY6" fmla="*/ 671 h 1718"/>
              <a:gd name="connsiteX7" fmla="*/ 2 w 1211"/>
              <a:gd name="connsiteY7" fmla="*/ 1064 h 1718"/>
              <a:gd name="connsiteX8" fmla="*/ 266 w 1211"/>
              <a:gd name="connsiteY8" fmla="*/ 1153 h 1718"/>
              <a:gd name="connsiteX9" fmla="*/ 239 w 1211"/>
              <a:gd name="connsiteY9" fmla="*/ 1568 h 1718"/>
              <a:gd name="connsiteX10" fmla="*/ 576 w 1211"/>
              <a:gd name="connsiteY10" fmla="*/ 1595 h 1718"/>
              <a:gd name="connsiteX11" fmla="*/ 570 w 1211"/>
              <a:gd name="connsiteY11" fmla="*/ 1718 h 1718"/>
              <a:gd name="connsiteX0" fmla="*/ 1250 w 1250"/>
              <a:gd name="connsiteY0" fmla="*/ 7 h 1718"/>
              <a:gd name="connsiteX1" fmla="*/ 1053 w 1250"/>
              <a:gd name="connsiteY1" fmla="*/ 5 h 1718"/>
              <a:gd name="connsiteX2" fmla="*/ 945 w 1250"/>
              <a:gd name="connsiteY2" fmla="*/ 166 h 1718"/>
              <a:gd name="connsiteX3" fmla="*/ 638 w 1250"/>
              <a:gd name="connsiteY3" fmla="*/ 308 h 1718"/>
              <a:gd name="connsiteX4" fmla="*/ 397 w 1250"/>
              <a:gd name="connsiteY4" fmla="*/ 481 h 1718"/>
              <a:gd name="connsiteX5" fmla="*/ 326 w 1250"/>
              <a:gd name="connsiteY5" fmla="*/ 545 h 1718"/>
              <a:gd name="connsiteX6" fmla="*/ 71 w 1250"/>
              <a:gd name="connsiteY6" fmla="*/ 671 h 1718"/>
              <a:gd name="connsiteX7" fmla="*/ 2 w 1250"/>
              <a:gd name="connsiteY7" fmla="*/ 1057 h 1718"/>
              <a:gd name="connsiteX8" fmla="*/ 305 w 1250"/>
              <a:gd name="connsiteY8" fmla="*/ 1153 h 1718"/>
              <a:gd name="connsiteX9" fmla="*/ 278 w 1250"/>
              <a:gd name="connsiteY9" fmla="*/ 1568 h 1718"/>
              <a:gd name="connsiteX10" fmla="*/ 615 w 1250"/>
              <a:gd name="connsiteY10" fmla="*/ 1595 h 1718"/>
              <a:gd name="connsiteX11" fmla="*/ 609 w 1250"/>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248 w 1248"/>
              <a:gd name="connsiteY0" fmla="*/ 7 h 1718"/>
              <a:gd name="connsiteX1" fmla="*/ 1051 w 1248"/>
              <a:gd name="connsiteY1" fmla="*/ 5 h 1718"/>
              <a:gd name="connsiteX2" fmla="*/ 943 w 1248"/>
              <a:gd name="connsiteY2" fmla="*/ 166 h 1718"/>
              <a:gd name="connsiteX3" fmla="*/ 636 w 1248"/>
              <a:gd name="connsiteY3" fmla="*/ 308 h 1718"/>
              <a:gd name="connsiteX4" fmla="*/ 395 w 1248"/>
              <a:gd name="connsiteY4" fmla="*/ 481 h 1718"/>
              <a:gd name="connsiteX5" fmla="*/ 324 w 1248"/>
              <a:gd name="connsiteY5" fmla="*/ 545 h 1718"/>
              <a:gd name="connsiteX6" fmla="*/ 69 w 1248"/>
              <a:gd name="connsiteY6" fmla="*/ 671 h 1718"/>
              <a:gd name="connsiteX7" fmla="*/ 0 w 1248"/>
              <a:gd name="connsiteY7" fmla="*/ 1057 h 1718"/>
              <a:gd name="connsiteX8" fmla="*/ 303 w 1248"/>
              <a:gd name="connsiteY8" fmla="*/ 1153 h 1718"/>
              <a:gd name="connsiteX9" fmla="*/ 276 w 1248"/>
              <a:gd name="connsiteY9" fmla="*/ 1568 h 1718"/>
              <a:gd name="connsiteX10" fmla="*/ 613 w 1248"/>
              <a:gd name="connsiteY10" fmla="*/ 1595 h 1718"/>
              <a:gd name="connsiteX11" fmla="*/ 607 w 1248"/>
              <a:gd name="connsiteY11" fmla="*/ 1718 h 1718"/>
              <a:gd name="connsiteX0" fmla="*/ 1051 w 1054"/>
              <a:gd name="connsiteY0" fmla="*/ 0 h 1713"/>
              <a:gd name="connsiteX1" fmla="*/ 943 w 1054"/>
              <a:gd name="connsiteY1" fmla="*/ 161 h 1713"/>
              <a:gd name="connsiteX2" fmla="*/ 636 w 1054"/>
              <a:gd name="connsiteY2" fmla="*/ 303 h 1713"/>
              <a:gd name="connsiteX3" fmla="*/ 395 w 1054"/>
              <a:gd name="connsiteY3" fmla="*/ 476 h 1713"/>
              <a:gd name="connsiteX4" fmla="*/ 324 w 1054"/>
              <a:gd name="connsiteY4" fmla="*/ 540 h 1713"/>
              <a:gd name="connsiteX5" fmla="*/ 69 w 1054"/>
              <a:gd name="connsiteY5" fmla="*/ 666 h 1713"/>
              <a:gd name="connsiteX6" fmla="*/ 0 w 1054"/>
              <a:gd name="connsiteY6" fmla="*/ 1052 h 1713"/>
              <a:gd name="connsiteX7" fmla="*/ 303 w 1054"/>
              <a:gd name="connsiteY7" fmla="*/ 1148 h 1713"/>
              <a:gd name="connsiteX8" fmla="*/ 276 w 1054"/>
              <a:gd name="connsiteY8" fmla="*/ 1563 h 1713"/>
              <a:gd name="connsiteX9" fmla="*/ 613 w 1054"/>
              <a:gd name="connsiteY9" fmla="*/ 1590 h 1713"/>
              <a:gd name="connsiteX10" fmla="*/ 607 w 1054"/>
              <a:gd name="connsiteY10" fmla="*/ 1713 h 1713"/>
              <a:gd name="connsiteX0" fmla="*/ 943 w 943"/>
              <a:gd name="connsiteY0" fmla="*/ 0 h 1552"/>
              <a:gd name="connsiteX1" fmla="*/ 636 w 943"/>
              <a:gd name="connsiteY1" fmla="*/ 142 h 1552"/>
              <a:gd name="connsiteX2" fmla="*/ 395 w 943"/>
              <a:gd name="connsiteY2" fmla="*/ 315 h 1552"/>
              <a:gd name="connsiteX3" fmla="*/ 324 w 943"/>
              <a:gd name="connsiteY3" fmla="*/ 379 h 1552"/>
              <a:gd name="connsiteX4" fmla="*/ 69 w 943"/>
              <a:gd name="connsiteY4" fmla="*/ 505 h 1552"/>
              <a:gd name="connsiteX5" fmla="*/ 0 w 943"/>
              <a:gd name="connsiteY5" fmla="*/ 891 h 1552"/>
              <a:gd name="connsiteX6" fmla="*/ 303 w 943"/>
              <a:gd name="connsiteY6" fmla="*/ 987 h 1552"/>
              <a:gd name="connsiteX7" fmla="*/ 276 w 943"/>
              <a:gd name="connsiteY7" fmla="*/ 1402 h 1552"/>
              <a:gd name="connsiteX8" fmla="*/ 613 w 943"/>
              <a:gd name="connsiteY8" fmla="*/ 1429 h 1552"/>
              <a:gd name="connsiteX9" fmla="*/ 607 w 943"/>
              <a:gd name="connsiteY9" fmla="*/ 1552 h 1552"/>
              <a:gd name="connsiteX0" fmla="*/ 636 w 636"/>
              <a:gd name="connsiteY0" fmla="*/ 0 h 1410"/>
              <a:gd name="connsiteX1" fmla="*/ 395 w 636"/>
              <a:gd name="connsiteY1" fmla="*/ 173 h 1410"/>
              <a:gd name="connsiteX2" fmla="*/ 324 w 636"/>
              <a:gd name="connsiteY2" fmla="*/ 237 h 1410"/>
              <a:gd name="connsiteX3" fmla="*/ 69 w 636"/>
              <a:gd name="connsiteY3" fmla="*/ 363 h 1410"/>
              <a:gd name="connsiteX4" fmla="*/ 0 w 636"/>
              <a:gd name="connsiteY4" fmla="*/ 749 h 1410"/>
              <a:gd name="connsiteX5" fmla="*/ 303 w 636"/>
              <a:gd name="connsiteY5" fmla="*/ 845 h 1410"/>
              <a:gd name="connsiteX6" fmla="*/ 276 w 636"/>
              <a:gd name="connsiteY6" fmla="*/ 1260 h 1410"/>
              <a:gd name="connsiteX7" fmla="*/ 613 w 636"/>
              <a:gd name="connsiteY7" fmla="*/ 1287 h 1410"/>
              <a:gd name="connsiteX8" fmla="*/ 607 w 636"/>
              <a:gd name="connsiteY8" fmla="*/ 1410 h 1410"/>
              <a:gd name="connsiteX0" fmla="*/ 395 w 613"/>
              <a:gd name="connsiteY0" fmla="*/ 0 h 1237"/>
              <a:gd name="connsiteX1" fmla="*/ 324 w 613"/>
              <a:gd name="connsiteY1" fmla="*/ 64 h 1237"/>
              <a:gd name="connsiteX2" fmla="*/ 69 w 613"/>
              <a:gd name="connsiteY2" fmla="*/ 190 h 1237"/>
              <a:gd name="connsiteX3" fmla="*/ 0 w 613"/>
              <a:gd name="connsiteY3" fmla="*/ 576 h 1237"/>
              <a:gd name="connsiteX4" fmla="*/ 303 w 613"/>
              <a:gd name="connsiteY4" fmla="*/ 672 h 1237"/>
              <a:gd name="connsiteX5" fmla="*/ 276 w 613"/>
              <a:gd name="connsiteY5" fmla="*/ 1087 h 1237"/>
              <a:gd name="connsiteX6" fmla="*/ 613 w 613"/>
              <a:gd name="connsiteY6" fmla="*/ 1114 h 1237"/>
              <a:gd name="connsiteX7" fmla="*/ 607 w 613"/>
              <a:gd name="connsiteY7" fmla="*/ 1237 h 1237"/>
              <a:gd name="connsiteX0" fmla="*/ 324 w 613"/>
              <a:gd name="connsiteY0" fmla="*/ 0 h 1173"/>
              <a:gd name="connsiteX1" fmla="*/ 69 w 613"/>
              <a:gd name="connsiteY1" fmla="*/ 126 h 1173"/>
              <a:gd name="connsiteX2" fmla="*/ 0 w 613"/>
              <a:gd name="connsiteY2" fmla="*/ 512 h 1173"/>
              <a:gd name="connsiteX3" fmla="*/ 303 w 613"/>
              <a:gd name="connsiteY3" fmla="*/ 608 h 1173"/>
              <a:gd name="connsiteX4" fmla="*/ 276 w 613"/>
              <a:gd name="connsiteY4" fmla="*/ 1023 h 1173"/>
              <a:gd name="connsiteX5" fmla="*/ 613 w 613"/>
              <a:gd name="connsiteY5" fmla="*/ 1050 h 1173"/>
              <a:gd name="connsiteX6" fmla="*/ 607 w 613"/>
              <a:gd name="connsiteY6" fmla="*/ 1173 h 1173"/>
              <a:gd name="connsiteX0" fmla="*/ 69 w 613"/>
              <a:gd name="connsiteY0" fmla="*/ 0 h 1047"/>
              <a:gd name="connsiteX1" fmla="*/ 0 w 613"/>
              <a:gd name="connsiteY1" fmla="*/ 386 h 1047"/>
              <a:gd name="connsiteX2" fmla="*/ 303 w 613"/>
              <a:gd name="connsiteY2" fmla="*/ 482 h 1047"/>
              <a:gd name="connsiteX3" fmla="*/ 276 w 613"/>
              <a:gd name="connsiteY3" fmla="*/ 897 h 1047"/>
              <a:gd name="connsiteX4" fmla="*/ 613 w 613"/>
              <a:gd name="connsiteY4" fmla="*/ 924 h 1047"/>
              <a:gd name="connsiteX5" fmla="*/ 607 w 613"/>
              <a:gd name="connsiteY5" fmla="*/ 1047 h 1047"/>
              <a:gd name="connsiteX0" fmla="*/ 69 w 607"/>
              <a:gd name="connsiteY0" fmla="*/ 0 h 1047"/>
              <a:gd name="connsiteX1" fmla="*/ 0 w 607"/>
              <a:gd name="connsiteY1" fmla="*/ 386 h 1047"/>
              <a:gd name="connsiteX2" fmla="*/ 303 w 607"/>
              <a:gd name="connsiteY2" fmla="*/ 482 h 1047"/>
              <a:gd name="connsiteX3" fmla="*/ 276 w 607"/>
              <a:gd name="connsiteY3" fmla="*/ 897 h 1047"/>
              <a:gd name="connsiteX4" fmla="*/ 607 w 607"/>
              <a:gd name="connsiteY4" fmla="*/ 1047 h 1047"/>
              <a:gd name="connsiteX0" fmla="*/ 69 w 607"/>
              <a:gd name="connsiteY0" fmla="*/ 0 h 1047"/>
              <a:gd name="connsiteX1" fmla="*/ 0 w 607"/>
              <a:gd name="connsiteY1" fmla="*/ 386 h 1047"/>
              <a:gd name="connsiteX2" fmla="*/ 303 w 607"/>
              <a:gd name="connsiteY2" fmla="*/ 482 h 1047"/>
              <a:gd name="connsiteX3" fmla="*/ 607 w 607"/>
              <a:gd name="connsiteY3" fmla="*/ 1047 h 1047"/>
              <a:gd name="connsiteX0" fmla="*/ 69 w 303"/>
              <a:gd name="connsiteY0" fmla="*/ 0 h 482"/>
              <a:gd name="connsiteX1" fmla="*/ 0 w 303"/>
              <a:gd name="connsiteY1" fmla="*/ 386 h 482"/>
              <a:gd name="connsiteX2" fmla="*/ 303 w 303"/>
              <a:gd name="connsiteY2" fmla="*/ 482 h 482"/>
              <a:gd name="connsiteX0" fmla="*/ 69 w 69"/>
              <a:gd name="connsiteY0" fmla="*/ 0 h 386"/>
              <a:gd name="connsiteX1" fmla="*/ 0 w 69"/>
              <a:gd name="connsiteY1" fmla="*/ 386 h 386"/>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57 w 357"/>
              <a:gd name="connsiteY0" fmla="*/ 0 h 578"/>
              <a:gd name="connsiteX1" fmla="*/ 0 w 357"/>
              <a:gd name="connsiteY1" fmla="*/ 578 h 578"/>
              <a:gd name="connsiteX0" fmla="*/ 378 w 378"/>
              <a:gd name="connsiteY0" fmla="*/ 0 h 557"/>
              <a:gd name="connsiteX1" fmla="*/ 0 w 378"/>
              <a:gd name="connsiteY1" fmla="*/ 557 h 557"/>
              <a:gd name="connsiteX0" fmla="*/ 393 w 393"/>
              <a:gd name="connsiteY0" fmla="*/ 0 h 554"/>
              <a:gd name="connsiteX1" fmla="*/ 0 w 393"/>
              <a:gd name="connsiteY1" fmla="*/ 554 h 554"/>
              <a:gd name="connsiteX0" fmla="*/ 393 w 1235"/>
              <a:gd name="connsiteY0" fmla="*/ 189 h 743"/>
              <a:gd name="connsiteX1" fmla="*/ 1235 w 1235"/>
              <a:gd name="connsiteY1" fmla="*/ 0 h 743"/>
              <a:gd name="connsiteX2" fmla="*/ 0 w 1235"/>
              <a:gd name="connsiteY2" fmla="*/ 743 h 743"/>
              <a:gd name="connsiteX0" fmla="*/ 393 w 393"/>
              <a:gd name="connsiteY0" fmla="*/ 0 h 554"/>
              <a:gd name="connsiteX1" fmla="*/ 0 w 393"/>
              <a:gd name="connsiteY1" fmla="*/ 554 h 554"/>
              <a:gd name="connsiteX0" fmla="*/ 1401 w 1401"/>
              <a:gd name="connsiteY0" fmla="*/ 0 h 794"/>
              <a:gd name="connsiteX1" fmla="*/ 0 w 1401"/>
              <a:gd name="connsiteY1" fmla="*/ 794 h 794"/>
              <a:gd name="connsiteX0" fmla="*/ 1209 w 1209"/>
              <a:gd name="connsiteY0" fmla="*/ 0 h 794"/>
              <a:gd name="connsiteX1" fmla="*/ 0 w 1209"/>
              <a:gd name="connsiteY1" fmla="*/ 794 h 794"/>
              <a:gd name="connsiteX0" fmla="*/ 345 w 345"/>
              <a:gd name="connsiteY0" fmla="*/ 0 h 1514"/>
              <a:gd name="connsiteX1" fmla="*/ 0 w 345"/>
              <a:gd name="connsiteY1" fmla="*/ 1514 h 1514"/>
              <a:gd name="connsiteX0" fmla="*/ 423 w 423"/>
              <a:gd name="connsiteY0" fmla="*/ 0 h 1461"/>
              <a:gd name="connsiteX1" fmla="*/ 0 w 423"/>
              <a:gd name="connsiteY1" fmla="*/ 1461 h 1461"/>
              <a:gd name="connsiteX0" fmla="*/ 423 w 423"/>
              <a:gd name="connsiteY0" fmla="*/ 0 h 1461"/>
              <a:gd name="connsiteX1" fmla="*/ 14 w 423"/>
              <a:gd name="connsiteY1" fmla="*/ 1409 h 1461"/>
              <a:gd name="connsiteX2" fmla="*/ 0 w 423"/>
              <a:gd name="connsiteY2" fmla="*/ 1461 h 1461"/>
              <a:gd name="connsiteX0" fmla="*/ 471 w 471"/>
              <a:gd name="connsiteY0" fmla="*/ 0 h 1461"/>
              <a:gd name="connsiteX1" fmla="*/ 62 w 471"/>
              <a:gd name="connsiteY1" fmla="*/ 1409 h 1461"/>
              <a:gd name="connsiteX2" fmla="*/ 0 w 471"/>
              <a:gd name="connsiteY2" fmla="*/ 1461 h 1461"/>
              <a:gd name="connsiteX0" fmla="*/ 471 w 471"/>
              <a:gd name="connsiteY0" fmla="*/ 0 h 1461"/>
              <a:gd name="connsiteX1" fmla="*/ 62 w 471"/>
              <a:gd name="connsiteY1" fmla="*/ 1409 h 1461"/>
              <a:gd name="connsiteX2" fmla="*/ 0 w 471"/>
              <a:gd name="connsiteY2" fmla="*/ 1461 h 1461"/>
              <a:gd name="connsiteX0" fmla="*/ 785 w 785"/>
              <a:gd name="connsiteY0" fmla="*/ 0 h 1461"/>
              <a:gd name="connsiteX1" fmla="*/ 376 w 785"/>
              <a:gd name="connsiteY1" fmla="*/ 1409 h 1461"/>
              <a:gd name="connsiteX2" fmla="*/ 314 w 785"/>
              <a:gd name="connsiteY2" fmla="*/ 1461 h 1461"/>
              <a:gd name="connsiteX0" fmla="*/ 785 w 785"/>
              <a:gd name="connsiteY0" fmla="*/ 0 h 1879"/>
              <a:gd name="connsiteX1" fmla="*/ 376 w 785"/>
              <a:gd name="connsiteY1" fmla="*/ 1409 h 1879"/>
              <a:gd name="connsiteX2" fmla="*/ 314 w 785"/>
              <a:gd name="connsiteY2" fmla="*/ 1461 h 1879"/>
              <a:gd name="connsiteX0" fmla="*/ 546 w 546"/>
              <a:gd name="connsiteY0" fmla="*/ 0 h 1879"/>
              <a:gd name="connsiteX1" fmla="*/ 137 w 546"/>
              <a:gd name="connsiteY1" fmla="*/ 1409 h 1879"/>
              <a:gd name="connsiteX2" fmla="*/ 75 w 546"/>
              <a:gd name="connsiteY2" fmla="*/ 1461 h 1879"/>
              <a:gd name="connsiteX0" fmla="*/ 501 w 501"/>
              <a:gd name="connsiteY0" fmla="*/ 0 h 1466"/>
              <a:gd name="connsiteX1" fmla="*/ 92 w 501"/>
              <a:gd name="connsiteY1" fmla="*/ 1409 h 1466"/>
              <a:gd name="connsiteX2" fmla="*/ 30 w 501"/>
              <a:gd name="connsiteY2" fmla="*/ 1461 h 1466"/>
              <a:gd name="connsiteX0" fmla="*/ 501 w 501"/>
              <a:gd name="connsiteY0" fmla="*/ 0 h 1508"/>
              <a:gd name="connsiteX1" fmla="*/ 92 w 501"/>
              <a:gd name="connsiteY1" fmla="*/ 1409 h 1508"/>
              <a:gd name="connsiteX2" fmla="*/ 30 w 501"/>
              <a:gd name="connsiteY2" fmla="*/ 1461 h 1508"/>
              <a:gd name="connsiteX0" fmla="*/ 501 w 501"/>
              <a:gd name="connsiteY0" fmla="*/ 0 h 1508"/>
              <a:gd name="connsiteX1" fmla="*/ 92 w 501"/>
              <a:gd name="connsiteY1" fmla="*/ 1409 h 1508"/>
              <a:gd name="connsiteX2" fmla="*/ 30 w 501"/>
              <a:gd name="connsiteY2" fmla="*/ 1461 h 1508"/>
              <a:gd name="connsiteX0" fmla="*/ 501 w 501"/>
              <a:gd name="connsiteY0" fmla="*/ 0 h 1589"/>
              <a:gd name="connsiteX1" fmla="*/ 92 w 501"/>
              <a:gd name="connsiteY1" fmla="*/ 1409 h 1589"/>
              <a:gd name="connsiteX2" fmla="*/ 30 w 501"/>
              <a:gd name="connsiteY2" fmla="*/ 1461 h 1589"/>
              <a:gd name="connsiteX0" fmla="*/ 471 w 471"/>
              <a:gd name="connsiteY0" fmla="*/ 0 h 1589"/>
              <a:gd name="connsiteX1" fmla="*/ 62 w 471"/>
              <a:gd name="connsiteY1" fmla="*/ 1409 h 1589"/>
              <a:gd name="connsiteX2" fmla="*/ 0 w 471"/>
              <a:gd name="connsiteY2" fmla="*/ 1461 h 1589"/>
              <a:gd name="connsiteX0" fmla="*/ 471 w 471"/>
              <a:gd name="connsiteY0" fmla="*/ 0 h 1482"/>
              <a:gd name="connsiteX1" fmla="*/ 62 w 471"/>
              <a:gd name="connsiteY1" fmla="*/ 1409 h 1482"/>
              <a:gd name="connsiteX2" fmla="*/ 0 w 471"/>
              <a:gd name="connsiteY2" fmla="*/ 1461 h 1482"/>
              <a:gd name="connsiteX0" fmla="*/ 471 w 471"/>
              <a:gd name="connsiteY0" fmla="*/ 0 h 1473"/>
              <a:gd name="connsiteX1" fmla="*/ 62 w 471"/>
              <a:gd name="connsiteY1" fmla="*/ 1409 h 1473"/>
              <a:gd name="connsiteX2" fmla="*/ 0 w 471"/>
              <a:gd name="connsiteY2" fmla="*/ 1461 h 1473"/>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468 w 468"/>
              <a:gd name="connsiteY0" fmla="*/ 0 h 1475"/>
              <a:gd name="connsiteX1" fmla="*/ 59 w 468"/>
              <a:gd name="connsiteY1" fmla="*/ 1409 h 1475"/>
              <a:gd name="connsiteX2" fmla="*/ 0 w 468"/>
              <a:gd name="connsiteY2" fmla="*/ 1475 h 1475"/>
              <a:gd name="connsiteX0" fmla="*/ 508 w 508"/>
              <a:gd name="connsiteY0" fmla="*/ 0 h 1491"/>
              <a:gd name="connsiteX1" fmla="*/ 99 w 508"/>
              <a:gd name="connsiteY1" fmla="*/ 1409 h 1491"/>
              <a:gd name="connsiteX2" fmla="*/ 0 w 508"/>
              <a:gd name="connsiteY2" fmla="*/ 1491 h 1491"/>
              <a:gd name="connsiteX0" fmla="*/ 508 w 508"/>
              <a:gd name="connsiteY0" fmla="*/ 0 h 1525"/>
              <a:gd name="connsiteX1" fmla="*/ 73 w 508"/>
              <a:gd name="connsiteY1" fmla="*/ 1461 h 1525"/>
              <a:gd name="connsiteX2" fmla="*/ 0 w 508"/>
              <a:gd name="connsiteY2" fmla="*/ 1491 h 1525"/>
              <a:gd name="connsiteX0" fmla="*/ 508 w 508"/>
              <a:gd name="connsiteY0" fmla="*/ 0 h 1491"/>
              <a:gd name="connsiteX1" fmla="*/ 73 w 508"/>
              <a:gd name="connsiteY1" fmla="*/ 1461 h 1491"/>
              <a:gd name="connsiteX2" fmla="*/ 0 w 508"/>
              <a:gd name="connsiteY2" fmla="*/ 1491 h 1491"/>
              <a:gd name="connsiteX0" fmla="*/ 508 w 508"/>
              <a:gd name="connsiteY0" fmla="*/ 0 h 1493"/>
              <a:gd name="connsiteX1" fmla="*/ 73 w 508"/>
              <a:gd name="connsiteY1" fmla="*/ 1461 h 1493"/>
              <a:gd name="connsiteX2" fmla="*/ 0 w 508"/>
              <a:gd name="connsiteY2" fmla="*/ 1491 h 1493"/>
              <a:gd name="connsiteX0" fmla="*/ 508 w 508"/>
              <a:gd name="connsiteY0" fmla="*/ 0 h 1491"/>
              <a:gd name="connsiteX1" fmla="*/ 73 w 508"/>
              <a:gd name="connsiteY1" fmla="*/ 1461 h 1491"/>
              <a:gd name="connsiteX2" fmla="*/ 0 w 508"/>
              <a:gd name="connsiteY2" fmla="*/ 1491 h 1491"/>
              <a:gd name="connsiteX0" fmla="*/ 578 w 578"/>
              <a:gd name="connsiteY0" fmla="*/ 0 h 1453"/>
              <a:gd name="connsiteX1" fmla="*/ 73 w 578"/>
              <a:gd name="connsiteY1" fmla="*/ 1423 h 1453"/>
              <a:gd name="connsiteX2" fmla="*/ 0 w 578"/>
              <a:gd name="connsiteY2" fmla="*/ 1453 h 1453"/>
              <a:gd name="connsiteX0" fmla="*/ 8189 w 8189"/>
              <a:gd name="connsiteY0" fmla="*/ 0 h 10399"/>
              <a:gd name="connsiteX1" fmla="*/ 1263 w 8189"/>
              <a:gd name="connsiteY1" fmla="*/ 10193 h 10399"/>
              <a:gd name="connsiteX2" fmla="*/ 0 w 8189"/>
              <a:gd name="connsiteY2" fmla="*/ 10399 h 10399"/>
              <a:gd name="connsiteX0" fmla="*/ 10000 w 10000"/>
              <a:gd name="connsiteY0" fmla="*/ 0 h 10000"/>
              <a:gd name="connsiteX1" fmla="*/ 1443 w 10000"/>
              <a:gd name="connsiteY1" fmla="*/ 9612 h 10000"/>
              <a:gd name="connsiteX2" fmla="*/ 0 w 10000"/>
              <a:gd name="connsiteY2" fmla="*/ 10000 h 10000"/>
              <a:gd name="connsiteX0" fmla="*/ 10000 w 10000"/>
              <a:gd name="connsiteY0" fmla="*/ 0 h 10000"/>
              <a:gd name="connsiteX1" fmla="*/ 1295 w 10000"/>
              <a:gd name="connsiteY1" fmla="*/ 9597 h 10000"/>
              <a:gd name="connsiteX2" fmla="*/ 0 w 10000"/>
              <a:gd name="connsiteY2" fmla="*/ 10000 h 10000"/>
              <a:gd name="connsiteX0" fmla="*/ 10000 w 10000"/>
              <a:gd name="connsiteY0" fmla="*/ 0 h 10000"/>
              <a:gd name="connsiteX1" fmla="*/ 1098 w 10000"/>
              <a:gd name="connsiteY1" fmla="*/ 9597 h 10000"/>
              <a:gd name="connsiteX2" fmla="*/ 0 w 10000"/>
              <a:gd name="connsiteY2" fmla="*/ 10000 h 10000"/>
              <a:gd name="connsiteX0" fmla="*/ 10000 w 10000"/>
              <a:gd name="connsiteY0" fmla="*/ 17 h 10017"/>
              <a:gd name="connsiteX1" fmla="*/ 8004 w 10000"/>
              <a:gd name="connsiteY1" fmla="*/ 1055 h 10017"/>
              <a:gd name="connsiteX2" fmla="*/ 1098 w 10000"/>
              <a:gd name="connsiteY2" fmla="*/ 9614 h 10017"/>
              <a:gd name="connsiteX3" fmla="*/ 0 w 10000"/>
              <a:gd name="connsiteY3" fmla="*/ 10017 h 10017"/>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38 h 10000"/>
              <a:gd name="connsiteX2" fmla="*/ 1098 w 10000"/>
              <a:gd name="connsiteY2" fmla="*/ 9597 h 10000"/>
              <a:gd name="connsiteX3" fmla="*/ 0 w 10000"/>
              <a:gd name="connsiteY3" fmla="*/ 10000 h 10000"/>
              <a:gd name="connsiteX0" fmla="*/ 10000 w 10000"/>
              <a:gd name="connsiteY0" fmla="*/ 0 h 10000"/>
              <a:gd name="connsiteX1" fmla="*/ 8004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560 w 10000"/>
              <a:gd name="connsiteY1" fmla="*/ 1126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82 h 10000"/>
              <a:gd name="connsiteX2" fmla="*/ 1098 w 10000"/>
              <a:gd name="connsiteY2" fmla="*/ 9597 h 10000"/>
              <a:gd name="connsiteX3" fmla="*/ 0 w 10000"/>
              <a:gd name="connsiteY3" fmla="*/ 10000 h 10000"/>
              <a:gd name="connsiteX0" fmla="*/ 10000 w 10000"/>
              <a:gd name="connsiteY0" fmla="*/ 0 h 10000"/>
              <a:gd name="connsiteX1" fmla="*/ 7757 w 10000"/>
              <a:gd name="connsiteY1" fmla="*/ 1067 h 10000"/>
              <a:gd name="connsiteX2" fmla="*/ 1098 w 10000"/>
              <a:gd name="connsiteY2" fmla="*/ 9597 h 10000"/>
              <a:gd name="connsiteX3" fmla="*/ 0 w 10000"/>
              <a:gd name="connsiteY3" fmla="*/ 10000 h 10000"/>
              <a:gd name="connsiteX0" fmla="*/ 10000 w 10000"/>
              <a:gd name="connsiteY0" fmla="*/ 0 h 10000"/>
              <a:gd name="connsiteX1" fmla="*/ 7461 w 10000"/>
              <a:gd name="connsiteY1" fmla="*/ 1067 h 10000"/>
              <a:gd name="connsiteX2" fmla="*/ 1098 w 10000"/>
              <a:gd name="connsiteY2" fmla="*/ 9597 h 10000"/>
              <a:gd name="connsiteX3" fmla="*/ 0 w 10000"/>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0000" h="10000">
                <a:moveTo>
                  <a:pt x="10000" y="0"/>
                </a:moveTo>
                <a:cubicBezTo>
                  <a:pt x="9840" y="185"/>
                  <a:pt x="8107" y="662"/>
                  <a:pt x="7461" y="1067"/>
                </a:cubicBezTo>
                <a:cubicBezTo>
                  <a:pt x="7160" y="1501"/>
                  <a:pt x="2605" y="8116"/>
                  <a:pt x="1098" y="9597"/>
                </a:cubicBezTo>
                <a:cubicBezTo>
                  <a:pt x="760" y="9749"/>
                  <a:pt x="888" y="9940"/>
                  <a:pt x="0" y="10000"/>
                </a:cubicBezTo>
              </a:path>
            </a:pathLst>
          </a:custGeom>
          <a:noFill/>
          <a:ln w="19050" cap="flat" cmpd="sng">
            <a:solidFill>
              <a:srgbClr val="FF66FF"/>
            </a:solidFill>
            <a:prstDash val="sysDash"/>
            <a:round/>
            <a:headEnd type="none" w="med" len="med"/>
            <a:tailEnd type="none" w="med" len="med"/>
          </a:ln>
          <a:effectLst>
            <a:glow rad="63500">
              <a:schemeClr val="bg1">
                <a:alpha val="40000"/>
              </a:schemeClr>
            </a:glow>
          </a:effectLst>
        </p:spPr>
        <p:txBody>
          <a:bodyPr rot="10800000" vert="eaVert" wrap="square">
            <a:spAutoFit/>
          </a:bodyPr>
          <a:lstStyle/>
          <a:p>
            <a:pPr>
              <a:defRPr/>
            </a:pPr>
            <a:endParaRPr lang="en-US" dirty="0">
              <a:solidFill>
                <a:prstClr val="white"/>
              </a:solidFill>
              <a:latin typeface="Arial" charset="0"/>
              <a:cs typeface="Arial" charset="0"/>
            </a:endParaRPr>
          </a:p>
        </p:txBody>
      </p:sp>
      <p:sp>
        <p:nvSpPr>
          <p:cNvPr id="57" name="Preliminary Subject to Revision Textbox" hidden="1"/>
          <p:cNvSpPr txBox="1"/>
          <p:nvPr/>
        </p:nvSpPr>
        <p:spPr>
          <a:xfrm>
            <a:off x="5867400" y="6511792"/>
            <a:ext cx="2590800" cy="307777"/>
          </a:xfrm>
          <a:prstGeom prst="rect">
            <a:avLst/>
          </a:prstGeom>
          <a:noFill/>
        </p:spPr>
        <p:txBody>
          <a:bodyPr>
            <a:spAutoFit/>
          </a:bodyPr>
          <a:lstStyle/>
          <a:p>
            <a:pPr algn="ctr">
              <a:defRPr/>
            </a:pPr>
            <a:r>
              <a:rPr lang="en-US" sz="1400" b="1" i="1" dirty="0">
                <a:solidFill>
                  <a:srgbClr val="FFC000"/>
                </a:solidFill>
                <a:effectLst>
                  <a:glow rad="101600">
                    <a:prstClr val="black">
                      <a:alpha val="60000"/>
                    </a:prstClr>
                  </a:glow>
                </a:effectLst>
              </a:rPr>
              <a:t>Preliminary Subject to Revision</a:t>
            </a:r>
          </a:p>
        </p:txBody>
      </p:sp>
      <p:sp>
        <p:nvSpPr>
          <p:cNvPr id="78" name="Tunnel - Text Box" hidden="1"/>
          <p:cNvSpPr txBox="1"/>
          <p:nvPr/>
        </p:nvSpPr>
        <p:spPr>
          <a:xfrm>
            <a:off x="3856788" y="4533901"/>
            <a:ext cx="929816"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Tunnels</a:t>
            </a:r>
          </a:p>
        </p:txBody>
      </p:sp>
      <p:sp>
        <p:nvSpPr>
          <p:cNvPr id="66" name="SJ River Textbox"/>
          <p:cNvSpPr txBox="1">
            <a:spLocks noChangeArrowheads="1"/>
          </p:cNvSpPr>
          <p:nvPr/>
        </p:nvSpPr>
        <p:spPr bwMode="invGray">
          <a:xfrm>
            <a:off x="6683020" y="5580063"/>
            <a:ext cx="2141893"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000" b="1" dirty="0" smtClean="0">
                <a:solidFill>
                  <a:prstClr val="white"/>
                </a:solidFill>
              </a:rPr>
              <a:t>San Joaquin </a:t>
            </a:r>
            <a:r>
              <a:rPr lang="en-US" sz="2000" b="1" dirty="0">
                <a:solidFill>
                  <a:prstClr val="white"/>
                </a:solidFill>
              </a:rPr>
              <a:t>River</a:t>
            </a:r>
          </a:p>
        </p:txBody>
      </p:sp>
      <p:sp>
        <p:nvSpPr>
          <p:cNvPr id="108" name="Thru-Delta - Text Box" hidden="1"/>
          <p:cNvSpPr txBox="1"/>
          <p:nvPr/>
        </p:nvSpPr>
        <p:spPr>
          <a:xfrm>
            <a:off x="5769456" y="5751354"/>
            <a:ext cx="2013229" cy="401812"/>
          </a:xfrm>
          <a:prstGeom prst="roundRect">
            <a:avLst/>
          </a:prstGeom>
          <a:solidFill>
            <a:schemeClr val="accent6">
              <a:lumMod val="50000"/>
              <a:alpha val="74902"/>
            </a:schemeClr>
          </a:solidFill>
        </p:spPr>
        <p:style>
          <a:lnRef idx="0">
            <a:schemeClr val="accent5"/>
          </a:lnRef>
          <a:fillRef idx="3">
            <a:schemeClr val="accent5"/>
          </a:fillRef>
          <a:effectRef idx="3">
            <a:schemeClr val="accent5"/>
          </a:effectRef>
          <a:fontRef idx="minor">
            <a:schemeClr val="lt1"/>
          </a:fontRef>
        </p:style>
        <p:txBody>
          <a:bodyPr wrap="square" lIns="27432" tIns="27432" rIns="27432" bIns="27432" rtlCol="0">
            <a:spAutoFit/>
          </a:bodyPr>
          <a:lstStyle/>
          <a:p>
            <a:pPr algn="ctr"/>
            <a:r>
              <a:rPr lang="en-US" sz="2000" b="1" dirty="0">
                <a:solidFill>
                  <a:prstClr val="white"/>
                </a:solidFill>
              </a:rPr>
              <a:t>Through Delta</a:t>
            </a:r>
          </a:p>
        </p:txBody>
      </p:sp>
      <p:sp>
        <p:nvSpPr>
          <p:cNvPr id="49" name="CVP Pumps Textbox" hidden="1"/>
          <p:cNvSpPr txBox="1">
            <a:spLocks noChangeArrowheads="1"/>
          </p:cNvSpPr>
          <p:nvPr/>
        </p:nvSpPr>
        <p:spPr bwMode="invGray">
          <a:xfrm>
            <a:off x="2078038" y="6246813"/>
            <a:ext cx="2209800" cy="461962"/>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ctr" eaLnBrk="0" hangingPunct="0">
              <a:spcBef>
                <a:spcPct val="50000"/>
              </a:spcBef>
              <a:defRPr/>
            </a:pPr>
            <a:r>
              <a:rPr lang="en-US" sz="2400" b="1" dirty="0">
                <a:solidFill>
                  <a:prstClr val="white"/>
                </a:solidFill>
              </a:rPr>
              <a:t>CVP Pumps</a:t>
            </a:r>
          </a:p>
        </p:txBody>
      </p:sp>
      <p:sp>
        <p:nvSpPr>
          <p:cNvPr id="48" name="SWP Pumps Textbox" hidden="1"/>
          <p:cNvSpPr txBox="1">
            <a:spLocks noChangeArrowheads="1"/>
          </p:cNvSpPr>
          <p:nvPr/>
        </p:nvSpPr>
        <p:spPr bwMode="invGray">
          <a:xfrm>
            <a:off x="1295400" y="5867400"/>
            <a:ext cx="2209800" cy="461963"/>
          </a:xfrm>
          <a:prstGeom prst="rect">
            <a:avLst/>
          </a:prstGeom>
          <a:noFill/>
          <a:ln w="9525">
            <a:noFill/>
            <a:miter lim="800000"/>
            <a:headEnd/>
            <a:tailEnd/>
          </a:ln>
          <a:effectLst>
            <a:outerShdw blurRad="50800" dist="50800" dir="2700000" algn="ctr" rotWithShape="0">
              <a:schemeClr val="bg1"/>
            </a:outerShdw>
          </a:effectLst>
        </p:spPr>
        <p:txBody>
          <a:bodyPr>
            <a:spAutoFit/>
          </a:bodyPr>
          <a:lstStyle/>
          <a:p>
            <a:pPr algn="r" eaLnBrk="0" hangingPunct="0">
              <a:spcBef>
                <a:spcPct val="50000"/>
              </a:spcBef>
              <a:defRPr/>
            </a:pPr>
            <a:r>
              <a:rPr lang="en-US" sz="2400" b="1" dirty="0">
                <a:solidFill>
                  <a:prstClr val="white"/>
                </a:solidFill>
              </a:rPr>
              <a:t>SWP Pumps</a:t>
            </a:r>
          </a:p>
        </p:txBody>
      </p:sp>
      <p:sp>
        <p:nvSpPr>
          <p:cNvPr id="54" name="Sacramento Textbox"/>
          <p:cNvSpPr txBox="1">
            <a:spLocks noChangeArrowheads="1"/>
          </p:cNvSpPr>
          <p:nvPr/>
        </p:nvSpPr>
        <p:spPr bwMode="invGray">
          <a:xfrm>
            <a:off x="5943599" y="2590800"/>
            <a:ext cx="2062163"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acramento</a:t>
            </a:r>
          </a:p>
        </p:txBody>
      </p:sp>
      <p:sp>
        <p:nvSpPr>
          <p:cNvPr id="53" name="Stockton Textbox"/>
          <p:cNvSpPr txBox="1">
            <a:spLocks noChangeArrowheads="1"/>
          </p:cNvSpPr>
          <p:nvPr/>
        </p:nvSpPr>
        <p:spPr bwMode="invGray">
          <a:xfrm>
            <a:off x="7243763" y="4564063"/>
            <a:ext cx="1524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eaLnBrk="0" hangingPunct="0">
              <a:lnSpc>
                <a:spcPct val="90000"/>
              </a:lnSpc>
              <a:spcBef>
                <a:spcPct val="50000"/>
              </a:spcBef>
              <a:buClr>
                <a:srgbClr val="A116E0"/>
              </a:buClr>
              <a:buSzPct val="140000"/>
              <a:buFont typeface="Wingdings" pitchFamily="2" charset="2"/>
              <a:buNone/>
              <a:defRPr/>
            </a:pPr>
            <a:r>
              <a:rPr lang="en-US" sz="2400" b="1" dirty="0">
                <a:solidFill>
                  <a:prstClr val="white"/>
                </a:solidFill>
              </a:rPr>
              <a:t>Stockton</a:t>
            </a:r>
          </a:p>
        </p:txBody>
      </p:sp>
      <p:sp>
        <p:nvSpPr>
          <p:cNvPr id="52" name="Sac River  Textbox"/>
          <p:cNvSpPr txBox="1">
            <a:spLocks noChangeArrowheads="1"/>
          </p:cNvSpPr>
          <p:nvPr/>
        </p:nvSpPr>
        <p:spPr bwMode="invGray">
          <a:xfrm>
            <a:off x="2897188" y="2697163"/>
            <a:ext cx="1905000" cy="368300"/>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p>
            <a:pPr algn="ctr" eaLnBrk="0" hangingPunct="0">
              <a:lnSpc>
                <a:spcPct val="90000"/>
              </a:lnSpc>
              <a:spcBef>
                <a:spcPct val="50000"/>
              </a:spcBef>
              <a:buClr>
                <a:srgbClr val="A116E0"/>
              </a:buClr>
              <a:buSzPct val="140000"/>
              <a:buFont typeface="Wingdings" pitchFamily="2" charset="2"/>
              <a:buNone/>
              <a:defRPr/>
            </a:pPr>
            <a:r>
              <a:rPr lang="en-US" sz="2000" b="1" dirty="0">
                <a:solidFill>
                  <a:prstClr val="white"/>
                </a:solidFill>
              </a:rPr>
              <a:t>Sac River</a:t>
            </a:r>
          </a:p>
        </p:txBody>
      </p:sp>
      <p:sp>
        <p:nvSpPr>
          <p:cNvPr id="75" name="West Canal - Text Box" hidden="1"/>
          <p:cNvSpPr txBox="1"/>
          <p:nvPr/>
        </p:nvSpPr>
        <p:spPr>
          <a:xfrm>
            <a:off x="2207405" y="3420979"/>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West Canal</a:t>
            </a:r>
          </a:p>
        </p:txBody>
      </p:sp>
      <p:sp>
        <p:nvSpPr>
          <p:cNvPr id="77" name="East Canal - Text Box" hidden="1"/>
          <p:cNvSpPr txBox="1"/>
          <p:nvPr/>
        </p:nvSpPr>
        <p:spPr>
          <a:xfrm>
            <a:off x="5992534" y="3673610"/>
            <a:ext cx="1280160" cy="401812"/>
          </a:xfrm>
          <a:prstGeom prst="roundRect">
            <a:avLst/>
          </a:prstGeom>
          <a:solidFill>
            <a:schemeClr val="accent6">
              <a:lumMod val="50000"/>
              <a:alpha val="74902"/>
            </a:schemeClr>
          </a:solidFill>
        </p:spPr>
        <p:style>
          <a:lnRef idx="0">
            <a:schemeClr val="accent1"/>
          </a:lnRef>
          <a:fillRef idx="3">
            <a:schemeClr val="accent1"/>
          </a:fillRef>
          <a:effectRef idx="3">
            <a:schemeClr val="accent1"/>
          </a:effectRef>
          <a:fontRef idx="minor">
            <a:schemeClr val="lt1"/>
          </a:fontRef>
        </p:style>
        <p:txBody>
          <a:bodyPr wrap="square" lIns="27432" tIns="27432" rIns="27432" bIns="27432" rtlCol="0">
            <a:spAutoFit/>
          </a:bodyPr>
          <a:lstStyle>
            <a:defPPr>
              <a:defRPr lang="en-US"/>
            </a:defPPr>
            <a:lvl1pPr algn="ctr">
              <a:defRPr sz="2000" b="1">
                <a:solidFill>
                  <a:prstClr val="white"/>
                </a:solidFill>
              </a:defRPr>
            </a:lvl1pPr>
          </a:lstStyle>
          <a:p>
            <a:r>
              <a:rPr lang="en-US" dirty="0"/>
              <a:t>East Canal</a:t>
            </a:r>
          </a:p>
        </p:txBody>
      </p:sp>
      <p:sp>
        <p:nvSpPr>
          <p:cNvPr id="129" name="Eastside Afterbay" hidden="1"/>
          <p:cNvSpPr>
            <a:spLocks noChangeAspect="1"/>
          </p:cNvSpPr>
          <p:nvPr/>
        </p:nvSpPr>
        <p:spPr bwMode="auto">
          <a:xfrm>
            <a:off x="4182872" y="6021055"/>
            <a:ext cx="350520" cy="118215"/>
          </a:xfrm>
          <a:prstGeom prst="parallelogram">
            <a:avLst/>
          </a:prstGeom>
          <a:solidFill>
            <a:srgbClr val="0070C0"/>
          </a:solidFill>
          <a:ln w="19050">
            <a:solidFill>
              <a:srgbClr val="92D05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lIns="91436" tIns="45718" rIns="91436" bIns="45718" anchor="ctr"/>
          <a:lstStyle/>
          <a:p>
            <a:pPr algn="ctr" defTabSz="914099">
              <a:defRPr/>
            </a:pPr>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1" name="Red Rectangle - North Delta" hidden="1"/>
          <p:cNvSpPr/>
          <p:nvPr/>
        </p:nvSpPr>
        <p:spPr bwMode="auto">
          <a:xfrm>
            <a:off x="4754569" y="3174479"/>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2" name="Red Rectangle - North Delta" hidden="1"/>
          <p:cNvSpPr/>
          <p:nvPr/>
        </p:nvSpPr>
        <p:spPr bwMode="auto">
          <a:xfrm>
            <a:off x="3429000" y="5867400"/>
            <a:ext cx="1014424" cy="766216"/>
          </a:xfrm>
          <a:prstGeom prst="rect">
            <a:avLst/>
          </a:prstGeom>
          <a:noFill/>
          <a:ln w="57150">
            <a:solidFill>
              <a:srgbClr val="FF00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smtClean="0">
              <a:solidFill>
                <a:srgbClr val="FFFFFF"/>
              </a:solidFill>
              <a:effectLst>
                <a:outerShdw blurRad="38100" dist="38100" dir="2700000" algn="tl">
                  <a:srgbClr val="000000">
                    <a:alpha val="43137"/>
                  </a:srgbClr>
                </a:outerShdw>
              </a:effectLst>
              <a:latin typeface="Segoe" pitchFamily="34" charset="0"/>
            </a:endParaRPr>
          </a:p>
        </p:txBody>
      </p:sp>
      <p:sp>
        <p:nvSpPr>
          <p:cNvPr id="137" name="Oval 17"/>
          <p:cNvSpPr>
            <a:spLocks noChangeAspect="1" noChangeArrowheads="1"/>
          </p:cNvSpPr>
          <p:nvPr/>
        </p:nvSpPr>
        <p:spPr bwMode="invGray">
          <a:xfrm>
            <a:off x="3746125" y="6056081"/>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38" name="Oval 17"/>
          <p:cNvSpPr>
            <a:spLocks noChangeAspect="1" noChangeArrowheads="1"/>
          </p:cNvSpPr>
          <p:nvPr/>
        </p:nvSpPr>
        <p:spPr bwMode="invGray">
          <a:xfrm>
            <a:off x="4038600" y="6172200"/>
            <a:ext cx="91440" cy="91440"/>
          </a:xfrm>
          <a:prstGeom prst="ellipse">
            <a:avLst/>
          </a:prstGeom>
          <a:solidFill>
            <a:srgbClr val="FFFF00"/>
          </a:solidFill>
          <a:ln w="28575">
            <a:solidFill>
              <a:schemeClr val="bg1"/>
            </a:solidFill>
            <a:round/>
            <a:headEnd/>
            <a:tailEnd/>
          </a:ln>
        </p:spPr>
        <p:txBody>
          <a:bodyPr wrap="none" anchor="ctr"/>
          <a:lstStyle/>
          <a:p>
            <a:pPr algn="ctr" eaLnBrk="0" hangingPunct="0">
              <a:defRPr/>
            </a:pPr>
            <a:endParaRPr lang="en-US" sz="2400" b="1" dirty="0">
              <a:solidFill>
                <a:prstClr val="black"/>
              </a:solidFill>
              <a:effectLst>
                <a:glow rad="101600">
                  <a:srgbClr val="8064A2">
                    <a:satMod val="175000"/>
                    <a:alpha val="40000"/>
                  </a:srgbClr>
                </a:glow>
                <a:outerShdw dist="88900" algn="tl" rotWithShape="0">
                  <a:prstClr val="black"/>
                </a:outerShdw>
              </a:effectLst>
              <a:latin typeface="Georgia" pitchFamily="18" charset="0"/>
              <a:cs typeface="Arial" charset="0"/>
            </a:endParaRPr>
          </a:p>
        </p:txBody>
      </p:sp>
      <p:sp>
        <p:nvSpPr>
          <p:cNvPr id="140" name="Text Box 16"/>
          <p:cNvSpPr txBox="1">
            <a:spLocks noChangeArrowheads="1"/>
          </p:cNvSpPr>
          <p:nvPr/>
        </p:nvSpPr>
        <p:spPr bwMode="invGray">
          <a:xfrm>
            <a:off x="1808162" y="5899868"/>
            <a:ext cx="2209800" cy="424732"/>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defPPr>
              <a:defRPr lang="en-US"/>
            </a:defPPr>
            <a:lvl1pPr eaLnBrk="0" hangingPunct="0">
              <a:lnSpc>
                <a:spcPct val="90000"/>
              </a:lnSpc>
              <a:spcBef>
                <a:spcPct val="50000"/>
              </a:spcBef>
              <a:buClr>
                <a:srgbClr val="A116E0"/>
              </a:buClr>
              <a:buSzPct val="140000"/>
              <a:buFont typeface="Wingdings" pitchFamily="2" charset="2"/>
              <a:buNone/>
              <a:defRPr sz="2400" b="1">
                <a:solidFill>
                  <a:prstClr val="white"/>
                </a:solidFill>
              </a:defRPr>
            </a:lvl1pPr>
          </a:lstStyle>
          <a:p>
            <a:r>
              <a:rPr lang="en-US" sz="2000" dirty="0"/>
              <a:t>SWP Pumps</a:t>
            </a:r>
          </a:p>
        </p:txBody>
      </p:sp>
      <p:sp>
        <p:nvSpPr>
          <p:cNvPr id="141" name="Text Box 16"/>
          <p:cNvSpPr txBox="1">
            <a:spLocks noChangeArrowheads="1"/>
          </p:cNvSpPr>
          <p:nvPr/>
        </p:nvSpPr>
        <p:spPr bwMode="invGray">
          <a:xfrm>
            <a:off x="2590800" y="6204668"/>
            <a:ext cx="2209800" cy="424732"/>
          </a:xfrm>
          <a:prstGeom prst="rect">
            <a:avLst/>
          </a:prstGeom>
          <a:noFill/>
          <a:ln w="9525">
            <a:noFill/>
            <a:miter lim="800000"/>
            <a:headEnd type="none" w="sm" len="sm"/>
            <a:tailEnd type="none" w="sm" len="sm"/>
          </a:ln>
          <a:effectLst>
            <a:outerShdw blurRad="50800" dist="50800" dir="2700000" algn="ctr" rotWithShape="0">
              <a:schemeClr val="bg1"/>
            </a:outerShdw>
          </a:effectLst>
        </p:spPr>
        <p:txBody>
          <a:bodyPr/>
          <a:lstStyle>
            <a:defPPr>
              <a:defRPr lang="en-US"/>
            </a:defPPr>
            <a:lvl1pPr eaLnBrk="0" hangingPunct="0">
              <a:lnSpc>
                <a:spcPct val="90000"/>
              </a:lnSpc>
              <a:spcBef>
                <a:spcPct val="50000"/>
              </a:spcBef>
              <a:buClr>
                <a:srgbClr val="A116E0"/>
              </a:buClr>
              <a:buSzPct val="140000"/>
              <a:buFont typeface="Wingdings" pitchFamily="2" charset="2"/>
              <a:buNone/>
              <a:defRPr sz="2400" b="1">
                <a:solidFill>
                  <a:prstClr val="white"/>
                </a:solidFill>
              </a:defRPr>
            </a:lvl1pPr>
          </a:lstStyle>
          <a:p>
            <a:r>
              <a:rPr lang="en-US" sz="2000" dirty="0"/>
              <a:t>CVP Pumps</a:t>
            </a:r>
          </a:p>
        </p:txBody>
      </p:sp>
      <p:sp>
        <p:nvSpPr>
          <p:cNvPr id="145" name="Slide Number Placeholder 3"/>
          <p:cNvSpPr>
            <a:spLocks noGrp="1"/>
          </p:cNvSpPr>
          <p:nvPr>
            <p:ph type="sldNum" sz="quarter" idx="4294967295"/>
          </p:nvPr>
        </p:nvSpPr>
        <p:spPr>
          <a:xfrm>
            <a:off x="8458200" y="6427788"/>
            <a:ext cx="685800" cy="365125"/>
          </a:xfrm>
          <a:prstGeom prst="rect">
            <a:avLst/>
          </a:prstGeom>
        </p:spPr>
        <p:txBody>
          <a:bodyPr/>
          <a:lstStyle/>
          <a:p>
            <a:pPr algn="ctr">
              <a:defRPr/>
            </a:pPr>
            <a:fld id="{C0EB94D2-C09E-4D1C-9021-245F4B6DCC28}" type="slidenum">
              <a:rPr lang="en-US" smtClean="0">
                <a:solidFill>
                  <a:prstClr val="white"/>
                </a:solidFill>
              </a:rPr>
              <a:pPr algn="ctr">
                <a:defRPr/>
              </a:pPr>
              <a:t>86</a:t>
            </a:fld>
            <a:endParaRPr lang="en-US" dirty="0">
              <a:solidFill>
                <a:prstClr val="white"/>
              </a:solidFill>
            </a:endParaRPr>
          </a:p>
        </p:txBody>
      </p:sp>
      <p:sp>
        <p:nvSpPr>
          <p:cNvPr id="130" name="Slide Title"/>
          <p:cNvSpPr txBox="1">
            <a:spLocks noChangeArrowheads="1"/>
          </p:cNvSpPr>
          <p:nvPr/>
        </p:nvSpPr>
        <p:spPr bwMode="invGray">
          <a:xfrm>
            <a:off x="120820" y="83745"/>
            <a:ext cx="8901942" cy="1363402"/>
          </a:xfrm>
          <a:prstGeom prst="rect">
            <a:avLst/>
          </a:prstGeom>
          <a:noFill/>
          <a:ln w="9525">
            <a:noFill/>
            <a:miter lim="800000"/>
            <a:headEnd/>
            <a:tailEnd/>
          </a:ln>
          <a:effectLst>
            <a:outerShdw dist="35921" dir="2700000" algn="ctr" rotWithShape="0">
              <a:srgbClr val="000000"/>
            </a:outerShdw>
          </a:effectLst>
        </p:spPr>
        <p:txBody>
          <a:bodyPr anchor="ctr"/>
          <a:lstStyle/>
          <a:p>
            <a:pPr algn="ctr" defTabSz="914363">
              <a:lnSpc>
                <a:spcPct val="80000"/>
              </a:lnSpc>
              <a:defRPr/>
            </a:pPr>
            <a:r>
              <a:rPr lang="en-US" sz="4000"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cs typeface="Arial" charset="0"/>
              </a:rPr>
              <a:t>Regional Map</a:t>
            </a:r>
            <a:endParaRPr lang="en-US" sz="4000"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cs typeface="Arial" charset="0"/>
            </a:endParaRPr>
          </a:p>
        </p:txBody>
      </p:sp>
      <p:sp>
        <p:nvSpPr>
          <p:cNvPr id="134" name="Text Box 13"/>
          <p:cNvSpPr txBox="1"/>
          <p:nvPr/>
        </p:nvSpPr>
        <p:spPr>
          <a:xfrm>
            <a:off x="762000" y="3840577"/>
            <a:ext cx="948257" cy="587410"/>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Chipps Island</a:t>
            </a:r>
          </a:p>
        </p:txBody>
      </p:sp>
      <p:sp>
        <p:nvSpPr>
          <p:cNvPr id="7" name="Freeform 6"/>
          <p:cNvSpPr/>
          <p:nvPr/>
        </p:nvSpPr>
        <p:spPr bwMode="auto">
          <a:xfrm>
            <a:off x="3917950" y="4603750"/>
            <a:ext cx="533400" cy="311150"/>
          </a:xfrm>
          <a:custGeom>
            <a:avLst/>
            <a:gdLst>
              <a:gd name="connsiteX0" fmla="*/ 495300 w 533400"/>
              <a:gd name="connsiteY0" fmla="*/ 0 h 311150"/>
              <a:gd name="connsiteX1" fmla="*/ 120650 w 533400"/>
              <a:gd name="connsiteY1" fmla="*/ 88900 h 311150"/>
              <a:gd name="connsiteX2" fmla="*/ 38100 w 533400"/>
              <a:gd name="connsiteY2" fmla="*/ 146050 h 311150"/>
              <a:gd name="connsiteX3" fmla="*/ 0 w 533400"/>
              <a:gd name="connsiteY3" fmla="*/ 234950 h 311150"/>
              <a:gd name="connsiteX4" fmla="*/ 0 w 533400"/>
              <a:gd name="connsiteY4" fmla="*/ 234950 h 311150"/>
              <a:gd name="connsiteX5" fmla="*/ 57150 w 533400"/>
              <a:gd name="connsiteY5" fmla="*/ 279400 h 311150"/>
              <a:gd name="connsiteX6" fmla="*/ 349250 w 533400"/>
              <a:gd name="connsiteY6" fmla="*/ 279400 h 311150"/>
              <a:gd name="connsiteX7" fmla="*/ 349250 w 533400"/>
              <a:gd name="connsiteY7" fmla="*/ 311150 h 311150"/>
              <a:gd name="connsiteX8" fmla="*/ 488950 w 533400"/>
              <a:gd name="connsiteY8" fmla="*/ 304800 h 311150"/>
              <a:gd name="connsiteX9" fmla="*/ 495300 w 533400"/>
              <a:gd name="connsiteY9" fmla="*/ 254000 h 311150"/>
              <a:gd name="connsiteX10" fmla="*/ 533400 w 533400"/>
              <a:gd name="connsiteY10" fmla="*/ 171450 h 311150"/>
              <a:gd name="connsiteX11" fmla="*/ 533400 w 533400"/>
              <a:gd name="connsiteY11" fmla="*/ 114300 h 311150"/>
              <a:gd name="connsiteX12" fmla="*/ 533400 w 533400"/>
              <a:gd name="connsiteY12" fmla="*/ 57150 h 311150"/>
              <a:gd name="connsiteX13" fmla="*/ 495300 w 533400"/>
              <a:gd name="connsiteY13" fmla="*/ 0 h 311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33400" h="311150">
                <a:moveTo>
                  <a:pt x="495300" y="0"/>
                </a:moveTo>
                <a:lnTo>
                  <a:pt x="120650" y="88900"/>
                </a:lnTo>
                <a:lnTo>
                  <a:pt x="38100" y="146050"/>
                </a:lnTo>
                <a:lnTo>
                  <a:pt x="0" y="234950"/>
                </a:lnTo>
                <a:lnTo>
                  <a:pt x="0" y="234950"/>
                </a:lnTo>
                <a:lnTo>
                  <a:pt x="57150" y="279400"/>
                </a:lnTo>
                <a:lnTo>
                  <a:pt x="349250" y="279400"/>
                </a:lnTo>
                <a:lnTo>
                  <a:pt x="349250" y="311150"/>
                </a:lnTo>
                <a:lnTo>
                  <a:pt x="488950" y="304800"/>
                </a:lnTo>
                <a:lnTo>
                  <a:pt x="495300" y="254000"/>
                </a:lnTo>
                <a:lnTo>
                  <a:pt x="533400" y="171450"/>
                </a:lnTo>
                <a:lnTo>
                  <a:pt x="533400" y="114300"/>
                </a:lnTo>
                <a:lnTo>
                  <a:pt x="533400" y="57150"/>
                </a:lnTo>
                <a:lnTo>
                  <a:pt x="495300" y="0"/>
                </a:lnTo>
                <a:close/>
              </a:path>
            </a:pathLst>
          </a:custGeom>
          <a:solidFill>
            <a:srgbClr val="FFFF00"/>
          </a:solidFill>
          <a:ln w="28575">
            <a:solidFill>
              <a:schemeClr val="accent6">
                <a:lumMod val="50000"/>
              </a:schemeClr>
            </a:solidFill>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8" name="Freeform 7"/>
          <p:cNvSpPr/>
          <p:nvPr/>
        </p:nvSpPr>
        <p:spPr bwMode="auto">
          <a:xfrm>
            <a:off x="4533900" y="4718050"/>
            <a:ext cx="609600" cy="425450"/>
          </a:xfrm>
          <a:custGeom>
            <a:avLst/>
            <a:gdLst>
              <a:gd name="connsiteX0" fmla="*/ 254000 w 609600"/>
              <a:gd name="connsiteY0" fmla="*/ 0 h 425450"/>
              <a:gd name="connsiteX1" fmla="*/ 95250 w 609600"/>
              <a:gd name="connsiteY1" fmla="*/ 44450 h 425450"/>
              <a:gd name="connsiteX2" fmla="*/ 0 w 609600"/>
              <a:gd name="connsiteY2" fmla="*/ 133350 h 425450"/>
              <a:gd name="connsiteX3" fmla="*/ 38100 w 609600"/>
              <a:gd name="connsiteY3" fmla="*/ 215900 h 425450"/>
              <a:gd name="connsiteX4" fmla="*/ 101600 w 609600"/>
              <a:gd name="connsiteY4" fmla="*/ 279400 h 425450"/>
              <a:gd name="connsiteX5" fmla="*/ 139700 w 609600"/>
              <a:gd name="connsiteY5" fmla="*/ 336550 h 425450"/>
              <a:gd name="connsiteX6" fmla="*/ 171450 w 609600"/>
              <a:gd name="connsiteY6" fmla="*/ 374650 h 425450"/>
              <a:gd name="connsiteX7" fmla="*/ 171450 w 609600"/>
              <a:gd name="connsiteY7" fmla="*/ 374650 h 425450"/>
              <a:gd name="connsiteX8" fmla="*/ 469900 w 609600"/>
              <a:gd name="connsiteY8" fmla="*/ 425450 h 425450"/>
              <a:gd name="connsiteX9" fmla="*/ 482600 w 609600"/>
              <a:gd name="connsiteY9" fmla="*/ 374650 h 425450"/>
              <a:gd name="connsiteX10" fmla="*/ 527050 w 609600"/>
              <a:gd name="connsiteY10" fmla="*/ 336550 h 425450"/>
              <a:gd name="connsiteX11" fmla="*/ 501650 w 609600"/>
              <a:gd name="connsiteY11" fmla="*/ 279400 h 425450"/>
              <a:gd name="connsiteX12" fmla="*/ 444500 w 609600"/>
              <a:gd name="connsiteY12" fmla="*/ 241300 h 425450"/>
              <a:gd name="connsiteX13" fmla="*/ 457200 w 609600"/>
              <a:gd name="connsiteY13" fmla="*/ 203200 h 425450"/>
              <a:gd name="connsiteX14" fmla="*/ 476250 w 609600"/>
              <a:gd name="connsiteY14" fmla="*/ 158750 h 425450"/>
              <a:gd name="connsiteX15" fmla="*/ 476250 w 609600"/>
              <a:gd name="connsiteY15" fmla="*/ 158750 h 425450"/>
              <a:gd name="connsiteX16" fmla="*/ 527050 w 609600"/>
              <a:gd name="connsiteY16" fmla="*/ 114300 h 425450"/>
              <a:gd name="connsiteX17" fmla="*/ 552450 w 609600"/>
              <a:gd name="connsiteY17" fmla="*/ 76200 h 425450"/>
              <a:gd name="connsiteX18" fmla="*/ 609600 w 609600"/>
              <a:gd name="connsiteY18" fmla="*/ 63500 h 425450"/>
              <a:gd name="connsiteX19" fmla="*/ 450850 w 609600"/>
              <a:gd name="connsiteY19" fmla="*/ 19050 h 425450"/>
              <a:gd name="connsiteX20" fmla="*/ 381000 w 609600"/>
              <a:gd name="connsiteY20" fmla="*/ 25400 h 425450"/>
              <a:gd name="connsiteX21" fmla="*/ 311150 w 609600"/>
              <a:gd name="connsiteY21" fmla="*/ 38100 h 425450"/>
              <a:gd name="connsiteX22" fmla="*/ 254000 w 609600"/>
              <a:gd name="connsiteY22" fmla="*/ 0 h 425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609600" h="425450">
                <a:moveTo>
                  <a:pt x="254000" y="0"/>
                </a:moveTo>
                <a:lnTo>
                  <a:pt x="95250" y="44450"/>
                </a:lnTo>
                <a:lnTo>
                  <a:pt x="0" y="133350"/>
                </a:lnTo>
                <a:lnTo>
                  <a:pt x="38100" y="215900"/>
                </a:lnTo>
                <a:lnTo>
                  <a:pt x="101600" y="279400"/>
                </a:lnTo>
                <a:lnTo>
                  <a:pt x="139700" y="336550"/>
                </a:lnTo>
                <a:lnTo>
                  <a:pt x="171450" y="374650"/>
                </a:lnTo>
                <a:lnTo>
                  <a:pt x="171450" y="374650"/>
                </a:lnTo>
                <a:lnTo>
                  <a:pt x="469900" y="425450"/>
                </a:lnTo>
                <a:lnTo>
                  <a:pt x="482600" y="374650"/>
                </a:lnTo>
                <a:lnTo>
                  <a:pt x="527050" y="336550"/>
                </a:lnTo>
                <a:lnTo>
                  <a:pt x="501650" y="279400"/>
                </a:lnTo>
                <a:lnTo>
                  <a:pt x="444500" y="241300"/>
                </a:lnTo>
                <a:lnTo>
                  <a:pt x="457200" y="203200"/>
                </a:lnTo>
                <a:lnTo>
                  <a:pt x="476250" y="158750"/>
                </a:lnTo>
                <a:lnTo>
                  <a:pt x="476250" y="158750"/>
                </a:lnTo>
                <a:lnTo>
                  <a:pt x="527050" y="114300"/>
                </a:lnTo>
                <a:lnTo>
                  <a:pt x="552450" y="76200"/>
                </a:lnTo>
                <a:lnTo>
                  <a:pt x="609600" y="63500"/>
                </a:lnTo>
                <a:lnTo>
                  <a:pt x="450850" y="19050"/>
                </a:lnTo>
                <a:lnTo>
                  <a:pt x="381000" y="25400"/>
                </a:lnTo>
                <a:lnTo>
                  <a:pt x="311150" y="38100"/>
                </a:lnTo>
                <a:lnTo>
                  <a:pt x="254000" y="0"/>
                </a:lnTo>
                <a:close/>
              </a:path>
            </a:pathLst>
          </a:custGeom>
          <a:solidFill>
            <a:srgbClr val="FFFF00"/>
          </a:solidFill>
          <a:ln w="28575">
            <a:solidFill>
              <a:schemeClr val="accent6">
                <a:lumMod val="50000"/>
              </a:schemeClr>
            </a:solidFill>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9" name="Freeform 8"/>
          <p:cNvSpPr/>
          <p:nvPr/>
        </p:nvSpPr>
        <p:spPr bwMode="auto">
          <a:xfrm>
            <a:off x="4527550" y="4171950"/>
            <a:ext cx="1009650" cy="260350"/>
          </a:xfrm>
          <a:custGeom>
            <a:avLst/>
            <a:gdLst>
              <a:gd name="connsiteX0" fmla="*/ 882650 w 1009650"/>
              <a:gd name="connsiteY0" fmla="*/ 260350 h 260350"/>
              <a:gd name="connsiteX1" fmla="*/ 876300 w 1009650"/>
              <a:gd name="connsiteY1" fmla="*/ 171450 h 260350"/>
              <a:gd name="connsiteX2" fmla="*/ 958850 w 1009650"/>
              <a:gd name="connsiteY2" fmla="*/ 171450 h 260350"/>
              <a:gd name="connsiteX3" fmla="*/ 996950 w 1009650"/>
              <a:gd name="connsiteY3" fmla="*/ 146050 h 260350"/>
              <a:gd name="connsiteX4" fmla="*/ 1009650 w 1009650"/>
              <a:gd name="connsiteY4" fmla="*/ 114300 h 260350"/>
              <a:gd name="connsiteX5" fmla="*/ 1009650 w 1009650"/>
              <a:gd name="connsiteY5" fmla="*/ 114300 h 260350"/>
              <a:gd name="connsiteX6" fmla="*/ 920750 w 1009650"/>
              <a:gd name="connsiteY6" fmla="*/ 82550 h 260350"/>
              <a:gd name="connsiteX7" fmla="*/ 812800 w 1009650"/>
              <a:gd name="connsiteY7" fmla="*/ 50800 h 260350"/>
              <a:gd name="connsiteX8" fmla="*/ 704850 w 1009650"/>
              <a:gd name="connsiteY8" fmla="*/ 25400 h 260350"/>
              <a:gd name="connsiteX9" fmla="*/ 501650 w 1009650"/>
              <a:gd name="connsiteY9" fmla="*/ 25400 h 260350"/>
              <a:gd name="connsiteX10" fmla="*/ 438150 w 1009650"/>
              <a:gd name="connsiteY10" fmla="*/ 63500 h 260350"/>
              <a:gd name="connsiteX11" fmla="*/ 304800 w 1009650"/>
              <a:gd name="connsiteY11" fmla="*/ 50800 h 260350"/>
              <a:gd name="connsiteX12" fmla="*/ 260350 w 1009650"/>
              <a:gd name="connsiteY12" fmla="*/ 25400 h 260350"/>
              <a:gd name="connsiteX13" fmla="*/ 196850 w 1009650"/>
              <a:gd name="connsiteY13" fmla="*/ 0 h 260350"/>
              <a:gd name="connsiteX14" fmla="*/ 95250 w 1009650"/>
              <a:gd name="connsiteY14" fmla="*/ 25400 h 260350"/>
              <a:gd name="connsiteX15" fmla="*/ 0 w 1009650"/>
              <a:gd name="connsiteY15" fmla="*/ 57150 h 260350"/>
              <a:gd name="connsiteX16" fmla="*/ 120650 w 1009650"/>
              <a:gd name="connsiteY16" fmla="*/ 82550 h 260350"/>
              <a:gd name="connsiteX17" fmla="*/ 234950 w 1009650"/>
              <a:gd name="connsiteY17" fmla="*/ 95250 h 260350"/>
              <a:gd name="connsiteX18" fmla="*/ 234950 w 1009650"/>
              <a:gd name="connsiteY18" fmla="*/ 95250 h 260350"/>
              <a:gd name="connsiteX19" fmla="*/ 158750 w 1009650"/>
              <a:gd name="connsiteY19" fmla="*/ 152400 h 260350"/>
              <a:gd name="connsiteX20" fmla="*/ 158750 w 1009650"/>
              <a:gd name="connsiteY20" fmla="*/ 152400 h 260350"/>
              <a:gd name="connsiteX21" fmla="*/ 285750 w 1009650"/>
              <a:gd name="connsiteY21" fmla="*/ 165100 h 260350"/>
              <a:gd name="connsiteX22" fmla="*/ 368300 w 1009650"/>
              <a:gd name="connsiteY22" fmla="*/ 165100 h 260350"/>
              <a:gd name="connsiteX23" fmla="*/ 482600 w 1009650"/>
              <a:gd name="connsiteY23" fmla="*/ 190500 h 260350"/>
              <a:gd name="connsiteX24" fmla="*/ 590550 w 1009650"/>
              <a:gd name="connsiteY24" fmla="*/ 158750 h 260350"/>
              <a:gd name="connsiteX25" fmla="*/ 685800 w 1009650"/>
              <a:gd name="connsiteY25" fmla="*/ 165100 h 260350"/>
              <a:gd name="connsiteX26" fmla="*/ 768350 w 1009650"/>
              <a:gd name="connsiteY26" fmla="*/ 190500 h 260350"/>
              <a:gd name="connsiteX27" fmla="*/ 831850 w 1009650"/>
              <a:gd name="connsiteY27" fmla="*/ 215900 h 260350"/>
              <a:gd name="connsiteX28" fmla="*/ 882650 w 1009650"/>
              <a:gd name="connsiteY28" fmla="*/ 260350 h 26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009650" h="260350">
                <a:moveTo>
                  <a:pt x="882650" y="260350"/>
                </a:moveTo>
                <a:lnTo>
                  <a:pt x="876300" y="171450"/>
                </a:lnTo>
                <a:lnTo>
                  <a:pt x="958850" y="171450"/>
                </a:lnTo>
                <a:lnTo>
                  <a:pt x="996950" y="146050"/>
                </a:lnTo>
                <a:lnTo>
                  <a:pt x="1009650" y="114300"/>
                </a:lnTo>
                <a:lnTo>
                  <a:pt x="1009650" y="114300"/>
                </a:lnTo>
                <a:lnTo>
                  <a:pt x="920750" y="82550"/>
                </a:lnTo>
                <a:lnTo>
                  <a:pt x="812800" y="50800"/>
                </a:lnTo>
                <a:lnTo>
                  <a:pt x="704850" y="25400"/>
                </a:lnTo>
                <a:lnTo>
                  <a:pt x="501650" y="25400"/>
                </a:lnTo>
                <a:lnTo>
                  <a:pt x="438150" y="63500"/>
                </a:lnTo>
                <a:lnTo>
                  <a:pt x="304800" y="50800"/>
                </a:lnTo>
                <a:lnTo>
                  <a:pt x="260350" y="25400"/>
                </a:lnTo>
                <a:lnTo>
                  <a:pt x="196850" y="0"/>
                </a:lnTo>
                <a:lnTo>
                  <a:pt x="95250" y="25400"/>
                </a:lnTo>
                <a:lnTo>
                  <a:pt x="0" y="57150"/>
                </a:lnTo>
                <a:lnTo>
                  <a:pt x="120650" y="82550"/>
                </a:lnTo>
                <a:lnTo>
                  <a:pt x="234950" y="95250"/>
                </a:lnTo>
                <a:lnTo>
                  <a:pt x="234950" y="95250"/>
                </a:lnTo>
                <a:lnTo>
                  <a:pt x="158750" y="152400"/>
                </a:lnTo>
                <a:lnTo>
                  <a:pt x="158750" y="152400"/>
                </a:lnTo>
                <a:lnTo>
                  <a:pt x="285750" y="165100"/>
                </a:lnTo>
                <a:lnTo>
                  <a:pt x="368300" y="165100"/>
                </a:lnTo>
                <a:lnTo>
                  <a:pt x="482600" y="190500"/>
                </a:lnTo>
                <a:lnTo>
                  <a:pt x="590550" y="158750"/>
                </a:lnTo>
                <a:lnTo>
                  <a:pt x="685800" y="165100"/>
                </a:lnTo>
                <a:lnTo>
                  <a:pt x="768350" y="190500"/>
                </a:lnTo>
                <a:lnTo>
                  <a:pt x="831850" y="215900"/>
                </a:lnTo>
                <a:lnTo>
                  <a:pt x="882650" y="260350"/>
                </a:lnTo>
                <a:close/>
              </a:path>
            </a:pathLst>
          </a:custGeom>
          <a:solidFill>
            <a:srgbClr val="FFFF00"/>
          </a:solidFill>
          <a:ln w="28575">
            <a:solidFill>
              <a:schemeClr val="accent6">
                <a:lumMod val="50000"/>
              </a:schemeClr>
            </a:solidFill>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7" name="Freeform 16"/>
          <p:cNvSpPr/>
          <p:nvPr/>
        </p:nvSpPr>
        <p:spPr bwMode="auto">
          <a:xfrm>
            <a:off x="3746500" y="4279900"/>
            <a:ext cx="774700" cy="209550"/>
          </a:xfrm>
          <a:custGeom>
            <a:avLst/>
            <a:gdLst>
              <a:gd name="connsiteX0" fmla="*/ 736600 w 774700"/>
              <a:gd name="connsiteY0" fmla="*/ 165100 h 209550"/>
              <a:gd name="connsiteX1" fmla="*/ 768350 w 774700"/>
              <a:gd name="connsiteY1" fmla="*/ 114300 h 209550"/>
              <a:gd name="connsiteX2" fmla="*/ 768350 w 774700"/>
              <a:gd name="connsiteY2" fmla="*/ 114300 h 209550"/>
              <a:gd name="connsiteX3" fmla="*/ 774700 w 774700"/>
              <a:gd name="connsiteY3" fmla="*/ 50800 h 209550"/>
              <a:gd name="connsiteX4" fmla="*/ 730250 w 774700"/>
              <a:gd name="connsiteY4" fmla="*/ 31750 h 209550"/>
              <a:gd name="connsiteX5" fmla="*/ 387350 w 774700"/>
              <a:gd name="connsiteY5" fmla="*/ 0 h 209550"/>
              <a:gd name="connsiteX6" fmla="*/ 304800 w 774700"/>
              <a:gd name="connsiteY6" fmla="*/ 50800 h 209550"/>
              <a:gd name="connsiteX7" fmla="*/ 196850 w 774700"/>
              <a:gd name="connsiteY7" fmla="*/ 57150 h 209550"/>
              <a:gd name="connsiteX8" fmla="*/ 57150 w 774700"/>
              <a:gd name="connsiteY8" fmla="*/ 63500 h 209550"/>
              <a:gd name="connsiteX9" fmla="*/ 0 w 774700"/>
              <a:gd name="connsiteY9" fmla="*/ 203200 h 209550"/>
              <a:gd name="connsiteX10" fmla="*/ 203200 w 774700"/>
              <a:gd name="connsiteY10" fmla="*/ 209550 h 209550"/>
              <a:gd name="connsiteX11" fmla="*/ 285750 w 774700"/>
              <a:gd name="connsiteY11" fmla="*/ 171450 h 209550"/>
              <a:gd name="connsiteX12" fmla="*/ 381000 w 774700"/>
              <a:gd name="connsiteY12" fmla="*/ 184150 h 209550"/>
              <a:gd name="connsiteX13" fmla="*/ 533400 w 774700"/>
              <a:gd name="connsiteY13" fmla="*/ 152400 h 209550"/>
              <a:gd name="connsiteX14" fmla="*/ 679450 w 774700"/>
              <a:gd name="connsiteY14" fmla="*/ 165100 h 209550"/>
              <a:gd name="connsiteX15" fmla="*/ 736600 w 774700"/>
              <a:gd name="connsiteY15" fmla="*/ 165100 h 209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774700" h="209550">
                <a:moveTo>
                  <a:pt x="736600" y="165100"/>
                </a:moveTo>
                <a:lnTo>
                  <a:pt x="768350" y="114300"/>
                </a:lnTo>
                <a:lnTo>
                  <a:pt x="768350" y="114300"/>
                </a:lnTo>
                <a:lnTo>
                  <a:pt x="774700" y="50800"/>
                </a:lnTo>
                <a:lnTo>
                  <a:pt x="730250" y="31750"/>
                </a:lnTo>
                <a:lnTo>
                  <a:pt x="387350" y="0"/>
                </a:lnTo>
                <a:lnTo>
                  <a:pt x="304800" y="50800"/>
                </a:lnTo>
                <a:lnTo>
                  <a:pt x="196850" y="57150"/>
                </a:lnTo>
                <a:lnTo>
                  <a:pt x="57150" y="63500"/>
                </a:lnTo>
                <a:lnTo>
                  <a:pt x="0" y="203200"/>
                </a:lnTo>
                <a:lnTo>
                  <a:pt x="203200" y="209550"/>
                </a:lnTo>
                <a:lnTo>
                  <a:pt x="285750" y="171450"/>
                </a:lnTo>
                <a:lnTo>
                  <a:pt x="381000" y="184150"/>
                </a:lnTo>
                <a:lnTo>
                  <a:pt x="533400" y="152400"/>
                </a:lnTo>
                <a:lnTo>
                  <a:pt x="679450" y="165100"/>
                </a:lnTo>
                <a:lnTo>
                  <a:pt x="736600" y="165100"/>
                </a:lnTo>
                <a:close/>
              </a:path>
            </a:pathLst>
          </a:custGeom>
          <a:solidFill>
            <a:srgbClr val="FFFF00"/>
          </a:solidFill>
          <a:ln w="28575">
            <a:solidFill>
              <a:schemeClr val="accent6">
                <a:lumMod val="50000"/>
              </a:schemeClr>
            </a:solidFill>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
        <p:nvSpPr>
          <p:cNvPr id="135" name="Text Box 19"/>
          <p:cNvSpPr txBox="1"/>
          <p:nvPr/>
        </p:nvSpPr>
        <p:spPr>
          <a:xfrm>
            <a:off x="4565226" y="3885924"/>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Bouldin Island</a:t>
            </a:r>
          </a:p>
        </p:txBody>
      </p:sp>
      <p:sp>
        <p:nvSpPr>
          <p:cNvPr id="143" name="Text Box 19"/>
          <p:cNvSpPr txBox="1"/>
          <p:nvPr/>
        </p:nvSpPr>
        <p:spPr>
          <a:xfrm>
            <a:off x="3189288" y="4029045"/>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Webb Tract</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144" name="Text Box 19"/>
          <p:cNvSpPr txBox="1"/>
          <p:nvPr/>
        </p:nvSpPr>
        <p:spPr>
          <a:xfrm>
            <a:off x="2762422" y="4809895"/>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Holland Tract</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146" name="Text Box 19"/>
          <p:cNvSpPr txBox="1"/>
          <p:nvPr/>
        </p:nvSpPr>
        <p:spPr>
          <a:xfrm>
            <a:off x="4899224" y="4809895"/>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Bacon Island</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6" name="Freeform 5"/>
          <p:cNvSpPr/>
          <p:nvPr/>
        </p:nvSpPr>
        <p:spPr bwMode="auto">
          <a:xfrm>
            <a:off x="548640" y="4343400"/>
            <a:ext cx="397764" cy="100584"/>
          </a:xfrm>
          <a:custGeom>
            <a:avLst/>
            <a:gdLst>
              <a:gd name="connsiteX0" fmla="*/ 265176 w 397764"/>
              <a:gd name="connsiteY0" fmla="*/ 0 h 100584"/>
              <a:gd name="connsiteX1" fmla="*/ 187452 w 397764"/>
              <a:gd name="connsiteY1" fmla="*/ 18288 h 100584"/>
              <a:gd name="connsiteX2" fmla="*/ 164592 w 397764"/>
              <a:gd name="connsiteY2" fmla="*/ 54864 h 100584"/>
              <a:gd name="connsiteX3" fmla="*/ 77724 w 397764"/>
              <a:gd name="connsiteY3" fmla="*/ 68580 h 100584"/>
              <a:gd name="connsiteX4" fmla="*/ 0 w 397764"/>
              <a:gd name="connsiteY4" fmla="*/ 68580 h 100584"/>
              <a:gd name="connsiteX5" fmla="*/ 233172 w 397764"/>
              <a:gd name="connsiteY5" fmla="*/ 100584 h 100584"/>
              <a:gd name="connsiteX6" fmla="*/ 320040 w 397764"/>
              <a:gd name="connsiteY6" fmla="*/ 96012 h 100584"/>
              <a:gd name="connsiteX7" fmla="*/ 397764 w 397764"/>
              <a:gd name="connsiteY7" fmla="*/ 82296 h 100584"/>
              <a:gd name="connsiteX8" fmla="*/ 361188 w 397764"/>
              <a:gd name="connsiteY8" fmla="*/ 68580 h 100584"/>
              <a:gd name="connsiteX9" fmla="*/ 260604 w 397764"/>
              <a:gd name="connsiteY9" fmla="*/ 59436 h 100584"/>
              <a:gd name="connsiteX10" fmla="*/ 265176 w 397764"/>
              <a:gd name="connsiteY10" fmla="*/ 0 h 1005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97764" h="100584">
                <a:moveTo>
                  <a:pt x="265176" y="0"/>
                </a:moveTo>
                <a:lnTo>
                  <a:pt x="187452" y="18288"/>
                </a:lnTo>
                <a:lnTo>
                  <a:pt x="164592" y="54864"/>
                </a:lnTo>
                <a:lnTo>
                  <a:pt x="77724" y="68580"/>
                </a:lnTo>
                <a:lnTo>
                  <a:pt x="0" y="68580"/>
                </a:lnTo>
                <a:lnTo>
                  <a:pt x="233172" y="100584"/>
                </a:lnTo>
                <a:lnTo>
                  <a:pt x="320040" y="96012"/>
                </a:lnTo>
                <a:lnTo>
                  <a:pt x="397764" y="82296"/>
                </a:lnTo>
                <a:lnTo>
                  <a:pt x="361188" y="68580"/>
                </a:lnTo>
                <a:lnTo>
                  <a:pt x="260604" y="59436"/>
                </a:lnTo>
                <a:lnTo>
                  <a:pt x="265176" y="0"/>
                </a:lnTo>
                <a:close/>
              </a:path>
            </a:pathLst>
          </a:custGeom>
          <a:solidFill>
            <a:srgbClr val="FFFF00"/>
          </a:solidFill>
          <a:ln w="3175">
            <a:solidFill>
              <a:schemeClr val="accent6">
                <a:lumMod val="50000"/>
              </a:schemeClr>
            </a:solidFill>
            <a:headEnd type="none" w="med" len="med"/>
            <a:tailEnd type="none" w="med" len="med"/>
          </a:ln>
          <a:effectLst>
            <a:outerShdw blurRad="50800" dist="38100" dir="2700000" algn="tl" rotWithShape="0">
              <a:prstClr val="black"/>
            </a:outerShdw>
          </a:effectLst>
          <a:scene3d>
            <a:camera prst="orthographicFront" fov="0">
              <a:rot lat="0" lon="0" rev="0"/>
            </a:camera>
            <a:lightRig rig="glow" dir="t">
              <a:rot lat="0" lon="0" rev="6360000"/>
            </a:lightRig>
          </a:scene3d>
          <a:sp3d contourW="1000" prstMaterial="flat">
            <a:contourClr>
              <a:schemeClr val="accent2">
                <a:satMod val="300000"/>
              </a:schemeClr>
            </a:contourClr>
          </a:sp3d>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a:endParaRPr lang="en-US" sz="2300" dirty="0">
              <a:solidFill>
                <a:srgbClr val="FFFFFF"/>
              </a:solidFill>
              <a:effectLst>
                <a:outerShdw blurRad="38100" dist="38100" dir="2700000" algn="tl">
                  <a:srgbClr val="000000">
                    <a:alpha val="43137"/>
                  </a:srgbClr>
                </a:outerShdw>
              </a:effectLst>
              <a:latin typeface="Segoe" pitchFamily="34" charset="0"/>
            </a:endParaRPr>
          </a:p>
        </p:txBody>
      </p:sp>
    </p:spTree>
    <p:extLst>
      <p:ext uri="{BB962C8B-B14F-4D97-AF65-F5344CB8AC3E}">
        <p14:creationId xmlns:p14="http://schemas.microsoft.com/office/powerpoint/2010/main" val="217825762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wipe(up)">
                                      <p:cBhvr>
                                        <p:cTn id="7" dur="30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7"/>
                                        </p:tgtEl>
                                        <p:attrNameLst>
                                          <p:attrName>style.visibility</p:attrName>
                                        </p:attrNameLst>
                                      </p:cBhvr>
                                      <p:to>
                                        <p:strVal val="visible"/>
                                      </p:to>
                                    </p:set>
                                    <p:animEffect transition="in" filter="fade">
                                      <p:cBhvr>
                                        <p:cTn id="10" dur="500"/>
                                        <p:tgtEl>
                                          <p:spTgt spid="7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grpId="1" nodeType="clickEffect">
                                  <p:stCondLst>
                                    <p:cond delay="0"/>
                                  </p:stCondLst>
                                  <p:childTnLst>
                                    <p:animEffect transition="out" filter="fade">
                                      <p:cBhvr>
                                        <p:cTn id="14" dur="500"/>
                                        <p:tgtEl>
                                          <p:spTgt spid="77"/>
                                        </p:tgtEl>
                                      </p:cBhvr>
                                    </p:animEffect>
                                    <p:set>
                                      <p:cBhvr>
                                        <p:cTn id="15" dur="1" fill="hold">
                                          <p:stCondLst>
                                            <p:cond delay="499"/>
                                          </p:stCondLst>
                                        </p:cTn>
                                        <p:tgtEl>
                                          <p:spTgt spid="77"/>
                                        </p:tgtEl>
                                        <p:attrNameLst>
                                          <p:attrName>style.visibility</p:attrName>
                                        </p:attrNameLst>
                                      </p:cBhvr>
                                      <p:to>
                                        <p:strVal val="hidden"/>
                                      </p:to>
                                    </p:set>
                                  </p:childTnLst>
                                </p:cTn>
                              </p:par>
                              <p:par>
                                <p:cTn id="16" presetID="10" presetClass="exit" presetSubtype="0" fill="hold" nodeType="withEffect">
                                  <p:stCondLst>
                                    <p:cond delay="0"/>
                                  </p:stCondLst>
                                  <p:childTnLst>
                                    <p:animEffect transition="out" filter="fade">
                                      <p:cBhvr>
                                        <p:cTn id="17" dur="500"/>
                                        <p:tgtEl>
                                          <p:spTgt spid="24"/>
                                        </p:tgtEl>
                                      </p:cBhvr>
                                    </p:animEffect>
                                    <p:set>
                                      <p:cBhvr>
                                        <p:cTn id="18" dur="1" fill="hold">
                                          <p:stCondLst>
                                            <p:cond delay="499"/>
                                          </p:stCondLst>
                                        </p:cTn>
                                        <p:tgtEl>
                                          <p:spTgt spid="24"/>
                                        </p:tgtEl>
                                        <p:attrNameLst>
                                          <p:attrName>style.visibility</p:attrName>
                                        </p:attrNameLst>
                                      </p:cBhvr>
                                      <p:to>
                                        <p:strVal val="hidden"/>
                                      </p:to>
                                    </p:set>
                                  </p:childTnLst>
                                </p:cTn>
                              </p:par>
                            </p:childTnLst>
                          </p:cTn>
                        </p:par>
                        <p:par>
                          <p:cTn id="19" fill="hold">
                            <p:stCondLst>
                              <p:cond delay="500"/>
                            </p:stCondLst>
                            <p:childTnLst>
                              <p:par>
                                <p:cTn id="20" presetID="22" presetClass="entr" presetSubtype="1" fill="hold" nodeType="after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wipe(up)">
                                      <p:cBhvr>
                                        <p:cTn id="22" dur="3000"/>
                                        <p:tgtEl>
                                          <p:spTgt spid="2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75"/>
                                        </p:tgtEl>
                                        <p:attrNameLst>
                                          <p:attrName>style.visibility</p:attrName>
                                        </p:attrNameLst>
                                      </p:cBhvr>
                                      <p:to>
                                        <p:strVal val="visible"/>
                                      </p:to>
                                    </p:set>
                                    <p:animEffect transition="in" filter="fade">
                                      <p:cBhvr>
                                        <p:cTn id="25" dur="500"/>
                                        <p:tgtEl>
                                          <p:spTgt spid="75"/>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21"/>
                                        </p:tgtEl>
                                      </p:cBhvr>
                                    </p:animEffect>
                                    <p:set>
                                      <p:cBhvr>
                                        <p:cTn id="30" dur="1" fill="hold">
                                          <p:stCondLst>
                                            <p:cond delay="499"/>
                                          </p:stCondLst>
                                        </p:cTn>
                                        <p:tgtEl>
                                          <p:spTgt spid="21"/>
                                        </p:tgtEl>
                                        <p:attrNameLst>
                                          <p:attrName>style.visibility</p:attrName>
                                        </p:attrNameLst>
                                      </p:cBhvr>
                                      <p:to>
                                        <p:strVal val="hidden"/>
                                      </p:to>
                                    </p:set>
                                  </p:childTnLst>
                                </p:cTn>
                              </p:par>
                              <p:par>
                                <p:cTn id="31" presetID="10" presetClass="exit" presetSubtype="0" fill="hold" grpId="1" nodeType="withEffect">
                                  <p:stCondLst>
                                    <p:cond delay="0"/>
                                  </p:stCondLst>
                                  <p:childTnLst>
                                    <p:animEffect transition="out" filter="fade">
                                      <p:cBhvr>
                                        <p:cTn id="32" dur="500"/>
                                        <p:tgtEl>
                                          <p:spTgt spid="75"/>
                                        </p:tgtEl>
                                      </p:cBhvr>
                                    </p:animEffect>
                                    <p:set>
                                      <p:cBhvr>
                                        <p:cTn id="33" dur="1" fill="hold">
                                          <p:stCondLst>
                                            <p:cond delay="499"/>
                                          </p:stCondLst>
                                        </p:cTn>
                                        <p:tgtEl>
                                          <p:spTgt spid="75"/>
                                        </p:tgtEl>
                                        <p:attrNameLst>
                                          <p:attrName>style.visibility</p:attrName>
                                        </p:attrNameLst>
                                      </p:cBhvr>
                                      <p:to>
                                        <p:strVal val="hidden"/>
                                      </p:to>
                                    </p:set>
                                  </p:childTnLst>
                                </p:cTn>
                              </p:par>
                            </p:childTnLst>
                          </p:cTn>
                        </p:par>
                        <p:par>
                          <p:cTn id="34" fill="hold">
                            <p:stCondLst>
                              <p:cond delay="500"/>
                            </p:stCondLst>
                            <p:childTnLst>
                              <p:par>
                                <p:cTn id="35" presetID="22" presetClass="entr" presetSubtype="1" fill="hold" grpId="0" nodeType="after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wipe(up)">
                                      <p:cBhvr>
                                        <p:cTn id="37" dur="2750"/>
                                        <p:tgtEl>
                                          <p:spTgt spid="74"/>
                                        </p:tgtEl>
                                      </p:cBhvr>
                                    </p:animEffect>
                                  </p:childTnLst>
                                </p:cTn>
                              </p:par>
                              <p:par>
                                <p:cTn id="38" presetID="22" presetClass="entr" presetSubtype="1" fill="hold" nodeType="withEffect">
                                  <p:stCondLst>
                                    <p:cond delay="0"/>
                                  </p:stCondLst>
                                  <p:childTnLst>
                                    <p:set>
                                      <p:cBhvr>
                                        <p:cTn id="39" dur="1" fill="hold">
                                          <p:stCondLst>
                                            <p:cond delay="0"/>
                                          </p:stCondLst>
                                        </p:cTn>
                                        <p:tgtEl>
                                          <p:spTgt spid="2"/>
                                        </p:tgtEl>
                                        <p:attrNameLst>
                                          <p:attrName>style.visibility</p:attrName>
                                        </p:attrNameLst>
                                      </p:cBhvr>
                                      <p:to>
                                        <p:strVal val="visible"/>
                                      </p:to>
                                    </p:set>
                                    <p:animEffect transition="in" filter="wipe(up)">
                                      <p:cBhvr>
                                        <p:cTn id="40" dur="2750"/>
                                        <p:tgtEl>
                                          <p:spTgt spid="2"/>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108"/>
                                        </p:tgtEl>
                                        <p:attrNameLst>
                                          <p:attrName>style.visibility</p:attrName>
                                        </p:attrNameLst>
                                      </p:cBhvr>
                                      <p:to>
                                        <p:strVal val="visible"/>
                                      </p:to>
                                    </p:set>
                                    <p:animEffect transition="in" filter="fade">
                                      <p:cBhvr>
                                        <p:cTn id="43" dur="500"/>
                                        <p:tgtEl>
                                          <p:spTgt spid="10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xit" presetSubtype="0" fill="hold" grpId="1" nodeType="clickEffect">
                                  <p:stCondLst>
                                    <p:cond delay="0"/>
                                  </p:stCondLst>
                                  <p:childTnLst>
                                    <p:animEffect transition="out" filter="fade">
                                      <p:cBhvr>
                                        <p:cTn id="47" dur="500"/>
                                        <p:tgtEl>
                                          <p:spTgt spid="74"/>
                                        </p:tgtEl>
                                      </p:cBhvr>
                                    </p:animEffect>
                                    <p:set>
                                      <p:cBhvr>
                                        <p:cTn id="48" dur="1" fill="hold">
                                          <p:stCondLst>
                                            <p:cond delay="499"/>
                                          </p:stCondLst>
                                        </p:cTn>
                                        <p:tgtEl>
                                          <p:spTgt spid="74"/>
                                        </p:tgtEl>
                                        <p:attrNameLst>
                                          <p:attrName>style.visibility</p:attrName>
                                        </p:attrNameLst>
                                      </p:cBhvr>
                                      <p:to>
                                        <p:strVal val="hidden"/>
                                      </p:to>
                                    </p:set>
                                  </p:childTnLst>
                                </p:cTn>
                              </p:par>
                              <p:par>
                                <p:cTn id="49" presetID="10" presetClass="exit" presetSubtype="0" fill="hold" grpId="1" nodeType="withEffect">
                                  <p:stCondLst>
                                    <p:cond delay="0"/>
                                  </p:stCondLst>
                                  <p:childTnLst>
                                    <p:animEffect transition="out" filter="fade">
                                      <p:cBhvr>
                                        <p:cTn id="50" dur="500"/>
                                        <p:tgtEl>
                                          <p:spTgt spid="108"/>
                                        </p:tgtEl>
                                      </p:cBhvr>
                                    </p:animEffect>
                                    <p:set>
                                      <p:cBhvr>
                                        <p:cTn id="51" dur="1" fill="hold">
                                          <p:stCondLst>
                                            <p:cond delay="499"/>
                                          </p:stCondLst>
                                        </p:cTn>
                                        <p:tgtEl>
                                          <p:spTgt spid="108"/>
                                        </p:tgtEl>
                                        <p:attrNameLst>
                                          <p:attrName>style.visibility</p:attrName>
                                        </p:attrNameLst>
                                      </p:cBhvr>
                                      <p:to>
                                        <p:strVal val="hidden"/>
                                      </p:to>
                                    </p:set>
                                  </p:childTnLst>
                                </p:cTn>
                              </p:par>
                              <p:par>
                                <p:cTn id="52" presetID="10" presetClass="exit" presetSubtype="0" fill="hold" nodeType="withEffect">
                                  <p:stCondLst>
                                    <p:cond delay="0"/>
                                  </p:stCondLst>
                                  <p:childTnLst>
                                    <p:animEffect transition="out" filter="fade">
                                      <p:cBhvr>
                                        <p:cTn id="53" dur="500"/>
                                        <p:tgtEl>
                                          <p:spTgt spid="2"/>
                                        </p:tgtEl>
                                      </p:cBhvr>
                                    </p:animEffect>
                                    <p:set>
                                      <p:cBhvr>
                                        <p:cTn id="54" dur="1" fill="hold">
                                          <p:stCondLst>
                                            <p:cond delay="499"/>
                                          </p:stCondLst>
                                        </p:cTn>
                                        <p:tgtEl>
                                          <p:spTgt spid="2"/>
                                        </p:tgtEl>
                                        <p:attrNameLst>
                                          <p:attrName>style.visibility</p:attrName>
                                        </p:attrNameLst>
                                      </p:cBhvr>
                                      <p:to>
                                        <p:strVal val="hidden"/>
                                      </p:to>
                                    </p:set>
                                  </p:childTnLst>
                                </p:cTn>
                              </p:par>
                              <p:par>
                                <p:cTn id="55" presetID="10" presetClass="entr" presetSubtype="0" fill="hold" grpId="0" nodeType="withEffect">
                                  <p:stCondLst>
                                    <p:cond delay="0"/>
                                  </p:stCondLst>
                                  <p:childTnLst>
                                    <p:set>
                                      <p:cBhvr>
                                        <p:cTn id="56" dur="1" fill="hold">
                                          <p:stCondLst>
                                            <p:cond delay="0"/>
                                          </p:stCondLst>
                                        </p:cTn>
                                        <p:tgtEl>
                                          <p:spTgt spid="78"/>
                                        </p:tgtEl>
                                        <p:attrNameLst>
                                          <p:attrName>style.visibility</p:attrName>
                                        </p:attrNameLst>
                                      </p:cBhvr>
                                      <p:to>
                                        <p:strVal val="visible"/>
                                      </p:to>
                                    </p:set>
                                    <p:animEffect transition="in" filter="fade">
                                      <p:cBhvr>
                                        <p:cTn id="57" dur="500"/>
                                        <p:tgtEl>
                                          <p:spTgt spid="78"/>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129"/>
                                        </p:tgtEl>
                                        <p:attrNameLst>
                                          <p:attrName>style.visibility</p:attrName>
                                        </p:attrNameLst>
                                      </p:cBhvr>
                                      <p:to>
                                        <p:strVal val="visible"/>
                                      </p:to>
                                    </p:set>
                                    <p:animEffect transition="in" filter="fade">
                                      <p:cBhvr>
                                        <p:cTn id="60" dur="500"/>
                                        <p:tgtEl>
                                          <p:spTgt spid="12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4" grpId="0" animBg="1"/>
      <p:bldP spid="74" grpId="1" animBg="1"/>
      <p:bldP spid="78" grpId="0" animBg="1"/>
      <p:bldP spid="108" grpId="0" animBg="1"/>
      <p:bldP spid="108" grpId="1" animBg="1"/>
      <p:bldP spid="75" grpId="0" animBg="1"/>
      <p:bldP spid="75" grpId="1" animBg="1"/>
      <p:bldP spid="77" grpId="0" animBg="1"/>
      <p:bldP spid="77" grpId="1" animBg="1"/>
      <p:bldP spid="129" grpId="0" animBg="1"/>
    </p:bld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p:cNvPicPr>
            <a:picLocks noChangeAspect="1"/>
          </p:cNvPicPr>
          <p:nvPr/>
        </p:nvPicPr>
        <p:blipFill rotWithShape="1">
          <a:blip r:embed="rId2">
            <a:extLst>
              <a:ext uri="{28A0092B-C50C-407E-A947-70E740481C1C}">
                <a14:useLocalDpi xmlns:a14="http://schemas.microsoft.com/office/drawing/2010/main" val="0"/>
              </a:ext>
            </a:extLst>
          </a:blip>
          <a:srcRect l="5392" t="16479" r="59494" b="9832"/>
          <a:stretch/>
        </p:blipFill>
        <p:spPr bwMode="auto">
          <a:xfrm>
            <a:off x="1" y="990600"/>
            <a:ext cx="9138282" cy="5467190"/>
          </a:xfrm>
          <a:prstGeom prst="rect">
            <a:avLst/>
          </a:prstGeom>
          <a:ln>
            <a:noFill/>
          </a:ln>
          <a:extLst>
            <a:ext uri="{53640926-AAD7-44D8-BBD7-CCE9431645EC}">
              <a14:shadowObscured xmlns:a14="http://schemas.microsoft.com/office/drawing/2010/main"/>
            </a:ext>
          </a:extLst>
        </p:spPr>
      </p:pic>
      <p:sp>
        <p:nvSpPr>
          <p:cNvPr id="24" name="Freeform 23"/>
          <p:cNvSpPr/>
          <p:nvPr/>
        </p:nvSpPr>
        <p:spPr>
          <a:xfrm>
            <a:off x="108394" y="2852052"/>
            <a:ext cx="767198" cy="550114"/>
          </a:xfrm>
          <a:custGeom>
            <a:avLst/>
            <a:gdLst>
              <a:gd name="connsiteX0" fmla="*/ 42862 w 819150"/>
              <a:gd name="connsiteY0" fmla="*/ 400050 h 561975"/>
              <a:gd name="connsiteX1" fmla="*/ 114300 w 819150"/>
              <a:gd name="connsiteY1" fmla="*/ 433387 h 561975"/>
              <a:gd name="connsiteX2" fmla="*/ 142875 w 819150"/>
              <a:gd name="connsiteY2" fmla="*/ 404812 h 561975"/>
              <a:gd name="connsiteX3" fmla="*/ 204787 w 819150"/>
              <a:gd name="connsiteY3" fmla="*/ 400050 h 561975"/>
              <a:gd name="connsiteX4" fmla="*/ 209550 w 819150"/>
              <a:gd name="connsiteY4" fmla="*/ 381000 h 561975"/>
              <a:gd name="connsiteX5" fmla="*/ 233362 w 819150"/>
              <a:gd name="connsiteY5" fmla="*/ 381000 h 561975"/>
              <a:gd name="connsiteX6" fmla="*/ 247650 w 819150"/>
              <a:gd name="connsiteY6" fmla="*/ 371475 h 561975"/>
              <a:gd name="connsiteX7" fmla="*/ 304800 w 819150"/>
              <a:gd name="connsiteY7" fmla="*/ 352425 h 561975"/>
              <a:gd name="connsiteX8" fmla="*/ 319087 w 819150"/>
              <a:gd name="connsiteY8" fmla="*/ 238125 h 561975"/>
              <a:gd name="connsiteX9" fmla="*/ 323850 w 819150"/>
              <a:gd name="connsiteY9" fmla="*/ 195262 h 561975"/>
              <a:gd name="connsiteX10" fmla="*/ 319087 w 819150"/>
              <a:gd name="connsiteY10" fmla="*/ 128587 h 561975"/>
              <a:gd name="connsiteX11" fmla="*/ 319087 w 819150"/>
              <a:gd name="connsiteY11" fmla="*/ 71437 h 561975"/>
              <a:gd name="connsiteX12" fmla="*/ 309562 w 819150"/>
              <a:gd name="connsiteY12" fmla="*/ 38100 h 561975"/>
              <a:gd name="connsiteX13" fmla="*/ 342900 w 819150"/>
              <a:gd name="connsiteY13" fmla="*/ 38100 h 561975"/>
              <a:gd name="connsiteX14" fmla="*/ 347662 w 819150"/>
              <a:gd name="connsiteY14" fmla="*/ 28575 h 561975"/>
              <a:gd name="connsiteX15" fmla="*/ 385762 w 819150"/>
              <a:gd name="connsiteY15" fmla="*/ 23812 h 561975"/>
              <a:gd name="connsiteX16" fmla="*/ 390525 w 819150"/>
              <a:gd name="connsiteY16" fmla="*/ 4762 h 561975"/>
              <a:gd name="connsiteX17" fmla="*/ 452437 w 819150"/>
              <a:gd name="connsiteY17" fmla="*/ 0 h 561975"/>
              <a:gd name="connsiteX18" fmla="*/ 447675 w 819150"/>
              <a:gd name="connsiteY18" fmla="*/ 100012 h 561975"/>
              <a:gd name="connsiteX19" fmla="*/ 447675 w 819150"/>
              <a:gd name="connsiteY19" fmla="*/ 147637 h 561975"/>
              <a:gd name="connsiteX20" fmla="*/ 452437 w 819150"/>
              <a:gd name="connsiteY20" fmla="*/ 171450 h 561975"/>
              <a:gd name="connsiteX21" fmla="*/ 495300 w 819150"/>
              <a:gd name="connsiteY21" fmla="*/ 257175 h 561975"/>
              <a:gd name="connsiteX22" fmla="*/ 561975 w 819150"/>
              <a:gd name="connsiteY22" fmla="*/ 347662 h 561975"/>
              <a:gd name="connsiteX23" fmla="*/ 661987 w 819150"/>
              <a:gd name="connsiteY23" fmla="*/ 366712 h 561975"/>
              <a:gd name="connsiteX24" fmla="*/ 714375 w 819150"/>
              <a:gd name="connsiteY24" fmla="*/ 381000 h 561975"/>
              <a:gd name="connsiteX25" fmla="*/ 766762 w 819150"/>
              <a:gd name="connsiteY25" fmla="*/ 414337 h 561975"/>
              <a:gd name="connsiteX26" fmla="*/ 804862 w 819150"/>
              <a:gd name="connsiteY26" fmla="*/ 466725 h 561975"/>
              <a:gd name="connsiteX27" fmla="*/ 819150 w 819150"/>
              <a:gd name="connsiteY27" fmla="*/ 490537 h 561975"/>
              <a:gd name="connsiteX28" fmla="*/ 819150 w 819150"/>
              <a:gd name="connsiteY28" fmla="*/ 514350 h 561975"/>
              <a:gd name="connsiteX29" fmla="*/ 733425 w 819150"/>
              <a:gd name="connsiteY29" fmla="*/ 552450 h 561975"/>
              <a:gd name="connsiteX30" fmla="*/ 647700 w 819150"/>
              <a:gd name="connsiteY30" fmla="*/ 547687 h 561975"/>
              <a:gd name="connsiteX31" fmla="*/ 547687 w 819150"/>
              <a:gd name="connsiteY31" fmla="*/ 547687 h 561975"/>
              <a:gd name="connsiteX32" fmla="*/ 461962 w 819150"/>
              <a:gd name="connsiteY32" fmla="*/ 557212 h 561975"/>
              <a:gd name="connsiteX33" fmla="*/ 404812 w 819150"/>
              <a:gd name="connsiteY33" fmla="*/ 542925 h 561975"/>
              <a:gd name="connsiteX34" fmla="*/ 390525 w 819150"/>
              <a:gd name="connsiteY34" fmla="*/ 561975 h 561975"/>
              <a:gd name="connsiteX35" fmla="*/ 361950 w 819150"/>
              <a:gd name="connsiteY35" fmla="*/ 547687 h 561975"/>
              <a:gd name="connsiteX36" fmla="*/ 347662 w 819150"/>
              <a:gd name="connsiteY36" fmla="*/ 561975 h 561975"/>
              <a:gd name="connsiteX37" fmla="*/ 319087 w 819150"/>
              <a:gd name="connsiteY37" fmla="*/ 547687 h 561975"/>
              <a:gd name="connsiteX38" fmla="*/ 266700 w 819150"/>
              <a:gd name="connsiteY38" fmla="*/ 538162 h 561975"/>
              <a:gd name="connsiteX39" fmla="*/ 223837 w 819150"/>
              <a:gd name="connsiteY39" fmla="*/ 538162 h 561975"/>
              <a:gd name="connsiteX40" fmla="*/ 185737 w 819150"/>
              <a:gd name="connsiteY40" fmla="*/ 523875 h 561975"/>
              <a:gd name="connsiteX41" fmla="*/ 185737 w 819150"/>
              <a:gd name="connsiteY41" fmla="*/ 504825 h 561975"/>
              <a:gd name="connsiteX42" fmla="*/ 157162 w 819150"/>
              <a:gd name="connsiteY42" fmla="*/ 523875 h 561975"/>
              <a:gd name="connsiteX43" fmla="*/ 138112 w 819150"/>
              <a:gd name="connsiteY43" fmla="*/ 519112 h 561975"/>
              <a:gd name="connsiteX44" fmla="*/ 119062 w 819150"/>
              <a:gd name="connsiteY44" fmla="*/ 528637 h 561975"/>
              <a:gd name="connsiteX45" fmla="*/ 95250 w 819150"/>
              <a:gd name="connsiteY45" fmla="*/ 509587 h 561975"/>
              <a:gd name="connsiteX46" fmla="*/ 76200 w 819150"/>
              <a:gd name="connsiteY46" fmla="*/ 481012 h 561975"/>
              <a:gd name="connsiteX47" fmla="*/ 47625 w 819150"/>
              <a:gd name="connsiteY47" fmla="*/ 495300 h 561975"/>
              <a:gd name="connsiteX48" fmla="*/ 4762 w 819150"/>
              <a:gd name="connsiteY48" fmla="*/ 466725 h 561975"/>
              <a:gd name="connsiteX49" fmla="*/ 0 w 819150"/>
              <a:gd name="connsiteY49" fmla="*/ 428625 h 561975"/>
              <a:gd name="connsiteX50" fmla="*/ 42862 w 819150"/>
              <a:gd name="connsiteY50" fmla="*/ 400050 h 561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819150" h="561975">
                <a:moveTo>
                  <a:pt x="42862" y="400050"/>
                </a:moveTo>
                <a:lnTo>
                  <a:pt x="114300" y="433387"/>
                </a:lnTo>
                <a:lnTo>
                  <a:pt x="142875" y="404812"/>
                </a:lnTo>
                <a:lnTo>
                  <a:pt x="204787" y="400050"/>
                </a:lnTo>
                <a:lnTo>
                  <a:pt x="209550" y="381000"/>
                </a:lnTo>
                <a:lnTo>
                  <a:pt x="233362" y="381000"/>
                </a:lnTo>
                <a:lnTo>
                  <a:pt x="247650" y="371475"/>
                </a:lnTo>
                <a:lnTo>
                  <a:pt x="304800" y="352425"/>
                </a:lnTo>
                <a:lnTo>
                  <a:pt x="319087" y="238125"/>
                </a:lnTo>
                <a:lnTo>
                  <a:pt x="323850" y="195262"/>
                </a:lnTo>
                <a:lnTo>
                  <a:pt x="319087" y="128587"/>
                </a:lnTo>
                <a:lnTo>
                  <a:pt x="319087" y="71437"/>
                </a:lnTo>
                <a:lnTo>
                  <a:pt x="309562" y="38100"/>
                </a:lnTo>
                <a:lnTo>
                  <a:pt x="342900" y="38100"/>
                </a:lnTo>
                <a:lnTo>
                  <a:pt x="347662" y="28575"/>
                </a:lnTo>
                <a:lnTo>
                  <a:pt x="385762" y="23812"/>
                </a:lnTo>
                <a:lnTo>
                  <a:pt x="390525" y="4762"/>
                </a:lnTo>
                <a:lnTo>
                  <a:pt x="452437" y="0"/>
                </a:lnTo>
                <a:lnTo>
                  <a:pt x="447675" y="100012"/>
                </a:lnTo>
                <a:lnTo>
                  <a:pt x="447675" y="147637"/>
                </a:lnTo>
                <a:lnTo>
                  <a:pt x="452437" y="171450"/>
                </a:lnTo>
                <a:lnTo>
                  <a:pt x="495300" y="257175"/>
                </a:lnTo>
                <a:lnTo>
                  <a:pt x="561975" y="347662"/>
                </a:lnTo>
                <a:lnTo>
                  <a:pt x="661987" y="366712"/>
                </a:lnTo>
                <a:lnTo>
                  <a:pt x="714375" y="381000"/>
                </a:lnTo>
                <a:lnTo>
                  <a:pt x="766762" y="414337"/>
                </a:lnTo>
                <a:lnTo>
                  <a:pt x="804862" y="466725"/>
                </a:lnTo>
                <a:lnTo>
                  <a:pt x="819150" y="490537"/>
                </a:lnTo>
                <a:lnTo>
                  <a:pt x="819150" y="514350"/>
                </a:lnTo>
                <a:lnTo>
                  <a:pt x="733425" y="552450"/>
                </a:lnTo>
                <a:lnTo>
                  <a:pt x="647700" y="547687"/>
                </a:lnTo>
                <a:lnTo>
                  <a:pt x="547687" y="547687"/>
                </a:lnTo>
                <a:lnTo>
                  <a:pt x="461962" y="557212"/>
                </a:lnTo>
                <a:lnTo>
                  <a:pt x="404812" y="542925"/>
                </a:lnTo>
                <a:lnTo>
                  <a:pt x="390525" y="561975"/>
                </a:lnTo>
                <a:lnTo>
                  <a:pt x="361950" y="547687"/>
                </a:lnTo>
                <a:lnTo>
                  <a:pt x="347662" y="561975"/>
                </a:lnTo>
                <a:lnTo>
                  <a:pt x="319087" y="547687"/>
                </a:lnTo>
                <a:lnTo>
                  <a:pt x="266700" y="538162"/>
                </a:lnTo>
                <a:lnTo>
                  <a:pt x="223837" y="538162"/>
                </a:lnTo>
                <a:lnTo>
                  <a:pt x="185737" y="523875"/>
                </a:lnTo>
                <a:lnTo>
                  <a:pt x="185737" y="504825"/>
                </a:lnTo>
                <a:lnTo>
                  <a:pt x="157162" y="523875"/>
                </a:lnTo>
                <a:lnTo>
                  <a:pt x="138112" y="519112"/>
                </a:lnTo>
                <a:lnTo>
                  <a:pt x="119062" y="528637"/>
                </a:lnTo>
                <a:lnTo>
                  <a:pt x="95250" y="509587"/>
                </a:lnTo>
                <a:lnTo>
                  <a:pt x="76200" y="481012"/>
                </a:lnTo>
                <a:lnTo>
                  <a:pt x="47625" y="495300"/>
                </a:lnTo>
                <a:lnTo>
                  <a:pt x="4762" y="466725"/>
                </a:lnTo>
                <a:lnTo>
                  <a:pt x="0" y="428625"/>
                </a:lnTo>
                <a:lnTo>
                  <a:pt x="42862" y="400050"/>
                </a:lnTo>
                <a:close/>
              </a:path>
            </a:pathLst>
          </a:custGeom>
          <a:no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25" name="Freeform 24"/>
          <p:cNvSpPr/>
          <p:nvPr/>
        </p:nvSpPr>
        <p:spPr>
          <a:xfrm>
            <a:off x="5753117" y="2108949"/>
            <a:ext cx="1485295" cy="1263709"/>
          </a:xfrm>
          <a:custGeom>
            <a:avLst/>
            <a:gdLst>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510494 w 1537090"/>
              <a:gd name="connsiteY8" fmla="*/ 269271 h 1318307"/>
              <a:gd name="connsiteX9" fmla="*/ 499274 w 1537090"/>
              <a:gd name="connsiteY9" fmla="*/ 117806 h 1318307"/>
              <a:gd name="connsiteX10" fmla="*/ 549762 w 1537090"/>
              <a:gd name="connsiteY10" fmla="*/ 67318 h 1318307"/>
              <a:gd name="connsiteX11" fmla="*/ 661959 w 1537090"/>
              <a:gd name="connsiteY11" fmla="*/ 56098 h 1318307"/>
              <a:gd name="connsiteX12" fmla="*/ 847083 w 1537090"/>
              <a:gd name="connsiteY12" fmla="*/ 0 h 1318307"/>
              <a:gd name="connsiteX13" fmla="*/ 1110744 w 1537090"/>
              <a:gd name="connsiteY13" fmla="*/ 112196 h 1318307"/>
              <a:gd name="connsiteX14" fmla="*/ 1189281 w 1537090"/>
              <a:gd name="connsiteY14" fmla="*/ 196344 h 1318307"/>
              <a:gd name="connsiteX15" fmla="*/ 1279038 w 1537090"/>
              <a:gd name="connsiteY15" fmla="*/ 173904 h 1318307"/>
              <a:gd name="connsiteX16" fmla="*/ 1402454 w 1537090"/>
              <a:gd name="connsiteY16" fmla="*/ 235612 h 1318307"/>
              <a:gd name="connsiteX17" fmla="*/ 1430503 w 1537090"/>
              <a:gd name="connsiteY17" fmla="*/ 482444 h 1318307"/>
              <a:gd name="connsiteX18" fmla="*/ 1436113 w 1537090"/>
              <a:gd name="connsiteY18" fmla="*/ 549762 h 1318307"/>
              <a:gd name="connsiteX19" fmla="*/ 1537090 w 1537090"/>
              <a:gd name="connsiteY19" fmla="*/ 718056 h 1318307"/>
              <a:gd name="connsiteX20" fmla="*/ 1492211 w 1537090"/>
              <a:gd name="connsiteY20" fmla="*/ 740496 h 1318307"/>
              <a:gd name="connsiteX21" fmla="*/ 1385625 w 1537090"/>
              <a:gd name="connsiteY21" fmla="*/ 774155 h 1318307"/>
              <a:gd name="connsiteX22" fmla="*/ 1357576 w 1537090"/>
              <a:gd name="connsiteY22" fmla="*/ 807814 h 1318307"/>
              <a:gd name="connsiteX23" fmla="*/ 1346356 w 1537090"/>
              <a:gd name="connsiteY23" fmla="*/ 953669 h 1318307"/>
              <a:gd name="connsiteX24" fmla="*/ 1318307 w 1537090"/>
              <a:gd name="connsiteY24" fmla="*/ 998547 h 1318307"/>
              <a:gd name="connsiteX25" fmla="*/ 1049036 w 1537090"/>
              <a:gd name="connsiteY25" fmla="*/ 942449 h 1318307"/>
              <a:gd name="connsiteX26" fmla="*/ 886351 w 1537090"/>
              <a:gd name="connsiteY26" fmla="*/ 1054645 h 1318307"/>
              <a:gd name="connsiteX27" fmla="*/ 667568 w 1537090"/>
              <a:gd name="connsiteY27" fmla="*/ 981718 h 1318307"/>
              <a:gd name="connsiteX28" fmla="*/ 622690 w 1537090"/>
              <a:gd name="connsiteY28" fmla="*/ 976108 h 1318307"/>
              <a:gd name="connsiteX29" fmla="*/ 516103 w 1537090"/>
              <a:gd name="connsiteY29" fmla="*/ 1032206 h 1318307"/>
              <a:gd name="connsiteX30" fmla="*/ 448786 w 1537090"/>
              <a:gd name="connsiteY30" fmla="*/ 1166842 h 1318307"/>
              <a:gd name="connsiteX31" fmla="*/ 420737 w 1537090"/>
              <a:gd name="connsiteY31" fmla="*/ 1284648 h 1318307"/>
              <a:gd name="connsiteX32" fmla="*/ 375858 w 1537090"/>
              <a:gd name="connsiteY32" fmla="*/ 1312697 h 1318307"/>
              <a:gd name="connsiteX33" fmla="*/ 347809 w 1537090"/>
              <a:gd name="connsiteY33" fmla="*/ 1318307 h 1318307"/>
              <a:gd name="connsiteX34" fmla="*/ 302930 w 1537090"/>
              <a:gd name="connsiteY34" fmla="*/ 1284648 h 1318307"/>
              <a:gd name="connsiteX35" fmla="*/ 280491 w 1537090"/>
              <a:gd name="connsiteY35" fmla="*/ 1239769 h 1318307"/>
              <a:gd name="connsiteX36" fmla="*/ 252442 w 1537090"/>
              <a:gd name="connsiteY36" fmla="*/ 1228550 h 1318307"/>
              <a:gd name="connsiteX37" fmla="*/ 89757 w 1537090"/>
              <a:gd name="connsiteY37" fmla="*/ 1178061 h 1318307"/>
              <a:gd name="connsiteX38" fmla="*/ 0 w 1537090"/>
              <a:gd name="connsiteY38" fmla="*/ 1150012 h 1318307"/>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510494 w 1537090"/>
              <a:gd name="connsiteY8" fmla="*/ 269271 h 1318307"/>
              <a:gd name="connsiteX9" fmla="*/ 499274 w 1537090"/>
              <a:gd name="connsiteY9" fmla="*/ 117806 h 1318307"/>
              <a:gd name="connsiteX10" fmla="*/ 549762 w 1537090"/>
              <a:gd name="connsiteY10" fmla="*/ 67318 h 1318307"/>
              <a:gd name="connsiteX11" fmla="*/ 661959 w 1537090"/>
              <a:gd name="connsiteY11" fmla="*/ 56098 h 1318307"/>
              <a:gd name="connsiteX12" fmla="*/ 847083 w 1537090"/>
              <a:gd name="connsiteY12" fmla="*/ 0 h 1318307"/>
              <a:gd name="connsiteX13" fmla="*/ 1110744 w 1537090"/>
              <a:gd name="connsiteY13" fmla="*/ 112196 h 1318307"/>
              <a:gd name="connsiteX14" fmla="*/ 1189281 w 1537090"/>
              <a:gd name="connsiteY14" fmla="*/ 196344 h 1318307"/>
              <a:gd name="connsiteX15" fmla="*/ 1279038 w 1537090"/>
              <a:gd name="connsiteY15" fmla="*/ 173904 h 1318307"/>
              <a:gd name="connsiteX16" fmla="*/ 1402454 w 1537090"/>
              <a:gd name="connsiteY16" fmla="*/ 235612 h 1318307"/>
              <a:gd name="connsiteX17" fmla="*/ 1430503 w 1537090"/>
              <a:gd name="connsiteY17" fmla="*/ 482444 h 1318307"/>
              <a:gd name="connsiteX18" fmla="*/ 1436113 w 1537090"/>
              <a:gd name="connsiteY18" fmla="*/ 549762 h 1318307"/>
              <a:gd name="connsiteX19" fmla="*/ 1453311 w 1537090"/>
              <a:gd name="connsiteY19" fmla="*/ 628322 h 1318307"/>
              <a:gd name="connsiteX20" fmla="*/ 1537090 w 1537090"/>
              <a:gd name="connsiteY20" fmla="*/ 718056 h 1318307"/>
              <a:gd name="connsiteX21" fmla="*/ 1492211 w 1537090"/>
              <a:gd name="connsiteY21" fmla="*/ 740496 h 1318307"/>
              <a:gd name="connsiteX22" fmla="*/ 1385625 w 1537090"/>
              <a:gd name="connsiteY22" fmla="*/ 774155 h 1318307"/>
              <a:gd name="connsiteX23" fmla="*/ 1357576 w 1537090"/>
              <a:gd name="connsiteY23" fmla="*/ 807814 h 1318307"/>
              <a:gd name="connsiteX24" fmla="*/ 1346356 w 1537090"/>
              <a:gd name="connsiteY24" fmla="*/ 953669 h 1318307"/>
              <a:gd name="connsiteX25" fmla="*/ 1318307 w 1537090"/>
              <a:gd name="connsiteY25" fmla="*/ 998547 h 1318307"/>
              <a:gd name="connsiteX26" fmla="*/ 1049036 w 1537090"/>
              <a:gd name="connsiteY26" fmla="*/ 942449 h 1318307"/>
              <a:gd name="connsiteX27" fmla="*/ 886351 w 1537090"/>
              <a:gd name="connsiteY27" fmla="*/ 1054645 h 1318307"/>
              <a:gd name="connsiteX28" fmla="*/ 667568 w 1537090"/>
              <a:gd name="connsiteY28" fmla="*/ 981718 h 1318307"/>
              <a:gd name="connsiteX29" fmla="*/ 622690 w 1537090"/>
              <a:gd name="connsiteY29" fmla="*/ 976108 h 1318307"/>
              <a:gd name="connsiteX30" fmla="*/ 516103 w 1537090"/>
              <a:gd name="connsiteY30" fmla="*/ 1032206 h 1318307"/>
              <a:gd name="connsiteX31" fmla="*/ 448786 w 1537090"/>
              <a:gd name="connsiteY31" fmla="*/ 1166842 h 1318307"/>
              <a:gd name="connsiteX32" fmla="*/ 420737 w 1537090"/>
              <a:gd name="connsiteY32" fmla="*/ 1284648 h 1318307"/>
              <a:gd name="connsiteX33" fmla="*/ 375858 w 1537090"/>
              <a:gd name="connsiteY33" fmla="*/ 1312697 h 1318307"/>
              <a:gd name="connsiteX34" fmla="*/ 347809 w 1537090"/>
              <a:gd name="connsiteY34" fmla="*/ 1318307 h 1318307"/>
              <a:gd name="connsiteX35" fmla="*/ 302930 w 1537090"/>
              <a:gd name="connsiteY35" fmla="*/ 1284648 h 1318307"/>
              <a:gd name="connsiteX36" fmla="*/ 280491 w 1537090"/>
              <a:gd name="connsiteY36" fmla="*/ 1239769 h 1318307"/>
              <a:gd name="connsiteX37" fmla="*/ 252442 w 1537090"/>
              <a:gd name="connsiteY37" fmla="*/ 1228550 h 1318307"/>
              <a:gd name="connsiteX38" fmla="*/ 89757 w 1537090"/>
              <a:gd name="connsiteY38" fmla="*/ 1178061 h 1318307"/>
              <a:gd name="connsiteX39" fmla="*/ 0 w 1537090"/>
              <a:gd name="connsiteY39" fmla="*/ 1150012 h 1318307"/>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471345 w 1537090"/>
              <a:gd name="connsiteY8" fmla="*/ 342211 h 1318307"/>
              <a:gd name="connsiteX9" fmla="*/ 510494 w 1537090"/>
              <a:gd name="connsiteY9" fmla="*/ 269271 h 1318307"/>
              <a:gd name="connsiteX10" fmla="*/ 499274 w 1537090"/>
              <a:gd name="connsiteY10" fmla="*/ 117806 h 1318307"/>
              <a:gd name="connsiteX11" fmla="*/ 549762 w 1537090"/>
              <a:gd name="connsiteY11" fmla="*/ 67318 h 1318307"/>
              <a:gd name="connsiteX12" fmla="*/ 661959 w 1537090"/>
              <a:gd name="connsiteY12" fmla="*/ 56098 h 1318307"/>
              <a:gd name="connsiteX13" fmla="*/ 847083 w 1537090"/>
              <a:gd name="connsiteY13" fmla="*/ 0 h 1318307"/>
              <a:gd name="connsiteX14" fmla="*/ 1110744 w 1537090"/>
              <a:gd name="connsiteY14" fmla="*/ 112196 h 1318307"/>
              <a:gd name="connsiteX15" fmla="*/ 1189281 w 1537090"/>
              <a:gd name="connsiteY15" fmla="*/ 196344 h 1318307"/>
              <a:gd name="connsiteX16" fmla="*/ 1279038 w 1537090"/>
              <a:gd name="connsiteY16" fmla="*/ 173904 h 1318307"/>
              <a:gd name="connsiteX17" fmla="*/ 1402454 w 1537090"/>
              <a:gd name="connsiteY17" fmla="*/ 235612 h 1318307"/>
              <a:gd name="connsiteX18" fmla="*/ 1430503 w 1537090"/>
              <a:gd name="connsiteY18" fmla="*/ 482444 h 1318307"/>
              <a:gd name="connsiteX19" fmla="*/ 1436113 w 1537090"/>
              <a:gd name="connsiteY19" fmla="*/ 549762 h 1318307"/>
              <a:gd name="connsiteX20" fmla="*/ 1453311 w 1537090"/>
              <a:gd name="connsiteY20" fmla="*/ 628322 h 1318307"/>
              <a:gd name="connsiteX21" fmla="*/ 1537090 w 1537090"/>
              <a:gd name="connsiteY21" fmla="*/ 718056 h 1318307"/>
              <a:gd name="connsiteX22" fmla="*/ 1492211 w 1537090"/>
              <a:gd name="connsiteY22" fmla="*/ 740496 h 1318307"/>
              <a:gd name="connsiteX23" fmla="*/ 1385625 w 1537090"/>
              <a:gd name="connsiteY23" fmla="*/ 774155 h 1318307"/>
              <a:gd name="connsiteX24" fmla="*/ 1357576 w 1537090"/>
              <a:gd name="connsiteY24" fmla="*/ 807814 h 1318307"/>
              <a:gd name="connsiteX25" fmla="*/ 1346356 w 1537090"/>
              <a:gd name="connsiteY25" fmla="*/ 953669 h 1318307"/>
              <a:gd name="connsiteX26" fmla="*/ 1318307 w 1537090"/>
              <a:gd name="connsiteY26" fmla="*/ 998547 h 1318307"/>
              <a:gd name="connsiteX27" fmla="*/ 1049036 w 1537090"/>
              <a:gd name="connsiteY27" fmla="*/ 942449 h 1318307"/>
              <a:gd name="connsiteX28" fmla="*/ 886351 w 1537090"/>
              <a:gd name="connsiteY28" fmla="*/ 1054645 h 1318307"/>
              <a:gd name="connsiteX29" fmla="*/ 667568 w 1537090"/>
              <a:gd name="connsiteY29" fmla="*/ 981718 h 1318307"/>
              <a:gd name="connsiteX30" fmla="*/ 622690 w 1537090"/>
              <a:gd name="connsiteY30" fmla="*/ 976108 h 1318307"/>
              <a:gd name="connsiteX31" fmla="*/ 516103 w 1537090"/>
              <a:gd name="connsiteY31" fmla="*/ 1032206 h 1318307"/>
              <a:gd name="connsiteX32" fmla="*/ 448786 w 1537090"/>
              <a:gd name="connsiteY32" fmla="*/ 1166842 h 1318307"/>
              <a:gd name="connsiteX33" fmla="*/ 420737 w 1537090"/>
              <a:gd name="connsiteY33" fmla="*/ 1284648 h 1318307"/>
              <a:gd name="connsiteX34" fmla="*/ 375858 w 1537090"/>
              <a:gd name="connsiteY34" fmla="*/ 1312697 h 1318307"/>
              <a:gd name="connsiteX35" fmla="*/ 347809 w 1537090"/>
              <a:gd name="connsiteY35" fmla="*/ 1318307 h 1318307"/>
              <a:gd name="connsiteX36" fmla="*/ 302930 w 1537090"/>
              <a:gd name="connsiteY36" fmla="*/ 1284648 h 1318307"/>
              <a:gd name="connsiteX37" fmla="*/ 280491 w 1537090"/>
              <a:gd name="connsiteY37" fmla="*/ 1239769 h 1318307"/>
              <a:gd name="connsiteX38" fmla="*/ 252442 w 1537090"/>
              <a:gd name="connsiteY38" fmla="*/ 1228550 h 1318307"/>
              <a:gd name="connsiteX39" fmla="*/ 89757 w 1537090"/>
              <a:gd name="connsiteY39" fmla="*/ 1178061 h 1318307"/>
              <a:gd name="connsiteX40" fmla="*/ 0 w 1537090"/>
              <a:gd name="connsiteY40" fmla="*/ 1150012 h 1318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537090" h="1318307">
                <a:moveTo>
                  <a:pt x="0" y="1150012"/>
                </a:moveTo>
                <a:lnTo>
                  <a:pt x="5610" y="774155"/>
                </a:lnTo>
                <a:lnTo>
                  <a:pt x="22440" y="706837"/>
                </a:lnTo>
                <a:lnTo>
                  <a:pt x="33659" y="465615"/>
                </a:lnTo>
                <a:lnTo>
                  <a:pt x="50489" y="448785"/>
                </a:lnTo>
                <a:lnTo>
                  <a:pt x="213173" y="431956"/>
                </a:lnTo>
                <a:lnTo>
                  <a:pt x="364638" y="381468"/>
                </a:lnTo>
                <a:lnTo>
                  <a:pt x="403907" y="370248"/>
                </a:lnTo>
                <a:cubicBezTo>
                  <a:pt x="420775" y="355293"/>
                  <a:pt x="454477" y="357166"/>
                  <a:pt x="471345" y="342211"/>
                </a:cubicBezTo>
                <a:lnTo>
                  <a:pt x="510494" y="269271"/>
                </a:lnTo>
                <a:lnTo>
                  <a:pt x="499274" y="117806"/>
                </a:lnTo>
                <a:lnTo>
                  <a:pt x="549762" y="67318"/>
                </a:lnTo>
                <a:lnTo>
                  <a:pt x="661959" y="56098"/>
                </a:lnTo>
                <a:lnTo>
                  <a:pt x="847083" y="0"/>
                </a:lnTo>
                <a:lnTo>
                  <a:pt x="1110744" y="112196"/>
                </a:lnTo>
                <a:lnTo>
                  <a:pt x="1189281" y="196344"/>
                </a:lnTo>
                <a:lnTo>
                  <a:pt x="1279038" y="173904"/>
                </a:lnTo>
                <a:lnTo>
                  <a:pt x="1402454" y="235612"/>
                </a:lnTo>
                <a:lnTo>
                  <a:pt x="1430503" y="482444"/>
                </a:lnTo>
                <a:lnTo>
                  <a:pt x="1436113" y="549762"/>
                </a:lnTo>
                <a:cubicBezTo>
                  <a:pt x="1449327" y="572209"/>
                  <a:pt x="1440097" y="605875"/>
                  <a:pt x="1453311" y="628322"/>
                </a:cubicBezTo>
                <a:lnTo>
                  <a:pt x="1537090" y="718056"/>
                </a:lnTo>
                <a:lnTo>
                  <a:pt x="1492211" y="740496"/>
                </a:lnTo>
                <a:lnTo>
                  <a:pt x="1385625" y="774155"/>
                </a:lnTo>
                <a:lnTo>
                  <a:pt x="1357576" y="807814"/>
                </a:lnTo>
                <a:lnTo>
                  <a:pt x="1346356" y="953669"/>
                </a:lnTo>
                <a:lnTo>
                  <a:pt x="1318307" y="998547"/>
                </a:lnTo>
                <a:lnTo>
                  <a:pt x="1049036" y="942449"/>
                </a:lnTo>
                <a:lnTo>
                  <a:pt x="886351" y="1054645"/>
                </a:lnTo>
                <a:lnTo>
                  <a:pt x="667568" y="981718"/>
                </a:lnTo>
                <a:lnTo>
                  <a:pt x="622690" y="976108"/>
                </a:lnTo>
                <a:lnTo>
                  <a:pt x="516103" y="1032206"/>
                </a:lnTo>
                <a:lnTo>
                  <a:pt x="448786" y="1166842"/>
                </a:lnTo>
                <a:lnTo>
                  <a:pt x="420737" y="1284648"/>
                </a:lnTo>
                <a:lnTo>
                  <a:pt x="375858" y="1312697"/>
                </a:lnTo>
                <a:lnTo>
                  <a:pt x="347809" y="1318307"/>
                </a:lnTo>
                <a:lnTo>
                  <a:pt x="302930" y="1284648"/>
                </a:lnTo>
                <a:lnTo>
                  <a:pt x="280491" y="1239769"/>
                </a:lnTo>
                <a:lnTo>
                  <a:pt x="252442" y="1228550"/>
                </a:lnTo>
                <a:lnTo>
                  <a:pt x="89757" y="1178061"/>
                </a:lnTo>
                <a:lnTo>
                  <a:pt x="0" y="1150012"/>
                </a:lnTo>
                <a:close/>
              </a:path>
            </a:pathLst>
          </a:custGeom>
          <a:no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26" name="Freeform 25"/>
          <p:cNvSpPr/>
          <p:nvPr/>
        </p:nvSpPr>
        <p:spPr>
          <a:xfrm>
            <a:off x="7037145" y="1323624"/>
            <a:ext cx="1778468" cy="1504267"/>
          </a:xfrm>
          <a:custGeom>
            <a:avLst/>
            <a:gdLst>
              <a:gd name="connsiteX0" fmla="*/ 291711 w 1879289"/>
              <a:gd name="connsiteY0" fmla="*/ 1194890 h 1537089"/>
              <a:gd name="connsiteX1" fmla="*/ 297321 w 1879289"/>
              <a:gd name="connsiteY1" fmla="*/ 1105133 h 1537089"/>
              <a:gd name="connsiteX2" fmla="*/ 280491 w 1879289"/>
              <a:gd name="connsiteY2" fmla="*/ 1060255 h 1537089"/>
              <a:gd name="connsiteX3" fmla="*/ 241222 w 1879289"/>
              <a:gd name="connsiteY3" fmla="*/ 1015376 h 1537089"/>
              <a:gd name="connsiteX4" fmla="*/ 269272 w 1879289"/>
              <a:gd name="connsiteY4" fmla="*/ 976108 h 1537089"/>
              <a:gd name="connsiteX5" fmla="*/ 342199 w 1879289"/>
              <a:gd name="connsiteY5" fmla="*/ 959278 h 1537089"/>
              <a:gd name="connsiteX6" fmla="*/ 476835 w 1879289"/>
              <a:gd name="connsiteY6" fmla="*/ 824642 h 1537089"/>
              <a:gd name="connsiteX7" fmla="*/ 482445 w 1879289"/>
              <a:gd name="connsiteY7" fmla="*/ 757325 h 1537089"/>
              <a:gd name="connsiteX8" fmla="*/ 431956 w 1879289"/>
              <a:gd name="connsiteY8" fmla="*/ 706836 h 1537089"/>
              <a:gd name="connsiteX9" fmla="*/ 375858 w 1879289"/>
              <a:gd name="connsiteY9" fmla="*/ 673177 h 1537089"/>
              <a:gd name="connsiteX10" fmla="*/ 342199 w 1879289"/>
              <a:gd name="connsiteY10" fmla="*/ 633909 h 1537089"/>
              <a:gd name="connsiteX11" fmla="*/ 291711 w 1879289"/>
              <a:gd name="connsiteY11" fmla="*/ 605860 h 1537089"/>
              <a:gd name="connsiteX12" fmla="*/ 218783 w 1879289"/>
              <a:gd name="connsiteY12" fmla="*/ 583420 h 1537089"/>
              <a:gd name="connsiteX13" fmla="*/ 106587 w 1879289"/>
              <a:gd name="connsiteY13" fmla="*/ 544152 h 1537089"/>
              <a:gd name="connsiteX14" fmla="*/ 44879 w 1879289"/>
              <a:gd name="connsiteY14" fmla="*/ 504883 h 1537089"/>
              <a:gd name="connsiteX15" fmla="*/ 5610 w 1879289"/>
              <a:gd name="connsiteY15" fmla="*/ 454395 h 1537089"/>
              <a:gd name="connsiteX16" fmla="*/ 0 w 1879289"/>
              <a:gd name="connsiteY16" fmla="*/ 392687 h 1537089"/>
              <a:gd name="connsiteX17" fmla="*/ 11220 w 1879289"/>
              <a:gd name="connsiteY17" fmla="*/ 314149 h 1537089"/>
              <a:gd name="connsiteX18" fmla="*/ 39269 w 1879289"/>
              <a:gd name="connsiteY18" fmla="*/ 263661 h 1537089"/>
              <a:gd name="connsiteX19" fmla="*/ 72928 w 1879289"/>
              <a:gd name="connsiteY19" fmla="*/ 235612 h 1537089"/>
              <a:gd name="connsiteX20" fmla="*/ 84148 w 1879289"/>
              <a:gd name="connsiteY20" fmla="*/ 179514 h 1537089"/>
              <a:gd name="connsiteX21" fmla="*/ 112197 w 1879289"/>
              <a:gd name="connsiteY21" fmla="*/ 117806 h 1537089"/>
              <a:gd name="connsiteX22" fmla="*/ 151465 w 1879289"/>
              <a:gd name="connsiteY22" fmla="*/ 84147 h 1537089"/>
              <a:gd name="connsiteX23" fmla="*/ 207564 w 1879289"/>
              <a:gd name="connsiteY23" fmla="*/ 56098 h 1537089"/>
              <a:gd name="connsiteX24" fmla="*/ 263662 w 1879289"/>
              <a:gd name="connsiteY24" fmla="*/ 28049 h 1537089"/>
              <a:gd name="connsiteX25" fmla="*/ 325370 w 1879289"/>
              <a:gd name="connsiteY25" fmla="*/ 0 h 1537089"/>
              <a:gd name="connsiteX26" fmla="*/ 359029 w 1879289"/>
              <a:gd name="connsiteY26" fmla="*/ 11219 h 1537089"/>
              <a:gd name="connsiteX27" fmla="*/ 387078 w 1879289"/>
              <a:gd name="connsiteY27" fmla="*/ 33658 h 1537089"/>
              <a:gd name="connsiteX28" fmla="*/ 409517 w 1879289"/>
              <a:gd name="connsiteY28" fmla="*/ 67317 h 1537089"/>
              <a:gd name="connsiteX29" fmla="*/ 415127 w 1879289"/>
              <a:gd name="connsiteY29" fmla="*/ 106586 h 1537089"/>
              <a:gd name="connsiteX30" fmla="*/ 420737 w 1879289"/>
              <a:gd name="connsiteY30" fmla="*/ 134635 h 1537089"/>
              <a:gd name="connsiteX31" fmla="*/ 420737 w 1879289"/>
              <a:gd name="connsiteY31" fmla="*/ 157074 h 1537089"/>
              <a:gd name="connsiteX32" fmla="*/ 415127 w 1879289"/>
              <a:gd name="connsiteY32" fmla="*/ 196343 h 1537089"/>
              <a:gd name="connsiteX33" fmla="*/ 415127 w 1879289"/>
              <a:gd name="connsiteY33" fmla="*/ 230002 h 1537089"/>
              <a:gd name="connsiteX34" fmla="*/ 426346 w 1879289"/>
              <a:gd name="connsiteY34" fmla="*/ 274881 h 1537089"/>
              <a:gd name="connsiteX35" fmla="*/ 448786 w 1879289"/>
              <a:gd name="connsiteY35" fmla="*/ 314149 h 1537089"/>
              <a:gd name="connsiteX36" fmla="*/ 460005 w 1879289"/>
              <a:gd name="connsiteY36" fmla="*/ 353418 h 1537089"/>
              <a:gd name="connsiteX37" fmla="*/ 499274 w 1879289"/>
              <a:gd name="connsiteY37" fmla="*/ 392687 h 1537089"/>
              <a:gd name="connsiteX38" fmla="*/ 555372 w 1879289"/>
              <a:gd name="connsiteY38" fmla="*/ 415126 h 1537089"/>
              <a:gd name="connsiteX39" fmla="*/ 633910 w 1879289"/>
              <a:gd name="connsiteY39" fmla="*/ 437565 h 1537089"/>
              <a:gd name="connsiteX40" fmla="*/ 751716 w 1879289"/>
              <a:gd name="connsiteY40" fmla="*/ 420736 h 1537089"/>
              <a:gd name="connsiteX41" fmla="*/ 852692 w 1879289"/>
              <a:gd name="connsiteY41" fmla="*/ 403906 h 1537089"/>
              <a:gd name="connsiteX42" fmla="*/ 920010 w 1879289"/>
              <a:gd name="connsiteY42" fmla="*/ 381467 h 1537089"/>
              <a:gd name="connsiteX43" fmla="*/ 992938 w 1879289"/>
              <a:gd name="connsiteY43" fmla="*/ 359028 h 1537089"/>
              <a:gd name="connsiteX44" fmla="*/ 1026597 w 1879289"/>
              <a:gd name="connsiteY44" fmla="*/ 359028 h 1537089"/>
              <a:gd name="connsiteX45" fmla="*/ 1110744 w 1879289"/>
              <a:gd name="connsiteY45" fmla="*/ 314149 h 1537089"/>
              <a:gd name="connsiteX46" fmla="*/ 1161232 w 1879289"/>
              <a:gd name="connsiteY46" fmla="*/ 297320 h 1537089"/>
              <a:gd name="connsiteX47" fmla="*/ 1222940 w 1879289"/>
              <a:gd name="connsiteY47" fmla="*/ 280490 h 1537089"/>
              <a:gd name="connsiteX48" fmla="*/ 1239770 w 1879289"/>
              <a:gd name="connsiteY48" fmla="*/ 280490 h 1537089"/>
              <a:gd name="connsiteX49" fmla="*/ 1318307 w 1879289"/>
              <a:gd name="connsiteY49" fmla="*/ 258051 h 1537089"/>
              <a:gd name="connsiteX50" fmla="*/ 1363186 w 1879289"/>
              <a:gd name="connsiteY50" fmla="*/ 246831 h 1537089"/>
              <a:gd name="connsiteX51" fmla="*/ 1413674 w 1879289"/>
              <a:gd name="connsiteY51" fmla="*/ 258051 h 1537089"/>
              <a:gd name="connsiteX52" fmla="*/ 1441723 w 1879289"/>
              <a:gd name="connsiteY52" fmla="*/ 286100 h 1537089"/>
              <a:gd name="connsiteX53" fmla="*/ 1480992 w 1879289"/>
              <a:gd name="connsiteY53" fmla="*/ 330979 h 1537089"/>
              <a:gd name="connsiteX54" fmla="*/ 1509041 w 1879289"/>
              <a:gd name="connsiteY54" fmla="*/ 353418 h 1537089"/>
              <a:gd name="connsiteX55" fmla="*/ 1537090 w 1879289"/>
              <a:gd name="connsiteY55" fmla="*/ 387077 h 1537089"/>
              <a:gd name="connsiteX56" fmla="*/ 1576359 w 1879289"/>
              <a:gd name="connsiteY56" fmla="*/ 415126 h 1537089"/>
              <a:gd name="connsiteX57" fmla="*/ 1621237 w 1879289"/>
              <a:gd name="connsiteY57" fmla="*/ 437565 h 1537089"/>
              <a:gd name="connsiteX58" fmla="*/ 1677335 w 1879289"/>
              <a:gd name="connsiteY58" fmla="*/ 431955 h 1537089"/>
              <a:gd name="connsiteX59" fmla="*/ 1733433 w 1879289"/>
              <a:gd name="connsiteY59" fmla="*/ 420736 h 1537089"/>
              <a:gd name="connsiteX60" fmla="*/ 1767092 w 1879289"/>
              <a:gd name="connsiteY60" fmla="*/ 426346 h 1537089"/>
              <a:gd name="connsiteX61" fmla="*/ 1750263 w 1879289"/>
              <a:gd name="connsiteY61" fmla="*/ 482444 h 1537089"/>
              <a:gd name="connsiteX62" fmla="*/ 1727824 w 1879289"/>
              <a:gd name="connsiteY62" fmla="*/ 504883 h 1537089"/>
              <a:gd name="connsiteX63" fmla="*/ 1705384 w 1879289"/>
              <a:gd name="connsiteY63" fmla="*/ 527322 h 1537089"/>
              <a:gd name="connsiteX64" fmla="*/ 1694165 w 1879289"/>
              <a:gd name="connsiteY64" fmla="*/ 560981 h 1537089"/>
              <a:gd name="connsiteX65" fmla="*/ 1694165 w 1879289"/>
              <a:gd name="connsiteY65" fmla="*/ 583420 h 1537089"/>
              <a:gd name="connsiteX66" fmla="*/ 1716604 w 1879289"/>
              <a:gd name="connsiteY66" fmla="*/ 628299 h 1537089"/>
              <a:gd name="connsiteX67" fmla="*/ 1761483 w 1879289"/>
              <a:gd name="connsiteY67" fmla="*/ 667568 h 1537089"/>
              <a:gd name="connsiteX68" fmla="*/ 1828800 w 1879289"/>
              <a:gd name="connsiteY68" fmla="*/ 695617 h 1537089"/>
              <a:gd name="connsiteX69" fmla="*/ 1868069 w 1879289"/>
              <a:gd name="connsiteY69" fmla="*/ 695617 h 1537089"/>
              <a:gd name="connsiteX70" fmla="*/ 1879289 w 1879289"/>
              <a:gd name="connsiteY70" fmla="*/ 695617 h 1537089"/>
              <a:gd name="connsiteX71" fmla="*/ 1873679 w 1879289"/>
              <a:gd name="connsiteY71" fmla="*/ 807813 h 1537089"/>
              <a:gd name="connsiteX72" fmla="*/ 1845630 w 1879289"/>
              <a:gd name="connsiteY72" fmla="*/ 852692 h 1537089"/>
              <a:gd name="connsiteX73" fmla="*/ 1795141 w 1879289"/>
              <a:gd name="connsiteY73" fmla="*/ 886350 h 1537089"/>
              <a:gd name="connsiteX74" fmla="*/ 1811971 w 1879289"/>
              <a:gd name="connsiteY74" fmla="*/ 936839 h 1537089"/>
              <a:gd name="connsiteX75" fmla="*/ 1828800 w 1879289"/>
              <a:gd name="connsiteY75" fmla="*/ 992937 h 1537089"/>
              <a:gd name="connsiteX76" fmla="*/ 1772702 w 1879289"/>
              <a:gd name="connsiteY76" fmla="*/ 998547 h 1537089"/>
              <a:gd name="connsiteX77" fmla="*/ 1710994 w 1879289"/>
              <a:gd name="connsiteY77" fmla="*/ 1020986 h 1537089"/>
              <a:gd name="connsiteX78" fmla="*/ 1682945 w 1879289"/>
              <a:gd name="connsiteY78" fmla="*/ 1043425 h 1537089"/>
              <a:gd name="connsiteX79" fmla="*/ 1677335 w 1879289"/>
              <a:gd name="connsiteY79" fmla="*/ 1065865 h 1537089"/>
              <a:gd name="connsiteX80" fmla="*/ 1666116 w 1879289"/>
              <a:gd name="connsiteY80" fmla="*/ 1093914 h 1537089"/>
              <a:gd name="connsiteX81" fmla="*/ 1638067 w 1879289"/>
              <a:gd name="connsiteY81" fmla="*/ 1121963 h 1537089"/>
              <a:gd name="connsiteX82" fmla="*/ 1654896 w 1879289"/>
              <a:gd name="connsiteY82" fmla="*/ 1150012 h 1537089"/>
              <a:gd name="connsiteX83" fmla="*/ 1610018 w 1879289"/>
              <a:gd name="connsiteY83" fmla="*/ 1200500 h 1537089"/>
              <a:gd name="connsiteX84" fmla="*/ 1660506 w 1879289"/>
              <a:gd name="connsiteY84" fmla="*/ 1279038 h 1537089"/>
              <a:gd name="connsiteX85" fmla="*/ 1649286 w 1879289"/>
              <a:gd name="connsiteY85" fmla="*/ 1323916 h 1537089"/>
              <a:gd name="connsiteX86" fmla="*/ 1699775 w 1879289"/>
              <a:gd name="connsiteY86" fmla="*/ 1368795 h 1537089"/>
              <a:gd name="connsiteX87" fmla="*/ 1666116 w 1879289"/>
              <a:gd name="connsiteY87" fmla="*/ 1424893 h 1537089"/>
              <a:gd name="connsiteX88" fmla="*/ 1660506 w 1879289"/>
              <a:gd name="connsiteY88" fmla="*/ 1537089 h 1537089"/>
              <a:gd name="connsiteX89" fmla="*/ 1548310 w 1879289"/>
              <a:gd name="connsiteY89" fmla="*/ 1402454 h 1537089"/>
              <a:gd name="connsiteX90" fmla="*/ 1548310 w 1879289"/>
              <a:gd name="connsiteY90" fmla="*/ 1363185 h 1537089"/>
              <a:gd name="connsiteX91" fmla="*/ 1542700 w 1879289"/>
              <a:gd name="connsiteY91" fmla="*/ 1335136 h 1537089"/>
              <a:gd name="connsiteX92" fmla="*/ 1520260 w 1879289"/>
              <a:gd name="connsiteY92" fmla="*/ 1323916 h 1537089"/>
              <a:gd name="connsiteX93" fmla="*/ 1492211 w 1879289"/>
              <a:gd name="connsiteY93" fmla="*/ 1312696 h 1537089"/>
              <a:gd name="connsiteX94" fmla="*/ 1458553 w 1879289"/>
              <a:gd name="connsiteY94" fmla="*/ 1290257 h 1537089"/>
              <a:gd name="connsiteX95" fmla="*/ 1436113 w 1879289"/>
              <a:gd name="connsiteY95" fmla="*/ 1234159 h 1537089"/>
              <a:gd name="connsiteX96" fmla="*/ 1408064 w 1879289"/>
              <a:gd name="connsiteY96" fmla="*/ 1194890 h 1537089"/>
              <a:gd name="connsiteX97" fmla="*/ 1380015 w 1879289"/>
              <a:gd name="connsiteY97" fmla="*/ 1144402 h 1537089"/>
              <a:gd name="connsiteX98" fmla="*/ 1346356 w 1879289"/>
              <a:gd name="connsiteY98" fmla="*/ 1116353 h 1537089"/>
              <a:gd name="connsiteX99" fmla="*/ 1346356 w 1879289"/>
              <a:gd name="connsiteY99" fmla="*/ 1116353 h 1537089"/>
              <a:gd name="connsiteX100" fmla="*/ 1290258 w 1879289"/>
              <a:gd name="connsiteY100" fmla="*/ 1093914 h 1537089"/>
              <a:gd name="connsiteX101" fmla="*/ 1217330 w 1879289"/>
              <a:gd name="connsiteY101" fmla="*/ 1088304 h 1537089"/>
              <a:gd name="connsiteX102" fmla="*/ 1178062 w 1879289"/>
              <a:gd name="connsiteY102" fmla="*/ 1071474 h 1537089"/>
              <a:gd name="connsiteX103" fmla="*/ 1133183 w 1879289"/>
              <a:gd name="connsiteY103" fmla="*/ 1049035 h 1537089"/>
              <a:gd name="connsiteX104" fmla="*/ 1133183 w 1879289"/>
              <a:gd name="connsiteY104" fmla="*/ 1049035 h 1537089"/>
              <a:gd name="connsiteX105" fmla="*/ 1026597 w 1879289"/>
              <a:gd name="connsiteY105" fmla="*/ 1054645 h 1537089"/>
              <a:gd name="connsiteX106" fmla="*/ 1004157 w 1879289"/>
              <a:gd name="connsiteY106" fmla="*/ 1088304 h 1537089"/>
              <a:gd name="connsiteX107" fmla="*/ 964889 w 1879289"/>
              <a:gd name="connsiteY107" fmla="*/ 1116353 h 1537089"/>
              <a:gd name="connsiteX108" fmla="*/ 920010 w 1879289"/>
              <a:gd name="connsiteY108" fmla="*/ 1138792 h 1537089"/>
              <a:gd name="connsiteX109" fmla="*/ 886351 w 1879289"/>
              <a:gd name="connsiteY109" fmla="*/ 1200500 h 1537089"/>
              <a:gd name="connsiteX110" fmla="*/ 729276 w 1879289"/>
              <a:gd name="connsiteY110" fmla="*/ 1110743 h 1537089"/>
              <a:gd name="connsiteX111" fmla="*/ 645129 w 1879289"/>
              <a:gd name="connsiteY111" fmla="*/ 1172451 h 1537089"/>
              <a:gd name="connsiteX112" fmla="*/ 566592 w 1879289"/>
              <a:gd name="connsiteY112" fmla="*/ 1161231 h 1537089"/>
              <a:gd name="connsiteX113" fmla="*/ 527323 w 1879289"/>
              <a:gd name="connsiteY113" fmla="*/ 1166841 h 1537089"/>
              <a:gd name="connsiteX114" fmla="*/ 431956 w 1879289"/>
              <a:gd name="connsiteY114" fmla="*/ 1116353 h 1537089"/>
              <a:gd name="connsiteX115" fmla="*/ 370248 w 1879289"/>
              <a:gd name="connsiteY115" fmla="*/ 1166841 h 1537089"/>
              <a:gd name="connsiteX116" fmla="*/ 364638 w 1879289"/>
              <a:gd name="connsiteY116" fmla="*/ 1189281 h 1537089"/>
              <a:gd name="connsiteX117" fmla="*/ 291711 w 1879289"/>
              <a:gd name="connsiteY117" fmla="*/ 1194890 h 1537089"/>
              <a:gd name="connsiteX0" fmla="*/ 291711 w 1879289"/>
              <a:gd name="connsiteY0" fmla="*/ 1194890 h 1537089"/>
              <a:gd name="connsiteX1" fmla="*/ 297321 w 1879289"/>
              <a:gd name="connsiteY1" fmla="*/ 1105133 h 1537089"/>
              <a:gd name="connsiteX2" fmla="*/ 280491 w 1879289"/>
              <a:gd name="connsiteY2" fmla="*/ 1060255 h 1537089"/>
              <a:gd name="connsiteX3" fmla="*/ 241222 w 1879289"/>
              <a:gd name="connsiteY3" fmla="*/ 1015376 h 1537089"/>
              <a:gd name="connsiteX4" fmla="*/ 269272 w 1879289"/>
              <a:gd name="connsiteY4" fmla="*/ 976108 h 1537089"/>
              <a:gd name="connsiteX5" fmla="*/ 342199 w 1879289"/>
              <a:gd name="connsiteY5" fmla="*/ 959278 h 1537089"/>
              <a:gd name="connsiteX6" fmla="*/ 476835 w 1879289"/>
              <a:gd name="connsiteY6" fmla="*/ 824642 h 1537089"/>
              <a:gd name="connsiteX7" fmla="*/ 482445 w 1879289"/>
              <a:gd name="connsiteY7" fmla="*/ 757325 h 1537089"/>
              <a:gd name="connsiteX8" fmla="*/ 431956 w 1879289"/>
              <a:gd name="connsiteY8" fmla="*/ 706836 h 1537089"/>
              <a:gd name="connsiteX9" fmla="*/ 375858 w 1879289"/>
              <a:gd name="connsiteY9" fmla="*/ 673177 h 1537089"/>
              <a:gd name="connsiteX10" fmla="*/ 342199 w 1879289"/>
              <a:gd name="connsiteY10" fmla="*/ 633909 h 1537089"/>
              <a:gd name="connsiteX11" fmla="*/ 291711 w 1879289"/>
              <a:gd name="connsiteY11" fmla="*/ 605860 h 1537089"/>
              <a:gd name="connsiteX12" fmla="*/ 218783 w 1879289"/>
              <a:gd name="connsiteY12" fmla="*/ 583420 h 1537089"/>
              <a:gd name="connsiteX13" fmla="*/ 106587 w 1879289"/>
              <a:gd name="connsiteY13" fmla="*/ 544152 h 1537089"/>
              <a:gd name="connsiteX14" fmla="*/ 44879 w 1879289"/>
              <a:gd name="connsiteY14" fmla="*/ 504883 h 1537089"/>
              <a:gd name="connsiteX15" fmla="*/ 5610 w 1879289"/>
              <a:gd name="connsiteY15" fmla="*/ 454395 h 1537089"/>
              <a:gd name="connsiteX16" fmla="*/ 0 w 1879289"/>
              <a:gd name="connsiteY16" fmla="*/ 392687 h 1537089"/>
              <a:gd name="connsiteX17" fmla="*/ 11220 w 1879289"/>
              <a:gd name="connsiteY17" fmla="*/ 314149 h 1537089"/>
              <a:gd name="connsiteX18" fmla="*/ 39269 w 1879289"/>
              <a:gd name="connsiteY18" fmla="*/ 263661 h 1537089"/>
              <a:gd name="connsiteX19" fmla="*/ 50498 w 1879289"/>
              <a:gd name="connsiteY19" fmla="*/ 230060 h 1537089"/>
              <a:gd name="connsiteX20" fmla="*/ 84148 w 1879289"/>
              <a:gd name="connsiteY20" fmla="*/ 179514 h 1537089"/>
              <a:gd name="connsiteX21" fmla="*/ 112197 w 1879289"/>
              <a:gd name="connsiteY21" fmla="*/ 117806 h 1537089"/>
              <a:gd name="connsiteX22" fmla="*/ 151465 w 1879289"/>
              <a:gd name="connsiteY22" fmla="*/ 84147 h 1537089"/>
              <a:gd name="connsiteX23" fmla="*/ 207564 w 1879289"/>
              <a:gd name="connsiteY23" fmla="*/ 56098 h 1537089"/>
              <a:gd name="connsiteX24" fmla="*/ 263662 w 1879289"/>
              <a:gd name="connsiteY24" fmla="*/ 28049 h 1537089"/>
              <a:gd name="connsiteX25" fmla="*/ 325370 w 1879289"/>
              <a:gd name="connsiteY25" fmla="*/ 0 h 1537089"/>
              <a:gd name="connsiteX26" fmla="*/ 359029 w 1879289"/>
              <a:gd name="connsiteY26" fmla="*/ 11219 h 1537089"/>
              <a:gd name="connsiteX27" fmla="*/ 387078 w 1879289"/>
              <a:gd name="connsiteY27" fmla="*/ 33658 h 1537089"/>
              <a:gd name="connsiteX28" fmla="*/ 409517 w 1879289"/>
              <a:gd name="connsiteY28" fmla="*/ 67317 h 1537089"/>
              <a:gd name="connsiteX29" fmla="*/ 415127 w 1879289"/>
              <a:gd name="connsiteY29" fmla="*/ 106586 h 1537089"/>
              <a:gd name="connsiteX30" fmla="*/ 420737 w 1879289"/>
              <a:gd name="connsiteY30" fmla="*/ 134635 h 1537089"/>
              <a:gd name="connsiteX31" fmla="*/ 420737 w 1879289"/>
              <a:gd name="connsiteY31" fmla="*/ 157074 h 1537089"/>
              <a:gd name="connsiteX32" fmla="*/ 415127 w 1879289"/>
              <a:gd name="connsiteY32" fmla="*/ 196343 h 1537089"/>
              <a:gd name="connsiteX33" fmla="*/ 415127 w 1879289"/>
              <a:gd name="connsiteY33" fmla="*/ 230002 h 1537089"/>
              <a:gd name="connsiteX34" fmla="*/ 426346 w 1879289"/>
              <a:gd name="connsiteY34" fmla="*/ 274881 h 1537089"/>
              <a:gd name="connsiteX35" fmla="*/ 448786 w 1879289"/>
              <a:gd name="connsiteY35" fmla="*/ 314149 h 1537089"/>
              <a:gd name="connsiteX36" fmla="*/ 460005 w 1879289"/>
              <a:gd name="connsiteY36" fmla="*/ 353418 h 1537089"/>
              <a:gd name="connsiteX37" fmla="*/ 499274 w 1879289"/>
              <a:gd name="connsiteY37" fmla="*/ 392687 h 1537089"/>
              <a:gd name="connsiteX38" fmla="*/ 555372 w 1879289"/>
              <a:gd name="connsiteY38" fmla="*/ 415126 h 1537089"/>
              <a:gd name="connsiteX39" fmla="*/ 633910 w 1879289"/>
              <a:gd name="connsiteY39" fmla="*/ 437565 h 1537089"/>
              <a:gd name="connsiteX40" fmla="*/ 751716 w 1879289"/>
              <a:gd name="connsiteY40" fmla="*/ 420736 h 1537089"/>
              <a:gd name="connsiteX41" fmla="*/ 852692 w 1879289"/>
              <a:gd name="connsiteY41" fmla="*/ 403906 h 1537089"/>
              <a:gd name="connsiteX42" fmla="*/ 920010 w 1879289"/>
              <a:gd name="connsiteY42" fmla="*/ 381467 h 1537089"/>
              <a:gd name="connsiteX43" fmla="*/ 992938 w 1879289"/>
              <a:gd name="connsiteY43" fmla="*/ 359028 h 1537089"/>
              <a:gd name="connsiteX44" fmla="*/ 1026597 w 1879289"/>
              <a:gd name="connsiteY44" fmla="*/ 359028 h 1537089"/>
              <a:gd name="connsiteX45" fmla="*/ 1110744 w 1879289"/>
              <a:gd name="connsiteY45" fmla="*/ 314149 h 1537089"/>
              <a:gd name="connsiteX46" fmla="*/ 1161232 w 1879289"/>
              <a:gd name="connsiteY46" fmla="*/ 297320 h 1537089"/>
              <a:gd name="connsiteX47" fmla="*/ 1222940 w 1879289"/>
              <a:gd name="connsiteY47" fmla="*/ 280490 h 1537089"/>
              <a:gd name="connsiteX48" fmla="*/ 1239770 w 1879289"/>
              <a:gd name="connsiteY48" fmla="*/ 280490 h 1537089"/>
              <a:gd name="connsiteX49" fmla="*/ 1318307 w 1879289"/>
              <a:gd name="connsiteY49" fmla="*/ 258051 h 1537089"/>
              <a:gd name="connsiteX50" fmla="*/ 1363186 w 1879289"/>
              <a:gd name="connsiteY50" fmla="*/ 246831 h 1537089"/>
              <a:gd name="connsiteX51" fmla="*/ 1413674 w 1879289"/>
              <a:gd name="connsiteY51" fmla="*/ 258051 h 1537089"/>
              <a:gd name="connsiteX52" fmla="*/ 1441723 w 1879289"/>
              <a:gd name="connsiteY52" fmla="*/ 286100 h 1537089"/>
              <a:gd name="connsiteX53" fmla="*/ 1480992 w 1879289"/>
              <a:gd name="connsiteY53" fmla="*/ 330979 h 1537089"/>
              <a:gd name="connsiteX54" fmla="*/ 1509041 w 1879289"/>
              <a:gd name="connsiteY54" fmla="*/ 353418 h 1537089"/>
              <a:gd name="connsiteX55" fmla="*/ 1537090 w 1879289"/>
              <a:gd name="connsiteY55" fmla="*/ 387077 h 1537089"/>
              <a:gd name="connsiteX56" fmla="*/ 1576359 w 1879289"/>
              <a:gd name="connsiteY56" fmla="*/ 415126 h 1537089"/>
              <a:gd name="connsiteX57" fmla="*/ 1621237 w 1879289"/>
              <a:gd name="connsiteY57" fmla="*/ 437565 h 1537089"/>
              <a:gd name="connsiteX58" fmla="*/ 1677335 w 1879289"/>
              <a:gd name="connsiteY58" fmla="*/ 431955 h 1537089"/>
              <a:gd name="connsiteX59" fmla="*/ 1733433 w 1879289"/>
              <a:gd name="connsiteY59" fmla="*/ 420736 h 1537089"/>
              <a:gd name="connsiteX60" fmla="*/ 1767092 w 1879289"/>
              <a:gd name="connsiteY60" fmla="*/ 426346 h 1537089"/>
              <a:gd name="connsiteX61" fmla="*/ 1750263 w 1879289"/>
              <a:gd name="connsiteY61" fmla="*/ 482444 h 1537089"/>
              <a:gd name="connsiteX62" fmla="*/ 1727824 w 1879289"/>
              <a:gd name="connsiteY62" fmla="*/ 504883 h 1537089"/>
              <a:gd name="connsiteX63" fmla="*/ 1705384 w 1879289"/>
              <a:gd name="connsiteY63" fmla="*/ 527322 h 1537089"/>
              <a:gd name="connsiteX64" fmla="*/ 1694165 w 1879289"/>
              <a:gd name="connsiteY64" fmla="*/ 560981 h 1537089"/>
              <a:gd name="connsiteX65" fmla="*/ 1694165 w 1879289"/>
              <a:gd name="connsiteY65" fmla="*/ 583420 h 1537089"/>
              <a:gd name="connsiteX66" fmla="*/ 1716604 w 1879289"/>
              <a:gd name="connsiteY66" fmla="*/ 628299 h 1537089"/>
              <a:gd name="connsiteX67" fmla="*/ 1761483 w 1879289"/>
              <a:gd name="connsiteY67" fmla="*/ 667568 h 1537089"/>
              <a:gd name="connsiteX68" fmla="*/ 1828800 w 1879289"/>
              <a:gd name="connsiteY68" fmla="*/ 695617 h 1537089"/>
              <a:gd name="connsiteX69" fmla="*/ 1868069 w 1879289"/>
              <a:gd name="connsiteY69" fmla="*/ 695617 h 1537089"/>
              <a:gd name="connsiteX70" fmla="*/ 1879289 w 1879289"/>
              <a:gd name="connsiteY70" fmla="*/ 695617 h 1537089"/>
              <a:gd name="connsiteX71" fmla="*/ 1873679 w 1879289"/>
              <a:gd name="connsiteY71" fmla="*/ 807813 h 1537089"/>
              <a:gd name="connsiteX72" fmla="*/ 1845630 w 1879289"/>
              <a:gd name="connsiteY72" fmla="*/ 852692 h 1537089"/>
              <a:gd name="connsiteX73" fmla="*/ 1795141 w 1879289"/>
              <a:gd name="connsiteY73" fmla="*/ 886350 h 1537089"/>
              <a:gd name="connsiteX74" fmla="*/ 1811971 w 1879289"/>
              <a:gd name="connsiteY74" fmla="*/ 936839 h 1537089"/>
              <a:gd name="connsiteX75" fmla="*/ 1828800 w 1879289"/>
              <a:gd name="connsiteY75" fmla="*/ 992937 h 1537089"/>
              <a:gd name="connsiteX76" fmla="*/ 1772702 w 1879289"/>
              <a:gd name="connsiteY76" fmla="*/ 998547 h 1537089"/>
              <a:gd name="connsiteX77" fmla="*/ 1710994 w 1879289"/>
              <a:gd name="connsiteY77" fmla="*/ 1020986 h 1537089"/>
              <a:gd name="connsiteX78" fmla="*/ 1682945 w 1879289"/>
              <a:gd name="connsiteY78" fmla="*/ 1043425 h 1537089"/>
              <a:gd name="connsiteX79" fmla="*/ 1677335 w 1879289"/>
              <a:gd name="connsiteY79" fmla="*/ 1065865 h 1537089"/>
              <a:gd name="connsiteX80" fmla="*/ 1666116 w 1879289"/>
              <a:gd name="connsiteY80" fmla="*/ 1093914 h 1537089"/>
              <a:gd name="connsiteX81" fmla="*/ 1638067 w 1879289"/>
              <a:gd name="connsiteY81" fmla="*/ 1121963 h 1537089"/>
              <a:gd name="connsiteX82" fmla="*/ 1654896 w 1879289"/>
              <a:gd name="connsiteY82" fmla="*/ 1150012 h 1537089"/>
              <a:gd name="connsiteX83" fmla="*/ 1610018 w 1879289"/>
              <a:gd name="connsiteY83" fmla="*/ 1200500 h 1537089"/>
              <a:gd name="connsiteX84" fmla="*/ 1660506 w 1879289"/>
              <a:gd name="connsiteY84" fmla="*/ 1279038 h 1537089"/>
              <a:gd name="connsiteX85" fmla="*/ 1649286 w 1879289"/>
              <a:gd name="connsiteY85" fmla="*/ 1323916 h 1537089"/>
              <a:gd name="connsiteX86" fmla="*/ 1699775 w 1879289"/>
              <a:gd name="connsiteY86" fmla="*/ 1368795 h 1537089"/>
              <a:gd name="connsiteX87" fmla="*/ 1666116 w 1879289"/>
              <a:gd name="connsiteY87" fmla="*/ 1424893 h 1537089"/>
              <a:gd name="connsiteX88" fmla="*/ 1660506 w 1879289"/>
              <a:gd name="connsiteY88" fmla="*/ 1537089 h 1537089"/>
              <a:gd name="connsiteX89" fmla="*/ 1548310 w 1879289"/>
              <a:gd name="connsiteY89" fmla="*/ 1402454 h 1537089"/>
              <a:gd name="connsiteX90" fmla="*/ 1548310 w 1879289"/>
              <a:gd name="connsiteY90" fmla="*/ 1363185 h 1537089"/>
              <a:gd name="connsiteX91" fmla="*/ 1542700 w 1879289"/>
              <a:gd name="connsiteY91" fmla="*/ 1335136 h 1537089"/>
              <a:gd name="connsiteX92" fmla="*/ 1520260 w 1879289"/>
              <a:gd name="connsiteY92" fmla="*/ 1323916 h 1537089"/>
              <a:gd name="connsiteX93" fmla="*/ 1492211 w 1879289"/>
              <a:gd name="connsiteY93" fmla="*/ 1312696 h 1537089"/>
              <a:gd name="connsiteX94" fmla="*/ 1458553 w 1879289"/>
              <a:gd name="connsiteY94" fmla="*/ 1290257 h 1537089"/>
              <a:gd name="connsiteX95" fmla="*/ 1436113 w 1879289"/>
              <a:gd name="connsiteY95" fmla="*/ 1234159 h 1537089"/>
              <a:gd name="connsiteX96" fmla="*/ 1408064 w 1879289"/>
              <a:gd name="connsiteY96" fmla="*/ 1194890 h 1537089"/>
              <a:gd name="connsiteX97" fmla="*/ 1380015 w 1879289"/>
              <a:gd name="connsiteY97" fmla="*/ 1144402 h 1537089"/>
              <a:gd name="connsiteX98" fmla="*/ 1346356 w 1879289"/>
              <a:gd name="connsiteY98" fmla="*/ 1116353 h 1537089"/>
              <a:gd name="connsiteX99" fmla="*/ 1346356 w 1879289"/>
              <a:gd name="connsiteY99" fmla="*/ 1116353 h 1537089"/>
              <a:gd name="connsiteX100" fmla="*/ 1290258 w 1879289"/>
              <a:gd name="connsiteY100" fmla="*/ 1093914 h 1537089"/>
              <a:gd name="connsiteX101" fmla="*/ 1217330 w 1879289"/>
              <a:gd name="connsiteY101" fmla="*/ 1088304 h 1537089"/>
              <a:gd name="connsiteX102" fmla="*/ 1178062 w 1879289"/>
              <a:gd name="connsiteY102" fmla="*/ 1071474 h 1537089"/>
              <a:gd name="connsiteX103" fmla="*/ 1133183 w 1879289"/>
              <a:gd name="connsiteY103" fmla="*/ 1049035 h 1537089"/>
              <a:gd name="connsiteX104" fmla="*/ 1133183 w 1879289"/>
              <a:gd name="connsiteY104" fmla="*/ 1049035 h 1537089"/>
              <a:gd name="connsiteX105" fmla="*/ 1026597 w 1879289"/>
              <a:gd name="connsiteY105" fmla="*/ 1054645 h 1537089"/>
              <a:gd name="connsiteX106" fmla="*/ 1004157 w 1879289"/>
              <a:gd name="connsiteY106" fmla="*/ 1088304 h 1537089"/>
              <a:gd name="connsiteX107" fmla="*/ 964889 w 1879289"/>
              <a:gd name="connsiteY107" fmla="*/ 1116353 h 1537089"/>
              <a:gd name="connsiteX108" fmla="*/ 920010 w 1879289"/>
              <a:gd name="connsiteY108" fmla="*/ 1138792 h 1537089"/>
              <a:gd name="connsiteX109" fmla="*/ 886351 w 1879289"/>
              <a:gd name="connsiteY109" fmla="*/ 1200500 h 1537089"/>
              <a:gd name="connsiteX110" fmla="*/ 729276 w 1879289"/>
              <a:gd name="connsiteY110" fmla="*/ 1110743 h 1537089"/>
              <a:gd name="connsiteX111" fmla="*/ 645129 w 1879289"/>
              <a:gd name="connsiteY111" fmla="*/ 1172451 h 1537089"/>
              <a:gd name="connsiteX112" fmla="*/ 566592 w 1879289"/>
              <a:gd name="connsiteY112" fmla="*/ 1161231 h 1537089"/>
              <a:gd name="connsiteX113" fmla="*/ 527323 w 1879289"/>
              <a:gd name="connsiteY113" fmla="*/ 1166841 h 1537089"/>
              <a:gd name="connsiteX114" fmla="*/ 431956 w 1879289"/>
              <a:gd name="connsiteY114" fmla="*/ 1116353 h 1537089"/>
              <a:gd name="connsiteX115" fmla="*/ 370248 w 1879289"/>
              <a:gd name="connsiteY115" fmla="*/ 1166841 h 1537089"/>
              <a:gd name="connsiteX116" fmla="*/ 364638 w 1879289"/>
              <a:gd name="connsiteY116" fmla="*/ 1189281 h 1537089"/>
              <a:gd name="connsiteX117" fmla="*/ 291711 w 1879289"/>
              <a:gd name="connsiteY117" fmla="*/ 1194890 h 1537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Lst>
            <a:rect l="l" t="t" r="r" b="b"/>
            <a:pathLst>
              <a:path w="1879289" h="1537089">
                <a:moveTo>
                  <a:pt x="291711" y="1194890"/>
                </a:moveTo>
                <a:lnTo>
                  <a:pt x="297321" y="1105133"/>
                </a:lnTo>
                <a:lnTo>
                  <a:pt x="280491" y="1060255"/>
                </a:lnTo>
                <a:lnTo>
                  <a:pt x="241222" y="1015376"/>
                </a:lnTo>
                <a:lnTo>
                  <a:pt x="269272" y="976108"/>
                </a:lnTo>
                <a:lnTo>
                  <a:pt x="342199" y="959278"/>
                </a:lnTo>
                <a:lnTo>
                  <a:pt x="476835" y="824642"/>
                </a:lnTo>
                <a:lnTo>
                  <a:pt x="482445" y="757325"/>
                </a:lnTo>
                <a:lnTo>
                  <a:pt x="431956" y="706836"/>
                </a:lnTo>
                <a:lnTo>
                  <a:pt x="375858" y="673177"/>
                </a:lnTo>
                <a:lnTo>
                  <a:pt x="342199" y="633909"/>
                </a:lnTo>
                <a:lnTo>
                  <a:pt x="291711" y="605860"/>
                </a:lnTo>
                <a:lnTo>
                  <a:pt x="218783" y="583420"/>
                </a:lnTo>
                <a:lnTo>
                  <a:pt x="106587" y="544152"/>
                </a:lnTo>
                <a:lnTo>
                  <a:pt x="44879" y="504883"/>
                </a:lnTo>
                <a:lnTo>
                  <a:pt x="5610" y="454395"/>
                </a:lnTo>
                <a:lnTo>
                  <a:pt x="0" y="392687"/>
                </a:lnTo>
                <a:lnTo>
                  <a:pt x="11220" y="314149"/>
                </a:lnTo>
                <a:lnTo>
                  <a:pt x="39269" y="263661"/>
                </a:lnTo>
                <a:lnTo>
                  <a:pt x="50498" y="230060"/>
                </a:lnTo>
                <a:lnTo>
                  <a:pt x="84148" y="179514"/>
                </a:lnTo>
                <a:lnTo>
                  <a:pt x="112197" y="117806"/>
                </a:lnTo>
                <a:lnTo>
                  <a:pt x="151465" y="84147"/>
                </a:lnTo>
                <a:lnTo>
                  <a:pt x="207564" y="56098"/>
                </a:lnTo>
                <a:lnTo>
                  <a:pt x="263662" y="28049"/>
                </a:lnTo>
                <a:lnTo>
                  <a:pt x="325370" y="0"/>
                </a:lnTo>
                <a:lnTo>
                  <a:pt x="359029" y="11219"/>
                </a:lnTo>
                <a:lnTo>
                  <a:pt x="387078" y="33658"/>
                </a:lnTo>
                <a:lnTo>
                  <a:pt x="409517" y="67317"/>
                </a:lnTo>
                <a:lnTo>
                  <a:pt x="415127" y="106586"/>
                </a:lnTo>
                <a:lnTo>
                  <a:pt x="420737" y="134635"/>
                </a:lnTo>
                <a:lnTo>
                  <a:pt x="420737" y="157074"/>
                </a:lnTo>
                <a:lnTo>
                  <a:pt x="415127" y="196343"/>
                </a:lnTo>
                <a:lnTo>
                  <a:pt x="415127" y="230002"/>
                </a:lnTo>
                <a:lnTo>
                  <a:pt x="426346" y="274881"/>
                </a:lnTo>
                <a:lnTo>
                  <a:pt x="448786" y="314149"/>
                </a:lnTo>
                <a:lnTo>
                  <a:pt x="460005" y="353418"/>
                </a:lnTo>
                <a:lnTo>
                  <a:pt x="499274" y="392687"/>
                </a:lnTo>
                <a:lnTo>
                  <a:pt x="555372" y="415126"/>
                </a:lnTo>
                <a:lnTo>
                  <a:pt x="633910" y="437565"/>
                </a:lnTo>
                <a:lnTo>
                  <a:pt x="751716" y="420736"/>
                </a:lnTo>
                <a:lnTo>
                  <a:pt x="852692" y="403906"/>
                </a:lnTo>
                <a:lnTo>
                  <a:pt x="920010" y="381467"/>
                </a:lnTo>
                <a:lnTo>
                  <a:pt x="992938" y="359028"/>
                </a:lnTo>
                <a:lnTo>
                  <a:pt x="1026597" y="359028"/>
                </a:lnTo>
                <a:lnTo>
                  <a:pt x="1110744" y="314149"/>
                </a:lnTo>
                <a:lnTo>
                  <a:pt x="1161232" y="297320"/>
                </a:lnTo>
                <a:lnTo>
                  <a:pt x="1222940" y="280490"/>
                </a:lnTo>
                <a:lnTo>
                  <a:pt x="1239770" y="280490"/>
                </a:lnTo>
                <a:lnTo>
                  <a:pt x="1318307" y="258051"/>
                </a:lnTo>
                <a:lnTo>
                  <a:pt x="1363186" y="246831"/>
                </a:lnTo>
                <a:lnTo>
                  <a:pt x="1413674" y="258051"/>
                </a:lnTo>
                <a:lnTo>
                  <a:pt x="1441723" y="286100"/>
                </a:lnTo>
                <a:lnTo>
                  <a:pt x="1480992" y="330979"/>
                </a:lnTo>
                <a:lnTo>
                  <a:pt x="1509041" y="353418"/>
                </a:lnTo>
                <a:lnTo>
                  <a:pt x="1537090" y="387077"/>
                </a:lnTo>
                <a:lnTo>
                  <a:pt x="1576359" y="415126"/>
                </a:lnTo>
                <a:lnTo>
                  <a:pt x="1621237" y="437565"/>
                </a:lnTo>
                <a:lnTo>
                  <a:pt x="1677335" y="431955"/>
                </a:lnTo>
                <a:lnTo>
                  <a:pt x="1733433" y="420736"/>
                </a:lnTo>
                <a:lnTo>
                  <a:pt x="1767092" y="426346"/>
                </a:lnTo>
                <a:lnTo>
                  <a:pt x="1750263" y="482444"/>
                </a:lnTo>
                <a:lnTo>
                  <a:pt x="1727824" y="504883"/>
                </a:lnTo>
                <a:lnTo>
                  <a:pt x="1705384" y="527322"/>
                </a:lnTo>
                <a:lnTo>
                  <a:pt x="1694165" y="560981"/>
                </a:lnTo>
                <a:lnTo>
                  <a:pt x="1694165" y="583420"/>
                </a:lnTo>
                <a:lnTo>
                  <a:pt x="1716604" y="628299"/>
                </a:lnTo>
                <a:lnTo>
                  <a:pt x="1761483" y="667568"/>
                </a:lnTo>
                <a:lnTo>
                  <a:pt x="1828800" y="695617"/>
                </a:lnTo>
                <a:lnTo>
                  <a:pt x="1868069" y="695617"/>
                </a:lnTo>
                <a:lnTo>
                  <a:pt x="1879289" y="695617"/>
                </a:lnTo>
                <a:lnTo>
                  <a:pt x="1873679" y="807813"/>
                </a:lnTo>
                <a:lnTo>
                  <a:pt x="1845630" y="852692"/>
                </a:lnTo>
                <a:lnTo>
                  <a:pt x="1795141" y="886350"/>
                </a:lnTo>
                <a:lnTo>
                  <a:pt x="1811971" y="936839"/>
                </a:lnTo>
                <a:lnTo>
                  <a:pt x="1828800" y="992937"/>
                </a:lnTo>
                <a:lnTo>
                  <a:pt x="1772702" y="998547"/>
                </a:lnTo>
                <a:lnTo>
                  <a:pt x="1710994" y="1020986"/>
                </a:lnTo>
                <a:lnTo>
                  <a:pt x="1682945" y="1043425"/>
                </a:lnTo>
                <a:lnTo>
                  <a:pt x="1677335" y="1065865"/>
                </a:lnTo>
                <a:lnTo>
                  <a:pt x="1666116" y="1093914"/>
                </a:lnTo>
                <a:lnTo>
                  <a:pt x="1638067" y="1121963"/>
                </a:lnTo>
                <a:lnTo>
                  <a:pt x="1654896" y="1150012"/>
                </a:lnTo>
                <a:lnTo>
                  <a:pt x="1610018" y="1200500"/>
                </a:lnTo>
                <a:lnTo>
                  <a:pt x="1660506" y="1279038"/>
                </a:lnTo>
                <a:lnTo>
                  <a:pt x="1649286" y="1323916"/>
                </a:lnTo>
                <a:lnTo>
                  <a:pt x="1699775" y="1368795"/>
                </a:lnTo>
                <a:lnTo>
                  <a:pt x="1666116" y="1424893"/>
                </a:lnTo>
                <a:lnTo>
                  <a:pt x="1660506" y="1537089"/>
                </a:lnTo>
                <a:lnTo>
                  <a:pt x="1548310" y="1402454"/>
                </a:lnTo>
                <a:lnTo>
                  <a:pt x="1548310" y="1363185"/>
                </a:lnTo>
                <a:lnTo>
                  <a:pt x="1542700" y="1335136"/>
                </a:lnTo>
                <a:lnTo>
                  <a:pt x="1520260" y="1323916"/>
                </a:lnTo>
                <a:lnTo>
                  <a:pt x="1492211" y="1312696"/>
                </a:lnTo>
                <a:lnTo>
                  <a:pt x="1458553" y="1290257"/>
                </a:lnTo>
                <a:lnTo>
                  <a:pt x="1436113" y="1234159"/>
                </a:lnTo>
                <a:lnTo>
                  <a:pt x="1408064" y="1194890"/>
                </a:lnTo>
                <a:lnTo>
                  <a:pt x="1380015" y="1144402"/>
                </a:lnTo>
                <a:lnTo>
                  <a:pt x="1346356" y="1116353"/>
                </a:lnTo>
                <a:lnTo>
                  <a:pt x="1346356" y="1116353"/>
                </a:lnTo>
                <a:lnTo>
                  <a:pt x="1290258" y="1093914"/>
                </a:lnTo>
                <a:lnTo>
                  <a:pt x="1217330" y="1088304"/>
                </a:lnTo>
                <a:lnTo>
                  <a:pt x="1178062" y="1071474"/>
                </a:lnTo>
                <a:lnTo>
                  <a:pt x="1133183" y="1049035"/>
                </a:lnTo>
                <a:lnTo>
                  <a:pt x="1133183" y="1049035"/>
                </a:lnTo>
                <a:lnTo>
                  <a:pt x="1026597" y="1054645"/>
                </a:lnTo>
                <a:lnTo>
                  <a:pt x="1004157" y="1088304"/>
                </a:lnTo>
                <a:lnTo>
                  <a:pt x="964889" y="1116353"/>
                </a:lnTo>
                <a:lnTo>
                  <a:pt x="920010" y="1138792"/>
                </a:lnTo>
                <a:lnTo>
                  <a:pt x="886351" y="1200500"/>
                </a:lnTo>
                <a:lnTo>
                  <a:pt x="729276" y="1110743"/>
                </a:lnTo>
                <a:lnTo>
                  <a:pt x="645129" y="1172451"/>
                </a:lnTo>
                <a:lnTo>
                  <a:pt x="566592" y="1161231"/>
                </a:lnTo>
                <a:lnTo>
                  <a:pt x="527323" y="1166841"/>
                </a:lnTo>
                <a:lnTo>
                  <a:pt x="431956" y="1116353"/>
                </a:lnTo>
                <a:lnTo>
                  <a:pt x="370248" y="1166841"/>
                </a:lnTo>
                <a:lnTo>
                  <a:pt x="364638" y="1189281"/>
                </a:lnTo>
                <a:lnTo>
                  <a:pt x="291711" y="1194890"/>
                </a:lnTo>
                <a:close/>
              </a:path>
            </a:pathLst>
          </a:custGeom>
          <a:no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27" name="Freeform 26"/>
          <p:cNvSpPr/>
          <p:nvPr/>
        </p:nvSpPr>
        <p:spPr>
          <a:xfrm>
            <a:off x="6245050" y="3916040"/>
            <a:ext cx="829591" cy="1460134"/>
          </a:xfrm>
          <a:custGeom>
            <a:avLst/>
            <a:gdLst>
              <a:gd name="connsiteX0" fmla="*/ 67317 w 891960"/>
              <a:gd name="connsiteY0" fmla="*/ 1380015 h 1492211"/>
              <a:gd name="connsiteX1" fmla="*/ 22439 w 891960"/>
              <a:gd name="connsiteY1" fmla="*/ 1340746 h 1492211"/>
              <a:gd name="connsiteX2" fmla="*/ 22439 w 891960"/>
              <a:gd name="connsiteY2" fmla="*/ 1178061 h 1492211"/>
              <a:gd name="connsiteX3" fmla="*/ 0 w 891960"/>
              <a:gd name="connsiteY3" fmla="*/ 1155622 h 1492211"/>
              <a:gd name="connsiteX4" fmla="*/ 5609 w 891960"/>
              <a:gd name="connsiteY4" fmla="*/ 858302 h 1492211"/>
              <a:gd name="connsiteX5" fmla="*/ 61708 w 891960"/>
              <a:gd name="connsiteY5" fmla="*/ 813423 h 1492211"/>
              <a:gd name="connsiteX6" fmla="*/ 39268 w 891960"/>
              <a:gd name="connsiteY6" fmla="*/ 712446 h 1492211"/>
              <a:gd name="connsiteX7" fmla="*/ 72927 w 891960"/>
              <a:gd name="connsiteY7" fmla="*/ 577811 h 1492211"/>
              <a:gd name="connsiteX8" fmla="*/ 258051 w 891960"/>
              <a:gd name="connsiteY8" fmla="*/ 398297 h 1492211"/>
              <a:gd name="connsiteX9" fmla="*/ 359028 w 891960"/>
              <a:gd name="connsiteY9" fmla="*/ 325369 h 1492211"/>
              <a:gd name="connsiteX10" fmla="*/ 482444 w 891960"/>
              <a:gd name="connsiteY10" fmla="*/ 252442 h 1492211"/>
              <a:gd name="connsiteX11" fmla="*/ 583420 w 891960"/>
              <a:gd name="connsiteY11" fmla="*/ 117806 h 1492211"/>
              <a:gd name="connsiteX12" fmla="*/ 785374 w 891960"/>
              <a:gd name="connsiteY12" fmla="*/ 0 h 1492211"/>
              <a:gd name="connsiteX13" fmla="*/ 852692 w 891960"/>
              <a:gd name="connsiteY13" fmla="*/ 465615 h 1492211"/>
              <a:gd name="connsiteX14" fmla="*/ 875131 w 891960"/>
              <a:gd name="connsiteY14" fmla="*/ 538542 h 1492211"/>
              <a:gd name="connsiteX15" fmla="*/ 891960 w 891960"/>
              <a:gd name="connsiteY15" fmla="*/ 920010 h 1492211"/>
              <a:gd name="connsiteX16" fmla="*/ 835862 w 891960"/>
              <a:gd name="connsiteY16" fmla="*/ 1200500 h 1492211"/>
              <a:gd name="connsiteX17" fmla="*/ 869521 w 891960"/>
              <a:gd name="connsiteY17" fmla="*/ 1312697 h 1492211"/>
              <a:gd name="connsiteX18" fmla="*/ 869521 w 891960"/>
              <a:gd name="connsiteY18" fmla="*/ 1492211 h 1492211"/>
              <a:gd name="connsiteX19" fmla="*/ 617079 w 891960"/>
              <a:gd name="connsiteY19" fmla="*/ 1492211 h 1492211"/>
              <a:gd name="connsiteX20" fmla="*/ 605860 w 891960"/>
              <a:gd name="connsiteY20" fmla="*/ 1396844 h 1492211"/>
              <a:gd name="connsiteX21" fmla="*/ 566591 w 891960"/>
              <a:gd name="connsiteY21" fmla="*/ 1374405 h 1492211"/>
              <a:gd name="connsiteX22" fmla="*/ 67317 w 891960"/>
              <a:gd name="connsiteY22" fmla="*/ 1380015 h 14922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91960" h="1492211">
                <a:moveTo>
                  <a:pt x="67317" y="1380015"/>
                </a:moveTo>
                <a:lnTo>
                  <a:pt x="22439" y="1340746"/>
                </a:lnTo>
                <a:lnTo>
                  <a:pt x="22439" y="1178061"/>
                </a:lnTo>
                <a:lnTo>
                  <a:pt x="0" y="1155622"/>
                </a:lnTo>
                <a:lnTo>
                  <a:pt x="5609" y="858302"/>
                </a:lnTo>
                <a:lnTo>
                  <a:pt x="61708" y="813423"/>
                </a:lnTo>
                <a:lnTo>
                  <a:pt x="39268" y="712446"/>
                </a:lnTo>
                <a:lnTo>
                  <a:pt x="72927" y="577811"/>
                </a:lnTo>
                <a:lnTo>
                  <a:pt x="258051" y="398297"/>
                </a:lnTo>
                <a:lnTo>
                  <a:pt x="359028" y="325369"/>
                </a:lnTo>
                <a:lnTo>
                  <a:pt x="482444" y="252442"/>
                </a:lnTo>
                <a:lnTo>
                  <a:pt x="583420" y="117806"/>
                </a:lnTo>
                <a:lnTo>
                  <a:pt x="785374" y="0"/>
                </a:lnTo>
                <a:lnTo>
                  <a:pt x="852692" y="465615"/>
                </a:lnTo>
                <a:lnTo>
                  <a:pt x="875131" y="538542"/>
                </a:lnTo>
                <a:lnTo>
                  <a:pt x="891960" y="920010"/>
                </a:lnTo>
                <a:lnTo>
                  <a:pt x="835862" y="1200500"/>
                </a:lnTo>
                <a:lnTo>
                  <a:pt x="869521" y="1312697"/>
                </a:lnTo>
                <a:lnTo>
                  <a:pt x="869521" y="1492211"/>
                </a:lnTo>
                <a:lnTo>
                  <a:pt x="617079" y="1492211"/>
                </a:lnTo>
                <a:lnTo>
                  <a:pt x="605860" y="1396844"/>
                </a:lnTo>
                <a:lnTo>
                  <a:pt x="566591" y="1374405"/>
                </a:lnTo>
                <a:lnTo>
                  <a:pt x="67317" y="1380015"/>
                </a:lnTo>
                <a:close/>
              </a:path>
            </a:pathLst>
          </a:custGeom>
          <a:no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28" name="Freeform 27"/>
          <p:cNvSpPr/>
          <p:nvPr/>
        </p:nvSpPr>
        <p:spPr>
          <a:xfrm>
            <a:off x="7103848" y="4448034"/>
            <a:ext cx="1079010" cy="1735289"/>
          </a:xfrm>
          <a:custGeom>
            <a:avLst/>
            <a:gdLst>
              <a:gd name="connsiteX0" fmla="*/ 431955 w 1150012"/>
              <a:gd name="connsiteY0" fmla="*/ 1772702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03 w 1150012"/>
              <a:gd name="connsiteY63" fmla="*/ 1795141 h 1806361"/>
              <a:gd name="connsiteX64" fmla="*/ 673178 w 1150012"/>
              <a:gd name="connsiteY64" fmla="*/ 1806361 h 1806361"/>
              <a:gd name="connsiteX65" fmla="*/ 521712 w 1150012"/>
              <a:gd name="connsiteY65" fmla="*/ 1806361 h 1806361"/>
              <a:gd name="connsiteX66" fmla="*/ 431955 w 1150012"/>
              <a:gd name="connsiteY66" fmla="*/ 1772702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03 w 1150012"/>
              <a:gd name="connsiteY63" fmla="*/ 1795141 h 1806361"/>
              <a:gd name="connsiteX64" fmla="*/ 673178 w 1150012"/>
              <a:gd name="connsiteY64" fmla="*/ 1806361 h 1806361"/>
              <a:gd name="connsiteX65" fmla="*/ 521712 w 1150012"/>
              <a:gd name="connsiteY65" fmla="*/ 1806361 h 1806361"/>
              <a:gd name="connsiteX66" fmla="*/ 420745 w 1150012"/>
              <a:gd name="connsiteY66" fmla="*/ 1806361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22 w 1150012"/>
              <a:gd name="connsiteY63" fmla="*/ 1806361 h 1806361"/>
              <a:gd name="connsiteX64" fmla="*/ 673178 w 1150012"/>
              <a:gd name="connsiteY64" fmla="*/ 1806361 h 1806361"/>
              <a:gd name="connsiteX65" fmla="*/ 521712 w 1150012"/>
              <a:gd name="connsiteY65" fmla="*/ 1806361 h 1806361"/>
              <a:gd name="connsiteX66" fmla="*/ 420745 w 1150012"/>
              <a:gd name="connsiteY66" fmla="*/ 1806361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71 w 1150012"/>
              <a:gd name="connsiteY62" fmla="*/ 1806361 h 1806361"/>
              <a:gd name="connsiteX63" fmla="*/ 802222 w 1150012"/>
              <a:gd name="connsiteY63" fmla="*/ 1806361 h 1806361"/>
              <a:gd name="connsiteX64" fmla="*/ 673178 w 1150012"/>
              <a:gd name="connsiteY64" fmla="*/ 1806361 h 1806361"/>
              <a:gd name="connsiteX65" fmla="*/ 521712 w 1150012"/>
              <a:gd name="connsiteY65" fmla="*/ 1806361 h 1806361"/>
              <a:gd name="connsiteX66" fmla="*/ 420745 w 1150012"/>
              <a:gd name="connsiteY66" fmla="*/ 1806361 h 18063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150012" h="1806361">
                <a:moveTo>
                  <a:pt x="420745" y="1806361"/>
                </a:moveTo>
                <a:lnTo>
                  <a:pt x="482444" y="1643676"/>
                </a:lnTo>
                <a:lnTo>
                  <a:pt x="353418" y="1430503"/>
                </a:lnTo>
                <a:lnTo>
                  <a:pt x="325369" y="1295868"/>
                </a:lnTo>
                <a:lnTo>
                  <a:pt x="319759" y="1279038"/>
                </a:lnTo>
                <a:lnTo>
                  <a:pt x="185124" y="1183672"/>
                </a:lnTo>
                <a:lnTo>
                  <a:pt x="157074" y="1116354"/>
                </a:lnTo>
                <a:lnTo>
                  <a:pt x="151465" y="1065865"/>
                </a:lnTo>
                <a:lnTo>
                  <a:pt x="168294" y="1020987"/>
                </a:lnTo>
                <a:lnTo>
                  <a:pt x="123416" y="925620"/>
                </a:lnTo>
                <a:lnTo>
                  <a:pt x="123416" y="903181"/>
                </a:lnTo>
                <a:lnTo>
                  <a:pt x="168294" y="835863"/>
                </a:lnTo>
                <a:lnTo>
                  <a:pt x="168294" y="779765"/>
                </a:lnTo>
                <a:lnTo>
                  <a:pt x="151465" y="746106"/>
                </a:lnTo>
                <a:lnTo>
                  <a:pt x="78537" y="723667"/>
                </a:lnTo>
                <a:lnTo>
                  <a:pt x="33658" y="723667"/>
                </a:lnTo>
                <a:lnTo>
                  <a:pt x="0" y="701227"/>
                </a:lnTo>
                <a:lnTo>
                  <a:pt x="0" y="577811"/>
                </a:lnTo>
                <a:lnTo>
                  <a:pt x="89757" y="516103"/>
                </a:lnTo>
                <a:lnTo>
                  <a:pt x="106586" y="471225"/>
                </a:lnTo>
                <a:lnTo>
                  <a:pt x="100976" y="409517"/>
                </a:lnTo>
                <a:lnTo>
                  <a:pt x="112196" y="370248"/>
                </a:lnTo>
                <a:lnTo>
                  <a:pt x="151465" y="319760"/>
                </a:lnTo>
                <a:lnTo>
                  <a:pt x="190733" y="308540"/>
                </a:lnTo>
                <a:lnTo>
                  <a:pt x="230002" y="246832"/>
                </a:lnTo>
                <a:lnTo>
                  <a:pt x="291710" y="173905"/>
                </a:lnTo>
                <a:lnTo>
                  <a:pt x="375857" y="151465"/>
                </a:lnTo>
                <a:lnTo>
                  <a:pt x="403906" y="134636"/>
                </a:lnTo>
                <a:lnTo>
                  <a:pt x="431955" y="84148"/>
                </a:lnTo>
                <a:lnTo>
                  <a:pt x="471224" y="16830"/>
                </a:lnTo>
                <a:lnTo>
                  <a:pt x="471224" y="11220"/>
                </a:lnTo>
                <a:lnTo>
                  <a:pt x="510493" y="0"/>
                </a:lnTo>
                <a:lnTo>
                  <a:pt x="566591" y="28049"/>
                </a:lnTo>
                <a:lnTo>
                  <a:pt x="583420" y="61708"/>
                </a:lnTo>
                <a:lnTo>
                  <a:pt x="600250" y="95367"/>
                </a:lnTo>
                <a:lnTo>
                  <a:pt x="718056" y="145856"/>
                </a:lnTo>
                <a:lnTo>
                  <a:pt x="790984" y="112197"/>
                </a:lnTo>
                <a:lnTo>
                  <a:pt x="875131" y="112197"/>
                </a:lnTo>
                <a:lnTo>
                  <a:pt x="920009" y="145856"/>
                </a:lnTo>
                <a:lnTo>
                  <a:pt x="970498" y="129026"/>
                </a:lnTo>
                <a:lnTo>
                  <a:pt x="1150012" y="190734"/>
                </a:lnTo>
                <a:lnTo>
                  <a:pt x="1037816" y="325370"/>
                </a:lnTo>
                <a:lnTo>
                  <a:pt x="1015376" y="375858"/>
                </a:lnTo>
                <a:lnTo>
                  <a:pt x="1015376" y="409517"/>
                </a:lnTo>
                <a:lnTo>
                  <a:pt x="1049035" y="504884"/>
                </a:lnTo>
                <a:lnTo>
                  <a:pt x="936839" y="544152"/>
                </a:lnTo>
                <a:lnTo>
                  <a:pt x="920009" y="583421"/>
                </a:lnTo>
                <a:lnTo>
                  <a:pt x="920009" y="617080"/>
                </a:lnTo>
                <a:lnTo>
                  <a:pt x="948058" y="661959"/>
                </a:lnTo>
                <a:lnTo>
                  <a:pt x="903180" y="757326"/>
                </a:lnTo>
                <a:lnTo>
                  <a:pt x="891960" y="762935"/>
                </a:lnTo>
                <a:lnTo>
                  <a:pt x="897570" y="796594"/>
                </a:lnTo>
                <a:lnTo>
                  <a:pt x="931229" y="852692"/>
                </a:lnTo>
                <a:lnTo>
                  <a:pt x="852692" y="925620"/>
                </a:lnTo>
                <a:lnTo>
                  <a:pt x="841472" y="998548"/>
                </a:lnTo>
                <a:lnTo>
                  <a:pt x="931229" y="1088305"/>
                </a:lnTo>
                <a:lnTo>
                  <a:pt x="959278" y="1295868"/>
                </a:lnTo>
                <a:lnTo>
                  <a:pt x="981717" y="1346356"/>
                </a:lnTo>
                <a:lnTo>
                  <a:pt x="1037816" y="1396845"/>
                </a:lnTo>
                <a:lnTo>
                  <a:pt x="908790" y="1587578"/>
                </a:lnTo>
                <a:lnTo>
                  <a:pt x="903180" y="1643676"/>
                </a:lnTo>
                <a:lnTo>
                  <a:pt x="936839" y="1699775"/>
                </a:lnTo>
                <a:lnTo>
                  <a:pt x="942471" y="1806361"/>
                </a:lnTo>
                <a:lnTo>
                  <a:pt x="802222" y="1806361"/>
                </a:lnTo>
                <a:lnTo>
                  <a:pt x="673178" y="1806361"/>
                </a:lnTo>
                <a:lnTo>
                  <a:pt x="521712" y="1806361"/>
                </a:lnTo>
                <a:lnTo>
                  <a:pt x="420745" y="1806361"/>
                </a:lnTo>
                <a:close/>
              </a:path>
            </a:pathLst>
          </a:custGeom>
          <a:no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22" name="Text Box 13"/>
          <p:cNvSpPr txBox="1"/>
          <p:nvPr/>
        </p:nvSpPr>
        <p:spPr>
          <a:xfrm>
            <a:off x="386669" y="2631618"/>
            <a:ext cx="948257" cy="587410"/>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Chipps Island</a:t>
            </a:r>
          </a:p>
        </p:txBody>
      </p:sp>
      <p:sp>
        <p:nvSpPr>
          <p:cNvPr id="14" name="Text Box 19"/>
          <p:cNvSpPr txBox="1"/>
          <p:nvPr/>
        </p:nvSpPr>
        <p:spPr>
          <a:xfrm>
            <a:off x="7420150" y="1277921"/>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Bouldin Island</a:t>
            </a:r>
          </a:p>
        </p:txBody>
      </p:sp>
      <p:sp>
        <p:nvSpPr>
          <p:cNvPr id="40" name="Freeform 39"/>
          <p:cNvSpPr/>
          <p:nvPr/>
        </p:nvSpPr>
        <p:spPr>
          <a:xfrm>
            <a:off x="5753117" y="2101847"/>
            <a:ext cx="1485295" cy="1281132"/>
          </a:xfrm>
          <a:custGeom>
            <a:avLst/>
            <a:gdLst>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510494 w 1537090"/>
              <a:gd name="connsiteY8" fmla="*/ 269271 h 1318307"/>
              <a:gd name="connsiteX9" fmla="*/ 499274 w 1537090"/>
              <a:gd name="connsiteY9" fmla="*/ 117806 h 1318307"/>
              <a:gd name="connsiteX10" fmla="*/ 549762 w 1537090"/>
              <a:gd name="connsiteY10" fmla="*/ 67318 h 1318307"/>
              <a:gd name="connsiteX11" fmla="*/ 661959 w 1537090"/>
              <a:gd name="connsiteY11" fmla="*/ 56098 h 1318307"/>
              <a:gd name="connsiteX12" fmla="*/ 847083 w 1537090"/>
              <a:gd name="connsiteY12" fmla="*/ 0 h 1318307"/>
              <a:gd name="connsiteX13" fmla="*/ 1110744 w 1537090"/>
              <a:gd name="connsiteY13" fmla="*/ 112196 h 1318307"/>
              <a:gd name="connsiteX14" fmla="*/ 1189281 w 1537090"/>
              <a:gd name="connsiteY14" fmla="*/ 196344 h 1318307"/>
              <a:gd name="connsiteX15" fmla="*/ 1279038 w 1537090"/>
              <a:gd name="connsiteY15" fmla="*/ 173904 h 1318307"/>
              <a:gd name="connsiteX16" fmla="*/ 1402454 w 1537090"/>
              <a:gd name="connsiteY16" fmla="*/ 235612 h 1318307"/>
              <a:gd name="connsiteX17" fmla="*/ 1430503 w 1537090"/>
              <a:gd name="connsiteY17" fmla="*/ 482444 h 1318307"/>
              <a:gd name="connsiteX18" fmla="*/ 1436113 w 1537090"/>
              <a:gd name="connsiteY18" fmla="*/ 549762 h 1318307"/>
              <a:gd name="connsiteX19" fmla="*/ 1537090 w 1537090"/>
              <a:gd name="connsiteY19" fmla="*/ 718056 h 1318307"/>
              <a:gd name="connsiteX20" fmla="*/ 1492211 w 1537090"/>
              <a:gd name="connsiteY20" fmla="*/ 740496 h 1318307"/>
              <a:gd name="connsiteX21" fmla="*/ 1385625 w 1537090"/>
              <a:gd name="connsiteY21" fmla="*/ 774155 h 1318307"/>
              <a:gd name="connsiteX22" fmla="*/ 1357576 w 1537090"/>
              <a:gd name="connsiteY22" fmla="*/ 807814 h 1318307"/>
              <a:gd name="connsiteX23" fmla="*/ 1346356 w 1537090"/>
              <a:gd name="connsiteY23" fmla="*/ 953669 h 1318307"/>
              <a:gd name="connsiteX24" fmla="*/ 1318307 w 1537090"/>
              <a:gd name="connsiteY24" fmla="*/ 998547 h 1318307"/>
              <a:gd name="connsiteX25" fmla="*/ 1049036 w 1537090"/>
              <a:gd name="connsiteY25" fmla="*/ 942449 h 1318307"/>
              <a:gd name="connsiteX26" fmla="*/ 886351 w 1537090"/>
              <a:gd name="connsiteY26" fmla="*/ 1054645 h 1318307"/>
              <a:gd name="connsiteX27" fmla="*/ 667568 w 1537090"/>
              <a:gd name="connsiteY27" fmla="*/ 981718 h 1318307"/>
              <a:gd name="connsiteX28" fmla="*/ 622690 w 1537090"/>
              <a:gd name="connsiteY28" fmla="*/ 976108 h 1318307"/>
              <a:gd name="connsiteX29" fmla="*/ 516103 w 1537090"/>
              <a:gd name="connsiteY29" fmla="*/ 1032206 h 1318307"/>
              <a:gd name="connsiteX30" fmla="*/ 448786 w 1537090"/>
              <a:gd name="connsiteY30" fmla="*/ 1166842 h 1318307"/>
              <a:gd name="connsiteX31" fmla="*/ 420737 w 1537090"/>
              <a:gd name="connsiteY31" fmla="*/ 1284648 h 1318307"/>
              <a:gd name="connsiteX32" fmla="*/ 375858 w 1537090"/>
              <a:gd name="connsiteY32" fmla="*/ 1312697 h 1318307"/>
              <a:gd name="connsiteX33" fmla="*/ 347809 w 1537090"/>
              <a:gd name="connsiteY33" fmla="*/ 1318307 h 1318307"/>
              <a:gd name="connsiteX34" fmla="*/ 302930 w 1537090"/>
              <a:gd name="connsiteY34" fmla="*/ 1284648 h 1318307"/>
              <a:gd name="connsiteX35" fmla="*/ 280491 w 1537090"/>
              <a:gd name="connsiteY35" fmla="*/ 1239769 h 1318307"/>
              <a:gd name="connsiteX36" fmla="*/ 252442 w 1537090"/>
              <a:gd name="connsiteY36" fmla="*/ 1228550 h 1318307"/>
              <a:gd name="connsiteX37" fmla="*/ 89757 w 1537090"/>
              <a:gd name="connsiteY37" fmla="*/ 1178061 h 1318307"/>
              <a:gd name="connsiteX38" fmla="*/ 0 w 1537090"/>
              <a:gd name="connsiteY38" fmla="*/ 1150012 h 1318307"/>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483453 w 1537090"/>
              <a:gd name="connsiteY8" fmla="*/ 336326 h 1318307"/>
              <a:gd name="connsiteX9" fmla="*/ 510494 w 1537090"/>
              <a:gd name="connsiteY9" fmla="*/ 269271 h 1318307"/>
              <a:gd name="connsiteX10" fmla="*/ 499274 w 1537090"/>
              <a:gd name="connsiteY10" fmla="*/ 117806 h 1318307"/>
              <a:gd name="connsiteX11" fmla="*/ 549762 w 1537090"/>
              <a:gd name="connsiteY11" fmla="*/ 67318 h 1318307"/>
              <a:gd name="connsiteX12" fmla="*/ 661959 w 1537090"/>
              <a:gd name="connsiteY12" fmla="*/ 56098 h 1318307"/>
              <a:gd name="connsiteX13" fmla="*/ 847083 w 1537090"/>
              <a:gd name="connsiteY13" fmla="*/ 0 h 1318307"/>
              <a:gd name="connsiteX14" fmla="*/ 1110744 w 1537090"/>
              <a:gd name="connsiteY14" fmla="*/ 112196 h 1318307"/>
              <a:gd name="connsiteX15" fmla="*/ 1189281 w 1537090"/>
              <a:gd name="connsiteY15" fmla="*/ 196344 h 1318307"/>
              <a:gd name="connsiteX16" fmla="*/ 1279038 w 1537090"/>
              <a:gd name="connsiteY16" fmla="*/ 173904 h 1318307"/>
              <a:gd name="connsiteX17" fmla="*/ 1402454 w 1537090"/>
              <a:gd name="connsiteY17" fmla="*/ 235612 h 1318307"/>
              <a:gd name="connsiteX18" fmla="*/ 1430503 w 1537090"/>
              <a:gd name="connsiteY18" fmla="*/ 482444 h 1318307"/>
              <a:gd name="connsiteX19" fmla="*/ 1436113 w 1537090"/>
              <a:gd name="connsiteY19" fmla="*/ 549762 h 1318307"/>
              <a:gd name="connsiteX20" fmla="*/ 1537090 w 1537090"/>
              <a:gd name="connsiteY20" fmla="*/ 718056 h 1318307"/>
              <a:gd name="connsiteX21" fmla="*/ 1492211 w 1537090"/>
              <a:gd name="connsiteY21" fmla="*/ 740496 h 1318307"/>
              <a:gd name="connsiteX22" fmla="*/ 1385625 w 1537090"/>
              <a:gd name="connsiteY22" fmla="*/ 774155 h 1318307"/>
              <a:gd name="connsiteX23" fmla="*/ 1357576 w 1537090"/>
              <a:gd name="connsiteY23" fmla="*/ 807814 h 1318307"/>
              <a:gd name="connsiteX24" fmla="*/ 1346356 w 1537090"/>
              <a:gd name="connsiteY24" fmla="*/ 953669 h 1318307"/>
              <a:gd name="connsiteX25" fmla="*/ 1318307 w 1537090"/>
              <a:gd name="connsiteY25" fmla="*/ 998547 h 1318307"/>
              <a:gd name="connsiteX26" fmla="*/ 1049036 w 1537090"/>
              <a:gd name="connsiteY26" fmla="*/ 942449 h 1318307"/>
              <a:gd name="connsiteX27" fmla="*/ 886351 w 1537090"/>
              <a:gd name="connsiteY27" fmla="*/ 1054645 h 1318307"/>
              <a:gd name="connsiteX28" fmla="*/ 667568 w 1537090"/>
              <a:gd name="connsiteY28" fmla="*/ 981718 h 1318307"/>
              <a:gd name="connsiteX29" fmla="*/ 622690 w 1537090"/>
              <a:gd name="connsiteY29" fmla="*/ 976108 h 1318307"/>
              <a:gd name="connsiteX30" fmla="*/ 516103 w 1537090"/>
              <a:gd name="connsiteY30" fmla="*/ 1032206 h 1318307"/>
              <a:gd name="connsiteX31" fmla="*/ 448786 w 1537090"/>
              <a:gd name="connsiteY31" fmla="*/ 1166842 h 1318307"/>
              <a:gd name="connsiteX32" fmla="*/ 420737 w 1537090"/>
              <a:gd name="connsiteY32" fmla="*/ 1284648 h 1318307"/>
              <a:gd name="connsiteX33" fmla="*/ 375858 w 1537090"/>
              <a:gd name="connsiteY33" fmla="*/ 1312697 h 1318307"/>
              <a:gd name="connsiteX34" fmla="*/ 347809 w 1537090"/>
              <a:gd name="connsiteY34" fmla="*/ 1318307 h 1318307"/>
              <a:gd name="connsiteX35" fmla="*/ 302930 w 1537090"/>
              <a:gd name="connsiteY35" fmla="*/ 1284648 h 1318307"/>
              <a:gd name="connsiteX36" fmla="*/ 280491 w 1537090"/>
              <a:gd name="connsiteY36" fmla="*/ 1239769 h 1318307"/>
              <a:gd name="connsiteX37" fmla="*/ 252442 w 1537090"/>
              <a:gd name="connsiteY37" fmla="*/ 1228550 h 1318307"/>
              <a:gd name="connsiteX38" fmla="*/ 89757 w 1537090"/>
              <a:gd name="connsiteY38" fmla="*/ 1178061 h 1318307"/>
              <a:gd name="connsiteX39" fmla="*/ 0 w 1537090"/>
              <a:gd name="connsiteY39" fmla="*/ 1150012 h 1318307"/>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483453 w 1537090"/>
              <a:gd name="connsiteY8" fmla="*/ 336326 h 1318307"/>
              <a:gd name="connsiteX9" fmla="*/ 510494 w 1537090"/>
              <a:gd name="connsiteY9" fmla="*/ 269271 h 1318307"/>
              <a:gd name="connsiteX10" fmla="*/ 499274 w 1537090"/>
              <a:gd name="connsiteY10" fmla="*/ 117806 h 1318307"/>
              <a:gd name="connsiteX11" fmla="*/ 549762 w 1537090"/>
              <a:gd name="connsiteY11" fmla="*/ 67318 h 1318307"/>
              <a:gd name="connsiteX12" fmla="*/ 661959 w 1537090"/>
              <a:gd name="connsiteY12" fmla="*/ 56098 h 1318307"/>
              <a:gd name="connsiteX13" fmla="*/ 847083 w 1537090"/>
              <a:gd name="connsiteY13" fmla="*/ 0 h 1318307"/>
              <a:gd name="connsiteX14" fmla="*/ 1110744 w 1537090"/>
              <a:gd name="connsiteY14" fmla="*/ 112196 h 1318307"/>
              <a:gd name="connsiteX15" fmla="*/ 1189281 w 1537090"/>
              <a:gd name="connsiteY15" fmla="*/ 196344 h 1318307"/>
              <a:gd name="connsiteX16" fmla="*/ 1279038 w 1537090"/>
              <a:gd name="connsiteY16" fmla="*/ 173904 h 1318307"/>
              <a:gd name="connsiteX17" fmla="*/ 1402454 w 1537090"/>
              <a:gd name="connsiteY17" fmla="*/ 235612 h 1318307"/>
              <a:gd name="connsiteX18" fmla="*/ 1430503 w 1537090"/>
              <a:gd name="connsiteY18" fmla="*/ 482444 h 1318307"/>
              <a:gd name="connsiteX19" fmla="*/ 1436113 w 1537090"/>
              <a:gd name="connsiteY19" fmla="*/ 584082 h 1318307"/>
              <a:gd name="connsiteX20" fmla="*/ 1537090 w 1537090"/>
              <a:gd name="connsiteY20" fmla="*/ 718056 h 1318307"/>
              <a:gd name="connsiteX21" fmla="*/ 1492211 w 1537090"/>
              <a:gd name="connsiteY21" fmla="*/ 740496 h 1318307"/>
              <a:gd name="connsiteX22" fmla="*/ 1385625 w 1537090"/>
              <a:gd name="connsiteY22" fmla="*/ 774155 h 1318307"/>
              <a:gd name="connsiteX23" fmla="*/ 1357576 w 1537090"/>
              <a:gd name="connsiteY23" fmla="*/ 807814 h 1318307"/>
              <a:gd name="connsiteX24" fmla="*/ 1346356 w 1537090"/>
              <a:gd name="connsiteY24" fmla="*/ 953669 h 1318307"/>
              <a:gd name="connsiteX25" fmla="*/ 1318307 w 1537090"/>
              <a:gd name="connsiteY25" fmla="*/ 998547 h 1318307"/>
              <a:gd name="connsiteX26" fmla="*/ 1049036 w 1537090"/>
              <a:gd name="connsiteY26" fmla="*/ 942449 h 1318307"/>
              <a:gd name="connsiteX27" fmla="*/ 886351 w 1537090"/>
              <a:gd name="connsiteY27" fmla="*/ 1054645 h 1318307"/>
              <a:gd name="connsiteX28" fmla="*/ 667568 w 1537090"/>
              <a:gd name="connsiteY28" fmla="*/ 981718 h 1318307"/>
              <a:gd name="connsiteX29" fmla="*/ 622690 w 1537090"/>
              <a:gd name="connsiteY29" fmla="*/ 976108 h 1318307"/>
              <a:gd name="connsiteX30" fmla="*/ 516103 w 1537090"/>
              <a:gd name="connsiteY30" fmla="*/ 1032206 h 1318307"/>
              <a:gd name="connsiteX31" fmla="*/ 448786 w 1537090"/>
              <a:gd name="connsiteY31" fmla="*/ 1166842 h 1318307"/>
              <a:gd name="connsiteX32" fmla="*/ 420737 w 1537090"/>
              <a:gd name="connsiteY32" fmla="*/ 1284648 h 1318307"/>
              <a:gd name="connsiteX33" fmla="*/ 375858 w 1537090"/>
              <a:gd name="connsiteY33" fmla="*/ 1312697 h 1318307"/>
              <a:gd name="connsiteX34" fmla="*/ 347809 w 1537090"/>
              <a:gd name="connsiteY34" fmla="*/ 1318307 h 1318307"/>
              <a:gd name="connsiteX35" fmla="*/ 302930 w 1537090"/>
              <a:gd name="connsiteY35" fmla="*/ 1284648 h 1318307"/>
              <a:gd name="connsiteX36" fmla="*/ 280491 w 1537090"/>
              <a:gd name="connsiteY36" fmla="*/ 1239769 h 1318307"/>
              <a:gd name="connsiteX37" fmla="*/ 252442 w 1537090"/>
              <a:gd name="connsiteY37" fmla="*/ 1228550 h 1318307"/>
              <a:gd name="connsiteX38" fmla="*/ 89757 w 1537090"/>
              <a:gd name="connsiteY38" fmla="*/ 1178061 h 1318307"/>
              <a:gd name="connsiteX39" fmla="*/ 0 w 1537090"/>
              <a:gd name="connsiteY39" fmla="*/ 1150012 h 1318307"/>
              <a:gd name="connsiteX0" fmla="*/ 0 w 1537090"/>
              <a:gd name="connsiteY0" fmla="*/ 1150012 h 1318307"/>
              <a:gd name="connsiteX1" fmla="*/ 5610 w 1537090"/>
              <a:gd name="connsiteY1" fmla="*/ 774155 h 1318307"/>
              <a:gd name="connsiteX2" fmla="*/ 22440 w 1537090"/>
              <a:gd name="connsiteY2" fmla="*/ 706837 h 1318307"/>
              <a:gd name="connsiteX3" fmla="*/ 33659 w 1537090"/>
              <a:gd name="connsiteY3" fmla="*/ 465615 h 1318307"/>
              <a:gd name="connsiteX4" fmla="*/ 50489 w 1537090"/>
              <a:gd name="connsiteY4" fmla="*/ 448785 h 1318307"/>
              <a:gd name="connsiteX5" fmla="*/ 213173 w 1537090"/>
              <a:gd name="connsiteY5" fmla="*/ 431956 h 1318307"/>
              <a:gd name="connsiteX6" fmla="*/ 364638 w 1537090"/>
              <a:gd name="connsiteY6" fmla="*/ 381468 h 1318307"/>
              <a:gd name="connsiteX7" fmla="*/ 403907 w 1537090"/>
              <a:gd name="connsiteY7" fmla="*/ 370248 h 1318307"/>
              <a:gd name="connsiteX8" fmla="*/ 483453 w 1537090"/>
              <a:gd name="connsiteY8" fmla="*/ 336326 h 1318307"/>
              <a:gd name="connsiteX9" fmla="*/ 510494 w 1537090"/>
              <a:gd name="connsiteY9" fmla="*/ 269271 h 1318307"/>
              <a:gd name="connsiteX10" fmla="*/ 499274 w 1537090"/>
              <a:gd name="connsiteY10" fmla="*/ 117806 h 1318307"/>
              <a:gd name="connsiteX11" fmla="*/ 549762 w 1537090"/>
              <a:gd name="connsiteY11" fmla="*/ 67318 h 1318307"/>
              <a:gd name="connsiteX12" fmla="*/ 661959 w 1537090"/>
              <a:gd name="connsiteY12" fmla="*/ 56098 h 1318307"/>
              <a:gd name="connsiteX13" fmla="*/ 847083 w 1537090"/>
              <a:gd name="connsiteY13" fmla="*/ 0 h 1318307"/>
              <a:gd name="connsiteX14" fmla="*/ 1110744 w 1537090"/>
              <a:gd name="connsiteY14" fmla="*/ 112196 h 1318307"/>
              <a:gd name="connsiteX15" fmla="*/ 1189281 w 1537090"/>
              <a:gd name="connsiteY15" fmla="*/ 196344 h 1318307"/>
              <a:gd name="connsiteX16" fmla="*/ 1279038 w 1537090"/>
              <a:gd name="connsiteY16" fmla="*/ 173904 h 1318307"/>
              <a:gd name="connsiteX17" fmla="*/ 1402454 w 1537090"/>
              <a:gd name="connsiteY17" fmla="*/ 235612 h 1318307"/>
              <a:gd name="connsiteX18" fmla="*/ 1430503 w 1537090"/>
              <a:gd name="connsiteY18" fmla="*/ 482444 h 1318307"/>
              <a:gd name="connsiteX19" fmla="*/ 1436113 w 1537090"/>
              <a:gd name="connsiteY19" fmla="*/ 584082 h 1318307"/>
              <a:gd name="connsiteX20" fmla="*/ 1457074 w 1537090"/>
              <a:gd name="connsiteY20" fmla="*/ 652060 h 1318307"/>
              <a:gd name="connsiteX21" fmla="*/ 1537090 w 1537090"/>
              <a:gd name="connsiteY21" fmla="*/ 718056 h 1318307"/>
              <a:gd name="connsiteX22" fmla="*/ 1492211 w 1537090"/>
              <a:gd name="connsiteY22" fmla="*/ 740496 h 1318307"/>
              <a:gd name="connsiteX23" fmla="*/ 1385625 w 1537090"/>
              <a:gd name="connsiteY23" fmla="*/ 774155 h 1318307"/>
              <a:gd name="connsiteX24" fmla="*/ 1357576 w 1537090"/>
              <a:gd name="connsiteY24" fmla="*/ 807814 h 1318307"/>
              <a:gd name="connsiteX25" fmla="*/ 1346356 w 1537090"/>
              <a:gd name="connsiteY25" fmla="*/ 953669 h 1318307"/>
              <a:gd name="connsiteX26" fmla="*/ 1318307 w 1537090"/>
              <a:gd name="connsiteY26" fmla="*/ 998547 h 1318307"/>
              <a:gd name="connsiteX27" fmla="*/ 1049036 w 1537090"/>
              <a:gd name="connsiteY27" fmla="*/ 942449 h 1318307"/>
              <a:gd name="connsiteX28" fmla="*/ 886351 w 1537090"/>
              <a:gd name="connsiteY28" fmla="*/ 1054645 h 1318307"/>
              <a:gd name="connsiteX29" fmla="*/ 667568 w 1537090"/>
              <a:gd name="connsiteY29" fmla="*/ 981718 h 1318307"/>
              <a:gd name="connsiteX30" fmla="*/ 622690 w 1537090"/>
              <a:gd name="connsiteY30" fmla="*/ 976108 h 1318307"/>
              <a:gd name="connsiteX31" fmla="*/ 516103 w 1537090"/>
              <a:gd name="connsiteY31" fmla="*/ 1032206 h 1318307"/>
              <a:gd name="connsiteX32" fmla="*/ 448786 w 1537090"/>
              <a:gd name="connsiteY32" fmla="*/ 1166842 h 1318307"/>
              <a:gd name="connsiteX33" fmla="*/ 420737 w 1537090"/>
              <a:gd name="connsiteY33" fmla="*/ 1284648 h 1318307"/>
              <a:gd name="connsiteX34" fmla="*/ 375858 w 1537090"/>
              <a:gd name="connsiteY34" fmla="*/ 1312697 h 1318307"/>
              <a:gd name="connsiteX35" fmla="*/ 347809 w 1537090"/>
              <a:gd name="connsiteY35" fmla="*/ 1318307 h 1318307"/>
              <a:gd name="connsiteX36" fmla="*/ 302930 w 1537090"/>
              <a:gd name="connsiteY36" fmla="*/ 1284648 h 1318307"/>
              <a:gd name="connsiteX37" fmla="*/ 280491 w 1537090"/>
              <a:gd name="connsiteY37" fmla="*/ 1239769 h 1318307"/>
              <a:gd name="connsiteX38" fmla="*/ 252442 w 1537090"/>
              <a:gd name="connsiteY38" fmla="*/ 1228550 h 1318307"/>
              <a:gd name="connsiteX39" fmla="*/ 89757 w 1537090"/>
              <a:gd name="connsiteY39" fmla="*/ 1178061 h 1318307"/>
              <a:gd name="connsiteX40" fmla="*/ 0 w 1537090"/>
              <a:gd name="connsiteY40" fmla="*/ 1150012 h 1318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537090" h="1318307">
                <a:moveTo>
                  <a:pt x="0" y="1150012"/>
                </a:moveTo>
                <a:lnTo>
                  <a:pt x="5610" y="774155"/>
                </a:lnTo>
                <a:lnTo>
                  <a:pt x="22440" y="706837"/>
                </a:lnTo>
                <a:lnTo>
                  <a:pt x="33659" y="465615"/>
                </a:lnTo>
                <a:lnTo>
                  <a:pt x="50489" y="448785"/>
                </a:lnTo>
                <a:lnTo>
                  <a:pt x="213173" y="431956"/>
                </a:lnTo>
                <a:lnTo>
                  <a:pt x="364638" y="381468"/>
                </a:lnTo>
                <a:lnTo>
                  <a:pt x="403907" y="370248"/>
                </a:lnTo>
                <a:cubicBezTo>
                  <a:pt x="428184" y="352077"/>
                  <a:pt x="459176" y="354497"/>
                  <a:pt x="483453" y="336326"/>
                </a:cubicBezTo>
                <a:lnTo>
                  <a:pt x="510494" y="269271"/>
                </a:lnTo>
                <a:lnTo>
                  <a:pt x="499274" y="117806"/>
                </a:lnTo>
                <a:lnTo>
                  <a:pt x="549762" y="67318"/>
                </a:lnTo>
                <a:lnTo>
                  <a:pt x="661959" y="56098"/>
                </a:lnTo>
                <a:lnTo>
                  <a:pt x="847083" y="0"/>
                </a:lnTo>
                <a:lnTo>
                  <a:pt x="1110744" y="112196"/>
                </a:lnTo>
                <a:lnTo>
                  <a:pt x="1189281" y="196344"/>
                </a:lnTo>
                <a:lnTo>
                  <a:pt x="1279038" y="173904"/>
                </a:lnTo>
                <a:lnTo>
                  <a:pt x="1402454" y="235612"/>
                </a:lnTo>
                <a:lnTo>
                  <a:pt x="1430503" y="482444"/>
                </a:lnTo>
                <a:lnTo>
                  <a:pt x="1436113" y="584082"/>
                </a:lnTo>
                <a:cubicBezTo>
                  <a:pt x="1449814" y="602166"/>
                  <a:pt x="1443373" y="633976"/>
                  <a:pt x="1457074" y="652060"/>
                </a:cubicBezTo>
                <a:lnTo>
                  <a:pt x="1537090" y="718056"/>
                </a:lnTo>
                <a:lnTo>
                  <a:pt x="1492211" y="740496"/>
                </a:lnTo>
                <a:lnTo>
                  <a:pt x="1385625" y="774155"/>
                </a:lnTo>
                <a:lnTo>
                  <a:pt x="1357576" y="807814"/>
                </a:lnTo>
                <a:lnTo>
                  <a:pt x="1346356" y="953669"/>
                </a:lnTo>
                <a:lnTo>
                  <a:pt x="1318307" y="998547"/>
                </a:lnTo>
                <a:lnTo>
                  <a:pt x="1049036" y="942449"/>
                </a:lnTo>
                <a:lnTo>
                  <a:pt x="886351" y="1054645"/>
                </a:lnTo>
                <a:lnTo>
                  <a:pt x="667568" y="981718"/>
                </a:lnTo>
                <a:lnTo>
                  <a:pt x="622690" y="976108"/>
                </a:lnTo>
                <a:lnTo>
                  <a:pt x="516103" y="1032206"/>
                </a:lnTo>
                <a:lnTo>
                  <a:pt x="448786" y="1166842"/>
                </a:lnTo>
                <a:lnTo>
                  <a:pt x="420737" y="1284648"/>
                </a:lnTo>
                <a:lnTo>
                  <a:pt x="375858" y="1312697"/>
                </a:lnTo>
                <a:lnTo>
                  <a:pt x="347809" y="1318307"/>
                </a:lnTo>
                <a:lnTo>
                  <a:pt x="302930" y="1284648"/>
                </a:lnTo>
                <a:lnTo>
                  <a:pt x="280491" y="1239769"/>
                </a:lnTo>
                <a:lnTo>
                  <a:pt x="252442" y="1228550"/>
                </a:lnTo>
                <a:lnTo>
                  <a:pt x="89757" y="1178061"/>
                </a:lnTo>
                <a:lnTo>
                  <a:pt x="0" y="1150012"/>
                </a:lnTo>
                <a:close/>
              </a:path>
            </a:pathLst>
          </a:custGeom>
          <a:solidFill>
            <a:srgbClr val="C5BEAB">
              <a:alpha val="50196"/>
            </a:srgbClr>
          </a:solid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41" name="Freeform 40"/>
          <p:cNvSpPr/>
          <p:nvPr/>
        </p:nvSpPr>
        <p:spPr>
          <a:xfrm>
            <a:off x="7045901" y="1326566"/>
            <a:ext cx="1761760" cy="1493236"/>
          </a:xfrm>
          <a:custGeom>
            <a:avLst/>
            <a:gdLst>
              <a:gd name="connsiteX0" fmla="*/ 291711 w 1879289"/>
              <a:gd name="connsiteY0" fmla="*/ 1194890 h 1537089"/>
              <a:gd name="connsiteX1" fmla="*/ 297321 w 1879289"/>
              <a:gd name="connsiteY1" fmla="*/ 1105133 h 1537089"/>
              <a:gd name="connsiteX2" fmla="*/ 280491 w 1879289"/>
              <a:gd name="connsiteY2" fmla="*/ 1060255 h 1537089"/>
              <a:gd name="connsiteX3" fmla="*/ 241222 w 1879289"/>
              <a:gd name="connsiteY3" fmla="*/ 1015376 h 1537089"/>
              <a:gd name="connsiteX4" fmla="*/ 269272 w 1879289"/>
              <a:gd name="connsiteY4" fmla="*/ 976108 h 1537089"/>
              <a:gd name="connsiteX5" fmla="*/ 342199 w 1879289"/>
              <a:gd name="connsiteY5" fmla="*/ 959278 h 1537089"/>
              <a:gd name="connsiteX6" fmla="*/ 476835 w 1879289"/>
              <a:gd name="connsiteY6" fmla="*/ 824642 h 1537089"/>
              <a:gd name="connsiteX7" fmla="*/ 482445 w 1879289"/>
              <a:gd name="connsiteY7" fmla="*/ 757325 h 1537089"/>
              <a:gd name="connsiteX8" fmla="*/ 431956 w 1879289"/>
              <a:gd name="connsiteY8" fmla="*/ 706836 h 1537089"/>
              <a:gd name="connsiteX9" fmla="*/ 375858 w 1879289"/>
              <a:gd name="connsiteY9" fmla="*/ 673177 h 1537089"/>
              <a:gd name="connsiteX10" fmla="*/ 342199 w 1879289"/>
              <a:gd name="connsiteY10" fmla="*/ 633909 h 1537089"/>
              <a:gd name="connsiteX11" fmla="*/ 291711 w 1879289"/>
              <a:gd name="connsiteY11" fmla="*/ 605860 h 1537089"/>
              <a:gd name="connsiteX12" fmla="*/ 218783 w 1879289"/>
              <a:gd name="connsiteY12" fmla="*/ 583420 h 1537089"/>
              <a:gd name="connsiteX13" fmla="*/ 106587 w 1879289"/>
              <a:gd name="connsiteY13" fmla="*/ 544152 h 1537089"/>
              <a:gd name="connsiteX14" fmla="*/ 44879 w 1879289"/>
              <a:gd name="connsiteY14" fmla="*/ 504883 h 1537089"/>
              <a:gd name="connsiteX15" fmla="*/ 5610 w 1879289"/>
              <a:gd name="connsiteY15" fmla="*/ 454395 h 1537089"/>
              <a:gd name="connsiteX16" fmla="*/ 0 w 1879289"/>
              <a:gd name="connsiteY16" fmla="*/ 392687 h 1537089"/>
              <a:gd name="connsiteX17" fmla="*/ 11220 w 1879289"/>
              <a:gd name="connsiteY17" fmla="*/ 314149 h 1537089"/>
              <a:gd name="connsiteX18" fmla="*/ 39269 w 1879289"/>
              <a:gd name="connsiteY18" fmla="*/ 263661 h 1537089"/>
              <a:gd name="connsiteX19" fmla="*/ 72928 w 1879289"/>
              <a:gd name="connsiteY19" fmla="*/ 235612 h 1537089"/>
              <a:gd name="connsiteX20" fmla="*/ 84148 w 1879289"/>
              <a:gd name="connsiteY20" fmla="*/ 179514 h 1537089"/>
              <a:gd name="connsiteX21" fmla="*/ 112197 w 1879289"/>
              <a:gd name="connsiteY21" fmla="*/ 117806 h 1537089"/>
              <a:gd name="connsiteX22" fmla="*/ 151465 w 1879289"/>
              <a:gd name="connsiteY22" fmla="*/ 84147 h 1537089"/>
              <a:gd name="connsiteX23" fmla="*/ 207564 w 1879289"/>
              <a:gd name="connsiteY23" fmla="*/ 56098 h 1537089"/>
              <a:gd name="connsiteX24" fmla="*/ 263662 w 1879289"/>
              <a:gd name="connsiteY24" fmla="*/ 28049 h 1537089"/>
              <a:gd name="connsiteX25" fmla="*/ 325370 w 1879289"/>
              <a:gd name="connsiteY25" fmla="*/ 0 h 1537089"/>
              <a:gd name="connsiteX26" fmla="*/ 359029 w 1879289"/>
              <a:gd name="connsiteY26" fmla="*/ 11219 h 1537089"/>
              <a:gd name="connsiteX27" fmla="*/ 387078 w 1879289"/>
              <a:gd name="connsiteY27" fmla="*/ 33658 h 1537089"/>
              <a:gd name="connsiteX28" fmla="*/ 409517 w 1879289"/>
              <a:gd name="connsiteY28" fmla="*/ 67317 h 1537089"/>
              <a:gd name="connsiteX29" fmla="*/ 415127 w 1879289"/>
              <a:gd name="connsiteY29" fmla="*/ 106586 h 1537089"/>
              <a:gd name="connsiteX30" fmla="*/ 420737 w 1879289"/>
              <a:gd name="connsiteY30" fmla="*/ 134635 h 1537089"/>
              <a:gd name="connsiteX31" fmla="*/ 420737 w 1879289"/>
              <a:gd name="connsiteY31" fmla="*/ 157074 h 1537089"/>
              <a:gd name="connsiteX32" fmla="*/ 415127 w 1879289"/>
              <a:gd name="connsiteY32" fmla="*/ 196343 h 1537089"/>
              <a:gd name="connsiteX33" fmla="*/ 415127 w 1879289"/>
              <a:gd name="connsiteY33" fmla="*/ 230002 h 1537089"/>
              <a:gd name="connsiteX34" fmla="*/ 426346 w 1879289"/>
              <a:gd name="connsiteY34" fmla="*/ 274881 h 1537089"/>
              <a:gd name="connsiteX35" fmla="*/ 448786 w 1879289"/>
              <a:gd name="connsiteY35" fmla="*/ 314149 h 1537089"/>
              <a:gd name="connsiteX36" fmla="*/ 460005 w 1879289"/>
              <a:gd name="connsiteY36" fmla="*/ 353418 h 1537089"/>
              <a:gd name="connsiteX37" fmla="*/ 499274 w 1879289"/>
              <a:gd name="connsiteY37" fmla="*/ 392687 h 1537089"/>
              <a:gd name="connsiteX38" fmla="*/ 555372 w 1879289"/>
              <a:gd name="connsiteY38" fmla="*/ 415126 h 1537089"/>
              <a:gd name="connsiteX39" fmla="*/ 633910 w 1879289"/>
              <a:gd name="connsiteY39" fmla="*/ 437565 h 1537089"/>
              <a:gd name="connsiteX40" fmla="*/ 751716 w 1879289"/>
              <a:gd name="connsiteY40" fmla="*/ 420736 h 1537089"/>
              <a:gd name="connsiteX41" fmla="*/ 852692 w 1879289"/>
              <a:gd name="connsiteY41" fmla="*/ 403906 h 1537089"/>
              <a:gd name="connsiteX42" fmla="*/ 920010 w 1879289"/>
              <a:gd name="connsiteY42" fmla="*/ 381467 h 1537089"/>
              <a:gd name="connsiteX43" fmla="*/ 992938 w 1879289"/>
              <a:gd name="connsiteY43" fmla="*/ 359028 h 1537089"/>
              <a:gd name="connsiteX44" fmla="*/ 1026597 w 1879289"/>
              <a:gd name="connsiteY44" fmla="*/ 359028 h 1537089"/>
              <a:gd name="connsiteX45" fmla="*/ 1110744 w 1879289"/>
              <a:gd name="connsiteY45" fmla="*/ 314149 h 1537089"/>
              <a:gd name="connsiteX46" fmla="*/ 1161232 w 1879289"/>
              <a:gd name="connsiteY46" fmla="*/ 297320 h 1537089"/>
              <a:gd name="connsiteX47" fmla="*/ 1222940 w 1879289"/>
              <a:gd name="connsiteY47" fmla="*/ 280490 h 1537089"/>
              <a:gd name="connsiteX48" fmla="*/ 1239770 w 1879289"/>
              <a:gd name="connsiteY48" fmla="*/ 280490 h 1537089"/>
              <a:gd name="connsiteX49" fmla="*/ 1318307 w 1879289"/>
              <a:gd name="connsiteY49" fmla="*/ 258051 h 1537089"/>
              <a:gd name="connsiteX50" fmla="*/ 1363186 w 1879289"/>
              <a:gd name="connsiteY50" fmla="*/ 246831 h 1537089"/>
              <a:gd name="connsiteX51" fmla="*/ 1413674 w 1879289"/>
              <a:gd name="connsiteY51" fmla="*/ 258051 h 1537089"/>
              <a:gd name="connsiteX52" fmla="*/ 1441723 w 1879289"/>
              <a:gd name="connsiteY52" fmla="*/ 286100 h 1537089"/>
              <a:gd name="connsiteX53" fmla="*/ 1480992 w 1879289"/>
              <a:gd name="connsiteY53" fmla="*/ 330979 h 1537089"/>
              <a:gd name="connsiteX54" fmla="*/ 1509041 w 1879289"/>
              <a:gd name="connsiteY54" fmla="*/ 353418 h 1537089"/>
              <a:gd name="connsiteX55" fmla="*/ 1537090 w 1879289"/>
              <a:gd name="connsiteY55" fmla="*/ 387077 h 1537089"/>
              <a:gd name="connsiteX56" fmla="*/ 1576359 w 1879289"/>
              <a:gd name="connsiteY56" fmla="*/ 415126 h 1537089"/>
              <a:gd name="connsiteX57" fmla="*/ 1621237 w 1879289"/>
              <a:gd name="connsiteY57" fmla="*/ 437565 h 1537089"/>
              <a:gd name="connsiteX58" fmla="*/ 1677335 w 1879289"/>
              <a:gd name="connsiteY58" fmla="*/ 431955 h 1537089"/>
              <a:gd name="connsiteX59" fmla="*/ 1733433 w 1879289"/>
              <a:gd name="connsiteY59" fmla="*/ 420736 h 1537089"/>
              <a:gd name="connsiteX60" fmla="*/ 1767092 w 1879289"/>
              <a:gd name="connsiteY60" fmla="*/ 426346 h 1537089"/>
              <a:gd name="connsiteX61" fmla="*/ 1750263 w 1879289"/>
              <a:gd name="connsiteY61" fmla="*/ 482444 h 1537089"/>
              <a:gd name="connsiteX62" fmla="*/ 1727824 w 1879289"/>
              <a:gd name="connsiteY62" fmla="*/ 504883 h 1537089"/>
              <a:gd name="connsiteX63" fmla="*/ 1705384 w 1879289"/>
              <a:gd name="connsiteY63" fmla="*/ 527322 h 1537089"/>
              <a:gd name="connsiteX64" fmla="*/ 1694165 w 1879289"/>
              <a:gd name="connsiteY64" fmla="*/ 560981 h 1537089"/>
              <a:gd name="connsiteX65" fmla="*/ 1694165 w 1879289"/>
              <a:gd name="connsiteY65" fmla="*/ 583420 h 1537089"/>
              <a:gd name="connsiteX66" fmla="*/ 1716604 w 1879289"/>
              <a:gd name="connsiteY66" fmla="*/ 628299 h 1537089"/>
              <a:gd name="connsiteX67" fmla="*/ 1761483 w 1879289"/>
              <a:gd name="connsiteY67" fmla="*/ 667568 h 1537089"/>
              <a:gd name="connsiteX68" fmla="*/ 1828800 w 1879289"/>
              <a:gd name="connsiteY68" fmla="*/ 695617 h 1537089"/>
              <a:gd name="connsiteX69" fmla="*/ 1868069 w 1879289"/>
              <a:gd name="connsiteY69" fmla="*/ 695617 h 1537089"/>
              <a:gd name="connsiteX70" fmla="*/ 1879289 w 1879289"/>
              <a:gd name="connsiteY70" fmla="*/ 695617 h 1537089"/>
              <a:gd name="connsiteX71" fmla="*/ 1873679 w 1879289"/>
              <a:gd name="connsiteY71" fmla="*/ 807813 h 1537089"/>
              <a:gd name="connsiteX72" fmla="*/ 1845630 w 1879289"/>
              <a:gd name="connsiteY72" fmla="*/ 852692 h 1537089"/>
              <a:gd name="connsiteX73" fmla="*/ 1795141 w 1879289"/>
              <a:gd name="connsiteY73" fmla="*/ 886350 h 1537089"/>
              <a:gd name="connsiteX74" fmla="*/ 1811971 w 1879289"/>
              <a:gd name="connsiteY74" fmla="*/ 936839 h 1537089"/>
              <a:gd name="connsiteX75" fmla="*/ 1828800 w 1879289"/>
              <a:gd name="connsiteY75" fmla="*/ 992937 h 1537089"/>
              <a:gd name="connsiteX76" fmla="*/ 1772702 w 1879289"/>
              <a:gd name="connsiteY76" fmla="*/ 998547 h 1537089"/>
              <a:gd name="connsiteX77" fmla="*/ 1710994 w 1879289"/>
              <a:gd name="connsiteY77" fmla="*/ 1020986 h 1537089"/>
              <a:gd name="connsiteX78" fmla="*/ 1682945 w 1879289"/>
              <a:gd name="connsiteY78" fmla="*/ 1043425 h 1537089"/>
              <a:gd name="connsiteX79" fmla="*/ 1677335 w 1879289"/>
              <a:gd name="connsiteY79" fmla="*/ 1065865 h 1537089"/>
              <a:gd name="connsiteX80" fmla="*/ 1666116 w 1879289"/>
              <a:gd name="connsiteY80" fmla="*/ 1093914 h 1537089"/>
              <a:gd name="connsiteX81" fmla="*/ 1638067 w 1879289"/>
              <a:gd name="connsiteY81" fmla="*/ 1121963 h 1537089"/>
              <a:gd name="connsiteX82" fmla="*/ 1654896 w 1879289"/>
              <a:gd name="connsiteY82" fmla="*/ 1150012 h 1537089"/>
              <a:gd name="connsiteX83" fmla="*/ 1610018 w 1879289"/>
              <a:gd name="connsiteY83" fmla="*/ 1200500 h 1537089"/>
              <a:gd name="connsiteX84" fmla="*/ 1660506 w 1879289"/>
              <a:gd name="connsiteY84" fmla="*/ 1279038 h 1537089"/>
              <a:gd name="connsiteX85" fmla="*/ 1649286 w 1879289"/>
              <a:gd name="connsiteY85" fmla="*/ 1323916 h 1537089"/>
              <a:gd name="connsiteX86" fmla="*/ 1699775 w 1879289"/>
              <a:gd name="connsiteY86" fmla="*/ 1368795 h 1537089"/>
              <a:gd name="connsiteX87" fmla="*/ 1666116 w 1879289"/>
              <a:gd name="connsiteY87" fmla="*/ 1424893 h 1537089"/>
              <a:gd name="connsiteX88" fmla="*/ 1660506 w 1879289"/>
              <a:gd name="connsiteY88" fmla="*/ 1537089 h 1537089"/>
              <a:gd name="connsiteX89" fmla="*/ 1548310 w 1879289"/>
              <a:gd name="connsiteY89" fmla="*/ 1402454 h 1537089"/>
              <a:gd name="connsiteX90" fmla="*/ 1548310 w 1879289"/>
              <a:gd name="connsiteY90" fmla="*/ 1363185 h 1537089"/>
              <a:gd name="connsiteX91" fmla="*/ 1542700 w 1879289"/>
              <a:gd name="connsiteY91" fmla="*/ 1335136 h 1537089"/>
              <a:gd name="connsiteX92" fmla="*/ 1520260 w 1879289"/>
              <a:gd name="connsiteY92" fmla="*/ 1323916 h 1537089"/>
              <a:gd name="connsiteX93" fmla="*/ 1492211 w 1879289"/>
              <a:gd name="connsiteY93" fmla="*/ 1312696 h 1537089"/>
              <a:gd name="connsiteX94" fmla="*/ 1458553 w 1879289"/>
              <a:gd name="connsiteY94" fmla="*/ 1290257 h 1537089"/>
              <a:gd name="connsiteX95" fmla="*/ 1436113 w 1879289"/>
              <a:gd name="connsiteY95" fmla="*/ 1234159 h 1537089"/>
              <a:gd name="connsiteX96" fmla="*/ 1408064 w 1879289"/>
              <a:gd name="connsiteY96" fmla="*/ 1194890 h 1537089"/>
              <a:gd name="connsiteX97" fmla="*/ 1380015 w 1879289"/>
              <a:gd name="connsiteY97" fmla="*/ 1144402 h 1537089"/>
              <a:gd name="connsiteX98" fmla="*/ 1346356 w 1879289"/>
              <a:gd name="connsiteY98" fmla="*/ 1116353 h 1537089"/>
              <a:gd name="connsiteX99" fmla="*/ 1346356 w 1879289"/>
              <a:gd name="connsiteY99" fmla="*/ 1116353 h 1537089"/>
              <a:gd name="connsiteX100" fmla="*/ 1290258 w 1879289"/>
              <a:gd name="connsiteY100" fmla="*/ 1093914 h 1537089"/>
              <a:gd name="connsiteX101" fmla="*/ 1217330 w 1879289"/>
              <a:gd name="connsiteY101" fmla="*/ 1088304 h 1537089"/>
              <a:gd name="connsiteX102" fmla="*/ 1178062 w 1879289"/>
              <a:gd name="connsiteY102" fmla="*/ 1071474 h 1537089"/>
              <a:gd name="connsiteX103" fmla="*/ 1133183 w 1879289"/>
              <a:gd name="connsiteY103" fmla="*/ 1049035 h 1537089"/>
              <a:gd name="connsiteX104" fmla="*/ 1133183 w 1879289"/>
              <a:gd name="connsiteY104" fmla="*/ 1049035 h 1537089"/>
              <a:gd name="connsiteX105" fmla="*/ 1026597 w 1879289"/>
              <a:gd name="connsiteY105" fmla="*/ 1054645 h 1537089"/>
              <a:gd name="connsiteX106" fmla="*/ 1004157 w 1879289"/>
              <a:gd name="connsiteY106" fmla="*/ 1088304 h 1537089"/>
              <a:gd name="connsiteX107" fmla="*/ 964889 w 1879289"/>
              <a:gd name="connsiteY107" fmla="*/ 1116353 h 1537089"/>
              <a:gd name="connsiteX108" fmla="*/ 920010 w 1879289"/>
              <a:gd name="connsiteY108" fmla="*/ 1138792 h 1537089"/>
              <a:gd name="connsiteX109" fmla="*/ 886351 w 1879289"/>
              <a:gd name="connsiteY109" fmla="*/ 1200500 h 1537089"/>
              <a:gd name="connsiteX110" fmla="*/ 729276 w 1879289"/>
              <a:gd name="connsiteY110" fmla="*/ 1110743 h 1537089"/>
              <a:gd name="connsiteX111" fmla="*/ 645129 w 1879289"/>
              <a:gd name="connsiteY111" fmla="*/ 1172451 h 1537089"/>
              <a:gd name="connsiteX112" fmla="*/ 566592 w 1879289"/>
              <a:gd name="connsiteY112" fmla="*/ 1161231 h 1537089"/>
              <a:gd name="connsiteX113" fmla="*/ 527323 w 1879289"/>
              <a:gd name="connsiteY113" fmla="*/ 1166841 h 1537089"/>
              <a:gd name="connsiteX114" fmla="*/ 431956 w 1879289"/>
              <a:gd name="connsiteY114" fmla="*/ 1116353 h 1537089"/>
              <a:gd name="connsiteX115" fmla="*/ 370248 w 1879289"/>
              <a:gd name="connsiteY115" fmla="*/ 1166841 h 1537089"/>
              <a:gd name="connsiteX116" fmla="*/ 364638 w 1879289"/>
              <a:gd name="connsiteY116" fmla="*/ 1189281 h 1537089"/>
              <a:gd name="connsiteX117" fmla="*/ 291711 w 1879289"/>
              <a:gd name="connsiteY117" fmla="*/ 1194890 h 1537089"/>
              <a:gd name="connsiteX0" fmla="*/ 291711 w 1879289"/>
              <a:gd name="connsiteY0" fmla="*/ 1194890 h 1537089"/>
              <a:gd name="connsiteX1" fmla="*/ 297321 w 1879289"/>
              <a:gd name="connsiteY1" fmla="*/ 1105133 h 1537089"/>
              <a:gd name="connsiteX2" fmla="*/ 280491 w 1879289"/>
              <a:gd name="connsiteY2" fmla="*/ 1060255 h 1537089"/>
              <a:gd name="connsiteX3" fmla="*/ 241222 w 1879289"/>
              <a:gd name="connsiteY3" fmla="*/ 1015376 h 1537089"/>
              <a:gd name="connsiteX4" fmla="*/ 269272 w 1879289"/>
              <a:gd name="connsiteY4" fmla="*/ 976108 h 1537089"/>
              <a:gd name="connsiteX5" fmla="*/ 342199 w 1879289"/>
              <a:gd name="connsiteY5" fmla="*/ 959278 h 1537089"/>
              <a:gd name="connsiteX6" fmla="*/ 476835 w 1879289"/>
              <a:gd name="connsiteY6" fmla="*/ 824642 h 1537089"/>
              <a:gd name="connsiteX7" fmla="*/ 482445 w 1879289"/>
              <a:gd name="connsiteY7" fmla="*/ 757325 h 1537089"/>
              <a:gd name="connsiteX8" fmla="*/ 431956 w 1879289"/>
              <a:gd name="connsiteY8" fmla="*/ 706836 h 1537089"/>
              <a:gd name="connsiteX9" fmla="*/ 375858 w 1879289"/>
              <a:gd name="connsiteY9" fmla="*/ 673177 h 1537089"/>
              <a:gd name="connsiteX10" fmla="*/ 342199 w 1879289"/>
              <a:gd name="connsiteY10" fmla="*/ 633909 h 1537089"/>
              <a:gd name="connsiteX11" fmla="*/ 291711 w 1879289"/>
              <a:gd name="connsiteY11" fmla="*/ 605860 h 1537089"/>
              <a:gd name="connsiteX12" fmla="*/ 218783 w 1879289"/>
              <a:gd name="connsiteY12" fmla="*/ 583420 h 1537089"/>
              <a:gd name="connsiteX13" fmla="*/ 106587 w 1879289"/>
              <a:gd name="connsiteY13" fmla="*/ 544152 h 1537089"/>
              <a:gd name="connsiteX14" fmla="*/ 44879 w 1879289"/>
              <a:gd name="connsiteY14" fmla="*/ 504883 h 1537089"/>
              <a:gd name="connsiteX15" fmla="*/ 5610 w 1879289"/>
              <a:gd name="connsiteY15" fmla="*/ 454395 h 1537089"/>
              <a:gd name="connsiteX16" fmla="*/ 0 w 1879289"/>
              <a:gd name="connsiteY16" fmla="*/ 392687 h 1537089"/>
              <a:gd name="connsiteX17" fmla="*/ 11220 w 1879289"/>
              <a:gd name="connsiteY17" fmla="*/ 314149 h 1537089"/>
              <a:gd name="connsiteX18" fmla="*/ 39269 w 1879289"/>
              <a:gd name="connsiteY18" fmla="*/ 263661 h 1537089"/>
              <a:gd name="connsiteX19" fmla="*/ 50498 w 1879289"/>
              <a:gd name="connsiteY19" fmla="*/ 230060 h 1537089"/>
              <a:gd name="connsiteX20" fmla="*/ 84148 w 1879289"/>
              <a:gd name="connsiteY20" fmla="*/ 179514 h 1537089"/>
              <a:gd name="connsiteX21" fmla="*/ 112197 w 1879289"/>
              <a:gd name="connsiteY21" fmla="*/ 117806 h 1537089"/>
              <a:gd name="connsiteX22" fmla="*/ 151465 w 1879289"/>
              <a:gd name="connsiteY22" fmla="*/ 84147 h 1537089"/>
              <a:gd name="connsiteX23" fmla="*/ 207564 w 1879289"/>
              <a:gd name="connsiteY23" fmla="*/ 56098 h 1537089"/>
              <a:gd name="connsiteX24" fmla="*/ 263662 w 1879289"/>
              <a:gd name="connsiteY24" fmla="*/ 28049 h 1537089"/>
              <a:gd name="connsiteX25" fmla="*/ 325370 w 1879289"/>
              <a:gd name="connsiteY25" fmla="*/ 0 h 1537089"/>
              <a:gd name="connsiteX26" fmla="*/ 359029 w 1879289"/>
              <a:gd name="connsiteY26" fmla="*/ 11219 h 1537089"/>
              <a:gd name="connsiteX27" fmla="*/ 387078 w 1879289"/>
              <a:gd name="connsiteY27" fmla="*/ 33658 h 1537089"/>
              <a:gd name="connsiteX28" fmla="*/ 409517 w 1879289"/>
              <a:gd name="connsiteY28" fmla="*/ 67317 h 1537089"/>
              <a:gd name="connsiteX29" fmla="*/ 415127 w 1879289"/>
              <a:gd name="connsiteY29" fmla="*/ 106586 h 1537089"/>
              <a:gd name="connsiteX30" fmla="*/ 420737 w 1879289"/>
              <a:gd name="connsiteY30" fmla="*/ 134635 h 1537089"/>
              <a:gd name="connsiteX31" fmla="*/ 420737 w 1879289"/>
              <a:gd name="connsiteY31" fmla="*/ 157074 h 1537089"/>
              <a:gd name="connsiteX32" fmla="*/ 415127 w 1879289"/>
              <a:gd name="connsiteY32" fmla="*/ 196343 h 1537089"/>
              <a:gd name="connsiteX33" fmla="*/ 415127 w 1879289"/>
              <a:gd name="connsiteY33" fmla="*/ 230002 h 1537089"/>
              <a:gd name="connsiteX34" fmla="*/ 426346 w 1879289"/>
              <a:gd name="connsiteY34" fmla="*/ 274881 h 1537089"/>
              <a:gd name="connsiteX35" fmla="*/ 448786 w 1879289"/>
              <a:gd name="connsiteY35" fmla="*/ 314149 h 1537089"/>
              <a:gd name="connsiteX36" fmla="*/ 460005 w 1879289"/>
              <a:gd name="connsiteY36" fmla="*/ 353418 h 1537089"/>
              <a:gd name="connsiteX37" fmla="*/ 499274 w 1879289"/>
              <a:gd name="connsiteY37" fmla="*/ 392687 h 1537089"/>
              <a:gd name="connsiteX38" fmla="*/ 555372 w 1879289"/>
              <a:gd name="connsiteY38" fmla="*/ 415126 h 1537089"/>
              <a:gd name="connsiteX39" fmla="*/ 633910 w 1879289"/>
              <a:gd name="connsiteY39" fmla="*/ 437565 h 1537089"/>
              <a:gd name="connsiteX40" fmla="*/ 751716 w 1879289"/>
              <a:gd name="connsiteY40" fmla="*/ 420736 h 1537089"/>
              <a:gd name="connsiteX41" fmla="*/ 852692 w 1879289"/>
              <a:gd name="connsiteY41" fmla="*/ 403906 h 1537089"/>
              <a:gd name="connsiteX42" fmla="*/ 920010 w 1879289"/>
              <a:gd name="connsiteY42" fmla="*/ 381467 h 1537089"/>
              <a:gd name="connsiteX43" fmla="*/ 992938 w 1879289"/>
              <a:gd name="connsiteY43" fmla="*/ 359028 h 1537089"/>
              <a:gd name="connsiteX44" fmla="*/ 1026597 w 1879289"/>
              <a:gd name="connsiteY44" fmla="*/ 359028 h 1537089"/>
              <a:gd name="connsiteX45" fmla="*/ 1110744 w 1879289"/>
              <a:gd name="connsiteY45" fmla="*/ 314149 h 1537089"/>
              <a:gd name="connsiteX46" fmla="*/ 1161232 w 1879289"/>
              <a:gd name="connsiteY46" fmla="*/ 297320 h 1537089"/>
              <a:gd name="connsiteX47" fmla="*/ 1222940 w 1879289"/>
              <a:gd name="connsiteY47" fmla="*/ 280490 h 1537089"/>
              <a:gd name="connsiteX48" fmla="*/ 1239770 w 1879289"/>
              <a:gd name="connsiteY48" fmla="*/ 280490 h 1537089"/>
              <a:gd name="connsiteX49" fmla="*/ 1318307 w 1879289"/>
              <a:gd name="connsiteY49" fmla="*/ 258051 h 1537089"/>
              <a:gd name="connsiteX50" fmla="*/ 1363186 w 1879289"/>
              <a:gd name="connsiteY50" fmla="*/ 246831 h 1537089"/>
              <a:gd name="connsiteX51" fmla="*/ 1413674 w 1879289"/>
              <a:gd name="connsiteY51" fmla="*/ 258051 h 1537089"/>
              <a:gd name="connsiteX52" fmla="*/ 1441723 w 1879289"/>
              <a:gd name="connsiteY52" fmla="*/ 286100 h 1537089"/>
              <a:gd name="connsiteX53" fmla="*/ 1480992 w 1879289"/>
              <a:gd name="connsiteY53" fmla="*/ 330979 h 1537089"/>
              <a:gd name="connsiteX54" fmla="*/ 1509041 w 1879289"/>
              <a:gd name="connsiteY54" fmla="*/ 353418 h 1537089"/>
              <a:gd name="connsiteX55" fmla="*/ 1537090 w 1879289"/>
              <a:gd name="connsiteY55" fmla="*/ 387077 h 1537089"/>
              <a:gd name="connsiteX56" fmla="*/ 1576359 w 1879289"/>
              <a:gd name="connsiteY56" fmla="*/ 415126 h 1537089"/>
              <a:gd name="connsiteX57" fmla="*/ 1621237 w 1879289"/>
              <a:gd name="connsiteY57" fmla="*/ 437565 h 1537089"/>
              <a:gd name="connsiteX58" fmla="*/ 1677335 w 1879289"/>
              <a:gd name="connsiteY58" fmla="*/ 431955 h 1537089"/>
              <a:gd name="connsiteX59" fmla="*/ 1733433 w 1879289"/>
              <a:gd name="connsiteY59" fmla="*/ 420736 h 1537089"/>
              <a:gd name="connsiteX60" fmla="*/ 1767092 w 1879289"/>
              <a:gd name="connsiteY60" fmla="*/ 426346 h 1537089"/>
              <a:gd name="connsiteX61" fmla="*/ 1750263 w 1879289"/>
              <a:gd name="connsiteY61" fmla="*/ 482444 h 1537089"/>
              <a:gd name="connsiteX62" fmla="*/ 1727824 w 1879289"/>
              <a:gd name="connsiteY62" fmla="*/ 504883 h 1537089"/>
              <a:gd name="connsiteX63" fmla="*/ 1705384 w 1879289"/>
              <a:gd name="connsiteY63" fmla="*/ 527322 h 1537089"/>
              <a:gd name="connsiteX64" fmla="*/ 1694165 w 1879289"/>
              <a:gd name="connsiteY64" fmla="*/ 560981 h 1537089"/>
              <a:gd name="connsiteX65" fmla="*/ 1694165 w 1879289"/>
              <a:gd name="connsiteY65" fmla="*/ 583420 h 1537089"/>
              <a:gd name="connsiteX66" fmla="*/ 1716604 w 1879289"/>
              <a:gd name="connsiteY66" fmla="*/ 628299 h 1537089"/>
              <a:gd name="connsiteX67" fmla="*/ 1761483 w 1879289"/>
              <a:gd name="connsiteY67" fmla="*/ 667568 h 1537089"/>
              <a:gd name="connsiteX68" fmla="*/ 1828800 w 1879289"/>
              <a:gd name="connsiteY68" fmla="*/ 695617 h 1537089"/>
              <a:gd name="connsiteX69" fmla="*/ 1868069 w 1879289"/>
              <a:gd name="connsiteY69" fmla="*/ 695617 h 1537089"/>
              <a:gd name="connsiteX70" fmla="*/ 1879289 w 1879289"/>
              <a:gd name="connsiteY70" fmla="*/ 695617 h 1537089"/>
              <a:gd name="connsiteX71" fmla="*/ 1873679 w 1879289"/>
              <a:gd name="connsiteY71" fmla="*/ 807813 h 1537089"/>
              <a:gd name="connsiteX72" fmla="*/ 1845630 w 1879289"/>
              <a:gd name="connsiteY72" fmla="*/ 852692 h 1537089"/>
              <a:gd name="connsiteX73" fmla="*/ 1795141 w 1879289"/>
              <a:gd name="connsiteY73" fmla="*/ 886350 h 1537089"/>
              <a:gd name="connsiteX74" fmla="*/ 1811971 w 1879289"/>
              <a:gd name="connsiteY74" fmla="*/ 936839 h 1537089"/>
              <a:gd name="connsiteX75" fmla="*/ 1828800 w 1879289"/>
              <a:gd name="connsiteY75" fmla="*/ 992937 h 1537089"/>
              <a:gd name="connsiteX76" fmla="*/ 1772702 w 1879289"/>
              <a:gd name="connsiteY76" fmla="*/ 998547 h 1537089"/>
              <a:gd name="connsiteX77" fmla="*/ 1710994 w 1879289"/>
              <a:gd name="connsiteY77" fmla="*/ 1020986 h 1537089"/>
              <a:gd name="connsiteX78" fmla="*/ 1682945 w 1879289"/>
              <a:gd name="connsiteY78" fmla="*/ 1043425 h 1537089"/>
              <a:gd name="connsiteX79" fmla="*/ 1677335 w 1879289"/>
              <a:gd name="connsiteY79" fmla="*/ 1065865 h 1537089"/>
              <a:gd name="connsiteX80" fmla="*/ 1666116 w 1879289"/>
              <a:gd name="connsiteY80" fmla="*/ 1093914 h 1537089"/>
              <a:gd name="connsiteX81" fmla="*/ 1638067 w 1879289"/>
              <a:gd name="connsiteY81" fmla="*/ 1121963 h 1537089"/>
              <a:gd name="connsiteX82" fmla="*/ 1654896 w 1879289"/>
              <a:gd name="connsiteY82" fmla="*/ 1150012 h 1537089"/>
              <a:gd name="connsiteX83" fmla="*/ 1610018 w 1879289"/>
              <a:gd name="connsiteY83" fmla="*/ 1200500 h 1537089"/>
              <a:gd name="connsiteX84" fmla="*/ 1660506 w 1879289"/>
              <a:gd name="connsiteY84" fmla="*/ 1279038 h 1537089"/>
              <a:gd name="connsiteX85" fmla="*/ 1649286 w 1879289"/>
              <a:gd name="connsiteY85" fmla="*/ 1323916 h 1537089"/>
              <a:gd name="connsiteX86" fmla="*/ 1699775 w 1879289"/>
              <a:gd name="connsiteY86" fmla="*/ 1368795 h 1537089"/>
              <a:gd name="connsiteX87" fmla="*/ 1666116 w 1879289"/>
              <a:gd name="connsiteY87" fmla="*/ 1424893 h 1537089"/>
              <a:gd name="connsiteX88" fmla="*/ 1660506 w 1879289"/>
              <a:gd name="connsiteY88" fmla="*/ 1537089 h 1537089"/>
              <a:gd name="connsiteX89" fmla="*/ 1548310 w 1879289"/>
              <a:gd name="connsiteY89" fmla="*/ 1402454 h 1537089"/>
              <a:gd name="connsiteX90" fmla="*/ 1548310 w 1879289"/>
              <a:gd name="connsiteY90" fmla="*/ 1363185 h 1537089"/>
              <a:gd name="connsiteX91" fmla="*/ 1542700 w 1879289"/>
              <a:gd name="connsiteY91" fmla="*/ 1335136 h 1537089"/>
              <a:gd name="connsiteX92" fmla="*/ 1520260 w 1879289"/>
              <a:gd name="connsiteY92" fmla="*/ 1323916 h 1537089"/>
              <a:gd name="connsiteX93" fmla="*/ 1492211 w 1879289"/>
              <a:gd name="connsiteY93" fmla="*/ 1312696 h 1537089"/>
              <a:gd name="connsiteX94" fmla="*/ 1458553 w 1879289"/>
              <a:gd name="connsiteY94" fmla="*/ 1290257 h 1537089"/>
              <a:gd name="connsiteX95" fmla="*/ 1436113 w 1879289"/>
              <a:gd name="connsiteY95" fmla="*/ 1234159 h 1537089"/>
              <a:gd name="connsiteX96" fmla="*/ 1408064 w 1879289"/>
              <a:gd name="connsiteY96" fmla="*/ 1194890 h 1537089"/>
              <a:gd name="connsiteX97" fmla="*/ 1380015 w 1879289"/>
              <a:gd name="connsiteY97" fmla="*/ 1144402 h 1537089"/>
              <a:gd name="connsiteX98" fmla="*/ 1346356 w 1879289"/>
              <a:gd name="connsiteY98" fmla="*/ 1116353 h 1537089"/>
              <a:gd name="connsiteX99" fmla="*/ 1346356 w 1879289"/>
              <a:gd name="connsiteY99" fmla="*/ 1116353 h 1537089"/>
              <a:gd name="connsiteX100" fmla="*/ 1290258 w 1879289"/>
              <a:gd name="connsiteY100" fmla="*/ 1093914 h 1537089"/>
              <a:gd name="connsiteX101" fmla="*/ 1217330 w 1879289"/>
              <a:gd name="connsiteY101" fmla="*/ 1088304 h 1537089"/>
              <a:gd name="connsiteX102" fmla="*/ 1178062 w 1879289"/>
              <a:gd name="connsiteY102" fmla="*/ 1071474 h 1537089"/>
              <a:gd name="connsiteX103" fmla="*/ 1133183 w 1879289"/>
              <a:gd name="connsiteY103" fmla="*/ 1049035 h 1537089"/>
              <a:gd name="connsiteX104" fmla="*/ 1133183 w 1879289"/>
              <a:gd name="connsiteY104" fmla="*/ 1049035 h 1537089"/>
              <a:gd name="connsiteX105" fmla="*/ 1026597 w 1879289"/>
              <a:gd name="connsiteY105" fmla="*/ 1054645 h 1537089"/>
              <a:gd name="connsiteX106" fmla="*/ 1004157 w 1879289"/>
              <a:gd name="connsiteY106" fmla="*/ 1088304 h 1537089"/>
              <a:gd name="connsiteX107" fmla="*/ 964889 w 1879289"/>
              <a:gd name="connsiteY107" fmla="*/ 1116353 h 1537089"/>
              <a:gd name="connsiteX108" fmla="*/ 920010 w 1879289"/>
              <a:gd name="connsiteY108" fmla="*/ 1138792 h 1537089"/>
              <a:gd name="connsiteX109" fmla="*/ 886351 w 1879289"/>
              <a:gd name="connsiteY109" fmla="*/ 1200500 h 1537089"/>
              <a:gd name="connsiteX110" fmla="*/ 729276 w 1879289"/>
              <a:gd name="connsiteY110" fmla="*/ 1110743 h 1537089"/>
              <a:gd name="connsiteX111" fmla="*/ 645129 w 1879289"/>
              <a:gd name="connsiteY111" fmla="*/ 1172451 h 1537089"/>
              <a:gd name="connsiteX112" fmla="*/ 566592 w 1879289"/>
              <a:gd name="connsiteY112" fmla="*/ 1161231 h 1537089"/>
              <a:gd name="connsiteX113" fmla="*/ 527323 w 1879289"/>
              <a:gd name="connsiteY113" fmla="*/ 1166841 h 1537089"/>
              <a:gd name="connsiteX114" fmla="*/ 431956 w 1879289"/>
              <a:gd name="connsiteY114" fmla="*/ 1116353 h 1537089"/>
              <a:gd name="connsiteX115" fmla="*/ 370248 w 1879289"/>
              <a:gd name="connsiteY115" fmla="*/ 1166841 h 1537089"/>
              <a:gd name="connsiteX116" fmla="*/ 364638 w 1879289"/>
              <a:gd name="connsiteY116" fmla="*/ 1189281 h 1537089"/>
              <a:gd name="connsiteX117" fmla="*/ 291711 w 1879289"/>
              <a:gd name="connsiteY117" fmla="*/ 1194890 h 1537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Lst>
            <a:rect l="l" t="t" r="r" b="b"/>
            <a:pathLst>
              <a:path w="1879289" h="1537089">
                <a:moveTo>
                  <a:pt x="291711" y="1194890"/>
                </a:moveTo>
                <a:lnTo>
                  <a:pt x="297321" y="1105133"/>
                </a:lnTo>
                <a:lnTo>
                  <a:pt x="280491" y="1060255"/>
                </a:lnTo>
                <a:lnTo>
                  <a:pt x="241222" y="1015376"/>
                </a:lnTo>
                <a:lnTo>
                  <a:pt x="269272" y="976108"/>
                </a:lnTo>
                <a:lnTo>
                  <a:pt x="342199" y="959278"/>
                </a:lnTo>
                <a:lnTo>
                  <a:pt x="476835" y="824642"/>
                </a:lnTo>
                <a:lnTo>
                  <a:pt x="482445" y="757325"/>
                </a:lnTo>
                <a:lnTo>
                  <a:pt x="431956" y="706836"/>
                </a:lnTo>
                <a:lnTo>
                  <a:pt x="375858" y="673177"/>
                </a:lnTo>
                <a:lnTo>
                  <a:pt x="342199" y="633909"/>
                </a:lnTo>
                <a:lnTo>
                  <a:pt x="291711" y="605860"/>
                </a:lnTo>
                <a:lnTo>
                  <a:pt x="218783" y="583420"/>
                </a:lnTo>
                <a:lnTo>
                  <a:pt x="106587" y="544152"/>
                </a:lnTo>
                <a:lnTo>
                  <a:pt x="44879" y="504883"/>
                </a:lnTo>
                <a:lnTo>
                  <a:pt x="5610" y="454395"/>
                </a:lnTo>
                <a:lnTo>
                  <a:pt x="0" y="392687"/>
                </a:lnTo>
                <a:lnTo>
                  <a:pt x="11220" y="314149"/>
                </a:lnTo>
                <a:lnTo>
                  <a:pt x="39269" y="263661"/>
                </a:lnTo>
                <a:lnTo>
                  <a:pt x="50498" y="230060"/>
                </a:lnTo>
                <a:lnTo>
                  <a:pt x="84148" y="179514"/>
                </a:lnTo>
                <a:lnTo>
                  <a:pt x="112197" y="117806"/>
                </a:lnTo>
                <a:lnTo>
                  <a:pt x="151465" y="84147"/>
                </a:lnTo>
                <a:lnTo>
                  <a:pt x="207564" y="56098"/>
                </a:lnTo>
                <a:lnTo>
                  <a:pt x="263662" y="28049"/>
                </a:lnTo>
                <a:lnTo>
                  <a:pt x="325370" y="0"/>
                </a:lnTo>
                <a:lnTo>
                  <a:pt x="359029" y="11219"/>
                </a:lnTo>
                <a:lnTo>
                  <a:pt x="387078" y="33658"/>
                </a:lnTo>
                <a:lnTo>
                  <a:pt x="409517" y="67317"/>
                </a:lnTo>
                <a:lnTo>
                  <a:pt x="415127" y="106586"/>
                </a:lnTo>
                <a:lnTo>
                  <a:pt x="420737" y="134635"/>
                </a:lnTo>
                <a:lnTo>
                  <a:pt x="420737" y="157074"/>
                </a:lnTo>
                <a:lnTo>
                  <a:pt x="415127" y="196343"/>
                </a:lnTo>
                <a:lnTo>
                  <a:pt x="415127" y="230002"/>
                </a:lnTo>
                <a:lnTo>
                  <a:pt x="426346" y="274881"/>
                </a:lnTo>
                <a:lnTo>
                  <a:pt x="448786" y="314149"/>
                </a:lnTo>
                <a:lnTo>
                  <a:pt x="460005" y="353418"/>
                </a:lnTo>
                <a:lnTo>
                  <a:pt x="499274" y="392687"/>
                </a:lnTo>
                <a:lnTo>
                  <a:pt x="555372" y="415126"/>
                </a:lnTo>
                <a:lnTo>
                  <a:pt x="633910" y="437565"/>
                </a:lnTo>
                <a:lnTo>
                  <a:pt x="751716" y="420736"/>
                </a:lnTo>
                <a:lnTo>
                  <a:pt x="852692" y="403906"/>
                </a:lnTo>
                <a:lnTo>
                  <a:pt x="920010" y="381467"/>
                </a:lnTo>
                <a:lnTo>
                  <a:pt x="992938" y="359028"/>
                </a:lnTo>
                <a:lnTo>
                  <a:pt x="1026597" y="359028"/>
                </a:lnTo>
                <a:lnTo>
                  <a:pt x="1110744" y="314149"/>
                </a:lnTo>
                <a:lnTo>
                  <a:pt x="1161232" y="297320"/>
                </a:lnTo>
                <a:lnTo>
                  <a:pt x="1222940" y="280490"/>
                </a:lnTo>
                <a:lnTo>
                  <a:pt x="1239770" y="280490"/>
                </a:lnTo>
                <a:lnTo>
                  <a:pt x="1318307" y="258051"/>
                </a:lnTo>
                <a:lnTo>
                  <a:pt x="1363186" y="246831"/>
                </a:lnTo>
                <a:lnTo>
                  <a:pt x="1413674" y="258051"/>
                </a:lnTo>
                <a:lnTo>
                  <a:pt x="1441723" y="286100"/>
                </a:lnTo>
                <a:lnTo>
                  <a:pt x="1480992" y="330979"/>
                </a:lnTo>
                <a:lnTo>
                  <a:pt x="1509041" y="353418"/>
                </a:lnTo>
                <a:lnTo>
                  <a:pt x="1537090" y="387077"/>
                </a:lnTo>
                <a:lnTo>
                  <a:pt x="1576359" y="415126"/>
                </a:lnTo>
                <a:lnTo>
                  <a:pt x="1621237" y="437565"/>
                </a:lnTo>
                <a:lnTo>
                  <a:pt x="1677335" y="431955"/>
                </a:lnTo>
                <a:lnTo>
                  <a:pt x="1733433" y="420736"/>
                </a:lnTo>
                <a:lnTo>
                  <a:pt x="1767092" y="426346"/>
                </a:lnTo>
                <a:lnTo>
                  <a:pt x="1750263" y="482444"/>
                </a:lnTo>
                <a:lnTo>
                  <a:pt x="1727824" y="504883"/>
                </a:lnTo>
                <a:lnTo>
                  <a:pt x="1705384" y="527322"/>
                </a:lnTo>
                <a:lnTo>
                  <a:pt x="1694165" y="560981"/>
                </a:lnTo>
                <a:lnTo>
                  <a:pt x="1694165" y="583420"/>
                </a:lnTo>
                <a:lnTo>
                  <a:pt x="1716604" y="628299"/>
                </a:lnTo>
                <a:lnTo>
                  <a:pt x="1761483" y="667568"/>
                </a:lnTo>
                <a:lnTo>
                  <a:pt x="1828800" y="695617"/>
                </a:lnTo>
                <a:lnTo>
                  <a:pt x="1868069" y="695617"/>
                </a:lnTo>
                <a:lnTo>
                  <a:pt x="1879289" y="695617"/>
                </a:lnTo>
                <a:lnTo>
                  <a:pt x="1873679" y="807813"/>
                </a:lnTo>
                <a:lnTo>
                  <a:pt x="1845630" y="852692"/>
                </a:lnTo>
                <a:lnTo>
                  <a:pt x="1795141" y="886350"/>
                </a:lnTo>
                <a:lnTo>
                  <a:pt x="1811971" y="936839"/>
                </a:lnTo>
                <a:lnTo>
                  <a:pt x="1828800" y="992937"/>
                </a:lnTo>
                <a:lnTo>
                  <a:pt x="1772702" y="998547"/>
                </a:lnTo>
                <a:lnTo>
                  <a:pt x="1710994" y="1020986"/>
                </a:lnTo>
                <a:lnTo>
                  <a:pt x="1682945" y="1043425"/>
                </a:lnTo>
                <a:lnTo>
                  <a:pt x="1677335" y="1065865"/>
                </a:lnTo>
                <a:lnTo>
                  <a:pt x="1666116" y="1093914"/>
                </a:lnTo>
                <a:lnTo>
                  <a:pt x="1638067" y="1121963"/>
                </a:lnTo>
                <a:lnTo>
                  <a:pt x="1654896" y="1150012"/>
                </a:lnTo>
                <a:lnTo>
                  <a:pt x="1610018" y="1200500"/>
                </a:lnTo>
                <a:lnTo>
                  <a:pt x="1660506" y="1279038"/>
                </a:lnTo>
                <a:lnTo>
                  <a:pt x="1649286" y="1323916"/>
                </a:lnTo>
                <a:lnTo>
                  <a:pt x="1699775" y="1368795"/>
                </a:lnTo>
                <a:lnTo>
                  <a:pt x="1666116" y="1424893"/>
                </a:lnTo>
                <a:lnTo>
                  <a:pt x="1660506" y="1537089"/>
                </a:lnTo>
                <a:lnTo>
                  <a:pt x="1548310" y="1402454"/>
                </a:lnTo>
                <a:lnTo>
                  <a:pt x="1548310" y="1363185"/>
                </a:lnTo>
                <a:lnTo>
                  <a:pt x="1542700" y="1335136"/>
                </a:lnTo>
                <a:lnTo>
                  <a:pt x="1520260" y="1323916"/>
                </a:lnTo>
                <a:lnTo>
                  <a:pt x="1492211" y="1312696"/>
                </a:lnTo>
                <a:lnTo>
                  <a:pt x="1458553" y="1290257"/>
                </a:lnTo>
                <a:lnTo>
                  <a:pt x="1436113" y="1234159"/>
                </a:lnTo>
                <a:lnTo>
                  <a:pt x="1408064" y="1194890"/>
                </a:lnTo>
                <a:lnTo>
                  <a:pt x="1380015" y="1144402"/>
                </a:lnTo>
                <a:lnTo>
                  <a:pt x="1346356" y="1116353"/>
                </a:lnTo>
                <a:lnTo>
                  <a:pt x="1346356" y="1116353"/>
                </a:lnTo>
                <a:lnTo>
                  <a:pt x="1290258" y="1093914"/>
                </a:lnTo>
                <a:lnTo>
                  <a:pt x="1217330" y="1088304"/>
                </a:lnTo>
                <a:lnTo>
                  <a:pt x="1178062" y="1071474"/>
                </a:lnTo>
                <a:lnTo>
                  <a:pt x="1133183" y="1049035"/>
                </a:lnTo>
                <a:lnTo>
                  <a:pt x="1133183" y="1049035"/>
                </a:lnTo>
                <a:lnTo>
                  <a:pt x="1026597" y="1054645"/>
                </a:lnTo>
                <a:lnTo>
                  <a:pt x="1004157" y="1088304"/>
                </a:lnTo>
                <a:lnTo>
                  <a:pt x="964889" y="1116353"/>
                </a:lnTo>
                <a:lnTo>
                  <a:pt x="920010" y="1138792"/>
                </a:lnTo>
                <a:lnTo>
                  <a:pt x="886351" y="1200500"/>
                </a:lnTo>
                <a:lnTo>
                  <a:pt x="729276" y="1110743"/>
                </a:lnTo>
                <a:lnTo>
                  <a:pt x="645129" y="1172451"/>
                </a:lnTo>
                <a:lnTo>
                  <a:pt x="566592" y="1161231"/>
                </a:lnTo>
                <a:lnTo>
                  <a:pt x="527323" y="1166841"/>
                </a:lnTo>
                <a:lnTo>
                  <a:pt x="431956" y="1116353"/>
                </a:lnTo>
                <a:lnTo>
                  <a:pt x="370248" y="1166841"/>
                </a:lnTo>
                <a:lnTo>
                  <a:pt x="364638" y="1189281"/>
                </a:lnTo>
                <a:lnTo>
                  <a:pt x="291711" y="1194890"/>
                </a:lnTo>
                <a:close/>
              </a:path>
            </a:pathLst>
          </a:custGeom>
          <a:solidFill>
            <a:srgbClr val="C5BEAB">
              <a:alpha val="50196"/>
            </a:srgbClr>
          </a:solid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42" name="Freeform 41"/>
          <p:cNvSpPr/>
          <p:nvPr/>
        </p:nvSpPr>
        <p:spPr>
          <a:xfrm>
            <a:off x="6283560" y="3930856"/>
            <a:ext cx="798765" cy="1445318"/>
          </a:xfrm>
          <a:custGeom>
            <a:avLst/>
            <a:gdLst>
              <a:gd name="connsiteX0" fmla="*/ 0 w 823964"/>
              <a:gd name="connsiteY0" fmla="*/ 743578 h 1502228"/>
              <a:gd name="connsiteX1" fmla="*/ 401934 w 823964"/>
              <a:gd name="connsiteY1" fmla="*/ 753626 h 1502228"/>
              <a:gd name="connsiteX2" fmla="*/ 396909 w 823964"/>
              <a:gd name="connsiteY2" fmla="*/ 1391697 h 1502228"/>
              <a:gd name="connsiteX3" fmla="*/ 492369 w 823964"/>
              <a:gd name="connsiteY3" fmla="*/ 1386672 h 1502228"/>
              <a:gd name="connsiteX4" fmla="*/ 537586 w 823964"/>
              <a:gd name="connsiteY4" fmla="*/ 1406769 h 1502228"/>
              <a:gd name="connsiteX5" fmla="*/ 552659 w 823964"/>
              <a:gd name="connsiteY5" fmla="*/ 1502228 h 1502228"/>
              <a:gd name="connsiteX6" fmla="*/ 798844 w 823964"/>
              <a:gd name="connsiteY6" fmla="*/ 1502228 h 1502228"/>
              <a:gd name="connsiteX7" fmla="*/ 793819 w 823964"/>
              <a:gd name="connsiteY7" fmla="*/ 1301261 h 1502228"/>
              <a:gd name="connsiteX8" fmla="*/ 758650 w 823964"/>
              <a:gd name="connsiteY8" fmla="*/ 1205802 h 1502228"/>
              <a:gd name="connsiteX9" fmla="*/ 823964 w 823964"/>
              <a:gd name="connsiteY9" fmla="*/ 894303 h 1502228"/>
              <a:gd name="connsiteX10" fmla="*/ 803868 w 823964"/>
              <a:gd name="connsiteY10" fmla="*/ 522514 h 1502228"/>
              <a:gd name="connsiteX11" fmla="*/ 778747 w 823964"/>
              <a:gd name="connsiteY11" fmla="*/ 477297 h 1502228"/>
              <a:gd name="connsiteX12" fmla="*/ 708408 w 823964"/>
              <a:gd name="connsiteY12" fmla="*/ 0 h 1502228"/>
              <a:gd name="connsiteX13" fmla="*/ 507441 w 823964"/>
              <a:gd name="connsiteY13" fmla="*/ 120580 h 1502228"/>
              <a:gd name="connsiteX14" fmla="*/ 432079 w 823964"/>
              <a:gd name="connsiteY14" fmla="*/ 251209 h 1502228"/>
              <a:gd name="connsiteX15" fmla="*/ 286378 w 823964"/>
              <a:gd name="connsiteY15" fmla="*/ 331595 h 1502228"/>
              <a:gd name="connsiteX16" fmla="*/ 200967 w 823964"/>
              <a:gd name="connsiteY16" fmla="*/ 396910 h 1502228"/>
              <a:gd name="connsiteX17" fmla="*/ 25120 w 823964"/>
              <a:gd name="connsiteY17" fmla="*/ 582804 h 1502228"/>
              <a:gd name="connsiteX18" fmla="*/ 0 w 823964"/>
              <a:gd name="connsiteY18" fmla="*/ 743578 h 1502228"/>
              <a:gd name="connsiteX0" fmla="*/ 0 w 823964"/>
              <a:gd name="connsiteY0" fmla="*/ 733751 h 1502228"/>
              <a:gd name="connsiteX1" fmla="*/ 401934 w 823964"/>
              <a:gd name="connsiteY1" fmla="*/ 753626 h 1502228"/>
              <a:gd name="connsiteX2" fmla="*/ 396909 w 823964"/>
              <a:gd name="connsiteY2" fmla="*/ 1391697 h 1502228"/>
              <a:gd name="connsiteX3" fmla="*/ 492369 w 823964"/>
              <a:gd name="connsiteY3" fmla="*/ 1386672 h 1502228"/>
              <a:gd name="connsiteX4" fmla="*/ 537586 w 823964"/>
              <a:gd name="connsiteY4" fmla="*/ 1406769 h 1502228"/>
              <a:gd name="connsiteX5" fmla="*/ 552659 w 823964"/>
              <a:gd name="connsiteY5" fmla="*/ 1502228 h 1502228"/>
              <a:gd name="connsiteX6" fmla="*/ 798844 w 823964"/>
              <a:gd name="connsiteY6" fmla="*/ 1502228 h 1502228"/>
              <a:gd name="connsiteX7" fmla="*/ 793819 w 823964"/>
              <a:gd name="connsiteY7" fmla="*/ 1301261 h 1502228"/>
              <a:gd name="connsiteX8" fmla="*/ 758650 w 823964"/>
              <a:gd name="connsiteY8" fmla="*/ 1205802 h 1502228"/>
              <a:gd name="connsiteX9" fmla="*/ 823964 w 823964"/>
              <a:gd name="connsiteY9" fmla="*/ 894303 h 1502228"/>
              <a:gd name="connsiteX10" fmla="*/ 803868 w 823964"/>
              <a:gd name="connsiteY10" fmla="*/ 522514 h 1502228"/>
              <a:gd name="connsiteX11" fmla="*/ 778747 w 823964"/>
              <a:gd name="connsiteY11" fmla="*/ 477297 h 1502228"/>
              <a:gd name="connsiteX12" fmla="*/ 708408 w 823964"/>
              <a:gd name="connsiteY12" fmla="*/ 0 h 1502228"/>
              <a:gd name="connsiteX13" fmla="*/ 507441 w 823964"/>
              <a:gd name="connsiteY13" fmla="*/ 120580 h 1502228"/>
              <a:gd name="connsiteX14" fmla="*/ 432079 w 823964"/>
              <a:gd name="connsiteY14" fmla="*/ 251209 h 1502228"/>
              <a:gd name="connsiteX15" fmla="*/ 286378 w 823964"/>
              <a:gd name="connsiteY15" fmla="*/ 331595 h 1502228"/>
              <a:gd name="connsiteX16" fmla="*/ 200967 w 823964"/>
              <a:gd name="connsiteY16" fmla="*/ 396910 h 1502228"/>
              <a:gd name="connsiteX17" fmla="*/ 25120 w 823964"/>
              <a:gd name="connsiteY17" fmla="*/ 582804 h 1502228"/>
              <a:gd name="connsiteX18" fmla="*/ 0 w 823964"/>
              <a:gd name="connsiteY18" fmla="*/ 733751 h 1502228"/>
              <a:gd name="connsiteX0" fmla="*/ 2793 w 826757"/>
              <a:gd name="connsiteY0" fmla="*/ 733751 h 1502228"/>
              <a:gd name="connsiteX1" fmla="*/ 404727 w 826757"/>
              <a:gd name="connsiteY1" fmla="*/ 753626 h 1502228"/>
              <a:gd name="connsiteX2" fmla="*/ 399702 w 826757"/>
              <a:gd name="connsiteY2" fmla="*/ 1391697 h 1502228"/>
              <a:gd name="connsiteX3" fmla="*/ 495162 w 826757"/>
              <a:gd name="connsiteY3" fmla="*/ 1386672 h 1502228"/>
              <a:gd name="connsiteX4" fmla="*/ 540379 w 826757"/>
              <a:gd name="connsiteY4" fmla="*/ 1406769 h 1502228"/>
              <a:gd name="connsiteX5" fmla="*/ 555452 w 826757"/>
              <a:gd name="connsiteY5" fmla="*/ 1502228 h 1502228"/>
              <a:gd name="connsiteX6" fmla="*/ 801637 w 826757"/>
              <a:gd name="connsiteY6" fmla="*/ 1502228 h 1502228"/>
              <a:gd name="connsiteX7" fmla="*/ 796612 w 826757"/>
              <a:gd name="connsiteY7" fmla="*/ 1301261 h 1502228"/>
              <a:gd name="connsiteX8" fmla="*/ 761443 w 826757"/>
              <a:gd name="connsiteY8" fmla="*/ 1205802 h 1502228"/>
              <a:gd name="connsiteX9" fmla="*/ 826757 w 826757"/>
              <a:gd name="connsiteY9" fmla="*/ 894303 h 1502228"/>
              <a:gd name="connsiteX10" fmla="*/ 806661 w 826757"/>
              <a:gd name="connsiteY10" fmla="*/ 522514 h 1502228"/>
              <a:gd name="connsiteX11" fmla="*/ 781540 w 826757"/>
              <a:gd name="connsiteY11" fmla="*/ 477297 h 1502228"/>
              <a:gd name="connsiteX12" fmla="*/ 711201 w 826757"/>
              <a:gd name="connsiteY12" fmla="*/ 0 h 1502228"/>
              <a:gd name="connsiteX13" fmla="*/ 510234 w 826757"/>
              <a:gd name="connsiteY13" fmla="*/ 120580 h 1502228"/>
              <a:gd name="connsiteX14" fmla="*/ 434872 w 826757"/>
              <a:gd name="connsiteY14" fmla="*/ 251209 h 1502228"/>
              <a:gd name="connsiteX15" fmla="*/ 289171 w 826757"/>
              <a:gd name="connsiteY15" fmla="*/ 331595 h 1502228"/>
              <a:gd name="connsiteX16" fmla="*/ 203760 w 826757"/>
              <a:gd name="connsiteY16" fmla="*/ 396910 h 1502228"/>
              <a:gd name="connsiteX17" fmla="*/ 27913 w 826757"/>
              <a:gd name="connsiteY17" fmla="*/ 582804 h 1502228"/>
              <a:gd name="connsiteX18" fmla="*/ 2793 w 826757"/>
              <a:gd name="connsiteY18" fmla="*/ 733751 h 1502228"/>
              <a:gd name="connsiteX0" fmla="*/ 2600 w 829357"/>
              <a:gd name="connsiteY0" fmla="*/ 733751 h 1502228"/>
              <a:gd name="connsiteX1" fmla="*/ 407327 w 829357"/>
              <a:gd name="connsiteY1" fmla="*/ 753626 h 1502228"/>
              <a:gd name="connsiteX2" fmla="*/ 402302 w 829357"/>
              <a:gd name="connsiteY2" fmla="*/ 1391697 h 1502228"/>
              <a:gd name="connsiteX3" fmla="*/ 497762 w 829357"/>
              <a:gd name="connsiteY3" fmla="*/ 1386672 h 1502228"/>
              <a:gd name="connsiteX4" fmla="*/ 542979 w 829357"/>
              <a:gd name="connsiteY4" fmla="*/ 1406769 h 1502228"/>
              <a:gd name="connsiteX5" fmla="*/ 558052 w 829357"/>
              <a:gd name="connsiteY5" fmla="*/ 1502228 h 1502228"/>
              <a:gd name="connsiteX6" fmla="*/ 804237 w 829357"/>
              <a:gd name="connsiteY6" fmla="*/ 1502228 h 1502228"/>
              <a:gd name="connsiteX7" fmla="*/ 799212 w 829357"/>
              <a:gd name="connsiteY7" fmla="*/ 1301261 h 1502228"/>
              <a:gd name="connsiteX8" fmla="*/ 764043 w 829357"/>
              <a:gd name="connsiteY8" fmla="*/ 1205802 h 1502228"/>
              <a:gd name="connsiteX9" fmla="*/ 829357 w 829357"/>
              <a:gd name="connsiteY9" fmla="*/ 894303 h 1502228"/>
              <a:gd name="connsiteX10" fmla="*/ 809261 w 829357"/>
              <a:gd name="connsiteY10" fmla="*/ 522514 h 1502228"/>
              <a:gd name="connsiteX11" fmla="*/ 784140 w 829357"/>
              <a:gd name="connsiteY11" fmla="*/ 477297 h 1502228"/>
              <a:gd name="connsiteX12" fmla="*/ 713801 w 829357"/>
              <a:gd name="connsiteY12" fmla="*/ 0 h 1502228"/>
              <a:gd name="connsiteX13" fmla="*/ 512834 w 829357"/>
              <a:gd name="connsiteY13" fmla="*/ 120580 h 1502228"/>
              <a:gd name="connsiteX14" fmla="*/ 437472 w 829357"/>
              <a:gd name="connsiteY14" fmla="*/ 251209 h 1502228"/>
              <a:gd name="connsiteX15" fmla="*/ 291771 w 829357"/>
              <a:gd name="connsiteY15" fmla="*/ 331595 h 1502228"/>
              <a:gd name="connsiteX16" fmla="*/ 206360 w 829357"/>
              <a:gd name="connsiteY16" fmla="*/ 396910 h 1502228"/>
              <a:gd name="connsiteX17" fmla="*/ 30513 w 829357"/>
              <a:gd name="connsiteY17" fmla="*/ 582804 h 1502228"/>
              <a:gd name="connsiteX18" fmla="*/ 2600 w 829357"/>
              <a:gd name="connsiteY18" fmla="*/ 733751 h 1502228"/>
              <a:gd name="connsiteX0" fmla="*/ 2442 w 831799"/>
              <a:gd name="connsiteY0" fmla="*/ 749049 h 1502228"/>
              <a:gd name="connsiteX1" fmla="*/ 409769 w 831799"/>
              <a:gd name="connsiteY1" fmla="*/ 753626 h 1502228"/>
              <a:gd name="connsiteX2" fmla="*/ 404744 w 831799"/>
              <a:gd name="connsiteY2" fmla="*/ 1391697 h 1502228"/>
              <a:gd name="connsiteX3" fmla="*/ 500204 w 831799"/>
              <a:gd name="connsiteY3" fmla="*/ 1386672 h 1502228"/>
              <a:gd name="connsiteX4" fmla="*/ 545421 w 831799"/>
              <a:gd name="connsiteY4" fmla="*/ 1406769 h 1502228"/>
              <a:gd name="connsiteX5" fmla="*/ 560494 w 831799"/>
              <a:gd name="connsiteY5" fmla="*/ 1502228 h 1502228"/>
              <a:gd name="connsiteX6" fmla="*/ 806679 w 831799"/>
              <a:gd name="connsiteY6" fmla="*/ 1502228 h 1502228"/>
              <a:gd name="connsiteX7" fmla="*/ 801654 w 831799"/>
              <a:gd name="connsiteY7" fmla="*/ 1301261 h 1502228"/>
              <a:gd name="connsiteX8" fmla="*/ 766485 w 831799"/>
              <a:gd name="connsiteY8" fmla="*/ 1205802 h 1502228"/>
              <a:gd name="connsiteX9" fmla="*/ 831799 w 831799"/>
              <a:gd name="connsiteY9" fmla="*/ 894303 h 1502228"/>
              <a:gd name="connsiteX10" fmla="*/ 811703 w 831799"/>
              <a:gd name="connsiteY10" fmla="*/ 522514 h 1502228"/>
              <a:gd name="connsiteX11" fmla="*/ 786582 w 831799"/>
              <a:gd name="connsiteY11" fmla="*/ 477297 h 1502228"/>
              <a:gd name="connsiteX12" fmla="*/ 716243 w 831799"/>
              <a:gd name="connsiteY12" fmla="*/ 0 h 1502228"/>
              <a:gd name="connsiteX13" fmla="*/ 515276 w 831799"/>
              <a:gd name="connsiteY13" fmla="*/ 120580 h 1502228"/>
              <a:gd name="connsiteX14" fmla="*/ 439914 w 831799"/>
              <a:gd name="connsiteY14" fmla="*/ 251209 h 1502228"/>
              <a:gd name="connsiteX15" fmla="*/ 294213 w 831799"/>
              <a:gd name="connsiteY15" fmla="*/ 331595 h 1502228"/>
              <a:gd name="connsiteX16" fmla="*/ 208802 w 831799"/>
              <a:gd name="connsiteY16" fmla="*/ 396910 h 1502228"/>
              <a:gd name="connsiteX17" fmla="*/ 32955 w 831799"/>
              <a:gd name="connsiteY17" fmla="*/ 582804 h 1502228"/>
              <a:gd name="connsiteX18" fmla="*/ 2442 w 831799"/>
              <a:gd name="connsiteY18" fmla="*/ 749049 h 15022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831799" h="1502228">
                <a:moveTo>
                  <a:pt x="2442" y="749049"/>
                </a:moveTo>
                <a:lnTo>
                  <a:pt x="409769" y="753626"/>
                </a:lnTo>
                <a:lnTo>
                  <a:pt x="404744" y="1391697"/>
                </a:lnTo>
                <a:lnTo>
                  <a:pt x="500204" y="1386672"/>
                </a:lnTo>
                <a:lnTo>
                  <a:pt x="545421" y="1406769"/>
                </a:lnTo>
                <a:lnTo>
                  <a:pt x="560494" y="1502228"/>
                </a:lnTo>
                <a:lnTo>
                  <a:pt x="806679" y="1502228"/>
                </a:lnTo>
                <a:lnTo>
                  <a:pt x="801654" y="1301261"/>
                </a:lnTo>
                <a:lnTo>
                  <a:pt x="766485" y="1205802"/>
                </a:lnTo>
                <a:lnTo>
                  <a:pt x="831799" y="894303"/>
                </a:lnTo>
                <a:lnTo>
                  <a:pt x="811703" y="522514"/>
                </a:lnTo>
                <a:lnTo>
                  <a:pt x="786582" y="477297"/>
                </a:lnTo>
                <a:lnTo>
                  <a:pt x="716243" y="0"/>
                </a:lnTo>
                <a:lnTo>
                  <a:pt x="515276" y="120580"/>
                </a:lnTo>
                <a:lnTo>
                  <a:pt x="439914" y="251209"/>
                </a:lnTo>
                <a:lnTo>
                  <a:pt x="294213" y="331595"/>
                </a:lnTo>
                <a:lnTo>
                  <a:pt x="208802" y="396910"/>
                </a:lnTo>
                <a:lnTo>
                  <a:pt x="32955" y="582804"/>
                </a:lnTo>
                <a:cubicBezTo>
                  <a:pt x="24582" y="633120"/>
                  <a:pt x="-9287" y="698939"/>
                  <a:pt x="2442" y="749049"/>
                </a:cubicBezTo>
                <a:close/>
              </a:path>
            </a:pathLst>
          </a:custGeom>
          <a:solidFill>
            <a:srgbClr val="C5BEAB">
              <a:alpha val="50196"/>
            </a:srgbClr>
          </a:solidFill>
          <a:ln w="12700">
            <a:solidFill>
              <a:srgbClr val="FFFF00"/>
            </a:solidFill>
            <a:prstDash val="solid"/>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43" name="Freeform 42"/>
          <p:cNvSpPr/>
          <p:nvPr/>
        </p:nvSpPr>
        <p:spPr>
          <a:xfrm>
            <a:off x="7103152" y="4444245"/>
            <a:ext cx="1087260" cy="1735289"/>
          </a:xfrm>
          <a:custGeom>
            <a:avLst/>
            <a:gdLst>
              <a:gd name="connsiteX0" fmla="*/ 431955 w 1150012"/>
              <a:gd name="connsiteY0" fmla="*/ 1772702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03 w 1150012"/>
              <a:gd name="connsiteY63" fmla="*/ 1795141 h 1806361"/>
              <a:gd name="connsiteX64" fmla="*/ 673178 w 1150012"/>
              <a:gd name="connsiteY64" fmla="*/ 1806361 h 1806361"/>
              <a:gd name="connsiteX65" fmla="*/ 521712 w 1150012"/>
              <a:gd name="connsiteY65" fmla="*/ 1806361 h 1806361"/>
              <a:gd name="connsiteX66" fmla="*/ 431955 w 1150012"/>
              <a:gd name="connsiteY66" fmla="*/ 1772702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03 w 1150012"/>
              <a:gd name="connsiteY63" fmla="*/ 1795141 h 1806361"/>
              <a:gd name="connsiteX64" fmla="*/ 673178 w 1150012"/>
              <a:gd name="connsiteY64" fmla="*/ 1806361 h 1806361"/>
              <a:gd name="connsiteX65" fmla="*/ 521712 w 1150012"/>
              <a:gd name="connsiteY65" fmla="*/ 1806361 h 1806361"/>
              <a:gd name="connsiteX66" fmla="*/ 420745 w 1150012"/>
              <a:gd name="connsiteY66" fmla="*/ 1806361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49 w 1150012"/>
              <a:gd name="connsiteY62" fmla="*/ 1789532 h 1806361"/>
              <a:gd name="connsiteX63" fmla="*/ 802222 w 1150012"/>
              <a:gd name="connsiteY63" fmla="*/ 1806361 h 1806361"/>
              <a:gd name="connsiteX64" fmla="*/ 673178 w 1150012"/>
              <a:gd name="connsiteY64" fmla="*/ 1806361 h 1806361"/>
              <a:gd name="connsiteX65" fmla="*/ 521712 w 1150012"/>
              <a:gd name="connsiteY65" fmla="*/ 1806361 h 1806361"/>
              <a:gd name="connsiteX66" fmla="*/ 420745 w 1150012"/>
              <a:gd name="connsiteY66" fmla="*/ 1806361 h 1806361"/>
              <a:gd name="connsiteX0" fmla="*/ 420745 w 1150012"/>
              <a:gd name="connsiteY0" fmla="*/ 1806361 h 1806361"/>
              <a:gd name="connsiteX1" fmla="*/ 482444 w 1150012"/>
              <a:gd name="connsiteY1" fmla="*/ 1643676 h 1806361"/>
              <a:gd name="connsiteX2" fmla="*/ 353418 w 1150012"/>
              <a:gd name="connsiteY2" fmla="*/ 1430503 h 1806361"/>
              <a:gd name="connsiteX3" fmla="*/ 325369 w 1150012"/>
              <a:gd name="connsiteY3" fmla="*/ 1295868 h 1806361"/>
              <a:gd name="connsiteX4" fmla="*/ 319759 w 1150012"/>
              <a:gd name="connsiteY4" fmla="*/ 1279038 h 1806361"/>
              <a:gd name="connsiteX5" fmla="*/ 185124 w 1150012"/>
              <a:gd name="connsiteY5" fmla="*/ 1183672 h 1806361"/>
              <a:gd name="connsiteX6" fmla="*/ 157074 w 1150012"/>
              <a:gd name="connsiteY6" fmla="*/ 1116354 h 1806361"/>
              <a:gd name="connsiteX7" fmla="*/ 151465 w 1150012"/>
              <a:gd name="connsiteY7" fmla="*/ 1065865 h 1806361"/>
              <a:gd name="connsiteX8" fmla="*/ 168294 w 1150012"/>
              <a:gd name="connsiteY8" fmla="*/ 1020987 h 1806361"/>
              <a:gd name="connsiteX9" fmla="*/ 123416 w 1150012"/>
              <a:gd name="connsiteY9" fmla="*/ 925620 h 1806361"/>
              <a:gd name="connsiteX10" fmla="*/ 123416 w 1150012"/>
              <a:gd name="connsiteY10" fmla="*/ 903181 h 1806361"/>
              <a:gd name="connsiteX11" fmla="*/ 168294 w 1150012"/>
              <a:gd name="connsiteY11" fmla="*/ 835863 h 1806361"/>
              <a:gd name="connsiteX12" fmla="*/ 168294 w 1150012"/>
              <a:gd name="connsiteY12" fmla="*/ 779765 h 1806361"/>
              <a:gd name="connsiteX13" fmla="*/ 151465 w 1150012"/>
              <a:gd name="connsiteY13" fmla="*/ 746106 h 1806361"/>
              <a:gd name="connsiteX14" fmla="*/ 78537 w 1150012"/>
              <a:gd name="connsiteY14" fmla="*/ 723667 h 1806361"/>
              <a:gd name="connsiteX15" fmla="*/ 33658 w 1150012"/>
              <a:gd name="connsiteY15" fmla="*/ 723667 h 1806361"/>
              <a:gd name="connsiteX16" fmla="*/ 0 w 1150012"/>
              <a:gd name="connsiteY16" fmla="*/ 701227 h 1806361"/>
              <a:gd name="connsiteX17" fmla="*/ 0 w 1150012"/>
              <a:gd name="connsiteY17" fmla="*/ 577811 h 1806361"/>
              <a:gd name="connsiteX18" fmla="*/ 89757 w 1150012"/>
              <a:gd name="connsiteY18" fmla="*/ 516103 h 1806361"/>
              <a:gd name="connsiteX19" fmla="*/ 106586 w 1150012"/>
              <a:gd name="connsiteY19" fmla="*/ 471225 h 1806361"/>
              <a:gd name="connsiteX20" fmla="*/ 100976 w 1150012"/>
              <a:gd name="connsiteY20" fmla="*/ 409517 h 1806361"/>
              <a:gd name="connsiteX21" fmla="*/ 112196 w 1150012"/>
              <a:gd name="connsiteY21" fmla="*/ 370248 h 1806361"/>
              <a:gd name="connsiteX22" fmla="*/ 151465 w 1150012"/>
              <a:gd name="connsiteY22" fmla="*/ 319760 h 1806361"/>
              <a:gd name="connsiteX23" fmla="*/ 190733 w 1150012"/>
              <a:gd name="connsiteY23" fmla="*/ 308540 h 1806361"/>
              <a:gd name="connsiteX24" fmla="*/ 230002 w 1150012"/>
              <a:gd name="connsiteY24" fmla="*/ 246832 h 1806361"/>
              <a:gd name="connsiteX25" fmla="*/ 291710 w 1150012"/>
              <a:gd name="connsiteY25" fmla="*/ 173905 h 1806361"/>
              <a:gd name="connsiteX26" fmla="*/ 375857 w 1150012"/>
              <a:gd name="connsiteY26" fmla="*/ 151465 h 1806361"/>
              <a:gd name="connsiteX27" fmla="*/ 403906 w 1150012"/>
              <a:gd name="connsiteY27" fmla="*/ 134636 h 1806361"/>
              <a:gd name="connsiteX28" fmla="*/ 431955 w 1150012"/>
              <a:gd name="connsiteY28" fmla="*/ 84148 h 1806361"/>
              <a:gd name="connsiteX29" fmla="*/ 471224 w 1150012"/>
              <a:gd name="connsiteY29" fmla="*/ 16830 h 1806361"/>
              <a:gd name="connsiteX30" fmla="*/ 471224 w 1150012"/>
              <a:gd name="connsiteY30" fmla="*/ 11220 h 1806361"/>
              <a:gd name="connsiteX31" fmla="*/ 510493 w 1150012"/>
              <a:gd name="connsiteY31" fmla="*/ 0 h 1806361"/>
              <a:gd name="connsiteX32" fmla="*/ 566591 w 1150012"/>
              <a:gd name="connsiteY32" fmla="*/ 28049 h 1806361"/>
              <a:gd name="connsiteX33" fmla="*/ 583420 w 1150012"/>
              <a:gd name="connsiteY33" fmla="*/ 61708 h 1806361"/>
              <a:gd name="connsiteX34" fmla="*/ 600250 w 1150012"/>
              <a:gd name="connsiteY34" fmla="*/ 95367 h 1806361"/>
              <a:gd name="connsiteX35" fmla="*/ 718056 w 1150012"/>
              <a:gd name="connsiteY35" fmla="*/ 145856 h 1806361"/>
              <a:gd name="connsiteX36" fmla="*/ 790984 w 1150012"/>
              <a:gd name="connsiteY36" fmla="*/ 112197 h 1806361"/>
              <a:gd name="connsiteX37" fmla="*/ 875131 w 1150012"/>
              <a:gd name="connsiteY37" fmla="*/ 112197 h 1806361"/>
              <a:gd name="connsiteX38" fmla="*/ 920009 w 1150012"/>
              <a:gd name="connsiteY38" fmla="*/ 145856 h 1806361"/>
              <a:gd name="connsiteX39" fmla="*/ 970498 w 1150012"/>
              <a:gd name="connsiteY39" fmla="*/ 129026 h 1806361"/>
              <a:gd name="connsiteX40" fmla="*/ 1150012 w 1150012"/>
              <a:gd name="connsiteY40" fmla="*/ 190734 h 1806361"/>
              <a:gd name="connsiteX41" fmla="*/ 1037816 w 1150012"/>
              <a:gd name="connsiteY41" fmla="*/ 325370 h 1806361"/>
              <a:gd name="connsiteX42" fmla="*/ 1015376 w 1150012"/>
              <a:gd name="connsiteY42" fmla="*/ 375858 h 1806361"/>
              <a:gd name="connsiteX43" fmla="*/ 1015376 w 1150012"/>
              <a:gd name="connsiteY43" fmla="*/ 409517 h 1806361"/>
              <a:gd name="connsiteX44" fmla="*/ 1049035 w 1150012"/>
              <a:gd name="connsiteY44" fmla="*/ 504884 h 1806361"/>
              <a:gd name="connsiteX45" fmla="*/ 936839 w 1150012"/>
              <a:gd name="connsiteY45" fmla="*/ 544152 h 1806361"/>
              <a:gd name="connsiteX46" fmla="*/ 920009 w 1150012"/>
              <a:gd name="connsiteY46" fmla="*/ 583421 h 1806361"/>
              <a:gd name="connsiteX47" fmla="*/ 920009 w 1150012"/>
              <a:gd name="connsiteY47" fmla="*/ 617080 h 1806361"/>
              <a:gd name="connsiteX48" fmla="*/ 948058 w 1150012"/>
              <a:gd name="connsiteY48" fmla="*/ 661959 h 1806361"/>
              <a:gd name="connsiteX49" fmla="*/ 903180 w 1150012"/>
              <a:gd name="connsiteY49" fmla="*/ 757326 h 1806361"/>
              <a:gd name="connsiteX50" fmla="*/ 891960 w 1150012"/>
              <a:gd name="connsiteY50" fmla="*/ 762935 h 1806361"/>
              <a:gd name="connsiteX51" fmla="*/ 897570 w 1150012"/>
              <a:gd name="connsiteY51" fmla="*/ 796594 h 1806361"/>
              <a:gd name="connsiteX52" fmla="*/ 931229 w 1150012"/>
              <a:gd name="connsiteY52" fmla="*/ 852692 h 1806361"/>
              <a:gd name="connsiteX53" fmla="*/ 852692 w 1150012"/>
              <a:gd name="connsiteY53" fmla="*/ 925620 h 1806361"/>
              <a:gd name="connsiteX54" fmla="*/ 841472 w 1150012"/>
              <a:gd name="connsiteY54" fmla="*/ 998548 h 1806361"/>
              <a:gd name="connsiteX55" fmla="*/ 931229 w 1150012"/>
              <a:gd name="connsiteY55" fmla="*/ 1088305 h 1806361"/>
              <a:gd name="connsiteX56" fmla="*/ 959278 w 1150012"/>
              <a:gd name="connsiteY56" fmla="*/ 1295868 h 1806361"/>
              <a:gd name="connsiteX57" fmla="*/ 981717 w 1150012"/>
              <a:gd name="connsiteY57" fmla="*/ 1346356 h 1806361"/>
              <a:gd name="connsiteX58" fmla="*/ 1037816 w 1150012"/>
              <a:gd name="connsiteY58" fmla="*/ 1396845 h 1806361"/>
              <a:gd name="connsiteX59" fmla="*/ 908790 w 1150012"/>
              <a:gd name="connsiteY59" fmla="*/ 1587578 h 1806361"/>
              <a:gd name="connsiteX60" fmla="*/ 903180 w 1150012"/>
              <a:gd name="connsiteY60" fmla="*/ 1643676 h 1806361"/>
              <a:gd name="connsiteX61" fmla="*/ 936839 w 1150012"/>
              <a:gd name="connsiteY61" fmla="*/ 1699775 h 1806361"/>
              <a:gd name="connsiteX62" fmla="*/ 942471 w 1150012"/>
              <a:gd name="connsiteY62" fmla="*/ 1806361 h 1806361"/>
              <a:gd name="connsiteX63" fmla="*/ 802222 w 1150012"/>
              <a:gd name="connsiteY63" fmla="*/ 1806361 h 1806361"/>
              <a:gd name="connsiteX64" fmla="*/ 673178 w 1150012"/>
              <a:gd name="connsiteY64" fmla="*/ 1806361 h 1806361"/>
              <a:gd name="connsiteX65" fmla="*/ 521712 w 1150012"/>
              <a:gd name="connsiteY65" fmla="*/ 1806361 h 1806361"/>
              <a:gd name="connsiteX66" fmla="*/ 420745 w 1150012"/>
              <a:gd name="connsiteY66" fmla="*/ 1806361 h 18063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150012" h="1806361">
                <a:moveTo>
                  <a:pt x="420745" y="1806361"/>
                </a:moveTo>
                <a:lnTo>
                  <a:pt x="482444" y="1643676"/>
                </a:lnTo>
                <a:lnTo>
                  <a:pt x="353418" y="1430503"/>
                </a:lnTo>
                <a:lnTo>
                  <a:pt x="325369" y="1295868"/>
                </a:lnTo>
                <a:lnTo>
                  <a:pt x="319759" y="1279038"/>
                </a:lnTo>
                <a:lnTo>
                  <a:pt x="185124" y="1183672"/>
                </a:lnTo>
                <a:lnTo>
                  <a:pt x="157074" y="1116354"/>
                </a:lnTo>
                <a:lnTo>
                  <a:pt x="151465" y="1065865"/>
                </a:lnTo>
                <a:lnTo>
                  <a:pt x="168294" y="1020987"/>
                </a:lnTo>
                <a:lnTo>
                  <a:pt x="123416" y="925620"/>
                </a:lnTo>
                <a:lnTo>
                  <a:pt x="123416" y="903181"/>
                </a:lnTo>
                <a:lnTo>
                  <a:pt x="168294" y="835863"/>
                </a:lnTo>
                <a:lnTo>
                  <a:pt x="168294" y="779765"/>
                </a:lnTo>
                <a:lnTo>
                  <a:pt x="151465" y="746106"/>
                </a:lnTo>
                <a:lnTo>
                  <a:pt x="78537" y="723667"/>
                </a:lnTo>
                <a:lnTo>
                  <a:pt x="33658" y="723667"/>
                </a:lnTo>
                <a:lnTo>
                  <a:pt x="0" y="701227"/>
                </a:lnTo>
                <a:lnTo>
                  <a:pt x="0" y="577811"/>
                </a:lnTo>
                <a:lnTo>
                  <a:pt x="89757" y="516103"/>
                </a:lnTo>
                <a:lnTo>
                  <a:pt x="106586" y="471225"/>
                </a:lnTo>
                <a:lnTo>
                  <a:pt x="100976" y="409517"/>
                </a:lnTo>
                <a:lnTo>
                  <a:pt x="112196" y="370248"/>
                </a:lnTo>
                <a:lnTo>
                  <a:pt x="151465" y="319760"/>
                </a:lnTo>
                <a:lnTo>
                  <a:pt x="190733" y="308540"/>
                </a:lnTo>
                <a:lnTo>
                  <a:pt x="230002" y="246832"/>
                </a:lnTo>
                <a:lnTo>
                  <a:pt x="291710" y="173905"/>
                </a:lnTo>
                <a:lnTo>
                  <a:pt x="375857" y="151465"/>
                </a:lnTo>
                <a:lnTo>
                  <a:pt x="403906" y="134636"/>
                </a:lnTo>
                <a:lnTo>
                  <a:pt x="431955" y="84148"/>
                </a:lnTo>
                <a:lnTo>
                  <a:pt x="471224" y="16830"/>
                </a:lnTo>
                <a:lnTo>
                  <a:pt x="471224" y="11220"/>
                </a:lnTo>
                <a:lnTo>
                  <a:pt x="510493" y="0"/>
                </a:lnTo>
                <a:lnTo>
                  <a:pt x="566591" y="28049"/>
                </a:lnTo>
                <a:lnTo>
                  <a:pt x="583420" y="61708"/>
                </a:lnTo>
                <a:lnTo>
                  <a:pt x="600250" y="95367"/>
                </a:lnTo>
                <a:lnTo>
                  <a:pt x="718056" y="145856"/>
                </a:lnTo>
                <a:lnTo>
                  <a:pt x="790984" y="112197"/>
                </a:lnTo>
                <a:lnTo>
                  <a:pt x="875131" y="112197"/>
                </a:lnTo>
                <a:lnTo>
                  <a:pt x="920009" y="145856"/>
                </a:lnTo>
                <a:lnTo>
                  <a:pt x="970498" y="129026"/>
                </a:lnTo>
                <a:lnTo>
                  <a:pt x="1150012" y="190734"/>
                </a:lnTo>
                <a:lnTo>
                  <a:pt x="1037816" y="325370"/>
                </a:lnTo>
                <a:lnTo>
                  <a:pt x="1015376" y="375858"/>
                </a:lnTo>
                <a:lnTo>
                  <a:pt x="1015376" y="409517"/>
                </a:lnTo>
                <a:lnTo>
                  <a:pt x="1049035" y="504884"/>
                </a:lnTo>
                <a:lnTo>
                  <a:pt x="936839" y="544152"/>
                </a:lnTo>
                <a:lnTo>
                  <a:pt x="920009" y="583421"/>
                </a:lnTo>
                <a:lnTo>
                  <a:pt x="920009" y="617080"/>
                </a:lnTo>
                <a:lnTo>
                  <a:pt x="948058" y="661959"/>
                </a:lnTo>
                <a:lnTo>
                  <a:pt x="903180" y="757326"/>
                </a:lnTo>
                <a:lnTo>
                  <a:pt x="891960" y="762935"/>
                </a:lnTo>
                <a:lnTo>
                  <a:pt x="897570" y="796594"/>
                </a:lnTo>
                <a:lnTo>
                  <a:pt x="931229" y="852692"/>
                </a:lnTo>
                <a:lnTo>
                  <a:pt x="852692" y="925620"/>
                </a:lnTo>
                <a:lnTo>
                  <a:pt x="841472" y="998548"/>
                </a:lnTo>
                <a:lnTo>
                  <a:pt x="931229" y="1088305"/>
                </a:lnTo>
                <a:lnTo>
                  <a:pt x="959278" y="1295868"/>
                </a:lnTo>
                <a:lnTo>
                  <a:pt x="981717" y="1346356"/>
                </a:lnTo>
                <a:lnTo>
                  <a:pt x="1037816" y="1396845"/>
                </a:lnTo>
                <a:lnTo>
                  <a:pt x="908790" y="1587578"/>
                </a:lnTo>
                <a:lnTo>
                  <a:pt x="903180" y="1643676"/>
                </a:lnTo>
                <a:lnTo>
                  <a:pt x="936839" y="1699775"/>
                </a:lnTo>
                <a:lnTo>
                  <a:pt x="942471" y="1806361"/>
                </a:lnTo>
                <a:lnTo>
                  <a:pt x="802222" y="1806361"/>
                </a:lnTo>
                <a:lnTo>
                  <a:pt x="673178" y="1806361"/>
                </a:lnTo>
                <a:lnTo>
                  <a:pt x="521712" y="1806361"/>
                </a:lnTo>
                <a:lnTo>
                  <a:pt x="420745" y="1806361"/>
                </a:lnTo>
                <a:close/>
              </a:path>
            </a:pathLst>
          </a:custGeom>
          <a:solidFill>
            <a:srgbClr val="C5BEAB">
              <a:alpha val="50196"/>
            </a:srgbClr>
          </a:solidFill>
          <a:ln w="25400" cap="flat" cmpd="sng" algn="ctr">
            <a:solidFill>
              <a:srgbClr val="FFFF00"/>
            </a:solidFill>
            <a:prstDash val="solid"/>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44" name="Freeform 43"/>
          <p:cNvSpPr/>
          <p:nvPr/>
        </p:nvSpPr>
        <p:spPr>
          <a:xfrm>
            <a:off x="106013" y="3208268"/>
            <a:ext cx="372936" cy="191131"/>
          </a:xfrm>
          <a:custGeom>
            <a:avLst/>
            <a:gdLst>
              <a:gd name="connsiteX0" fmla="*/ 353833 w 405517"/>
              <a:gd name="connsiteY0" fmla="*/ 198783 h 198783"/>
              <a:gd name="connsiteX1" fmla="*/ 405517 w 405517"/>
              <a:gd name="connsiteY1" fmla="*/ 131197 h 198783"/>
              <a:gd name="connsiteX2" fmla="*/ 286247 w 405517"/>
              <a:gd name="connsiteY2" fmla="*/ 0 h 198783"/>
              <a:gd name="connsiteX3" fmla="*/ 262393 w 405517"/>
              <a:gd name="connsiteY3" fmla="*/ 11927 h 198783"/>
              <a:gd name="connsiteX4" fmla="*/ 226612 w 405517"/>
              <a:gd name="connsiteY4" fmla="*/ 23854 h 198783"/>
              <a:gd name="connsiteX5" fmla="*/ 206734 w 405517"/>
              <a:gd name="connsiteY5" fmla="*/ 27830 h 198783"/>
              <a:gd name="connsiteX6" fmla="*/ 198783 w 405517"/>
              <a:gd name="connsiteY6" fmla="*/ 47708 h 198783"/>
              <a:gd name="connsiteX7" fmla="*/ 143124 w 405517"/>
              <a:gd name="connsiteY7" fmla="*/ 47708 h 198783"/>
              <a:gd name="connsiteX8" fmla="*/ 119270 w 405517"/>
              <a:gd name="connsiteY8" fmla="*/ 79513 h 198783"/>
              <a:gd name="connsiteX9" fmla="*/ 47708 w 405517"/>
              <a:gd name="connsiteY9" fmla="*/ 51684 h 198783"/>
              <a:gd name="connsiteX10" fmla="*/ 0 w 405517"/>
              <a:gd name="connsiteY10" fmla="*/ 83489 h 198783"/>
              <a:gd name="connsiteX11" fmla="*/ 0 w 405517"/>
              <a:gd name="connsiteY11" fmla="*/ 111318 h 198783"/>
              <a:gd name="connsiteX12" fmla="*/ 51684 w 405517"/>
              <a:gd name="connsiteY12" fmla="*/ 143124 h 198783"/>
              <a:gd name="connsiteX13" fmla="*/ 75537 w 405517"/>
              <a:gd name="connsiteY13" fmla="*/ 127221 h 198783"/>
              <a:gd name="connsiteX14" fmla="*/ 115294 w 405517"/>
              <a:gd name="connsiteY14" fmla="*/ 174929 h 198783"/>
              <a:gd name="connsiteX15" fmla="*/ 139148 w 405517"/>
              <a:gd name="connsiteY15" fmla="*/ 170953 h 198783"/>
              <a:gd name="connsiteX16" fmla="*/ 166977 w 405517"/>
              <a:gd name="connsiteY16" fmla="*/ 170953 h 198783"/>
              <a:gd name="connsiteX17" fmla="*/ 182880 w 405517"/>
              <a:gd name="connsiteY17" fmla="*/ 155050 h 198783"/>
              <a:gd name="connsiteX18" fmla="*/ 202758 w 405517"/>
              <a:gd name="connsiteY18" fmla="*/ 186856 h 198783"/>
              <a:gd name="connsiteX19" fmla="*/ 278296 w 405517"/>
              <a:gd name="connsiteY19" fmla="*/ 186856 h 198783"/>
              <a:gd name="connsiteX20" fmla="*/ 353833 w 405517"/>
              <a:gd name="connsiteY20" fmla="*/ 198783 h 1987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405517" h="198783">
                <a:moveTo>
                  <a:pt x="353833" y="198783"/>
                </a:moveTo>
                <a:lnTo>
                  <a:pt x="405517" y="131197"/>
                </a:lnTo>
                <a:lnTo>
                  <a:pt x="286247" y="0"/>
                </a:lnTo>
                <a:lnTo>
                  <a:pt x="262393" y="11927"/>
                </a:lnTo>
                <a:lnTo>
                  <a:pt x="226612" y="23854"/>
                </a:lnTo>
                <a:lnTo>
                  <a:pt x="206734" y="27830"/>
                </a:lnTo>
                <a:lnTo>
                  <a:pt x="198783" y="47708"/>
                </a:lnTo>
                <a:lnTo>
                  <a:pt x="143124" y="47708"/>
                </a:lnTo>
                <a:lnTo>
                  <a:pt x="119270" y="79513"/>
                </a:lnTo>
                <a:lnTo>
                  <a:pt x="47708" y="51684"/>
                </a:lnTo>
                <a:lnTo>
                  <a:pt x="0" y="83489"/>
                </a:lnTo>
                <a:lnTo>
                  <a:pt x="0" y="111318"/>
                </a:lnTo>
                <a:lnTo>
                  <a:pt x="51684" y="143124"/>
                </a:lnTo>
                <a:lnTo>
                  <a:pt x="75537" y="127221"/>
                </a:lnTo>
                <a:lnTo>
                  <a:pt x="115294" y="174929"/>
                </a:lnTo>
                <a:lnTo>
                  <a:pt x="139148" y="170953"/>
                </a:lnTo>
                <a:lnTo>
                  <a:pt x="166977" y="170953"/>
                </a:lnTo>
                <a:lnTo>
                  <a:pt x="182880" y="155050"/>
                </a:lnTo>
                <a:lnTo>
                  <a:pt x="202758" y="186856"/>
                </a:lnTo>
                <a:lnTo>
                  <a:pt x="278296" y="186856"/>
                </a:lnTo>
                <a:lnTo>
                  <a:pt x="353833" y="198783"/>
                </a:lnTo>
                <a:close/>
              </a:path>
            </a:pathLst>
          </a:custGeom>
          <a:solidFill>
            <a:srgbClr val="C5BEAB">
              <a:alpha val="50196"/>
            </a:srgbClr>
          </a:solidFill>
          <a:ln w="12700">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n-US" dirty="0">
              <a:solidFill>
                <a:prstClr val="white"/>
              </a:solidFill>
            </a:endParaRPr>
          </a:p>
        </p:txBody>
      </p:sp>
      <p:sp>
        <p:nvSpPr>
          <p:cNvPr id="30" name="Title 1"/>
          <p:cNvSpPr txBox="1">
            <a:spLocks/>
          </p:cNvSpPr>
          <p:nvPr/>
        </p:nvSpPr>
        <p:spPr bwMode="invGray">
          <a:xfrm>
            <a:off x="381000" y="173403"/>
            <a:ext cx="8382000" cy="664797"/>
          </a:xfrm>
          <a:prstGeom prst="rect">
            <a:avLst/>
          </a:prstGeom>
          <a:effectLst>
            <a:outerShdw blurRad="50800" dist="38100" dir="2700000" algn="tl" rotWithShape="0">
              <a:prstClr val="black"/>
            </a:outerShdw>
          </a:effectLst>
        </p:spPr>
        <p:txBody>
          <a:bodyPr vert="horz" wrap="square" lIns="0" tIns="0" rIns="0" bIns="0" rtlCol="0" anchor="ctr">
            <a:spAutoFit/>
          </a:bodyPr>
          <a:lstStyle>
            <a:lvl1pPr algn="ctr" defTabSz="912813" rtl="0" eaLnBrk="0" fontAlgn="base" hangingPunct="0">
              <a:lnSpc>
                <a:spcPct val="90000"/>
              </a:lnSpc>
              <a:spcBef>
                <a:spcPct val="0"/>
              </a:spcBef>
              <a:spcAft>
                <a:spcPct val="0"/>
              </a:spcAft>
              <a:defRPr lang="en-US" sz="4400" b="1" kern="1200"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ea typeface="+mn-ea"/>
                <a:cs typeface="Arial" charset="0"/>
              </a:defRPr>
            </a:lvl1pPr>
            <a:lvl2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2pPr>
            <a:lvl3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3pPr>
            <a:lvl4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4pPr>
            <a:lvl5pPr algn="l" defTabSz="912813" rtl="0" eaLnBrk="0" fontAlgn="base" hangingPunct="0">
              <a:lnSpc>
                <a:spcPct val="90000"/>
              </a:lnSpc>
              <a:spcBef>
                <a:spcPct val="0"/>
              </a:spcBef>
              <a:spcAft>
                <a:spcPct val="0"/>
              </a:spcAft>
              <a:defRPr sz="4400" b="1">
                <a:solidFill>
                  <a:schemeClr val="tx1"/>
                </a:solidFill>
                <a:latin typeface="Calibri" pitchFamily="34" charset="0"/>
                <a:cs typeface="Arial" charset="0"/>
              </a:defRPr>
            </a:lvl5pPr>
            <a:lvl6pPr marL="457200" algn="l" defTabSz="912813" rtl="0" fontAlgn="base">
              <a:lnSpc>
                <a:spcPct val="90000"/>
              </a:lnSpc>
              <a:spcBef>
                <a:spcPct val="0"/>
              </a:spcBef>
              <a:spcAft>
                <a:spcPct val="0"/>
              </a:spcAft>
              <a:defRPr sz="4800">
                <a:solidFill>
                  <a:schemeClr val="tx1"/>
                </a:solidFill>
                <a:latin typeface="Calibri" pitchFamily="34" charset="0"/>
                <a:cs typeface="Arial" charset="0"/>
              </a:defRPr>
            </a:lvl6pPr>
            <a:lvl7pPr marL="914400" algn="l" defTabSz="912813" rtl="0" fontAlgn="base">
              <a:lnSpc>
                <a:spcPct val="90000"/>
              </a:lnSpc>
              <a:spcBef>
                <a:spcPct val="0"/>
              </a:spcBef>
              <a:spcAft>
                <a:spcPct val="0"/>
              </a:spcAft>
              <a:defRPr sz="4800">
                <a:solidFill>
                  <a:schemeClr val="tx1"/>
                </a:solidFill>
                <a:latin typeface="Calibri" pitchFamily="34" charset="0"/>
                <a:cs typeface="Arial" charset="0"/>
              </a:defRPr>
            </a:lvl7pPr>
            <a:lvl8pPr marL="1371600" algn="l" defTabSz="912813" rtl="0" fontAlgn="base">
              <a:lnSpc>
                <a:spcPct val="90000"/>
              </a:lnSpc>
              <a:spcBef>
                <a:spcPct val="0"/>
              </a:spcBef>
              <a:spcAft>
                <a:spcPct val="0"/>
              </a:spcAft>
              <a:defRPr sz="4800">
                <a:solidFill>
                  <a:schemeClr val="tx1"/>
                </a:solidFill>
                <a:latin typeface="Calibri" pitchFamily="34" charset="0"/>
                <a:cs typeface="Arial" charset="0"/>
              </a:defRPr>
            </a:lvl8pPr>
            <a:lvl9pPr marL="1828800" algn="l" defTabSz="912813" rtl="0" fontAlgn="base">
              <a:lnSpc>
                <a:spcPct val="90000"/>
              </a:lnSpc>
              <a:spcBef>
                <a:spcPct val="0"/>
              </a:spcBef>
              <a:spcAft>
                <a:spcPct val="0"/>
              </a:spcAft>
              <a:defRPr sz="4800">
                <a:solidFill>
                  <a:schemeClr val="tx1"/>
                </a:solidFill>
                <a:latin typeface="Calibri" pitchFamily="34" charset="0"/>
                <a:cs typeface="Arial" charset="0"/>
              </a:defRPr>
            </a:lvl9pPr>
          </a:lstStyle>
          <a:p>
            <a:r>
              <a:rPr sz="4800" b="0" dirty="0" smtClean="0"/>
              <a:t>Location Map</a:t>
            </a:r>
            <a:endParaRPr sz="4800" b="0" dirty="0"/>
          </a:p>
        </p:txBody>
      </p:sp>
      <p:sp>
        <p:nvSpPr>
          <p:cNvPr id="31" name="Text Box 19"/>
          <p:cNvSpPr txBox="1"/>
          <p:nvPr/>
        </p:nvSpPr>
        <p:spPr>
          <a:xfrm>
            <a:off x="5635726" y="1779491"/>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Webb Tract</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32" name="Text Box 19"/>
          <p:cNvSpPr txBox="1"/>
          <p:nvPr/>
        </p:nvSpPr>
        <p:spPr>
          <a:xfrm>
            <a:off x="5635726" y="3916040"/>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Holland Tract</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33" name="Text Box 19"/>
          <p:cNvSpPr txBox="1"/>
          <p:nvPr/>
        </p:nvSpPr>
        <p:spPr>
          <a:xfrm>
            <a:off x="7420150" y="4159284"/>
            <a:ext cx="1525416" cy="293693"/>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sz="2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rPr>
              <a:t>Bacon Island</a:t>
            </a:r>
            <a:endParaRPr lang="en-US" sz="2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outerShdw>
              </a:effectLst>
              <a:latin typeface="Calibri"/>
              <a:cs typeface="Arial" charset="0"/>
            </a:endParaRPr>
          </a:p>
        </p:txBody>
      </p:sp>
      <p:sp>
        <p:nvSpPr>
          <p:cNvPr id="34" name="Slide Number Placeholder 1"/>
          <p:cNvSpPr txBox="1">
            <a:spLocks/>
          </p:cNvSpPr>
          <p:nvPr/>
        </p:nvSpPr>
        <p:spPr>
          <a:xfrm>
            <a:off x="8534400" y="6553200"/>
            <a:ext cx="609600" cy="304800"/>
          </a:xfrm>
          <a:prstGeom prst="rect">
            <a:avLst/>
          </a:prstGeom>
        </p:spPr>
        <p:txBody>
          <a:bodyPr/>
          <a:lstStyle>
            <a:defPPr>
              <a:defRPr lang="en-US"/>
            </a:defPPr>
            <a:lvl1pPr algn="l" rtl="0" fontAlgn="base">
              <a:spcBef>
                <a:spcPct val="0"/>
              </a:spcBef>
              <a:spcAft>
                <a:spcPct val="0"/>
              </a:spcAft>
              <a:defRPr kern="1200">
                <a:solidFill>
                  <a:schemeClr val="tx1"/>
                </a:solidFill>
                <a:latin typeface="Arial" pitchFamily="34" charset="0"/>
                <a:ea typeface="+mn-ea"/>
                <a:cs typeface="Arial" pitchFamily="34" charset="0"/>
              </a:defRPr>
            </a:lvl1pPr>
            <a:lvl2pPr marL="457200" algn="l" rtl="0" fontAlgn="base">
              <a:spcBef>
                <a:spcPct val="0"/>
              </a:spcBef>
              <a:spcAft>
                <a:spcPct val="0"/>
              </a:spcAft>
              <a:defRPr kern="1200">
                <a:solidFill>
                  <a:schemeClr val="tx1"/>
                </a:solidFill>
                <a:latin typeface="Arial" pitchFamily="34" charset="0"/>
                <a:ea typeface="+mn-ea"/>
                <a:cs typeface="Arial" pitchFamily="34" charset="0"/>
              </a:defRPr>
            </a:lvl2pPr>
            <a:lvl3pPr marL="914400" algn="l" rtl="0" fontAlgn="base">
              <a:spcBef>
                <a:spcPct val="0"/>
              </a:spcBef>
              <a:spcAft>
                <a:spcPct val="0"/>
              </a:spcAft>
              <a:defRPr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kern="1200">
                <a:solidFill>
                  <a:schemeClr val="tx1"/>
                </a:solidFill>
                <a:latin typeface="Arial" pitchFamily="34" charset="0"/>
                <a:ea typeface="+mn-ea"/>
                <a:cs typeface="Arial" pitchFamily="34" charset="0"/>
              </a:defRPr>
            </a:lvl5pPr>
            <a:lvl6pPr marL="2286000" algn="l" defTabSz="914400" rtl="0" eaLnBrk="1" latinLnBrk="0" hangingPunct="1">
              <a:defRPr kern="1200">
                <a:solidFill>
                  <a:schemeClr val="tx1"/>
                </a:solidFill>
                <a:latin typeface="Arial" pitchFamily="34" charset="0"/>
                <a:ea typeface="+mn-ea"/>
                <a:cs typeface="Arial" pitchFamily="34" charset="0"/>
              </a:defRPr>
            </a:lvl6pPr>
            <a:lvl7pPr marL="2743200" algn="l" defTabSz="914400" rtl="0" eaLnBrk="1" latinLnBrk="0" hangingPunct="1">
              <a:defRPr kern="1200">
                <a:solidFill>
                  <a:schemeClr val="tx1"/>
                </a:solidFill>
                <a:latin typeface="Arial" pitchFamily="34" charset="0"/>
                <a:ea typeface="+mn-ea"/>
                <a:cs typeface="Arial" pitchFamily="34" charset="0"/>
              </a:defRPr>
            </a:lvl7pPr>
            <a:lvl8pPr marL="3200400" algn="l" defTabSz="914400" rtl="0" eaLnBrk="1" latinLnBrk="0" hangingPunct="1">
              <a:defRPr kern="1200">
                <a:solidFill>
                  <a:schemeClr val="tx1"/>
                </a:solidFill>
                <a:latin typeface="Arial" pitchFamily="34" charset="0"/>
                <a:ea typeface="+mn-ea"/>
                <a:cs typeface="Arial" pitchFamily="34" charset="0"/>
              </a:defRPr>
            </a:lvl8pPr>
            <a:lvl9pPr marL="3657600" algn="l" defTabSz="914400" rtl="0" eaLnBrk="1" latinLnBrk="0" hangingPunct="1">
              <a:defRPr kern="1200">
                <a:solidFill>
                  <a:schemeClr val="tx1"/>
                </a:solidFill>
                <a:latin typeface="Arial" pitchFamily="34" charset="0"/>
                <a:ea typeface="+mn-ea"/>
                <a:cs typeface="Arial" pitchFamily="34" charset="0"/>
              </a:defRPr>
            </a:lvl9pPr>
          </a:lstStyle>
          <a:p>
            <a:pPr algn="ctr">
              <a:defRPr/>
            </a:pPr>
            <a:fld id="{E3E035B2-31CA-4FE1-A0CD-FFC8645D40A9}" type="slidenum">
              <a:rPr lang="en-US" sz="1400" smtClean="0">
                <a:solidFill>
                  <a:prstClr val="white"/>
                </a:solidFill>
                <a:latin typeface="Calibri"/>
              </a:rPr>
              <a:pPr algn="ctr">
                <a:defRPr/>
              </a:pPr>
              <a:t>87</a:t>
            </a:fld>
            <a:endParaRPr lang="en-US" sz="1400" dirty="0">
              <a:solidFill>
                <a:prstClr val="white"/>
              </a:solidFill>
              <a:latin typeface="Calibri"/>
            </a:endParaRPr>
          </a:p>
        </p:txBody>
      </p:sp>
      <p:sp>
        <p:nvSpPr>
          <p:cNvPr id="4" name="Freeform 3"/>
          <p:cNvSpPr/>
          <p:nvPr/>
        </p:nvSpPr>
        <p:spPr bwMode="auto">
          <a:xfrm>
            <a:off x="5875506" y="992220"/>
            <a:ext cx="3239311" cy="821988"/>
          </a:xfrm>
          <a:custGeom>
            <a:avLst/>
            <a:gdLst>
              <a:gd name="connsiteX0" fmla="*/ 3239311 w 3239311"/>
              <a:gd name="connsiteY0" fmla="*/ 758758 h 848608"/>
              <a:gd name="connsiteX1" fmla="*/ 1862847 w 3239311"/>
              <a:gd name="connsiteY1" fmla="*/ 821988 h 848608"/>
              <a:gd name="connsiteX2" fmla="*/ 997085 w 3239311"/>
              <a:gd name="connsiteY2" fmla="*/ 374515 h 848608"/>
              <a:gd name="connsiteX3" fmla="*/ 0 w 3239311"/>
              <a:gd name="connsiteY3" fmla="*/ 0 h 848608"/>
              <a:gd name="connsiteX0" fmla="*/ 3239311 w 3239311"/>
              <a:gd name="connsiteY0" fmla="*/ 758758 h 848608"/>
              <a:gd name="connsiteX1" fmla="*/ 1862847 w 3239311"/>
              <a:gd name="connsiteY1" fmla="*/ 821988 h 848608"/>
              <a:gd name="connsiteX2" fmla="*/ 997085 w 3239311"/>
              <a:gd name="connsiteY2" fmla="*/ 374515 h 848608"/>
              <a:gd name="connsiteX3" fmla="*/ 0 w 3239311"/>
              <a:gd name="connsiteY3" fmla="*/ 0 h 848608"/>
              <a:gd name="connsiteX0" fmla="*/ 3239311 w 3239311"/>
              <a:gd name="connsiteY0" fmla="*/ 758758 h 822025"/>
              <a:gd name="connsiteX1" fmla="*/ 1862847 w 3239311"/>
              <a:gd name="connsiteY1" fmla="*/ 821988 h 822025"/>
              <a:gd name="connsiteX2" fmla="*/ 997085 w 3239311"/>
              <a:gd name="connsiteY2" fmla="*/ 374515 h 822025"/>
              <a:gd name="connsiteX3" fmla="*/ 0 w 3239311"/>
              <a:gd name="connsiteY3" fmla="*/ 0 h 822025"/>
              <a:gd name="connsiteX0" fmla="*/ 3239311 w 3239311"/>
              <a:gd name="connsiteY0" fmla="*/ 758758 h 822025"/>
              <a:gd name="connsiteX1" fmla="*/ 1862847 w 3239311"/>
              <a:gd name="connsiteY1" fmla="*/ 821988 h 822025"/>
              <a:gd name="connsiteX2" fmla="*/ 997085 w 3239311"/>
              <a:gd name="connsiteY2" fmla="*/ 374515 h 822025"/>
              <a:gd name="connsiteX3" fmla="*/ 0 w 3239311"/>
              <a:gd name="connsiteY3" fmla="*/ 0 h 822025"/>
              <a:gd name="connsiteX0" fmla="*/ 3239311 w 3239311"/>
              <a:gd name="connsiteY0" fmla="*/ 758758 h 821988"/>
              <a:gd name="connsiteX1" fmla="*/ 1862847 w 3239311"/>
              <a:gd name="connsiteY1" fmla="*/ 821988 h 821988"/>
              <a:gd name="connsiteX2" fmla="*/ 997085 w 3239311"/>
              <a:gd name="connsiteY2" fmla="*/ 374515 h 821988"/>
              <a:gd name="connsiteX3" fmla="*/ 0 w 3239311"/>
              <a:gd name="connsiteY3" fmla="*/ 0 h 821988"/>
              <a:gd name="connsiteX0" fmla="*/ 3239311 w 3239311"/>
              <a:gd name="connsiteY0" fmla="*/ 758758 h 821988"/>
              <a:gd name="connsiteX1" fmla="*/ 1862847 w 3239311"/>
              <a:gd name="connsiteY1" fmla="*/ 821988 h 821988"/>
              <a:gd name="connsiteX2" fmla="*/ 1527243 w 3239311"/>
              <a:gd name="connsiteY2" fmla="*/ 676074 h 821988"/>
              <a:gd name="connsiteX3" fmla="*/ 997085 w 3239311"/>
              <a:gd name="connsiteY3" fmla="*/ 374515 h 821988"/>
              <a:gd name="connsiteX4" fmla="*/ 0 w 3239311"/>
              <a:gd name="connsiteY4" fmla="*/ 0 h 821988"/>
              <a:gd name="connsiteX0" fmla="*/ 3239311 w 3239311"/>
              <a:gd name="connsiteY0" fmla="*/ 758758 h 821988"/>
              <a:gd name="connsiteX1" fmla="*/ 1862847 w 3239311"/>
              <a:gd name="connsiteY1" fmla="*/ 821988 h 821988"/>
              <a:gd name="connsiteX2" fmla="*/ 1527243 w 3239311"/>
              <a:gd name="connsiteY2" fmla="*/ 676074 h 821988"/>
              <a:gd name="connsiteX3" fmla="*/ 997085 w 3239311"/>
              <a:gd name="connsiteY3" fmla="*/ 374515 h 821988"/>
              <a:gd name="connsiteX4" fmla="*/ 0 w 3239311"/>
              <a:gd name="connsiteY4" fmla="*/ 0 h 821988"/>
              <a:gd name="connsiteX0" fmla="*/ 3239311 w 3239311"/>
              <a:gd name="connsiteY0" fmla="*/ 758758 h 821988"/>
              <a:gd name="connsiteX1" fmla="*/ 1862847 w 3239311"/>
              <a:gd name="connsiteY1" fmla="*/ 821988 h 821988"/>
              <a:gd name="connsiteX2" fmla="*/ 1464014 w 3239311"/>
              <a:gd name="connsiteY2" fmla="*/ 656618 h 821988"/>
              <a:gd name="connsiteX3" fmla="*/ 997085 w 3239311"/>
              <a:gd name="connsiteY3" fmla="*/ 374515 h 821988"/>
              <a:gd name="connsiteX4" fmla="*/ 0 w 3239311"/>
              <a:gd name="connsiteY4" fmla="*/ 0 h 8219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39311" h="821988">
                <a:moveTo>
                  <a:pt x="3239311" y="758758"/>
                </a:moveTo>
                <a:cubicBezTo>
                  <a:pt x="2737931" y="822393"/>
                  <a:pt x="2246279" y="817934"/>
                  <a:pt x="1862847" y="821988"/>
                </a:cubicBezTo>
                <a:cubicBezTo>
                  <a:pt x="1592905" y="776592"/>
                  <a:pt x="1608307" y="731197"/>
                  <a:pt x="1464014" y="656618"/>
                </a:cubicBezTo>
                <a:cubicBezTo>
                  <a:pt x="1319721" y="582039"/>
                  <a:pt x="1241087" y="483951"/>
                  <a:pt x="997085" y="374515"/>
                </a:cubicBezTo>
                <a:cubicBezTo>
                  <a:pt x="753083" y="265079"/>
                  <a:pt x="343305" y="118758"/>
                  <a:pt x="0" y="0"/>
                </a:cubicBezTo>
              </a:path>
            </a:pathLst>
          </a:custGeom>
          <a:noFill/>
          <a:ln w="38100">
            <a:solidFill>
              <a:srgbClr val="CC9900"/>
            </a:solidFill>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dirty="0">
              <a:solidFill>
                <a:prstClr val="white"/>
              </a:solidFill>
            </a:endParaRPr>
          </a:p>
        </p:txBody>
      </p:sp>
      <p:sp>
        <p:nvSpPr>
          <p:cNvPr id="29" name="Text Box 19"/>
          <p:cNvSpPr txBox="1"/>
          <p:nvPr/>
        </p:nvSpPr>
        <p:spPr>
          <a:xfrm rot="1807740">
            <a:off x="5897563" y="1262117"/>
            <a:ext cx="1350912" cy="325850"/>
          </a:xfrm>
          <a:prstGeom prst="rect">
            <a:avLst/>
          </a:prstGeom>
          <a:noFill/>
          <a:ln w="6350">
            <a:noFill/>
          </a:ln>
          <a:effectLst>
            <a:outerShdw blurRad="50800" dist="38100" dir="2700000" algn="tl" rotWithShape="0">
              <a:prstClr val="black"/>
            </a:outerShdw>
          </a:effectLst>
        </p:spPr>
        <p:txBody>
          <a:bodyPr rot="0" spcFirstLastPara="0" vert="horz" wrap="square" lIns="91440" tIns="45720" rIns="91440" bIns="45720" numCol="1" spcCol="0" rtlCol="0" fromWordArt="0" anchor="t" anchorCtr="0" forceAA="0" compatLnSpc="1">
            <a:prstTxWarp prst="textNoShape">
              <a:avLst/>
            </a:prstTxWarp>
            <a:noAutofit/>
          </a:bodyPr>
          <a:lstStyle/>
          <a:p>
            <a:pPr algn="ctr">
              <a:lnSpc>
                <a:spcPct val="80000"/>
              </a:lnSpc>
              <a:spcBef>
                <a:spcPts val="0"/>
              </a:spcBef>
              <a:spcAft>
                <a:spcPts val="0"/>
              </a:spcAft>
            </a:pPr>
            <a:r>
              <a:rPr lang="en-US" b="1" spc="-150" dirty="0" smtClean="0">
                <a:ln w="3175">
                  <a:noFill/>
                </a:ln>
                <a:solidFill>
                  <a:prstClr val="white"/>
                </a:solidFill>
                <a:effectLst>
                  <a:outerShdw blurRad="50800" dist="38100" dir="2700000" algn="tl" rotWithShape="0">
                    <a:prstClr val="black"/>
                  </a:outerShdw>
                </a:effectLst>
                <a:latin typeface="Calibri"/>
                <a:cs typeface="Arial" charset="0"/>
              </a:rPr>
              <a:t>Hwy 12</a:t>
            </a:r>
            <a:endParaRPr lang="en-US" b="1" spc="-150" dirty="0">
              <a:ln w="3175">
                <a:noFill/>
              </a:ln>
              <a:solidFill>
                <a:prstClr val="white"/>
              </a:solidFill>
              <a:effectLst>
                <a:outerShdw blurRad="50800" dist="38100" dir="2700000" algn="tl" rotWithShape="0">
                  <a:prstClr val="black"/>
                </a:outerShdw>
              </a:effectLst>
              <a:latin typeface="Calibri"/>
              <a:cs typeface="Arial" charset="0"/>
            </a:endParaRPr>
          </a:p>
        </p:txBody>
      </p:sp>
    </p:spTree>
    <p:extLst>
      <p:ext uri="{BB962C8B-B14F-4D97-AF65-F5344CB8AC3E}">
        <p14:creationId xmlns:p14="http://schemas.microsoft.com/office/powerpoint/2010/main" val="3869434581"/>
      </p:ext>
    </p:extLst>
  </p:cSld>
  <p:clrMapOvr>
    <a:masterClrMapping/>
  </p:clrMapOvr>
  <p:transition spd="slow">
    <p:fade/>
  </p:transition>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81000" y="2556302"/>
            <a:ext cx="8382000" cy="1661993"/>
          </a:xfrm>
        </p:spPr>
        <p:txBody>
          <a:bodyPr/>
          <a:lstStyle/>
          <a:p>
            <a:r>
              <a:rPr lang="en-US" sz="6000" dirty="0" smtClean="0"/>
              <a:t>Other Tunnel/ Infrastructure Projects</a:t>
            </a:r>
            <a:endParaRPr lang="en-US" sz="6000" dirty="0"/>
          </a:p>
        </p:txBody>
      </p:sp>
    </p:spTree>
    <p:extLst>
      <p:ext uri="{BB962C8B-B14F-4D97-AF65-F5344CB8AC3E}">
        <p14:creationId xmlns:p14="http://schemas.microsoft.com/office/powerpoint/2010/main" val="622374090"/>
      </p:ext>
    </p:extLst>
  </p:cSld>
  <p:clrMapOvr>
    <a:masterClrMapping/>
  </p:clrMapOvr>
  <p:transition>
    <p:fade/>
  </p:transition>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71800" y="477838"/>
            <a:ext cx="5791200" cy="1218795"/>
          </a:xfrm>
        </p:spPr>
        <p:txBody>
          <a:bodyPr/>
          <a:lstStyle/>
          <a:p>
            <a:pPr algn="ctr"/>
            <a:r>
              <a:rPr dirty="0" smtClean="0"/>
              <a:t>L</a:t>
            </a:r>
            <a:r>
              <a:rPr lang="en-US" dirty="0" smtClean="0"/>
              <a:t>a</a:t>
            </a:r>
            <a:r>
              <a:rPr dirty="0" smtClean="0"/>
              <a:t>rge Diameter Tunnels</a:t>
            </a:r>
            <a:br>
              <a:rPr dirty="0" smtClean="0"/>
            </a:br>
            <a:r>
              <a:rPr lang="en-US" dirty="0" smtClean="0"/>
              <a:t>International</a:t>
            </a:r>
            <a:endParaRPr lang="en-US" dirty="0"/>
          </a:p>
        </p:txBody>
      </p:sp>
      <p:sp>
        <p:nvSpPr>
          <p:cNvPr id="3" name="Content Placeholder 2"/>
          <p:cNvSpPr>
            <a:spLocks noGrp="1"/>
          </p:cNvSpPr>
          <p:nvPr>
            <p:ph idx="1"/>
          </p:nvPr>
        </p:nvSpPr>
        <p:spPr>
          <a:xfrm>
            <a:off x="3505200" y="1794403"/>
            <a:ext cx="5334000" cy="720197"/>
          </a:xfrm>
        </p:spPr>
        <p:txBody>
          <a:bodyPr/>
          <a:lstStyle/>
          <a:p>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mj-lt"/>
                <a:cs typeface="Arial" charset="0"/>
              </a:rPr>
              <a:t>51 ft. – Shanghai, China</a:t>
            </a:r>
            <a:r>
              <a:rPr lang="en-US" sz="2800" dirty="0" smtClean="0"/>
              <a:t/>
            </a:r>
            <a:br>
              <a:rPr lang="en-US" sz="2800" dirty="0" smtClean="0"/>
            </a:br>
            <a:r>
              <a:rPr lang="en-US" sz="2400" dirty="0" smtClean="0"/>
              <a:t>Yangtze River highway tunnel; 2 bores</a:t>
            </a:r>
            <a:endParaRPr lang="en-US" sz="2800" dirty="0"/>
          </a:p>
        </p:txBody>
      </p:sp>
      <p:pic>
        <p:nvPicPr>
          <p:cNvPr id="395266" name="Picture 2"/>
          <p:cNvPicPr>
            <a:picLocks noChangeAspect="1" noChangeArrowheads="1"/>
          </p:cNvPicPr>
          <p:nvPr/>
        </p:nvPicPr>
        <p:blipFill>
          <a:blip r:embed="rId3"/>
          <a:srcRect/>
          <a:stretch>
            <a:fillRect/>
          </a:stretch>
        </p:blipFill>
        <p:spPr bwMode="auto">
          <a:xfrm>
            <a:off x="304800" y="304800"/>
            <a:ext cx="2209800" cy="1515505"/>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67" name="Picture 3"/>
          <p:cNvPicPr>
            <a:picLocks noChangeAspect="1" noChangeArrowheads="1"/>
          </p:cNvPicPr>
          <p:nvPr/>
        </p:nvPicPr>
        <p:blipFill>
          <a:blip r:embed="rId4"/>
          <a:srcRect/>
          <a:stretch>
            <a:fillRect/>
          </a:stretch>
        </p:blipFill>
        <p:spPr bwMode="auto">
          <a:xfrm>
            <a:off x="1289222" y="1143000"/>
            <a:ext cx="1911178" cy="1998592"/>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68" name="Picture 4"/>
          <p:cNvPicPr>
            <a:picLocks noChangeAspect="1" noChangeArrowheads="1"/>
          </p:cNvPicPr>
          <p:nvPr/>
        </p:nvPicPr>
        <p:blipFill>
          <a:blip r:embed="rId5"/>
          <a:srcRect/>
          <a:stretch>
            <a:fillRect/>
          </a:stretch>
        </p:blipFill>
        <p:spPr bwMode="auto">
          <a:xfrm>
            <a:off x="298677" y="2057400"/>
            <a:ext cx="2139723" cy="1528120"/>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1" name="Content Placeholder 2"/>
          <p:cNvSpPr txBox="1">
            <a:spLocks/>
          </p:cNvSpPr>
          <p:nvPr/>
        </p:nvSpPr>
        <p:spPr bwMode="auto">
          <a:xfrm>
            <a:off x="3505200" y="2675949"/>
            <a:ext cx="5334000" cy="7201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marL="396875" indent="-396875" defTabSz="912813" eaLnBrk="0" hangingPunct="0">
              <a:lnSpc>
                <a:spcPct val="90000"/>
              </a:lnSpc>
              <a:spcBef>
                <a:spcPct val="20000"/>
              </a:spcBef>
              <a:buFontTx/>
              <a:buBlip>
                <a:blip r:embed="rId6"/>
              </a:buBlip>
            </a:pPr>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33 ft. – Nagarjuna Sagar NP, India</a:t>
            </a:r>
            <a:r>
              <a:rPr lang="en-US" sz="2800" dirty="0" smtClean="0">
                <a:solidFill>
                  <a:prstClr val="white"/>
                </a:solidFill>
                <a:latin typeface="Calibri"/>
              </a:rPr>
              <a:t/>
            </a:r>
            <a:br>
              <a:rPr lang="en-US" sz="2800" dirty="0" smtClean="0">
                <a:solidFill>
                  <a:prstClr val="white"/>
                </a:solidFill>
                <a:latin typeface="Calibri"/>
              </a:rPr>
            </a:br>
            <a:r>
              <a:rPr lang="en-US" sz="2400" dirty="0" smtClean="0">
                <a:solidFill>
                  <a:prstClr val="white"/>
                </a:solidFill>
                <a:latin typeface="Calibri"/>
              </a:rPr>
              <a:t>27 mile water supply tunnels</a:t>
            </a:r>
            <a:endParaRPr lang="en-US" sz="2800" dirty="0">
              <a:solidFill>
                <a:prstClr val="white"/>
              </a:solidFill>
              <a:latin typeface="Calibri"/>
            </a:endParaRPr>
          </a:p>
        </p:txBody>
      </p:sp>
      <p:sp>
        <p:nvSpPr>
          <p:cNvPr id="13" name="Content Placeholder 2"/>
          <p:cNvSpPr txBox="1">
            <a:spLocks/>
          </p:cNvSpPr>
          <p:nvPr/>
        </p:nvSpPr>
        <p:spPr bwMode="auto">
          <a:xfrm>
            <a:off x="3505200" y="3557495"/>
            <a:ext cx="5334000" cy="7201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marL="396875" indent="-396875" defTabSz="912813" eaLnBrk="0" hangingPunct="0">
              <a:lnSpc>
                <a:spcPct val="90000"/>
              </a:lnSpc>
              <a:spcBef>
                <a:spcPct val="20000"/>
              </a:spcBef>
              <a:buFontTx/>
              <a:buBlip>
                <a:blip r:embed="rId6"/>
              </a:buBlip>
              <a:defRPr/>
            </a:pPr>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41 ft. – Jinping, China</a:t>
            </a:r>
            <a:r>
              <a:rPr lang="en-US" sz="2800" dirty="0" smtClean="0">
                <a:solidFill>
                  <a:prstClr val="white"/>
                </a:solidFill>
                <a:latin typeface="Calibri"/>
              </a:rPr>
              <a:t/>
            </a:r>
            <a:br>
              <a:rPr lang="en-US" sz="2800" dirty="0" smtClean="0">
                <a:solidFill>
                  <a:prstClr val="white"/>
                </a:solidFill>
                <a:latin typeface="Calibri"/>
              </a:rPr>
            </a:br>
            <a:r>
              <a:rPr lang="en-US" sz="2400" dirty="0" smtClean="0">
                <a:solidFill>
                  <a:prstClr val="white"/>
                </a:solidFill>
                <a:latin typeface="Calibri"/>
              </a:rPr>
              <a:t>40 mile hydroelectric tunnels</a:t>
            </a:r>
            <a:endParaRPr lang="en-US" sz="2800" dirty="0">
              <a:solidFill>
                <a:prstClr val="white"/>
              </a:solidFill>
              <a:latin typeface="Calibri"/>
            </a:endParaRPr>
          </a:p>
        </p:txBody>
      </p:sp>
      <p:pic>
        <p:nvPicPr>
          <p:cNvPr id="395273" name="Picture 9"/>
          <p:cNvPicPr>
            <a:picLocks noChangeAspect="1" noChangeArrowheads="1"/>
          </p:cNvPicPr>
          <p:nvPr/>
        </p:nvPicPr>
        <p:blipFill>
          <a:blip r:embed="rId7"/>
          <a:srcRect/>
          <a:stretch>
            <a:fillRect/>
          </a:stretch>
        </p:blipFill>
        <p:spPr bwMode="auto">
          <a:xfrm flipH="1">
            <a:off x="1295400" y="3167217"/>
            <a:ext cx="1905000" cy="1709583"/>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71" name="Picture 7"/>
          <p:cNvPicPr>
            <a:picLocks noChangeAspect="1" noChangeArrowheads="1"/>
          </p:cNvPicPr>
          <p:nvPr/>
        </p:nvPicPr>
        <p:blipFill>
          <a:blip r:embed="rId8"/>
          <a:srcRect/>
          <a:stretch>
            <a:fillRect/>
          </a:stretch>
        </p:blipFill>
        <p:spPr bwMode="auto">
          <a:xfrm>
            <a:off x="152400" y="4038601"/>
            <a:ext cx="2286000" cy="1524000"/>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7" name="Content Placeholder 2"/>
          <p:cNvSpPr txBox="1">
            <a:spLocks/>
          </p:cNvSpPr>
          <p:nvPr/>
        </p:nvSpPr>
        <p:spPr bwMode="auto">
          <a:xfrm>
            <a:off x="3505200" y="4439041"/>
            <a:ext cx="5334000" cy="7201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marL="396875" indent="-396875" defTabSz="912813" eaLnBrk="0" hangingPunct="0">
              <a:lnSpc>
                <a:spcPct val="90000"/>
              </a:lnSpc>
              <a:spcBef>
                <a:spcPct val="20000"/>
              </a:spcBef>
              <a:buFontTx/>
              <a:buBlip>
                <a:blip r:embed="rId6"/>
              </a:buBlip>
            </a:pPr>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44 ft. – Kuala Lumpur, Malaysia</a:t>
            </a:r>
            <a:r>
              <a:rPr lang="en-US" sz="2800" dirty="0" smtClean="0">
                <a:solidFill>
                  <a:prstClr val="white"/>
                </a:solidFill>
                <a:latin typeface="Calibri"/>
              </a:rPr>
              <a:t/>
            </a:r>
            <a:br>
              <a:rPr lang="en-US" sz="2800" dirty="0" smtClean="0">
                <a:solidFill>
                  <a:prstClr val="white"/>
                </a:solidFill>
                <a:latin typeface="Calibri"/>
              </a:rPr>
            </a:br>
            <a:r>
              <a:rPr lang="en-US" sz="2400" dirty="0" smtClean="0">
                <a:solidFill>
                  <a:prstClr val="white"/>
                </a:solidFill>
                <a:latin typeface="Calibri"/>
              </a:rPr>
              <a:t>Dual-deck transportation/stormwater</a:t>
            </a:r>
            <a:endParaRPr lang="en-US" sz="2800" dirty="0">
              <a:solidFill>
                <a:prstClr val="white"/>
              </a:solidFill>
              <a:latin typeface="Calibri"/>
            </a:endParaRPr>
          </a:p>
        </p:txBody>
      </p:sp>
      <p:pic>
        <p:nvPicPr>
          <p:cNvPr id="395275" name="Picture 11" descr="http://www.roadtraffic-technology.com/projects/smart/images/3-tunnel-cross-section.jpg">
            <a:hlinkClick r:id="rId9"/>
          </p:cNvPr>
          <p:cNvPicPr>
            <a:picLocks noChangeAspect="1" noChangeArrowheads="1"/>
          </p:cNvPicPr>
          <p:nvPr/>
        </p:nvPicPr>
        <p:blipFill>
          <a:blip r:embed="rId10"/>
          <a:srcRect/>
          <a:stretch>
            <a:fillRect/>
          </a:stretch>
        </p:blipFill>
        <p:spPr bwMode="auto">
          <a:xfrm>
            <a:off x="1138556" y="5257800"/>
            <a:ext cx="1985644" cy="1381126"/>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5" name="Rectangle 14"/>
          <p:cNvSpPr/>
          <p:nvPr/>
        </p:nvSpPr>
        <p:spPr bwMode="auto">
          <a:xfrm>
            <a:off x="6605516" y="5257800"/>
            <a:ext cx="2209800" cy="762000"/>
          </a:xfrm>
          <a:prstGeom prst="rect">
            <a:avLst/>
          </a:prstGeom>
          <a:solidFill>
            <a:srgbClr val="FF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latin typeface="Segoe" pitchFamily="34" charset="0"/>
              </a:rPr>
              <a:t>Updating</a:t>
            </a:r>
          </a:p>
        </p:txBody>
      </p:sp>
    </p:spTree>
    <p:extLst>
      <p:ext uri="{BB962C8B-B14F-4D97-AF65-F5344CB8AC3E}">
        <p14:creationId xmlns:p14="http://schemas.microsoft.com/office/powerpoint/2010/main" val="196102733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5" presetClass="entr" presetSubtype="0" fill="hold" nodeType="withEffect">
                                  <p:stCondLst>
                                    <p:cond delay="0"/>
                                  </p:stCondLst>
                                  <p:childTnLst>
                                    <p:set>
                                      <p:cBhvr>
                                        <p:cTn id="6" dur="1" fill="hold">
                                          <p:stCondLst>
                                            <p:cond delay="0"/>
                                          </p:stCondLst>
                                        </p:cTn>
                                        <p:tgtEl>
                                          <p:spTgt spid="395266"/>
                                        </p:tgtEl>
                                        <p:attrNameLst>
                                          <p:attrName>style.visibility</p:attrName>
                                        </p:attrNameLst>
                                      </p:cBhvr>
                                      <p:to>
                                        <p:strVal val="visible"/>
                                      </p:to>
                                    </p:set>
                                    <p:anim calcmode="lin" valueType="num">
                                      <p:cBhvr>
                                        <p:cTn id="7" dur="1000" fill="hold"/>
                                        <p:tgtEl>
                                          <p:spTgt spid="395266"/>
                                        </p:tgtEl>
                                        <p:attrNameLst>
                                          <p:attrName>ppt_w</p:attrName>
                                        </p:attrNameLst>
                                      </p:cBhvr>
                                      <p:tavLst>
                                        <p:tav tm="0">
                                          <p:val>
                                            <p:strVal val="#ppt_w*0.70"/>
                                          </p:val>
                                        </p:tav>
                                        <p:tav tm="100000">
                                          <p:val>
                                            <p:strVal val="#ppt_w"/>
                                          </p:val>
                                        </p:tav>
                                      </p:tavLst>
                                    </p:anim>
                                    <p:anim calcmode="lin" valueType="num">
                                      <p:cBhvr>
                                        <p:cTn id="8" dur="1000" fill="hold"/>
                                        <p:tgtEl>
                                          <p:spTgt spid="395266"/>
                                        </p:tgtEl>
                                        <p:attrNameLst>
                                          <p:attrName>ppt_h</p:attrName>
                                        </p:attrNameLst>
                                      </p:cBhvr>
                                      <p:tavLst>
                                        <p:tav tm="0">
                                          <p:val>
                                            <p:strVal val="#ppt_h"/>
                                          </p:val>
                                        </p:tav>
                                        <p:tav tm="100000">
                                          <p:val>
                                            <p:strVal val="#ppt_h"/>
                                          </p:val>
                                        </p:tav>
                                      </p:tavLst>
                                    </p:anim>
                                    <p:animEffect transition="in" filter="fade">
                                      <p:cBhvr>
                                        <p:cTn id="9" dur="1000"/>
                                        <p:tgtEl>
                                          <p:spTgt spid="395266"/>
                                        </p:tgtEl>
                                      </p:cBhvr>
                                    </p:animEffect>
                                  </p:childTnLst>
                                </p:cTn>
                              </p:par>
                              <p:par>
                                <p:cTn id="10" presetID="55" presetClass="entr" presetSubtype="0" fill="hold" grpId="0" nodeType="withEffect">
                                  <p:stCondLst>
                                    <p:cond delay="0"/>
                                  </p:stCondLst>
                                  <p:childTnLst>
                                    <p:set>
                                      <p:cBhvr>
                                        <p:cTn id="11" dur="1" fill="hold">
                                          <p:stCondLst>
                                            <p:cond delay="0"/>
                                          </p:stCondLst>
                                        </p:cTn>
                                        <p:tgtEl>
                                          <p:spTgt spid="3">
                                            <p:txEl>
                                              <p:pRg st="0" end="0"/>
                                            </p:txEl>
                                          </p:spTgt>
                                        </p:tgtEl>
                                        <p:attrNameLst>
                                          <p:attrName>style.visibility</p:attrName>
                                        </p:attrNameLst>
                                      </p:cBhvr>
                                      <p:to>
                                        <p:strVal val="visible"/>
                                      </p:to>
                                    </p:set>
                                    <p:anim calcmode="lin" valueType="num">
                                      <p:cBhvr>
                                        <p:cTn id="12" dur="1000" fill="hold"/>
                                        <p:tgtEl>
                                          <p:spTgt spid="3">
                                            <p:txEl>
                                              <p:pRg st="0" end="0"/>
                                            </p:txEl>
                                          </p:spTgt>
                                        </p:tgtEl>
                                        <p:attrNameLst>
                                          <p:attrName>ppt_w</p:attrName>
                                        </p:attrNameLst>
                                      </p:cBhvr>
                                      <p:tavLst>
                                        <p:tav tm="0">
                                          <p:val>
                                            <p:strVal val="#ppt_w*0.70"/>
                                          </p:val>
                                        </p:tav>
                                        <p:tav tm="100000">
                                          <p:val>
                                            <p:strVal val="#ppt_w"/>
                                          </p:val>
                                        </p:tav>
                                      </p:tavLst>
                                    </p:anim>
                                    <p:anim calcmode="lin" valueType="num">
                                      <p:cBhvr>
                                        <p:cTn id="13" dur="1000" fill="hold"/>
                                        <p:tgtEl>
                                          <p:spTgt spid="3">
                                            <p:txEl>
                                              <p:pRg st="0" end="0"/>
                                            </p:txEl>
                                          </p:spTgt>
                                        </p:tgtEl>
                                        <p:attrNameLst>
                                          <p:attrName>ppt_h</p:attrName>
                                        </p:attrNameLst>
                                      </p:cBhvr>
                                      <p:tavLst>
                                        <p:tav tm="0">
                                          <p:val>
                                            <p:strVal val="#ppt_h"/>
                                          </p:val>
                                        </p:tav>
                                        <p:tav tm="100000">
                                          <p:val>
                                            <p:strVal val="#ppt_h"/>
                                          </p:val>
                                        </p:tav>
                                      </p:tavLst>
                                    </p:anim>
                                    <p:animEffect transition="in" filter="fade">
                                      <p:cBhvr>
                                        <p:cTn id="14" dur="1000"/>
                                        <p:tgtEl>
                                          <p:spTgt spid="3">
                                            <p:txEl>
                                              <p:pRg st="0" end="0"/>
                                            </p:txEl>
                                          </p:spTgt>
                                        </p:tgtEl>
                                      </p:cBhvr>
                                    </p:animEffect>
                                  </p:childTnLst>
                                </p:cTn>
                              </p:par>
                            </p:childTnLst>
                          </p:cTn>
                        </p:par>
                        <p:par>
                          <p:cTn id="15" fill="hold">
                            <p:stCondLst>
                              <p:cond delay="1000"/>
                            </p:stCondLst>
                            <p:childTnLst>
                              <p:par>
                                <p:cTn id="16" presetID="55" presetClass="entr" presetSubtype="0" fill="hold" nodeType="afterEffect">
                                  <p:stCondLst>
                                    <p:cond delay="0"/>
                                  </p:stCondLst>
                                  <p:childTnLst>
                                    <p:set>
                                      <p:cBhvr>
                                        <p:cTn id="17" dur="1" fill="hold">
                                          <p:stCondLst>
                                            <p:cond delay="0"/>
                                          </p:stCondLst>
                                        </p:cTn>
                                        <p:tgtEl>
                                          <p:spTgt spid="395267"/>
                                        </p:tgtEl>
                                        <p:attrNameLst>
                                          <p:attrName>style.visibility</p:attrName>
                                        </p:attrNameLst>
                                      </p:cBhvr>
                                      <p:to>
                                        <p:strVal val="visible"/>
                                      </p:to>
                                    </p:set>
                                    <p:anim calcmode="lin" valueType="num">
                                      <p:cBhvr>
                                        <p:cTn id="18" dur="1000" fill="hold"/>
                                        <p:tgtEl>
                                          <p:spTgt spid="395267"/>
                                        </p:tgtEl>
                                        <p:attrNameLst>
                                          <p:attrName>ppt_w</p:attrName>
                                        </p:attrNameLst>
                                      </p:cBhvr>
                                      <p:tavLst>
                                        <p:tav tm="0">
                                          <p:val>
                                            <p:strVal val="#ppt_w*0.70"/>
                                          </p:val>
                                        </p:tav>
                                        <p:tav tm="100000">
                                          <p:val>
                                            <p:strVal val="#ppt_w"/>
                                          </p:val>
                                        </p:tav>
                                      </p:tavLst>
                                    </p:anim>
                                    <p:anim calcmode="lin" valueType="num">
                                      <p:cBhvr>
                                        <p:cTn id="19" dur="1000" fill="hold"/>
                                        <p:tgtEl>
                                          <p:spTgt spid="395267"/>
                                        </p:tgtEl>
                                        <p:attrNameLst>
                                          <p:attrName>ppt_h</p:attrName>
                                        </p:attrNameLst>
                                      </p:cBhvr>
                                      <p:tavLst>
                                        <p:tav tm="0">
                                          <p:val>
                                            <p:strVal val="#ppt_h"/>
                                          </p:val>
                                        </p:tav>
                                        <p:tav tm="100000">
                                          <p:val>
                                            <p:strVal val="#ppt_h"/>
                                          </p:val>
                                        </p:tav>
                                      </p:tavLst>
                                    </p:anim>
                                    <p:animEffect transition="in" filter="fade">
                                      <p:cBhvr>
                                        <p:cTn id="20" dur="1000"/>
                                        <p:tgtEl>
                                          <p:spTgt spid="395267"/>
                                        </p:tgtEl>
                                      </p:cBhvr>
                                    </p:animEffect>
                                  </p:childTnLst>
                                </p:cTn>
                              </p:par>
                            </p:childTnLst>
                          </p:cTn>
                        </p:par>
                        <p:par>
                          <p:cTn id="21" fill="hold">
                            <p:stCondLst>
                              <p:cond delay="2000"/>
                            </p:stCondLst>
                            <p:childTnLst>
                              <p:par>
                                <p:cTn id="22" presetID="55" presetClass="entr" presetSubtype="0" fill="hold" nodeType="afterEffect">
                                  <p:stCondLst>
                                    <p:cond delay="0"/>
                                  </p:stCondLst>
                                  <p:childTnLst>
                                    <p:set>
                                      <p:cBhvr>
                                        <p:cTn id="23" dur="1" fill="hold">
                                          <p:stCondLst>
                                            <p:cond delay="0"/>
                                          </p:stCondLst>
                                        </p:cTn>
                                        <p:tgtEl>
                                          <p:spTgt spid="395268"/>
                                        </p:tgtEl>
                                        <p:attrNameLst>
                                          <p:attrName>style.visibility</p:attrName>
                                        </p:attrNameLst>
                                      </p:cBhvr>
                                      <p:to>
                                        <p:strVal val="visible"/>
                                      </p:to>
                                    </p:set>
                                    <p:anim calcmode="lin" valueType="num">
                                      <p:cBhvr>
                                        <p:cTn id="24" dur="1000" fill="hold"/>
                                        <p:tgtEl>
                                          <p:spTgt spid="395268"/>
                                        </p:tgtEl>
                                        <p:attrNameLst>
                                          <p:attrName>ppt_w</p:attrName>
                                        </p:attrNameLst>
                                      </p:cBhvr>
                                      <p:tavLst>
                                        <p:tav tm="0">
                                          <p:val>
                                            <p:strVal val="#ppt_w*0.70"/>
                                          </p:val>
                                        </p:tav>
                                        <p:tav tm="100000">
                                          <p:val>
                                            <p:strVal val="#ppt_w"/>
                                          </p:val>
                                        </p:tav>
                                      </p:tavLst>
                                    </p:anim>
                                    <p:anim calcmode="lin" valueType="num">
                                      <p:cBhvr>
                                        <p:cTn id="25" dur="1000" fill="hold"/>
                                        <p:tgtEl>
                                          <p:spTgt spid="395268"/>
                                        </p:tgtEl>
                                        <p:attrNameLst>
                                          <p:attrName>ppt_h</p:attrName>
                                        </p:attrNameLst>
                                      </p:cBhvr>
                                      <p:tavLst>
                                        <p:tav tm="0">
                                          <p:val>
                                            <p:strVal val="#ppt_h"/>
                                          </p:val>
                                        </p:tav>
                                        <p:tav tm="100000">
                                          <p:val>
                                            <p:strVal val="#ppt_h"/>
                                          </p:val>
                                        </p:tav>
                                      </p:tavLst>
                                    </p:anim>
                                    <p:animEffect transition="in" filter="fade">
                                      <p:cBhvr>
                                        <p:cTn id="26" dur="1000"/>
                                        <p:tgtEl>
                                          <p:spTgt spid="395268"/>
                                        </p:tgtEl>
                                      </p:cBhvr>
                                    </p:animEffect>
                                  </p:childTnLst>
                                </p:cTn>
                              </p:par>
                            </p:childTnLst>
                          </p:cTn>
                        </p:par>
                        <p:par>
                          <p:cTn id="27" fill="hold">
                            <p:stCondLst>
                              <p:cond delay="3000"/>
                            </p:stCondLst>
                            <p:childTnLst>
                              <p:par>
                                <p:cTn id="28" presetID="55" presetClass="entr" presetSubtype="0" fill="hold" nodeType="afterEffect">
                                  <p:stCondLst>
                                    <p:cond delay="0"/>
                                  </p:stCondLst>
                                  <p:childTnLst>
                                    <p:set>
                                      <p:cBhvr>
                                        <p:cTn id="29" dur="1" fill="hold">
                                          <p:stCondLst>
                                            <p:cond delay="0"/>
                                          </p:stCondLst>
                                        </p:cTn>
                                        <p:tgtEl>
                                          <p:spTgt spid="395273"/>
                                        </p:tgtEl>
                                        <p:attrNameLst>
                                          <p:attrName>style.visibility</p:attrName>
                                        </p:attrNameLst>
                                      </p:cBhvr>
                                      <p:to>
                                        <p:strVal val="visible"/>
                                      </p:to>
                                    </p:set>
                                    <p:anim calcmode="lin" valueType="num">
                                      <p:cBhvr>
                                        <p:cTn id="30" dur="1000" fill="hold"/>
                                        <p:tgtEl>
                                          <p:spTgt spid="395273"/>
                                        </p:tgtEl>
                                        <p:attrNameLst>
                                          <p:attrName>ppt_w</p:attrName>
                                        </p:attrNameLst>
                                      </p:cBhvr>
                                      <p:tavLst>
                                        <p:tav tm="0">
                                          <p:val>
                                            <p:strVal val="#ppt_w*0.70"/>
                                          </p:val>
                                        </p:tav>
                                        <p:tav tm="100000">
                                          <p:val>
                                            <p:strVal val="#ppt_w"/>
                                          </p:val>
                                        </p:tav>
                                      </p:tavLst>
                                    </p:anim>
                                    <p:anim calcmode="lin" valueType="num">
                                      <p:cBhvr>
                                        <p:cTn id="31" dur="1000" fill="hold"/>
                                        <p:tgtEl>
                                          <p:spTgt spid="395273"/>
                                        </p:tgtEl>
                                        <p:attrNameLst>
                                          <p:attrName>ppt_h</p:attrName>
                                        </p:attrNameLst>
                                      </p:cBhvr>
                                      <p:tavLst>
                                        <p:tav tm="0">
                                          <p:val>
                                            <p:strVal val="#ppt_h"/>
                                          </p:val>
                                        </p:tav>
                                        <p:tav tm="100000">
                                          <p:val>
                                            <p:strVal val="#ppt_h"/>
                                          </p:val>
                                        </p:tav>
                                      </p:tavLst>
                                    </p:anim>
                                    <p:animEffect transition="in" filter="fade">
                                      <p:cBhvr>
                                        <p:cTn id="32" dur="1000"/>
                                        <p:tgtEl>
                                          <p:spTgt spid="395273"/>
                                        </p:tgtEl>
                                      </p:cBhvr>
                                    </p:animEffect>
                                  </p:childTnLst>
                                </p:cTn>
                              </p:par>
                              <p:par>
                                <p:cTn id="33" presetID="55" presetClass="entr" presetSubtype="0" fill="hold" grpId="0" nodeType="withEffect">
                                  <p:stCondLst>
                                    <p:cond delay="0"/>
                                  </p:stCondLst>
                                  <p:childTnLst>
                                    <p:set>
                                      <p:cBhvr>
                                        <p:cTn id="34" dur="1" fill="hold">
                                          <p:stCondLst>
                                            <p:cond delay="0"/>
                                          </p:stCondLst>
                                        </p:cTn>
                                        <p:tgtEl>
                                          <p:spTgt spid="11"/>
                                        </p:tgtEl>
                                        <p:attrNameLst>
                                          <p:attrName>style.visibility</p:attrName>
                                        </p:attrNameLst>
                                      </p:cBhvr>
                                      <p:to>
                                        <p:strVal val="visible"/>
                                      </p:to>
                                    </p:set>
                                    <p:anim calcmode="lin" valueType="num">
                                      <p:cBhvr>
                                        <p:cTn id="35" dur="1000" fill="hold"/>
                                        <p:tgtEl>
                                          <p:spTgt spid="11"/>
                                        </p:tgtEl>
                                        <p:attrNameLst>
                                          <p:attrName>ppt_w</p:attrName>
                                        </p:attrNameLst>
                                      </p:cBhvr>
                                      <p:tavLst>
                                        <p:tav tm="0">
                                          <p:val>
                                            <p:strVal val="#ppt_w*0.70"/>
                                          </p:val>
                                        </p:tav>
                                        <p:tav tm="100000">
                                          <p:val>
                                            <p:strVal val="#ppt_w"/>
                                          </p:val>
                                        </p:tav>
                                      </p:tavLst>
                                    </p:anim>
                                    <p:anim calcmode="lin" valueType="num">
                                      <p:cBhvr>
                                        <p:cTn id="36" dur="1000" fill="hold"/>
                                        <p:tgtEl>
                                          <p:spTgt spid="11"/>
                                        </p:tgtEl>
                                        <p:attrNameLst>
                                          <p:attrName>ppt_h</p:attrName>
                                        </p:attrNameLst>
                                      </p:cBhvr>
                                      <p:tavLst>
                                        <p:tav tm="0">
                                          <p:val>
                                            <p:strVal val="#ppt_h"/>
                                          </p:val>
                                        </p:tav>
                                        <p:tav tm="100000">
                                          <p:val>
                                            <p:strVal val="#ppt_h"/>
                                          </p:val>
                                        </p:tav>
                                      </p:tavLst>
                                    </p:anim>
                                    <p:animEffect transition="in" filter="fade">
                                      <p:cBhvr>
                                        <p:cTn id="37" dur="1000"/>
                                        <p:tgtEl>
                                          <p:spTgt spid="11"/>
                                        </p:tgtEl>
                                      </p:cBhvr>
                                    </p:animEffect>
                                  </p:childTnLst>
                                </p:cTn>
                              </p:par>
                            </p:childTnLst>
                          </p:cTn>
                        </p:par>
                        <p:par>
                          <p:cTn id="38" fill="hold">
                            <p:stCondLst>
                              <p:cond delay="4000"/>
                            </p:stCondLst>
                            <p:childTnLst>
                              <p:par>
                                <p:cTn id="39" presetID="55" presetClass="entr" presetSubtype="0" fill="hold" nodeType="afterEffect">
                                  <p:stCondLst>
                                    <p:cond delay="0"/>
                                  </p:stCondLst>
                                  <p:childTnLst>
                                    <p:set>
                                      <p:cBhvr>
                                        <p:cTn id="40" dur="1" fill="hold">
                                          <p:stCondLst>
                                            <p:cond delay="0"/>
                                          </p:stCondLst>
                                        </p:cTn>
                                        <p:tgtEl>
                                          <p:spTgt spid="395271"/>
                                        </p:tgtEl>
                                        <p:attrNameLst>
                                          <p:attrName>style.visibility</p:attrName>
                                        </p:attrNameLst>
                                      </p:cBhvr>
                                      <p:to>
                                        <p:strVal val="visible"/>
                                      </p:to>
                                    </p:set>
                                    <p:anim calcmode="lin" valueType="num">
                                      <p:cBhvr>
                                        <p:cTn id="41" dur="1000" fill="hold"/>
                                        <p:tgtEl>
                                          <p:spTgt spid="395271"/>
                                        </p:tgtEl>
                                        <p:attrNameLst>
                                          <p:attrName>ppt_w</p:attrName>
                                        </p:attrNameLst>
                                      </p:cBhvr>
                                      <p:tavLst>
                                        <p:tav tm="0">
                                          <p:val>
                                            <p:strVal val="#ppt_w*0.70"/>
                                          </p:val>
                                        </p:tav>
                                        <p:tav tm="100000">
                                          <p:val>
                                            <p:strVal val="#ppt_w"/>
                                          </p:val>
                                        </p:tav>
                                      </p:tavLst>
                                    </p:anim>
                                    <p:anim calcmode="lin" valueType="num">
                                      <p:cBhvr>
                                        <p:cTn id="42" dur="1000" fill="hold"/>
                                        <p:tgtEl>
                                          <p:spTgt spid="395271"/>
                                        </p:tgtEl>
                                        <p:attrNameLst>
                                          <p:attrName>ppt_h</p:attrName>
                                        </p:attrNameLst>
                                      </p:cBhvr>
                                      <p:tavLst>
                                        <p:tav tm="0">
                                          <p:val>
                                            <p:strVal val="#ppt_h"/>
                                          </p:val>
                                        </p:tav>
                                        <p:tav tm="100000">
                                          <p:val>
                                            <p:strVal val="#ppt_h"/>
                                          </p:val>
                                        </p:tav>
                                      </p:tavLst>
                                    </p:anim>
                                    <p:animEffect transition="in" filter="fade">
                                      <p:cBhvr>
                                        <p:cTn id="43" dur="1000"/>
                                        <p:tgtEl>
                                          <p:spTgt spid="395271"/>
                                        </p:tgtEl>
                                      </p:cBhvr>
                                    </p:animEffect>
                                  </p:childTnLst>
                                </p:cTn>
                              </p:par>
                              <p:par>
                                <p:cTn id="44" presetID="55" presetClass="entr" presetSubtype="0" fill="hold" grpId="0" nodeType="withEffect">
                                  <p:stCondLst>
                                    <p:cond delay="0"/>
                                  </p:stCondLst>
                                  <p:childTnLst>
                                    <p:set>
                                      <p:cBhvr>
                                        <p:cTn id="45" dur="1" fill="hold">
                                          <p:stCondLst>
                                            <p:cond delay="0"/>
                                          </p:stCondLst>
                                        </p:cTn>
                                        <p:tgtEl>
                                          <p:spTgt spid="13"/>
                                        </p:tgtEl>
                                        <p:attrNameLst>
                                          <p:attrName>style.visibility</p:attrName>
                                        </p:attrNameLst>
                                      </p:cBhvr>
                                      <p:to>
                                        <p:strVal val="visible"/>
                                      </p:to>
                                    </p:set>
                                    <p:anim calcmode="lin" valueType="num">
                                      <p:cBhvr>
                                        <p:cTn id="46" dur="1000" fill="hold"/>
                                        <p:tgtEl>
                                          <p:spTgt spid="13"/>
                                        </p:tgtEl>
                                        <p:attrNameLst>
                                          <p:attrName>ppt_w</p:attrName>
                                        </p:attrNameLst>
                                      </p:cBhvr>
                                      <p:tavLst>
                                        <p:tav tm="0">
                                          <p:val>
                                            <p:strVal val="#ppt_w*0.70"/>
                                          </p:val>
                                        </p:tav>
                                        <p:tav tm="100000">
                                          <p:val>
                                            <p:strVal val="#ppt_w"/>
                                          </p:val>
                                        </p:tav>
                                      </p:tavLst>
                                    </p:anim>
                                    <p:anim calcmode="lin" valueType="num">
                                      <p:cBhvr>
                                        <p:cTn id="47" dur="1000" fill="hold"/>
                                        <p:tgtEl>
                                          <p:spTgt spid="13"/>
                                        </p:tgtEl>
                                        <p:attrNameLst>
                                          <p:attrName>ppt_h</p:attrName>
                                        </p:attrNameLst>
                                      </p:cBhvr>
                                      <p:tavLst>
                                        <p:tav tm="0">
                                          <p:val>
                                            <p:strVal val="#ppt_h"/>
                                          </p:val>
                                        </p:tav>
                                        <p:tav tm="100000">
                                          <p:val>
                                            <p:strVal val="#ppt_h"/>
                                          </p:val>
                                        </p:tav>
                                      </p:tavLst>
                                    </p:anim>
                                    <p:animEffect transition="in" filter="fade">
                                      <p:cBhvr>
                                        <p:cTn id="48" dur="1000"/>
                                        <p:tgtEl>
                                          <p:spTgt spid="13"/>
                                        </p:tgtEl>
                                      </p:cBhvr>
                                    </p:animEffect>
                                  </p:childTnLst>
                                </p:cTn>
                              </p:par>
                            </p:childTnLst>
                          </p:cTn>
                        </p:par>
                        <p:par>
                          <p:cTn id="49" fill="hold">
                            <p:stCondLst>
                              <p:cond delay="5000"/>
                            </p:stCondLst>
                            <p:childTnLst>
                              <p:par>
                                <p:cTn id="50" presetID="55" presetClass="entr" presetSubtype="0" fill="hold" nodeType="afterEffect">
                                  <p:stCondLst>
                                    <p:cond delay="0"/>
                                  </p:stCondLst>
                                  <p:childTnLst>
                                    <p:set>
                                      <p:cBhvr>
                                        <p:cTn id="51" dur="1" fill="hold">
                                          <p:stCondLst>
                                            <p:cond delay="0"/>
                                          </p:stCondLst>
                                        </p:cTn>
                                        <p:tgtEl>
                                          <p:spTgt spid="395275"/>
                                        </p:tgtEl>
                                        <p:attrNameLst>
                                          <p:attrName>style.visibility</p:attrName>
                                        </p:attrNameLst>
                                      </p:cBhvr>
                                      <p:to>
                                        <p:strVal val="visible"/>
                                      </p:to>
                                    </p:set>
                                    <p:anim calcmode="lin" valueType="num">
                                      <p:cBhvr>
                                        <p:cTn id="52" dur="1000" fill="hold"/>
                                        <p:tgtEl>
                                          <p:spTgt spid="395275"/>
                                        </p:tgtEl>
                                        <p:attrNameLst>
                                          <p:attrName>ppt_w</p:attrName>
                                        </p:attrNameLst>
                                      </p:cBhvr>
                                      <p:tavLst>
                                        <p:tav tm="0">
                                          <p:val>
                                            <p:strVal val="#ppt_w*0.70"/>
                                          </p:val>
                                        </p:tav>
                                        <p:tav tm="100000">
                                          <p:val>
                                            <p:strVal val="#ppt_w"/>
                                          </p:val>
                                        </p:tav>
                                      </p:tavLst>
                                    </p:anim>
                                    <p:anim calcmode="lin" valueType="num">
                                      <p:cBhvr>
                                        <p:cTn id="53" dur="1000" fill="hold"/>
                                        <p:tgtEl>
                                          <p:spTgt spid="395275"/>
                                        </p:tgtEl>
                                        <p:attrNameLst>
                                          <p:attrName>ppt_h</p:attrName>
                                        </p:attrNameLst>
                                      </p:cBhvr>
                                      <p:tavLst>
                                        <p:tav tm="0">
                                          <p:val>
                                            <p:strVal val="#ppt_h"/>
                                          </p:val>
                                        </p:tav>
                                        <p:tav tm="100000">
                                          <p:val>
                                            <p:strVal val="#ppt_h"/>
                                          </p:val>
                                        </p:tav>
                                      </p:tavLst>
                                    </p:anim>
                                    <p:animEffect transition="in" filter="fade">
                                      <p:cBhvr>
                                        <p:cTn id="54" dur="1000"/>
                                        <p:tgtEl>
                                          <p:spTgt spid="395275"/>
                                        </p:tgtEl>
                                      </p:cBhvr>
                                    </p:animEffect>
                                  </p:childTnLst>
                                </p:cTn>
                              </p:par>
                              <p:par>
                                <p:cTn id="55" presetID="55" presetClass="entr" presetSubtype="0" fill="hold" grpId="0" nodeType="withEffect">
                                  <p:stCondLst>
                                    <p:cond delay="0"/>
                                  </p:stCondLst>
                                  <p:childTnLst>
                                    <p:set>
                                      <p:cBhvr>
                                        <p:cTn id="56" dur="1" fill="hold">
                                          <p:stCondLst>
                                            <p:cond delay="0"/>
                                          </p:stCondLst>
                                        </p:cTn>
                                        <p:tgtEl>
                                          <p:spTgt spid="17"/>
                                        </p:tgtEl>
                                        <p:attrNameLst>
                                          <p:attrName>style.visibility</p:attrName>
                                        </p:attrNameLst>
                                      </p:cBhvr>
                                      <p:to>
                                        <p:strVal val="visible"/>
                                      </p:to>
                                    </p:set>
                                    <p:anim calcmode="lin" valueType="num">
                                      <p:cBhvr>
                                        <p:cTn id="57" dur="1000" fill="hold"/>
                                        <p:tgtEl>
                                          <p:spTgt spid="17"/>
                                        </p:tgtEl>
                                        <p:attrNameLst>
                                          <p:attrName>ppt_w</p:attrName>
                                        </p:attrNameLst>
                                      </p:cBhvr>
                                      <p:tavLst>
                                        <p:tav tm="0">
                                          <p:val>
                                            <p:strVal val="#ppt_w*0.70"/>
                                          </p:val>
                                        </p:tav>
                                        <p:tav tm="100000">
                                          <p:val>
                                            <p:strVal val="#ppt_w"/>
                                          </p:val>
                                        </p:tav>
                                      </p:tavLst>
                                    </p:anim>
                                    <p:anim calcmode="lin" valueType="num">
                                      <p:cBhvr>
                                        <p:cTn id="58" dur="1000" fill="hold"/>
                                        <p:tgtEl>
                                          <p:spTgt spid="17"/>
                                        </p:tgtEl>
                                        <p:attrNameLst>
                                          <p:attrName>ppt_h</p:attrName>
                                        </p:attrNameLst>
                                      </p:cBhvr>
                                      <p:tavLst>
                                        <p:tav tm="0">
                                          <p:val>
                                            <p:strVal val="#ppt_h"/>
                                          </p:val>
                                        </p:tav>
                                        <p:tav tm="100000">
                                          <p:val>
                                            <p:strVal val="#ppt_h"/>
                                          </p:val>
                                        </p:tav>
                                      </p:tavLst>
                                    </p:anim>
                                    <p:animEffect transition="in" filter="fade">
                                      <p:cBhvr>
                                        <p:cTn id="59" dur="10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11" grpId="0"/>
      <p:bldP spid="13" grpId="0"/>
      <p:bldP spid="17"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937201"/>
            <a:ext cx="8382000" cy="830997"/>
          </a:xfrm>
        </p:spPr>
        <p:txBody>
          <a:bodyPr/>
          <a:lstStyle/>
          <a:p>
            <a:r>
              <a:rPr lang="en-US" sz="6000" dirty="0" smtClean="0"/>
              <a:t>CA </a:t>
            </a:r>
            <a:r>
              <a:rPr lang="en-US" sz="6000" dirty="0"/>
              <a:t>Water Fix Decisions</a:t>
            </a:r>
          </a:p>
        </p:txBody>
      </p:sp>
    </p:spTree>
    <p:extLst>
      <p:ext uri="{BB962C8B-B14F-4D97-AF65-F5344CB8AC3E}">
        <p14:creationId xmlns:p14="http://schemas.microsoft.com/office/powerpoint/2010/main" val="4279607157"/>
      </p:ext>
    </p:extLst>
  </p:cSld>
  <p:clrMapOvr>
    <a:masterClrMapping/>
  </p:clrMapOvr>
  <p:transition>
    <p:fade/>
  </p:transition>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71800" y="477838"/>
            <a:ext cx="5791200" cy="1218795"/>
          </a:xfrm>
        </p:spPr>
        <p:txBody>
          <a:bodyPr/>
          <a:lstStyle/>
          <a:p>
            <a:pPr algn="ctr"/>
            <a:r>
              <a:rPr dirty="0" smtClean="0"/>
              <a:t>L</a:t>
            </a:r>
            <a:r>
              <a:rPr lang="en-US" dirty="0" smtClean="0"/>
              <a:t>a</a:t>
            </a:r>
            <a:r>
              <a:rPr dirty="0" smtClean="0"/>
              <a:t>rge Diameter Tunnels</a:t>
            </a:r>
            <a:br>
              <a:rPr dirty="0" smtClean="0"/>
            </a:br>
            <a:r>
              <a:rPr lang="en-US" dirty="0" smtClean="0"/>
              <a:t>United States</a:t>
            </a:r>
            <a:endParaRPr lang="en-US" dirty="0"/>
          </a:p>
        </p:txBody>
      </p:sp>
      <p:pic>
        <p:nvPicPr>
          <p:cNvPr id="395266" name="Picture 2"/>
          <p:cNvPicPr>
            <a:picLocks noChangeAspect="1" noChangeArrowheads="1"/>
          </p:cNvPicPr>
          <p:nvPr/>
        </p:nvPicPr>
        <p:blipFill>
          <a:blip r:embed="rId3"/>
          <a:srcRect/>
          <a:stretch>
            <a:fillRect/>
          </a:stretch>
        </p:blipFill>
        <p:spPr bwMode="auto">
          <a:xfrm>
            <a:off x="304800" y="304800"/>
            <a:ext cx="2209800" cy="1515505"/>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6" name="Content Placeholder 2"/>
          <p:cNvSpPr txBox="1">
            <a:spLocks/>
          </p:cNvSpPr>
          <p:nvPr/>
        </p:nvSpPr>
        <p:spPr bwMode="auto">
          <a:xfrm>
            <a:off x="3505200" y="2143320"/>
            <a:ext cx="5334000" cy="105259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marL="396875" indent="-396875" defTabSz="912813" eaLnBrk="0" hangingPunct="0">
              <a:lnSpc>
                <a:spcPct val="90000"/>
              </a:lnSpc>
              <a:spcBef>
                <a:spcPct val="20000"/>
              </a:spcBef>
              <a:buFontTx/>
              <a:buBlip>
                <a:blip r:embed="rId4"/>
              </a:buBlip>
              <a:defRPr/>
            </a:pPr>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30 ft. – Chicago, USA</a:t>
            </a:r>
            <a:r>
              <a:rPr lang="en-US" sz="2800" dirty="0" smtClean="0">
                <a:solidFill>
                  <a:prstClr val="white"/>
                </a:solidFill>
                <a:latin typeface="Calibri"/>
              </a:rPr>
              <a:t/>
            </a:r>
            <a:br>
              <a:rPr lang="en-US" sz="2800" dirty="0" smtClean="0">
                <a:solidFill>
                  <a:prstClr val="white"/>
                </a:solidFill>
                <a:latin typeface="Calibri"/>
              </a:rPr>
            </a:br>
            <a:r>
              <a:rPr lang="en-US" sz="2400" dirty="0" smtClean="0">
                <a:solidFill>
                  <a:prstClr val="white"/>
                </a:solidFill>
                <a:latin typeface="Calibri"/>
              </a:rPr>
              <a:t>109 mile sewer overflow tunnel</a:t>
            </a:r>
            <a:br>
              <a:rPr lang="en-US" sz="2400" dirty="0" smtClean="0">
                <a:solidFill>
                  <a:prstClr val="white"/>
                </a:solidFill>
                <a:latin typeface="Calibri"/>
              </a:rPr>
            </a:br>
            <a:r>
              <a:rPr lang="en-US" sz="2400" dirty="0" smtClean="0">
                <a:solidFill>
                  <a:prstClr val="white"/>
                </a:solidFill>
                <a:latin typeface="Calibri"/>
              </a:rPr>
              <a:t>30 tunnel boring machines</a:t>
            </a:r>
            <a:endParaRPr lang="en-US" sz="2800" dirty="0">
              <a:solidFill>
                <a:prstClr val="white"/>
              </a:solidFill>
              <a:latin typeface="Calibri"/>
            </a:endParaRPr>
          </a:p>
        </p:txBody>
      </p:sp>
      <p:pic>
        <p:nvPicPr>
          <p:cNvPr id="395267" name="Picture 3"/>
          <p:cNvPicPr>
            <a:picLocks noChangeAspect="1" noChangeArrowheads="1"/>
          </p:cNvPicPr>
          <p:nvPr/>
        </p:nvPicPr>
        <p:blipFill>
          <a:blip r:embed="rId5"/>
          <a:srcRect/>
          <a:stretch>
            <a:fillRect/>
          </a:stretch>
        </p:blipFill>
        <p:spPr bwMode="auto">
          <a:xfrm>
            <a:off x="1289222" y="1143000"/>
            <a:ext cx="1911178" cy="1998592"/>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8" name="Content Placeholder 2"/>
          <p:cNvSpPr txBox="1">
            <a:spLocks/>
          </p:cNvSpPr>
          <p:nvPr/>
        </p:nvSpPr>
        <p:spPr bwMode="auto">
          <a:xfrm>
            <a:off x="3505200" y="3323639"/>
            <a:ext cx="5334000" cy="72019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marL="396875" indent="-396875" defTabSz="912813" eaLnBrk="0" hangingPunct="0">
              <a:lnSpc>
                <a:spcPct val="90000"/>
              </a:lnSpc>
              <a:spcBef>
                <a:spcPct val="20000"/>
              </a:spcBef>
              <a:buFontTx/>
              <a:buBlip>
                <a:blip r:embed="rId4"/>
              </a:buBlip>
              <a:defRPr/>
            </a:pPr>
            <a:r>
              <a:rPr lang="en-US" sz="28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24 to 45 ft. – Cleveland, USA</a:t>
            </a:r>
            <a:r>
              <a:rPr lang="en-US" sz="2800" dirty="0" smtClean="0">
                <a:solidFill>
                  <a:prstClr val="white"/>
                </a:solidFill>
                <a:latin typeface="Calibri"/>
              </a:rPr>
              <a:t/>
            </a:r>
            <a:br>
              <a:rPr lang="en-US" sz="2800" dirty="0" smtClean="0">
                <a:solidFill>
                  <a:prstClr val="white"/>
                </a:solidFill>
                <a:latin typeface="Calibri"/>
              </a:rPr>
            </a:br>
            <a:r>
              <a:rPr lang="en-US" sz="2400" dirty="0" smtClean="0">
                <a:solidFill>
                  <a:prstClr val="white"/>
                </a:solidFill>
                <a:latin typeface="Calibri"/>
              </a:rPr>
              <a:t>Sewer overflow tunnels</a:t>
            </a:r>
            <a:endParaRPr lang="en-US" sz="2800" dirty="0">
              <a:solidFill>
                <a:prstClr val="white"/>
              </a:solidFill>
              <a:latin typeface="Calibri"/>
            </a:endParaRPr>
          </a:p>
        </p:txBody>
      </p:sp>
      <p:pic>
        <p:nvPicPr>
          <p:cNvPr id="395268" name="Picture 4"/>
          <p:cNvPicPr>
            <a:picLocks noChangeAspect="1" noChangeArrowheads="1"/>
          </p:cNvPicPr>
          <p:nvPr/>
        </p:nvPicPr>
        <p:blipFill>
          <a:blip r:embed="rId6"/>
          <a:srcRect/>
          <a:stretch>
            <a:fillRect/>
          </a:stretch>
        </p:blipFill>
        <p:spPr bwMode="auto">
          <a:xfrm>
            <a:off x="298677" y="2057400"/>
            <a:ext cx="2139723" cy="1528120"/>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73" name="Picture 9"/>
          <p:cNvPicPr>
            <a:picLocks noChangeAspect="1" noChangeArrowheads="1"/>
          </p:cNvPicPr>
          <p:nvPr/>
        </p:nvPicPr>
        <p:blipFill>
          <a:blip r:embed="rId7"/>
          <a:srcRect/>
          <a:stretch>
            <a:fillRect/>
          </a:stretch>
        </p:blipFill>
        <p:spPr bwMode="auto">
          <a:xfrm flipH="1">
            <a:off x="1295400" y="3167217"/>
            <a:ext cx="1905000" cy="1709583"/>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71" name="Picture 7"/>
          <p:cNvPicPr>
            <a:picLocks noChangeAspect="1" noChangeArrowheads="1"/>
          </p:cNvPicPr>
          <p:nvPr/>
        </p:nvPicPr>
        <p:blipFill>
          <a:blip r:embed="rId8"/>
          <a:srcRect/>
          <a:stretch>
            <a:fillRect/>
          </a:stretch>
        </p:blipFill>
        <p:spPr bwMode="auto">
          <a:xfrm>
            <a:off x="152400" y="4038601"/>
            <a:ext cx="2286000" cy="1524000"/>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pic>
        <p:nvPicPr>
          <p:cNvPr id="395275" name="Picture 11" descr="http://www.roadtraffic-technology.com/projects/smart/images/3-tunnel-cross-section.jpg">
            <a:hlinkClick r:id="rId9"/>
          </p:cNvPr>
          <p:cNvPicPr>
            <a:picLocks noChangeAspect="1" noChangeArrowheads="1"/>
          </p:cNvPicPr>
          <p:nvPr/>
        </p:nvPicPr>
        <p:blipFill>
          <a:blip r:embed="rId10"/>
          <a:srcRect/>
          <a:stretch>
            <a:fillRect/>
          </a:stretch>
        </p:blipFill>
        <p:spPr bwMode="auto">
          <a:xfrm>
            <a:off x="1138556" y="5257800"/>
            <a:ext cx="1985644" cy="1381126"/>
          </a:xfrm>
          <a:prstGeom prst="rect">
            <a:avLst/>
          </a:prstGeom>
          <a:ln>
            <a:noFill/>
          </a:ln>
          <a:effectLst>
            <a:outerShdw blurRad="76200" dir="13500000" sy="23000" kx="1200000" algn="br" rotWithShape="0">
              <a:prstClr val="black">
                <a:alpha val="20000"/>
              </a:prstClr>
            </a:outerShdw>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5" name="Rectangle 4"/>
          <p:cNvSpPr/>
          <p:nvPr/>
        </p:nvSpPr>
        <p:spPr bwMode="auto">
          <a:xfrm>
            <a:off x="6605516" y="5257800"/>
            <a:ext cx="2209800" cy="762000"/>
          </a:xfrm>
          <a:prstGeom prst="rect">
            <a:avLst/>
          </a:prstGeom>
          <a:solidFill>
            <a:srgbClr val="FF0000"/>
          </a:soli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300" dirty="0" smtClean="0">
                <a:solidFill>
                  <a:srgbClr val="FFFFFF"/>
                </a:solidFill>
                <a:effectLst>
                  <a:outerShdw blurRad="38100" dist="38100" dir="2700000" algn="tl">
                    <a:srgbClr val="000000">
                      <a:alpha val="43137"/>
                    </a:srgbClr>
                  </a:outerShdw>
                </a:effectLst>
                <a:latin typeface="Segoe" pitchFamily="34" charset="0"/>
              </a:rPr>
              <a:t>Updating</a:t>
            </a:r>
          </a:p>
        </p:txBody>
      </p:sp>
    </p:spTree>
    <p:extLst>
      <p:ext uri="{BB962C8B-B14F-4D97-AF65-F5344CB8AC3E}">
        <p14:creationId xmlns:p14="http://schemas.microsoft.com/office/powerpoint/2010/main" val="160818086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5" presetClass="entr" presetSubtype="0" fill="hold" nodeType="withEffect">
                                  <p:stCondLst>
                                    <p:cond delay="0"/>
                                  </p:stCondLst>
                                  <p:childTnLst>
                                    <p:set>
                                      <p:cBhvr>
                                        <p:cTn id="6" dur="1" fill="hold">
                                          <p:stCondLst>
                                            <p:cond delay="0"/>
                                          </p:stCondLst>
                                        </p:cTn>
                                        <p:tgtEl>
                                          <p:spTgt spid="395266"/>
                                        </p:tgtEl>
                                        <p:attrNameLst>
                                          <p:attrName>style.visibility</p:attrName>
                                        </p:attrNameLst>
                                      </p:cBhvr>
                                      <p:to>
                                        <p:strVal val="visible"/>
                                      </p:to>
                                    </p:set>
                                    <p:anim calcmode="lin" valueType="num">
                                      <p:cBhvr>
                                        <p:cTn id="7" dur="1000" fill="hold"/>
                                        <p:tgtEl>
                                          <p:spTgt spid="395266"/>
                                        </p:tgtEl>
                                        <p:attrNameLst>
                                          <p:attrName>ppt_w</p:attrName>
                                        </p:attrNameLst>
                                      </p:cBhvr>
                                      <p:tavLst>
                                        <p:tav tm="0">
                                          <p:val>
                                            <p:strVal val="#ppt_w*0.70"/>
                                          </p:val>
                                        </p:tav>
                                        <p:tav tm="100000">
                                          <p:val>
                                            <p:strVal val="#ppt_w"/>
                                          </p:val>
                                        </p:tav>
                                      </p:tavLst>
                                    </p:anim>
                                    <p:anim calcmode="lin" valueType="num">
                                      <p:cBhvr>
                                        <p:cTn id="8" dur="1000" fill="hold"/>
                                        <p:tgtEl>
                                          <p:spTgt spid="395266"/>
                                        </p:tgtEl>
                                        <p:attrNameLst>
                                          <p:attrName>ppt_h</p:attrName>
                                        </p:attrNameLst>
                                      </p:cBhvr>
                                      <p:tavLst>
                                        <p:tav tm="0">
                                          <p:val>
                                            <p:strVal val="#ppt_h"/>
                                          </p:val>
                                        </p:tav>
                                        <p:tav tm="100000">
                                          <p:val>
                                            <p:strVal val="#ppt_h"/>
                                          </p:val>
                                        </p:tav>
                                      </p:tavLst>
                                    </p:anim>
                                    <p:animEffect transition="in" filter="fade">
                                      <p:cBhvr>
                                        <p:cTn id="9" dur="1000"/>
                                        <p:tgtEl>
                                          <p:spTgt spid="395266"/>
                                        </p:tgtEl>
                                      </p:cBhvr>
                                    </p:animEffect>
                                  </p:childTnLst>
                                </p:cTn>
                              </p:par>
                            </p:childTnLst>
                          </p:cTn>
                        </p:par>
                        <p:par>
                          <p:cTn id="10" fill="hold">
                            <p:stCondLst>
                              <p:cond delay="1000"/>
                            </p:stCondLst>
                            <p:childTnLst>
                              <p:par>
                                <p:cTn id="11" presetID="55" presetClass="entr" presetSubtype="0" fill="hold" nodeType="afterEffect">
                                  <p:stCondLst>
                                    <p:cond delay="0"/>
                                  </p:stCondLst>
                                  <p:childTnLst>
                                    <p:set>
                                      <p:cBhvr>
                                        <p:cTn id="12" dur="1" fill="hold">
                                          <p:stCondLst>
                                            <p:cond delay="0"/>
                                          </p:stCondLst>
                                        </p:cTn>
                                        <p:tgtEl>
                                          <p:spTgt spid="395267"/>
                                        </p:tgtEl>
                                        <p:attrNameLst>
                                          <p:attrName>style.visibility</p:attrName>
                                        </p:attrNameLst>
                                      </p:cBhvr>
                                      <p:to>
                                        <p:strVal val="visible"/>
                                      </p:to>
                                    </p:set>
                                    <p:anim calcmode="lin" valueType="num">
                                      <p:cBhvr>
                                        <p:cTn id="13" dur="1000" fill="hold"/>
                                        <p:tgtEl>
                                          <p:spTgt spid="395267"/>
                                        </p:tgtEl>
                                        <p:attrNameLst>
                                          <p:attrName>ppt_w</p:attrName>
                                        </p:attrNameLst>
                                      </p:cBhvr>
                                      <p:tavLst>
                                        <p:tav tm="0">
                                          <p:val>
                                            <p:strVal val="#ppt_w*0.70"/>
                                          </p:val>
                                        </p:tav>
                                        <p:tav tm="100000">
                                          <p:val>
                                            <p:strVal val="#ppt_w"/>
                                          </p:val>
                                        </p:tav>
                                      </p:tavLst>
                                    </p:anim>
                                    <p:anim calcmode="lin" valueType="num">
                                      <p:cBhvr>
                                        <p:cTn id="14" dur="1000" fill="hold"/>
                                        <p:tgtEl>
                                          <p:spTgt spid="395267"/>
                                        </p:tgtEl>
                                        <p:attrNameLst>
                                          <p:attrName>ppt_h</p:attrName>
                                        </p:attrNameLst>
                                      </p:cBhvr>
                                      <p:tavLst>
                                        <p:tav tm="0">
                                          <p:val>
                                            <p:strVal val="#ppt_h"/>
                                          </p:val>
                                        </p:tav>
                                        <p:tav tm="100000">
                                          <p:val>
                                            <p:strVal val="#ppt_h"/>
                                          </p:val>
                                        </p:tav>
                                      </p:tavLst>
                                    </p:anim>
                                    <p:animEffect transition="in" filter="fade">
                                      <p:cBhvr>
                                        <p:cTn id="15" dur="1000"/>
                                        <p:tgtEl>
                                          <p:spTgt spid="395267"/>
                                        </p:tgtEl>
                                      </p:cBhvr>
                                    </p:animEffect>
                                  </p:childTnLst>
                                </p:cTn>
                              </p:par>
                              <p:par>
                                <p:cTn id="16" presetID="55" presetClass="entr" presetSubtype="0" fill="hold" grpId="0" nodeType="withEffect">
                                  <p:stCondLst>
                                    <p:cond delay="0"/>
                                  </p:stCondLst>
                                  <p:childTnLst>
                                    <p:set>
                                      <p:cBhvr>
                                        <p:cTn id="17" dur="1" fill="hold">
                                          <p:stCondLst>
                                            <p:cond delay="0"/>
                                          </p:stCondLst>
                                        </p:cTn>
                                        <p:tgtEl>
                                          <p:spTgt spid="6"/>
                                        </p:tgtEl>
                                        <p:attrNameLst>
                                          <p:attrName>style.visibility</p:attrName>
                                        </p:attrNameLst>
                                      </p:cBhvr>
                                      <p:to>
                                        <p:strVal val="visible"/>
                                      </p:to>
                                    </p:set>
                                    <p:anim calcmode="lin" valueType="num">
                                      <p:cBhvr>
                                        <p:cTn id="18" dur="1000" fill="hold"/>
                                        <p:tgtEl>
                                          <p:spTgt spid="6"/>
                                        </p:tgtEl>
                                        <p:attrNameLst>
                                          <p:attrName>ppt_w</p:attrName>
                                        </p:attrNameLst>
                                      </p:cBhvr>
                                      <p:tavLst>
                                        <p:tav tm="0">
                                          <p:val>
                                            <p:strVal val="#ppt_w*0.70"/>
                                          </p:val>
                                        </p:tav>
                                        <p:tav tm="100000">
                                          <p:val>
                                            <p:strVal val="#ppt_w"/>
                                          </p:val>
                                        </p:tav>
                                      </p:tavLst>
                                    </p:anim>
                                    <p:anim calcmode="lin" valueType="num">
                                      <p:cBhvr>
                                        <p:cTn id="19" dur="1000" fill="hold"/>
                                        <p:tgtEl>
                                          <p:spTgt spid="6"/>
                                        </p:tgtEl>
                                        <p:attrNameLst>
                                          <p:attrName>ppt_h</p:attrName>
                                        </p:attrNameLst>
                                      </p:cBhvr>
                                      <p:tavLst>
                                        <p:tav tm="0">
                                          <p:val>
                                            <p:strVal val="#ppt_h"/>
                                          </p:val>
                                        </p:tav>
                                        <p:tav tm="100000">
                                          <p:val>
                                            <p:strVal val="#ppt_h"/>
                                          </p:val>
                                        </p:tav>
                                      </p:tavLst>
                                    </p:anim>
                                    <p:animEffect transition="in" filter="fade">
                                      <p:cBhvr>
                                        <p:cTn id="20" dur="1000"/>
                                        <p:tgtEl>
                                          <p:spTgt spid="6"/>
                                        </p:tgtEl>
                                      </p:cBhvr>
                                    </p:animEffect>
                                  </p:childTnLst>
                                </p:cTn>
                              </p:par>
                            </p:childTnLst>
                          </p:cTn>
                        </p:par>
                        <p:par>
                          <p:cTn id="21" fill="hold">
                            <p:stCondLst>
                              <p:cond delay="2000"/>
                            </p:stCondLst>
                            <p:childTnLst>
                              <p:par>
                                <p:cTn id="22" presetID="55" presetClass="entr" presetSubtype="0" fill="hold" nodeType="afterEffect">
                                  <p:stCondLst>
                                    <p:cond delay="0"/>
                                  </p:stCondLst>
                                  <p:childTnLst>
                                    <p:set>
                                      <p:cBhvr>
                                        <p:cTn id="23" dur="1" fill="hold">
                                          <p:stCondLst>
                                            <p:cond delay="0"/>
                                          </p:stCondLst>
                                        </p:cTn>
                                        <p:tgtEl>
                                          <p:spTgt spid="395268"/>
                                        </p:tgtEl>
                                        <p:attrNameLst>
                                          <p:attrName>style.visibility</p:attrName>
                                        </p:attrNameLst>
                                      </p:cBhvr>
                                      <p:to>
                                        <p:strVal val="visible"/>
                                      </p:to>
                                    </p:set>
                                    <p:anim calcmode="lin" valueType="num">
                                      <p:cBhvr>
                                        <p:cTn id="24" dur="1000" fill="hold"/>
                                        <p:tgtEl>
                                          <p:spTgt spid="395268"/>
                                        </p:tgtEl>
                                        <p:attrNameLst>
                                          <p:attrName>ppt_w</p:attrName>
                                        </p:attrNameLst>
                                      </p:cBhvr>
                                      <p:tavLst>
                                        <p:tav tm="0">
                                          <p:val>
                                            <p:strVal val="#ppt_w*0.70"/>
                                          </p:val>
                                        </p:tav>
                                        <p:tav tm="100000">
                                          <p:val>
                                            <p:strVal val="#ppt_w"/>
                                          </p:val>
                                        </p:tav>
                                      </p:tavLst>
                                    </p:anim>
                                    <p:anim calcmode="lin" valueType="num">
                                      <p:cBhvr>
                                        <p:cTn id="25" dur="1000" fill="hold"/>
                                        <p:tgtEl>
                                          <p:spTgt spid="395268"/>
                                        </p:tgtEl>
                                        <p:attrNameLst>
                                          <p:attrName>ppt_h</p:attrName>
                                        </p:attrNameLst>
                                      </p:cBhvr>
                                      <p:tavLst>
                                        <p:tav tm="0">
                                          <p:val>
                                            <p:strVal val="#ppt_h"/>
                                          </p:val>
                                        </p:tav>
                                        <p:tav tm="100000">
                                          <p:val>
                                            <p:strVal val="#ppt_h"/>
                                          </p:val>
                                        </p:tav>
                                      </p:tavLst>
                                    </p:anim>
                                    <p:animEffect transition="in" filter="fade">
                                      <p:cBhvr>
                                        <p:cTn id="26" dur="1000"/>
                                        <p:tgtEl>
                                          <p:spTgt spid="395268"/>
                                        </p:tgtEl>
                                      </p:cBhvr>
                                    </p:animEffect>
                                  </p:childTnLst>
                                </p:cTn>
                              </p:par>
                              <p:par>
                                <p:cTn id="27" presetID="55" presetClass="entr" presetSubtype="0" fill="hold" grpId="0" nodeType="withEffect">
                                  <p:stCondLst>
                                    <p:cond delay="0"/>
                                  </p:stCondLst>
                                  <p:childTnLst>
                                    <p:set>
                                      <p:cBhvr>
                                        <p:cTn id="28" dur="1" fill="hold">
                                          <p:stCondLst>
                                            <p:cond delay="0"/>
                                          </p:stCondLst>
                                        </p:cTn>
                                        <p:tgtEl>
                                          <p:spTgt spid="8"/>
                                        </p:tgtEl>
                                        <p:attrNameLst>
                                          <p:attrName>style.visibility</p:attrName>
                                        </p:attrNameLst>
                                      </p:cBhvr>
                                      <p:to>
                                        <p:strVal val="visible"/>
                                      </p:to>
                                    </p:set>
                                    <p:anim calcmode="lin" valueType="num">
                                      <p:cBhvr>
                                        <p:cTn id="29" dur="1000" fill="hold"/>
                                        <p:tgtEl>
                                          <p:spTgt spid="8"/>
                                        </p:tgtEl>
                                        <p:attrNameLst>
                                          <p:attrName>ppt_w</p:attrName>
                                        </p:attrNameLst>
                                      </p:cBhvr>
                                      <p:tavLst>
                                        <p:tav tm="0">
                                          <p:val>
                                            <p:strVal val="#ppt_w*0.70"/>
                                          </p:val>
                                        </p:tav>
                                        <p:tav tm="100000">
                                          <p:val>
                                            <p:strVal val="#ppt_w"/>
                                          </p:val>
                                        </p:tav>
                                      </p:tavLst>
                                    </p:anim>
                                    <p:anim calcmode="lin" valueType="num">
                                      <p:cBhvr>
                                        <p:cTn id="30" dur="1000" fill="hold"/>
                                        <p:tgtEl>
                                          <p:spTgt spid="8"/>
                                        </p:tgtEl>
                                        <p:attrNameLst>
                                          <p:attrName>ppt_h</p:attrName>
                                        </p:attrNameLst>
                                      </p:cBhvr>
                                      <p:tavLst>
                                        <p:tav tm="0">
                                          <p:val>
                                            <p:strVal val="#ppt_h"/>
                                          </p:val>
                                        </p:tav>
                                        <p:tav tm="100000">
                                          <p:val>
                                            <p:strVal val="#ppt_h"/>
                                          </p:val>
                                        </p:tav>
                                      </p:tavLst>
                                    </p:anim>
                                    <p:animEffect transition="in" filter="fade">
                                      <p:cBhvr>
                                        <p:cTn id="31" dur="1000"/>
                                        <p:tgtEl>
                                          <p:spTgt spid="8"/>
                                        </p:tgtEl>
                                      </p:cBhvr>
                                    </p:animEffect>
                                  </p:childTnLst>
                                </p:cTn>
                              </p:par>
                            </p:childTnLst>
                          </p:cTn>
                        </p:par>
                        <p:par>
                          <p:cTn id="32" fill="hold">
                            <p:stCondLst>
                              <p:cond delay="3000"/>
                            </p:stCondLst>
                            <p:childTnLst>
                              <p:par>
                                <p:cTn id="33" presetID="55" presetClass="entr" presetSubtype="0" fill="hold" nodeType="afterEffect">
                                  <p:stCondLst>
                                    <p:cond delay="0"/>
                                  </p:stCondLst>
                                  <p:childTnLst>
                                    <p:set>
                                      <p:cBhvr>
                                        <p:cTn id="34" dur="1" fill="hold">
                                          <p:stCondLst>
                                            <p:cond delay="0"/>
                                          </p:stCondLst>
                                        </p:cTn>
                                        <p:tgtEl>
                                          <p:spTgt spid="395273"/>
                                        </p:tgtEl>
                                        <p:attrNameLst>
                                          <p:attrName>style.visibility</p:attrName>
                                        </p:attrNameLst>
                                      </p:cBhvr>
                                      <p:to>
                                        <p:strVal val="visible"/>
                                      </p:to>
                                    </p:set>
                                    <p:anim calcmode="lin" valueType="num">
                                      <p:cBhvr>
                                        <p:cTn id="35" dur="1000" fill="hold"/>
                                        <p:tgtEl>
                                          <p:spTgt spid="395273"/>
                                        </p:tgtEl>
                                        <p:attrNameLst>
                                          <p:attrName>ppt_w</p:attrName>
                                        </p:attrNameLst>
                                      </p:cBhvr>
                                      <p:tavLst>
                                        <p:tav tm="0">
                                          <p:val>
                                            <p:strVal val="#ppt_w*0.70"/>
                                          </p:val>
                                        </p:tav>
                                        <p:tav tm="100000">
                                          <p:val>
                                            <p:strVal val="#ppt_w"/>
                                          </p:val>
                                        </p:tav>
                                      </p:tavLst>
                                    </p:anim>
                                    <p:anim calcmode="lin" valueType="num">
                                      <p:cBhvr>
                                        <p:cTn id="36" dur="1000" fill="hold"/>
                                        <p:tgtEl>
                                          <p:spTgt spid="395273"/>
                                        </p:tgtEl>
                                        <p:attrNameLst>
                                          <p:attrName>ppt_h</p:attrName>
                                        </p:attrNameLst>
                                      </p:cBhvr>
                                      <p:tavLst>
                                        <p:tav tm="0">
                                          <p:val>
                                            <p:strVal val="#ppt_h"/>
                                          </p:val>
                                        </p:tav>
                                        <p:tav tm="100000">
                                          <p:val>
                                            <p:strVal val="#ppt_h"/>
                                          </p:val>
                                        </p:tav>
                                      </p:tavLst>
                                    </p:anim>
                                    <p:animEffect transition="in" filter="fade">
                                      <p:cBhvr>
                                        <p:cTn id="37" dur="1000"/>
                                        <p:tgtEl>
                                          <p:spTgt spid="395273"/>
                                        </p:tgtEl>
                                      </p:cBhvr>
                                    </p:animEffect>
                                  </p:childTnLst>
                                </p:cTn>
                              </p:par>
                            </p:childTnLst>
                          </p:cTn>
                        </p:par>
                        <p:par>
                          <p:cTn id="38" fill="hold">
                            <p:stCondLst>
                              <p:cond delay="4000"/>
                            </p:stCondLst>
                            <p:childTnLst>
                              <p:par>
                                <p:cTn id="39" presetID="55" presetClass="entr" presetSubtype="0" fill="hold" nodeType="afterEffect">
                                  <p:stCondLst>
                                    <p:cond delay="0"/>
                                  </p:stCondLst>
                                  <p:childTnLst>
                                    <p:set>
                                      <p:cBhvr>
                                        <p:cTn id="40" dur="1" fill="hold">
                                          <p:stCondLst>
                                            <p:cond delay="0"/>
                                          </p:stCondLst>
                                        </p:cTn>
                                        <p:tgtEl>
                                          <p:spTgt spid="395271"/>
                                        </p:tgtEl>
                                        <p:attrNameLst>
                                          <p:attrName>style.visibility</p:attrName>
                                        </p:attrNameLst>
                                      </p:cBhvr>
                                      <p:to>
                                        <p:strVal val="visible"/>
                                      </p:to>
                                    </p:set>
                                    <p:anim calcmode="lin" valueType="num">
                                      <p:cBhvr>
                                        <p:cTn id="41" dur="1000" fill="hold"/>
                                        <p:tgtEl>
                                          <p:spTgt spid="395271"/>
                                        </p:tgtEl>
                                        <p:attrNameLst>
                                          <p:attrName>ppt_w</p:attrName>
                                        </p:attrNameLst>
                                      </p:cBhvr>
                                      <p:tavLst>
                                        <p:tav tm="0">
                                          <p:val>
                                            <p:strVal val="#ppt_w*0.70"/>
                                          </p:val>
                                        </p:tav>
                                        <p:tav tm="100000">
                                          <p:val>
                                            <p:strVal val="#ppt_w"/>
                                          </p:val>
                                        </p:tav>
                                      </p:tavLst>
                                    </p:anim>
                                    <p:anim calcmode="lin" valueType="num">
                                      <p:cBhvr>
                                        <p:cTn id="42" dur="1000" fill="hold"/>
                                        <p:tgtEl>
                                          <p:spTgt spid="395271"/>
                                        </p:tgtEl>
                                        <p:attrNameLst>
                                          <p:attrName>ppt_h</p:attrName>
                                        </p:attrNameLst>
                                      </p:cBhvr>
                                      <p:tavLst>
                                        <p:tav tm="0">
                                          <p:val>
                                            <p:strVal val="#ppt_h"/>
                                          </p:val>
                                        </p:tav>
                                        <p:tav tm="100000">
                                          <p:val>
                                            <p:strVal val="#ppt_h"/>
                                          </p:val>
                                        </p:tav>
                                      </p:tavLst>
                                    </p:anim>
                                    <p:animEffect transition="in" filter="fade">
                                      <p:cBhvr>
                                        <p:cTn id="43" dur="1000"/>
                                        <p:tgtEl>
                                          <p:spTgt spid="395271"/>
                                        </p:tgtEl>
                                      </p:cBhvr>
                                    </p:animEffect>
                                  </p:childTnLst>
                                </p:cTn>
                              </p:par>
                            </p:childTnLst>
                          </p:cTn>
                        </p:par>
                        <p:par>
                          <p:cTn id="44" fill="hold">
                            <p:stCondLst>
                              <p:cond delay="5000"/>
                            </p:stCondLst>
                            <p:childTnLst>
                              <p:par>
                                <p:cTn id="45" presetID="55" presetClass="entr" presetSubtype="0" fill="hold" nodeType="afterEffect">
                                  <p:stCondLst>
                                    <p:cond delay="0"/>
                                  </p:stCondLst>
                                  <p:childTnLst>
                                    <p:set>
                                      <p:cBhvr>
                                        <p:cTn id="46" dur="1" fill="hold">
                                          <p:stCondLst>
                                            <p:cond delay="0"/>
                                          </p:stCondLst>
                                        </p:cTn>
                                        <p:tgtEl>
                                          <p:spTgt spid="395275"/>
                                        </p:tgtEl>
                                        <p:attrNameLst>
                                          <p:attrName>style.visibility</p:attrName>
                                        </p:attrNameLst>
                                      </p:cBhvr>
                                      <p:to>
                                        <p:strVal val="visible"/>
                                      </p:to>
                                    </p:set>
                                    <p:anim calcmode="lin" valueType="num">
                                      <p:cBhvr>
                                        <p:cTn id="47" dur="1000" fill="hold"/>
                                        <p:tgtEl>
                                          <p:spTgt spid="395275"/>
                                        </p:tgtEl>
                                        <p:attrNameLst>
                                          <p:attrName>ppt_w</p:attrName>
                                        </p:attrNameLst>
                                      </p:cBhvr>
                                      <p:tavLst>
                                        <p:tav tm="0">
                                          <p:val>
                                            <p:strVal val="#ppt_w*0.70"/>
                                          </p:val>
                                        </p:tav>
                                        <p:tav tm="100000">
                                          <p:val>
                                            <p:strVal val="#ppt_w"/>
                                          </p:val>
                                        </p:tav>
                                      </p:tavLst>
                                    </p:anim>
                                    <p:anim calcmode="lin" valueType="num">
                                      <p:cBhvr>
                                        <p:cTn id="48" dur="1000" fill="hold"/>
                                        <p:tgtEl>
                                          <p:spTgt spid="395275"/>
                                        </p:tgtEl>
                                        <p:attrNameLst>
                                          <p:attrName>ppt_h</p:attrName>
                                        </p:attrNameLst>
                                      </p:cBhvr>
                                      <p:tavLst>
                                        <p:tav tm="0">
                                          <p:val>
                                            <p:strVal val="#ppt_h"/>
                                          </p:val>
                                        </p:tav>
                                        <p:tav tm="100000">
                                          <p:val>
                                            <p:strVal val="#ppt_h"/>
                                          </p:val>
                                        </p:tav>
                                      </p:tavLst>
                                    </p:anim>
                                    <p:animEffect transition="in" filter="fade">
                                      <p:cBhvr>
                                        <p:cTn id="49" dur="1000"/>
                                        <p:tgtEl>
                                          <p:spTgt spid="39527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8" grpId="0"/>
    </p:bld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ontent Placeholder 2"/>
          <p:cNvSpPr txBox="1">
            <a:spLocks/>
          </p:cNvSpPr>
          <p:nvPr/>
        </p:nvSpPr>
        <p:spPr>
          <a:xfrm>
            <a:off x="0" y="1169796"/>
            <a:ext cx="9143999" cy="657365"/>
          </a:xfrm>
          <a:prstGeom prst="rect">
            <a:avLst/>
          </a:prstGeom>
        </p:spPr>
        <p:txBody>
          <a:bodyPr/>
          <a:lstStyle>
            <a:lvl1pPr marL="0" indent="0" algn="ctr" defTabSz="457200" rtl="0" eaLnBrk="1" latinLnBrk="0" hangingPunct="1">
              <a:spcBef>
                <a:spcPct val="20000"/>
              </a:spcBef>
              <a:buFont typeface="Arial"/>
              <a:buNone/>
              <a:defRPr sz="3200" kern="1200">
                <a:solidFill>
                  <a:schemeClr val="tx1">
                    <a:tint val="75000"/>
                  </a:schemeClr>
                </a:solidFill>
                <a:latin typeface="+mn-lt"/>
                <a:ea typeface="+mn-ea"/>
                <a:cs typeface="+mn-cs"/>
              </a:defRPr>
            </a:lvl1pPr>
            <a:lvl2pPr marL="457200" indent="0" algn="ctr" defTabSz="457200" rtl="0" eaLnBrk="1" latinLnBrk="0" hangingPunct="1">
              <a:spcBef>
                <a:spcPct val="20000"/>
              </a:spcBef>
              <a:buFont typeface="Arial"/>
              <a:buNone/>
              <a:defRPr sz="2800" kern="1200">
                <a:solidFill>
                  <a:schemeClr val="tx1">
                    <a:tint val="75000"/>
                  </a:schemeClr>
                </a:solidFill>
                <a:latin typeface="+mn-lt"/>
                <a:ea typeface="+mn-ea"/>
                <a:cs typeface="+mn-cs"/>
              </a:defRPr>
            </a:lvl2pPr>
            <a:lvl3pPr marL="914400" indent="0" algn="ctr" defTabSz="457200" rtl="0" eaLnBrk="1" latinLnBrk="0" hangingPunct="1">
              <a:spcBef>
                <a:spcPct val="20000"/>
              </a:spcBef>
              <a:buFont typeface="Arial"/>
              <a:buNone/>
              <a:defRPr sz="2400" kern="1200">
                <a:solidFill>
                  <a:schemeClr val="tx1">
                    <a:tint val="75000"/>
                  </a:schemeClr>
                </a:solidFill>
                <a:latin typeface="+mn-lt"/>
                <a:ea typeface="+mn-ea"/>
                <a:cs typeface="+mn-cs"/>
              </a:defRPr>
            </a:lvl3pPr>
            <a:lvl4pPr marL="1371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4pPr>
            <a:lvl5pPr marL="18288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5pPr>
            <a:lvl6pPr marL="22860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9pPr>
          </a:lstStyle>
          <a:p>
            <a:endParaRPr lang="en-US" sz="2800" b="1" dirty="0" smtClean="0">
              <a:solidFill>
                <a:srgbClr val="AAE2CA">
                  <a:lumMod val="50000"/>
                </a:srgbClr>
              </a:solidFill>
              <a:latin typeface="Arial"/>
              <a:cs typeface="Arial"/>
            </a:endParaRPr>
          </a:p>
        </p:txBody>
      </p:sp>
      <p:graphicFrame>
        <p:nvGraphicFramePr>
          <p:cNvPr id="2" name="Table 1"/>
          <p:cNvGraphicFramePr>
            <a:graphicFrameLocks noGrp="1"/>
          </p:cNvGraphicFramePr>
          <p:nvPr>
            <p:extLst>
              <p:ext uri="{D42A27DB-BD31-4B8C-83A1-F6EECF244321}">
                <p14:modId xmlns:p14="http://schemas.microsoft.com/office/powerpoint/2010/main" val="4068031109"/>
              </p:ext>
            </p:extLst>
          </p:nvPr>
        </p:nvGraphicFramePr>
        <p:xfrm>
          <a:off x="190501" y="2377440"/>
          <a:ext cx="8762998" cy="3389309"/>
        </p:xfrm>
        <a:graphic>
          <a:graphicData uri="http://schemas.openxmlformats.org/drawingml/2006/table">
            <a:tbl>
              <a:tblPr firstRow="1" bandRow="1">
                <a:tableStyleId>{2A488322-F2BA-4B5B-9748-0D474271808F}</a:tableStyleId>
              </a:tblPr>
              <a:tblGrid>
                <a:gridCol w="4305299"/>
                <a:gridCol w="1752600"/>
                <a:gridCol w="1665422"/>
                <a:gridCol w="1039677"/>
              </a:tblGrid>
              <a:tr h="828989">
                <a:tc>
                  <a:txBody>
                    <a:bodyPr/>
                    <a:lstStyle/>
                    <a:p>
                      <a:pPr algn="ctr"/>
                      <a:r>
                        <a:rPr lang="en-US" sz="2800" dirty="0" smtClean="0"/>
                        <a:t>Project</a:t>
                      </a:r>
                      <a:endParaRPr lang="en-US" sz="2800" dirty="0">
                        <a:latin typeface="Arial Narrow" pitchFamily="34" charset="0"/>
                        <a:cs typeface="Calibri" panose="020F0502020204030204" pitchFamily="34" charset="0"/>
                      </a:endParaRPr>
                    </a:p>
                  </a:txBody>
                  <a:tcPr anchor="ctr"/>
                </a:tc>
                <a:tc>
                  <a:txBody>
                    <a:bodyPr/>
                    <a:lstStyle/>
                    <a:p>
                      <a:pPr algn="ctr"/>
                      <a:r>
                        <a:rPr lang="en-US" sz="2800" dirty="0" smtClean="0"/>
                        <a:t>Cost</a:t>
                      </a:r>
                      <a:endParaRPr lang="en-US" sz="2800" dirty="0">
                        <a:latin typeface="Arial Narrow" pitchFamily="34" charset="0"/>
                        <a:cs typeface="Calibri" panose="020F0502020204030204" pitchFamily="34" charset="0"/>
                      </a:endParaRPr>
                    </a:p>
                  </a:txBody>
                  <a:tcPr anchor="ctr"/>
                </a:tc>
                <a:tc>
                  <a:txBody>
                    <a:bodyPr/>
                    <a:lstStyle/>
                    <a:p>
                      <a:pPr algn="ctr"/>
                      <a:r>
                        <a:rPr lang="en-US" sz="2400" dirty="0" smtClean="0"/>
                        <a:t>Population Served</a:t>
                      </a:r>
                      <a:endParaRPr lang="en-US" sz="2400" dirty="0">
                        <a:latin typeface="Arial Narrow" pitchFamily="34" charset="0"/>
                        <a:cs typeface="Calibri" panose="020F0502020204030204" pitchFamily="34" charset="0"/>
                      </a:endParaRPr>
                    </a:p>
                  </a:txBody>
                  <a:tcPr anchor="ctr"/>
                </a:tc>
                <a:tc>
                  <a:txBody>
                    <a:bodyPr/>
                    <a:lstStyle/>
                    <a:p>
                      <a:pPr algn="ctr"/>
                      <a:r>
                        <a:rPr lang="en-US" sz="2400" dirty="0" smtClean="0"/>
                        <a:t>Per Capita</a:t>
                      </a:r>
                      <a:endParaRPr lang="en-US" sz="2400" dirty="0">
                        <a:latin typeface="Arial Narrow" pitchFamily="34" charset="0"/>
                        <a:cs typeface="Calibri" panose="020F0502020204030204" pitchFamily="34" charset="0"/>
                      </a:endParaRPr>
                    </a:p>
                  </a:txBody>
                  <a:tcPr anchor="ctr"/>
                </a:tc>
              </a:tr>
              <a:tr h="365760">
                <a:tc>
                  <a:txBody>
                    <a:bodyPr/>
                    <a:lstStyle/>
                    <a:p>
                      <a:r>
                        <a:rPr lang="en-US" sz="1800" dirty="0" smtClean="0"/>
                        <a:t>MWD Diamond Valley Lake/Inland Feeder</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3,100,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8,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72</a:t>
                      </a:r>
                      <a:endParaRPr lang="en-US" sz="1800" b="1" dirty="0">
                        <a:latin typeface="Calibri" panose="020F0502020204030204" pitchFamily="34" charset="0"/>
                        <a:cs typeface="Calibri" panose="020F0502020204030204" pitchFamily="34" charset="0"/>
                      </a:endParaRPr>
                    </a:p>
                  </a:txBody>
                  <a:tcPr/>
                </a:tc>
              </a:tr>
              <a:tr h="365760">
                <a:tc>
                  <a:txBody>
                    <a:bodyPr/>
                    <a:lstStyle/>
                    <a:p>
                      <a:r>
                        <a:rPr lang="en-US" sz="1800" dirty="0" smtClean="0"/>
                        <a:t>EBMUD Freeport Project</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517,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3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398</a:t>
                      </a:r>
                      <a:endParaRPr lang="en-US" sz="1800" b="1" dirty="0">
                        <a:latin typeface="Calibri" panose="020F0502020204030204" pitchFamily="34" charset="0"/>
                        <a:cs typeface="Calibri" panose="020F0502020204030204" pitchFamily="34" charset="0"/>
                      </a:endParaRPr>
                    </a:p>
                  </a:txBody>
                  <a:tcPr/>
                </a:tc>
              </a:tr>
              <a:tr h="365760">
                <a:tc>
                  <a:txBody>
                    <a:bodyPr/>
                    <a:lstStyle/>
                    <a:p>
                      <a:r>
                        <a:rPr lang="en-US" sz="1800" dirty="0" smtClean="0"/>
                        <a:t>SDCWA Emergency Storage Project</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500,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2,8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536</a:t>
                      </a:r>
                      <a:endParaRPr lang="en-US" sz="1800" b="1" dirty="0">
                        <a:latin typeface="Calibri" panose="020F0502020204030204" pitchFamily="34" charset="0"/>
                        <a:cs typeface="Calibri" panose="020F0502020204030204" pitchFamily="34" charset="0"/>
                      </a:endParaRPr>
                    </a:p>
                  </a:txBody>
                  <a:tcPr/>
                </a:tc>
              </a:tr>
              <a:tr h="365760">
                <a:tc>
                  <a:txBody>
                    <a:bodyPr/>
                    <a:lstStyle/>
                    <a:p>
                      <a:r>
                        <a:rPr lang="en-US" sz="1800" i="1" dirty="0" smtClean="0">
                          <a:solidFill>
                            <a:srgbClr val="C00000"/>
                          </a:solidFill>
                          <a:effectLst/>
                        </a:rPr>
                        <a:t>BDCP Conveyance </a:t>
                      </a:r>
                      <a:r>
                        <a:rPr lang="en-US" sz="1400" i="1" dirty="0" smtClean="0">
                          <a:solidFill>
                            <a:srgbClr val="C00000"/>
                          </a:solidFill>
                          <a:effectLst/>
                        </a:rPr>
                        <a:t>(BDCP Draft EIR/S)</a:t>
                      </a:r>
                      <a:endParaRPr lang="en-US" sz="1600" b="1" i="1" dirty="0">
                        <a:solidFill>
                          <a:srgbClr val="C00000"/>
                        </a:solidFill>
                        <a:effectLst/>
                        <a:latin typeface="Calibri" panose="020F0502020204030204" pitchFamily="34" charset="0"/>
                        <a:cs typeface="Calibri" panose="020F0502020204030204" pitchFamily="34" charset="0"/>
                      </a:endParaRPr>
                    </a:p>
                  </a:txBody>
                  <a:tcPr/>
                </a:tc>
                <a:tc>
                  <a:txBody>
                    <a:bodyPr/>
                    <a:lstStyle/>
                    <a:p>
                      <a:pPr algn="r"/>
                      <a:r>
                        <a:rPr lang="en-US" sz="1800" i="1" dirty="0" smtClean="0">
                          <a:solidFill>
                            <a:srgbClr val="C00000"/>
                          </a:solidFill>
                          <a:effectLst/>
                        </a:rPr>
                        <a:t>$14,990,000,000</a:t>
                      </a:r>
                      <a:endParaRPr lang="en-US" sz="1800" b="1" i="1" dirty="0">
                        <a:solidFill>
                          <a:srgbClr val="C00000"/>
                        </a:solidFill>
                        <a:effectLst/>
                        <a:latin typeface="Calibri" panose="020F0502020204030204" pitchFamily="34" charset="0"/>
                        <a:cs typeface="Calibri" panose="020F0502020204030204" pitchFamily="34" charset="0"/>
                      </a:endParaRPr>
                    </a:p>
                  </a:txBody>
                  <a:tcPr/>
                </a:tc>
                <a:tc>
                  <a:txBody>
                    <a:bodyPr/>
                    <a:lstStyle/>
                    <a:p>
                      <a:pPr algn="r"/>
                      <a:r>
                        <a:rPr lang="en-US" sz="1800" i="1" dirty="0" smtClean="0">
                          <a:solidFill>
                            <a:srgbClr val="C00000"/>
                          </a:solidFill>
                          <a:effectLst/>
                        </a:rPr>
                        <a:t>25,000,000</a:t>
                      </a:r>
                      <a:endParaRPr lang="en-US" sz="1800" b="1" i="1" dirty="0">
                        <a:solidFill>
                          <a:srgbClr val="C00000"/>
                        </a:solidFill>
                        <a:effectLst/>
                        <a:latin typeface="Calibri" panose="020F0502020204030204" pitchFamily="34" charset="0"/>
                        <a:cs typeface="Calibri" panose="020F0502020204030204" pitchFamily="34" charset="0"/>
                      </a:endParaRPr>
                    </a:p>
                  </a:txBody>
                  <a:tcPr/>
                </a:tc>
                <a:tc>
                  <a:txBody>
                    <a:bodyPr/>
                    <a:lstStyle/>
                    <a:p>
                      <a:pPr algn="r"/>
                      <a:r>
                        <a:rPr lang="en-US" sz="1800" i="1" dirty="0" smtClean="0">
                          <a:solidFill>
                            <a:srgbClr val="C00000"/>
                          </a:solidFill>
                          <a:effectLst/>
                        </a:rPr>
                        <a:t>$600</a:t>
                      </a:r>
                      <a:endParaRPr lang="en-US" sz="1800" b="1" i="1" dirty="0">
                        <a:solidFill>
                          <a:srgbClr val="C00000"/>
                        </a:solidFill>
                        <a:effectLst/>
                        <a:latin typeface="Calibri" panose="020F0502020204030204" pitchFamily="34" charset="0"/>
                        <a:cs typeface="Calibri" panose="020F0502020204030204" pitchFamily="34" charset="0"/>
                      </a:endParaRPr>
                    </a:p>
                  </a:txBody>
                  <a:tcPr/>
                </a:tc>
              </a:tr>
              <a:tr h="365760">
                <a:tc>
                  <a:txBody>
                    <a:bodyPr/>
                    <a:lstStyle/>
                    <a:p>
                      <a:r>
                        <a:rPr lang="en-US" sz="1800" dirty="0" smtClean="0"/>
                        <a:t>CCWD Los Vaqueros Project</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570,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55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036</a:t>
                      </a:r>
                      <a:endParaRPr lang="en-US" sz="1800" b="1" dirty="0">
                        <a:latin typeface="Calibri" panose="020F0502020204030204" pitchFamily="34" charset="0"/>
                        <a:cs typeface="Calibri" panose="020F0502020204030204" pitchFamily="34" charset="0"/>
                      </a:endParaRPr>
                    </a:p>
                  </a:txBody>
                  <a:tcPr/>
                </a:tc>
              </a:tr>
              <a:tr h="365760">
                <a:tc>
                  <a:txBody>
                    <a:bodyPr/>
                    <a:lstStyle/>
                    <a:p>
                      <a:r>
                        <a:rPr lang="en-US" sz="1800" dirty="0" smtClean="0"/>
                        <a:t>SWP Coastal</a:t>
                      </a:r>
                      <a:r>
                        <a:rPr lang="en-US" sz="1800" baseline="0" dirty="0" smtClean="0"/>
                        <a:t> Aqueduct &amp; CCWA Project</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575,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43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337</a:t>
                      </a:r>
                      <a:endParaRPr lang="en-US" sz="1800" b="1" dirty="0">
                        <a:latin typeface="Calibri" panose="020F0502020204030204" pitchFamily="34" charset="0"/>
                        <a:cs typeface="Calibri" panose="020F0502020204030204" pitchFamily="34" charset="0"/>
                      </a:endParaRPr>
                    </a:p>
                  </a:txBody>
                  <a:tcPr/>
                </a:tc>
              </a:tr>
              <a:tr h="365760">
                <a:tc>
                  <a:txBody>
                    <a:bodyPr/>
                    <a:lstStyle/>
                    <a:p>
                      <a:r>
                        <a:rPr lang="en-US" sz="1800" dirty="0" smtClean="0"/>
                        <a:t>SFPUC’s Hetch-Hetchy Improvement Project</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4,800,0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2,500,000</a:t>
                      </a:r>
                      <a:endParaRPr lang="en-US" sz="1800" b="1" dirty="0">
                        <a:latin typeface="Calibri" panose="020F0502020204030204" pitchFamily="34" charset="0"/>
                        <a:cs typeface="Calibri" panose="020F0502020204030204" pitchFamily="34" charset="0"/>
                      </a:endParaRPr>
                    </a:p>
                  </a:txBody>
                  <a:tcPr/>
                </a:tc>
                <a:tc>
                  <a:txBody>
                    <a:bodyPr/>
                    <a:lstStyle/>
                    <a:p>
                      <a:pPr algn="r"/>
                      <a:r>
                        <a:rPr lang="en-US" sz="1800" dirty="0" smtClean="0"/>
                        <a:t>$1,920</a:t>
                      </a:r>
                      <a:endParaRPr lang="en-US" sz="1800" b="1" dirty="0">
                        <a:latin typeface="Calibri" panose="020F0502020204030204" pitchFamily="34" charset="0"/>
                        <a:cs typeface="Calibri" panose="020F0502020204030204" pitchFamily="34" charset="0"/>
                      </a:endParaRPr>
                    </a:p>
                  </a:txBody>
                  <a:tcPr/>
                </a:tc>
              </a:tr>
            </a:tbl>
          </a:graphicData>
        </a:graphic>
      </p:graphicFrame>
      <p:sp>
        <p:nvSpPr>
          <p:cNvPr id="5" name="TextBox 4"/>
          <p:cNvSpPr txBox="1"/>
          <p:nvPr/>
        </p:nvSpPr>
        <p:spPr>
          <a:xfrm>
            <a:off x="76200" y="6474023"/>
            <a:ext cx="9144000" cy="307777"/>
          </a:xfrm>
          <a:prstGeom prst="rect">
            <a:avLst/>
          </a:prstGeom>
          <a:noFill/>
        </p:spPr>
        <p:txBody>
          <a:bodyPr wrap="square" rtlCol="0">
            <a:spAutoFit/>
          </a:bodyPr>
          <a:lstStyle/>
          <a:p>
            <a:r>
              <a:rPr lang="en-US" sz="1400" i="1" dirty="0">
                <a:solidFill>
                  <a:srgbClr val="FF9900"/>
                </a:solidFill>
                <a:latin typeface="Calibri"/>
              </a:rPr>
              <a:t>BDCP Economic Benefits and Financial Strategies, SCWC/The PFM Group, February </a:t>
            </a:r>
            <a:r>
              <a:rPr lang="en-US" sz="1400" i="1" dirty="0" smtClean="0">
                <a:solidFill>
                  <a:srgbClr val="FF9900"/>
                </a:solidFill>
                <a:latin typeface="Calibri"/>
              </a:rPr>
              <a:t>2012</a:t>
            </a:r>
          </a:p>
        </p:txBody>
      </p:sp>
      <p:sp>
        <p:nvSpPr>
          <p:cNvPr id="10" name="Title 5"/>
          <p:cNvSpPr txBox="1">
            <a:spLocks/>
          </p:cNvSpPr>
          <p:nvPr/>
        </p:nvSpPr>
        <p:spPr bwMode="ltGray">
          <a:xfrm>
            <a:off x="304801" y="240175"/>
            <a:ext cx="8545994" cy="1107996"/>
          </a:xfrm>
          <a:prstGeom prst="rect">
            <a:avLst/>
          </a:prstGeom>
        </p:spPr>
        <p:txBody>
          <a:bodyPr wrap="square" lIns="0" tIns="0" rIns="0" bIns="0">
            <a:spAutoFit/>
          </a:bodyPr>
          <a:lstStyle/>
          <a:p>
            <a:pPr algn="r" defTabSz="914363" fontAlgn="auto">
              <a:lnSpc>
                <a:spcPct val="90000"/>
              </a:lnSpc>
              <a:spcAft>
                <a:spcPts val="0"/>
              </a:spcAft>
              <a:defRPr/>
            </a:pP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Statewide </a:t>
            </a:r>
            <a:r>
              <a:rPr lang="en-US" sz="4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Comparison </a:t>
            </a: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
            </a:r>
            <a:b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br>
            <a:r>
              <a:rPr lang="en-US" sz="40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of </a:t>
            </a:r>
            <a:r>
              <a:rPr lang="en-US" sz="4000" b="1" spc="-150" dirty="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Water Improvement Projects</a:t>
            </a:r>
          </a:p>
        </p:txBody>
      </p:sp>
    </p:spTree>
    <p:extLst>
      <p:ext uri="{BB962C8B-B14F-4D97-AF65-F5344CB8AC3E}">
        <p14:creationId xmlns:p14="http://schemas.microsoft.com/office/powerpoint/2010/main" val="1901155595"/>
      </p:ext>
    </p:extLst>
  </p:cSld>
  <p:clrMapOvr>
    <a:masterClrMapping/>
  </p:clrMapOvr>
  <p:transition>
    <p:wheel/>
  </p:transition>
  <p:timing>
    <p:tnLst>
      <p:par>
        <p:cTn id="1" dur="indefinite" restart="never" nodeType="tmRoot"/>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2226" name="Picture 2" descr="D:\Documents and Settings\u06454\My Documents\Copy\Delta Map 30m rgb Master Revised 8x11.jpg"/>
          <p:cNvPicPr>
            <a:picLocks noChangeAspect="1" noChangeArrowheads="1"/>
          </p:cNvPicPr>
          <p:nvPr/>
        </p:nvPicPr>
        <p:blipFill>
          <a:blip r:embed="rId3" cstate="print">
            <a:lum bright="-20000" contrast="8000"/>
            <a:extLst>
              <a:ext uri="{28A0092B-C50C-407E-A947-70E740481C1C}">
                <a14:useLocalDpi xmlns:a14="http://schemas.microsoft.com/office/drawing/2010/main" val="0"/>
              </a:ext>
            </a:extLst>
          </a:blip>
          <a:srcRect/>
          <a:stretch>
            <a:fillRect/>
          </a:stretch>
        </p:blipFill>
        <p:spPr bwMode="auto">
          <a:xfrm>
            <a:off x="0" y="-1588"/>
            <a:ext cx="9144000" cy="6859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559747" name="Rectangle 3"/>
          <p:cNvSpPr>
            <a:spLocks noChangeArrowheads="1"/>
          </p:cNvSpPr>
          <p:nvPr/>
        </p:nvSpPr>
        <p:spPr bwMode="ltGray">
          <a:xfrm>
            <a:off x="514350" y="1028700"/>
            <a:ext cx="2762250" cy="838200"/>
          </a:xfrm>
          <a:prstGeom prst="rect">
            <a:avLst/>
          </a:prstGeom>
          <a:noFill/>
          <a:ln w="9525">
            <a:noFill/>
            <a:miter lim="800000"/>
            <a:headEnd/>
            <a:tailEnd/>
          </a:ln>
          <a:effectLst>
            <a:outerShdw dist="50800" dir="2700000" algn="ctr" rotWithShape="0">
              <a:schemeClr val="bg1"/>
            </a:outerShdw>
          </a:effectLst>
        </p:spPr>
        <p:txBody>
          <a:bodyPr lIns="92075" tIns="46038" rIns="92075" bIns="46038" anchor="ctr"/>
          <a:lstStyle/>
          <a:p>
            <a:pPr>
              <a:lnSpc>
                <a:spcPct val="90000"/>
              </a:lnSpc>
              <a:spcAft>
                <a:spcPct val="35000"/>
              </a:spcAft>
              <a:defRPr/>
            </a:pPr>
            <a:r>
              <a:rPr lang="en-US" sz="4400" b="1" spc="-150" dirty="0">
                <a:ln w="3175">
                  <a:noFill/>
                </a:ln>
                <a:gradFill flip="none" rotWithShape="1">
                  <a:gsLst>
                    <a:gs pos="0">
                      <a:srgbClr val="FFFFB9"/>
                    </a:gs>
                    <a:gs pos="36000">
                      <a:srgbClr val="FFFF99"/>
                    </a:gs>
                    <a:gs pos="86000">
                      <a:srgbClr val="F6AE1E"/>
                    </a:gs>
                  </a:gsLst>
                  <a:lin ang="5400000" scaled="0"/>
                  <a:tileRect/>
                </a:gradFill>
                <a:effectLst>
                  <a:outerShdw blurRad="50800" dist="50800" dir="2700000" algn="tl" rotWithShape="0">
                    <a:prstClr val="black"/>
                  </a:outerShdw>
                </a:effectLst>
                <a:latin typeface="+mj-lt"/>
                <a:cs typeface="Arial" charset="0"/>
              </a:rPr>
              <a:t>The Delta</a:t>
            </a:r>
            <a:endParaRPr lang="en-US" sz="4400" b="1" dirty="0">
              <a:solidFill>
                <a:srgbClr val="FFFF00"/>
              </a:solidFill>
              <a:effectLst>
                <a:outerShdw blurRad="38100" dist="38100" dir="2700000" algn="tl">
                  <a:srgbClr val="000000"/>
                </a:outerShdw>
              </a:effectLst>
              <a:latin typeface="Arial Black" pitchFamily="34" charset="0"/>
            </a:endParaRPr>
          </a:p>
        </p:txBody>
      </p:sp>
      <p:sp>
        <p:nvSpPr>
          <p:cNvPr id="6559748" name="Rectangle 4"/>
          <p:cNvSpPr>
            <a:spLocks noChangeArrowheads="1"/>
          </p:cNvSpPr>
          <p:nvPr/>
        </p:nvSpPr>
        <p:spPr bwMode="ltGray">
          <a:xfrm>
            <a:off x="5643563" y="1966913"/>
            <a:ext cx="1562100" cy="381000"/>
          </a:xfrm>
          <a:prstGeom prst="rect">
            <a:avLst/>
          </a:prstGeom>
          <a:noFill/>
          <a:ln w="9525">
            <a:noFill/>
            <a:miter lim="800000"/>
            <a:headEnd/>
            <a:tailEnd/>
          </a:ln>
          <a:effectLst>
            <a:outerShdw dist="50800" dir="2700000" algn="ctr" rotWithShape="0">
              <a:schemeClr val="bg1"/>
            </a:outerShdw>
          </a:effectLst>
        </p:spPr>
        <p:txBody>
          <a:bodyPr lIns="92075" tIns="46038" rIns="92075" bIns="46038" anchor="ctr"/>
          <a:lstStyle/>
          <a:p>
            <a:pPr>
              <a:lnSpc>
                <a:spcPct val="90000"/>
              </a:lnSpc>
              <a:spcAft>
                <a:spcPct val="35000"/>
              </a:spcAft>
              <a:defRPr/>
            </a:pPr>
            <a:r>
              <a:rPr lang="en-US" sz="1600" dirty="0">
                <a:effectLst>
                  <a:outerShdw blurRad="38100" dist="38100" dir="2700000" algn="tl">
                    <a:srgbClr val="000000"/>
                  </a:outerShdw>
                </a:effectLst>
                <a:latin typeface="Arial Black" pitchFamily="34" charset="0"/>
              </a:rPr>
              <a:t>Sacramento</a:t>
            </a:r>
            <a:endParaRPr lang="en-US" sz="1400" dirty="0">
              <a:effectLst>
                <a:outerShdw blurRad="38100" dist="38100" dir="2700000" algn="tl">
                  <a:srgbClr val="000000"/>
                </a:outerShdw>
              </a:effectLst>
              <a:latin typeface="Arial Black" pitchFamily="34" charset="0"/>
            </a:endParaRPr>
          </a:p>
        </p:txBody>
      </p:sp>
      <p:sp>
        <p:nvSpPr>
          <p:cNvPr id="6559749" name="Rectangle 5"/>
          <p:cNvSpPr>
            <a:spLocks noChangeArrowheads="1"/>
          </p:cNvSpPr>
          <p:nvPr/>
        </p:nvSpPr>
        <p:spPr bwMode="ltGray">
          <a:xfrm>
            <a:off x="7010400" y="3810000"/>
            <a:ext cx="1246188" cy="381000"/>
          </a:xfrm>
          <a:prstGeom prst="rect">
            <a:avLst/>
          </a:prstGeom>
          <a:noFill/>
          <a:ln w="9525">
            <a:noFill/>
            <a:miter lim="800000"/>
            <a:headEnd/>
            <a:tailEnd/>
          </a:ln>
          <a:effectLst>
            <a:outerShdw dist="50800" dir="2700000" algn="ctr" rotWithShape="0">
              <a:schemeClr val="bg1"/>
            </a:outerShdw>
          </a:effectLst>
        </p:spPr>
        <p:txBody>
          <a:bodyPr lIns="92075" tIns="46038" rIns="92075" bIns="46038" anchor="ctr"/>
          <a:lstStyle/>
          <a:p>
            <a:pPr>
              <a:lnSpc>
                <a:spcPct val="90000"/>
              </a:lnSpc>
              <a:spcAft>
                <a:spcPct val="35000"/>
              </a:spcAft>
              <a:defRPr/>
            </a:pPr>
            <a:r>
              <a:rPr lang="en-US" sz="1600" dirty="0">
                <a:effectLst>
                  <a:outerShdw blurRad="38100" dist="38100" dir="2700000" algn="tl">
                    <a:srgbClr val="000000"/>
                  </a:outerShdw>
                </a:effectLst>
                <a:latin typeface="Arial Black" pitchFamily="34" charset="0"/>
              </a:rPr>
              <a:t>Stockton</a:t>
            </a:r>
            <a:endParaRPr lang="en-US" sz="1400" dirty="0">
              <a:effectLst>
                <a:outerShdw blurRad="38100" dist="38100" dir="2700000" algn="tl">
                  <a:srgbClr val="000000"/>
                </a:outerShdw>
              </a:effectLst>
              <a:latin typeface="Arial Black" pitchFamily="34" charset="0"/>
            </a:endParaRPr>
          </a:p>
        </p:txBody>
      </p:sp>
      <p:sp>
        <p:nvSpPr>
          <p:cNvPr id="6559750" name="Rectangle 6"/>
          <p:cNvSpPr>
            <a:spLocks noChangeArrowheads="1"/>
          </p:cNvSpPr>
          <p:nvPr/>
        </p:nvSpPr>
        <p:spPr bwMode="ltGray">
          <a:xfrm>
            <a:off x="457200" y="2590800"/>
            <a:ext cx="1562100" cy="381000"/>
          </a:xfrm>
          <a:prstGeom prst="rect">
            <a:avLst/>
          </a:prstGeom>
          <a:noFill/>
          <a:ln w="9525">
            <a:noFill/>
            <a:miter lim="800000"/>
            <a:headEnd/>
            <a:tailEnd/>
          </a:ln>
          <a:effectLst>
            <a:outerShdw dist="50800" dir="2700000" algn="ctr" rotWithShape="0">
              <a:schemeClr val="bg1"/>
            </a:outerShdw>
          </a:effectLst>
        </p:spPr>
        <p:txBody>
          <a:bodyPr lIns="92075" tIns="46038" rIns="92075" bIns="46038" anchor="ctr"/>
          <a:lstStyle/>
          <a:p>
            <a:pPr>
              <a:lnSpc>
                <a:spcPct val="90000"/>
              </a:lnSpc>
              <a:spcAft>
                <a:spcPct val="35000"/>
              </a:spcAft>
              <a:defRPr/>
            </a:pPr>
            <a:r>
              <a:rPr lang="en-US" sz="1600" dirty="0">
                <a:effectLst>
                  <a:outerShdw blurRad="38100" dist="38100" dir="2700000" algn="tl">
                    <a:srgbClr val="000000"/>
                  </a:outerShdw>
                </a:effectLst>
                <a:latin typeface="Arial Black" pitchFamily="34" charset="0"/>
              </a:rPr>
              <a:t>Suisun Bay</a:t>
            </a:r>
            <a:endParaRPr lang="en-US" sz="1400" dirty="0">
              <a:effectLst>
                <a:outerShdw blurRad="38100" dist="38100" dir="2700000" algn="tl">
                  <a:srgbClr val="000000"/>
                </a:outerShdw>
              </a:effectLst>
              <a:latin typeface="Arial Black" pitchFamily="34" charset="0"/>
            </a:endParaRPr>
          </a:p>
        </p:txBody>
      </p:sp>
      <p:sp>
        <p:nvSpPr>
          <p:cNvPr id="6559751" name="Rectangle 7"/>
          <p:cNvSpPr>
            <a:spLocks noChangeArrowheads="1"/>
          </p:cNvSpPr>
          <p:nvPr/>
        </p:nvSpPr>
        <p:spPr bwMode="ltGray">
          <a:xfrm>
            <a:off x="1676400" y="5486400"/>
            <a:ext cx="1828800" cy="381000"/>
          </a:xfrm>
          <a:prstGeom prst="rect">
            <a:avLst/>
          </a:prstGeom>
          <a:noFill/>
          <a:ln w="9525">
            <a:noFill/>
            <a:miter lim="800000"/>
            <a:headEnd/>
            <a:tailEnd/>
          </a:ln>
          <a:effectLst>
            <a:outerShdw dist="50800" dir="2700000" algn="ctr" rotWithShape="0">
              <a:schemeClr val="bg1"/>
            </a:outerShdw>
          </a:effectLst>
        </p:spPr>
        <p:txBody>
          <a:bodyPr lIns="92075" tIns="46038" rIns="92075" bIns="46038" anchor="ctr"/>
          <a:lstStyle/>
          <a:p>
            <a:pPr>
              <a:lnSpc>
                <a:spcPct val="90000"/>
              </a:lnSpc>
              <a:spcAft>
                <a:spcPct val="35000"/>
              </a:spcAft>
              <a:defRPr/>
            </a:pPr>
            <a:r>
              <a:rPr lang="en-US" sz="1400" dirty="0">
                <a:solidFill>
                  <a:schemeClr val="tx1">
                    <a:lumMod val="85000"/>
                  </a:schemeClr>
                </a:solidFill>
                <a:effectLst>
                  <a:outerShdw blurRad="38100" dist="38100" dir="2700000" algn="tl">
                    <a:srgbClr val="000000"/>
                  </a:outerShdw>
                </a:effectLst>
                <a:latin typeface="Arial Black" pitchFamily="34" charset="0"/>
              </a:rPr>
              <a:t>State &amp; Federal Pumping Plants</a:t>
            </a:r>
            <a:endParaRPr lang="en-US" sz="1200" dirty="0">
              <a:solidFill>
                <a:schemeClr val="tx1">
                  <a:lumMod val="85000"/>
                </a:schemeClr>
              </a:solidFill>
              <a:effectLst>
                <a:outerShdw blurRad="38100" dist="38100" dir="2700000" algn="tl">
                  <a:srgbClr val="000000"/>
                </a:outerShdw>
              </a:effectLst>
              <a:latin typeface="Arial Black" pitchFamily="34" charset="0"/>
            </a:endParaRPr>
          </a:p>
        </p:txBody>
      </p:sp>
      <p:sp>
        <p:nvSpPr>
          <p:cNvPr id="52232" name="Oval 8"/>
          <p:cNvSpPr>
            <a:spLocks noChangeAspect="1" noChangeArrowheads="1"/>
          </p:cNvSpPr>
          <p:nvPr/>
        </p:nvSpPr>
        <p:spPr bwMode="auto">
          <a:xfrm>
            <a:off x="3657600" y="5638800"/>
            <a:ext cx="149225" cy="122238"/>
          </a:xfrm>
          <a:prstGeom prst="ellipse">
            <a:avLst/>
          </a:prstGeom>
          <a:solidFill>
            <a:srgbClr val="009900"/>
          </a:solidFill>
          <a:ln w="9525">
            <a:solidFill>
              <a:schemeClr val="tx1"/>
            </a:solidFill>
            <a:round/>
            <a:headEnd/>
            <a:tailEnd/>
          </a:ln>
          <a:effectLst>
            <a:outerShdw dist="50800" dir="2700000" algn="ctr" rotWithShape="0">
              <a:schemeClr val="bg1"/>
            </a:outerShdw>
          </a:effectLst>
        </p:spPr>
        <p:txBody>
          <a:bodyPr rot="10800000" vert="eaVert" anchor="ctr">
            <a:spAutoFit/>
          </a:bodyPr>
          <a:lstStyle/>
          <a:p>
            <a:pPr algn="r"/>
            <a:endParaRPr lang="en-US" dirty="0"/>
          </a:p>
        </p:txBody>
      </p:sp>
      <p:sp>
        <p:nvSpPr>
          <p:cNvPr id="52233" name="Oval 9"/>
          <p:cNvSpPr>
            <a:spLocks noChangeAspect="1" noChangeArrowheads="1"/>
          </p:cNvSpPr>
          <p:nvPr/>
        </p:nvSpPr>
        <p:spPr bwMode="auto">
          <a:xfrm>
            <a:off x="4095750" y="5867400"/>
            <a:ext cx="149225" cy="122238"/>
          </a:xfrm>
          <a:prstGeom prst="ellipse">
            <a:avLst/>
          </a:prstGeom>
          <a:solidFill>
            <a:srgbClr val="009900"/>
          </a:solidFill>
          <a:ln w="9525">
            <a:solidFill>
              <a:schemeClr val="tx1"/>
            </a:solidFill>
            <a:round/>
            <a:headEnd/>
            <a:tailEnd/>
          </a:ln>
          <a:effectLst>
            <a:outerShdw dist="50800" dir="2700000" algn="ctr" rotWithShape="0">
              <a:schemeClr val="bg1"/>
            </a:outerShdw>
          </a:effectLst>
        </p:spPr>
        <p:txBody>
          <a:bodyPr rot="10800000" vert="eaVert" anchor="ctr">
            <a:spAutoFit/>
          </a:bodyPr>
          <a:lstStyle/>
          <a:p>
            <a:pPr algn="r"/>
            <a:endParaRPr lang="en-US" dirty="0"/>
          </a:p>
        </p:txBody>
      </p:sp>
      <p:sp>
        <p:nvSpPr>
          <p:cNvPr id="10" name="Slide Number Placeholder 32"/>
          <p:cNvSpPr txBox="1">
            <a:spLocks noGrp="1"/>
          </p:cNvSpPr>
          <p:nvPr/>
        </p:nvSpPr>
        <p:spPr bwMode="auto">
          <a:xfrm>
            <a:off x="8458200" y="6477000"/>
            <a:ext cx="685800" cy="339436"/>
          </a:xfrm>
          <a:prstGeom prst="rect">
            <a:avLst/>
          </a:prstGeom>
          <a:noFill/>
          <a:ln>
            <a:miter lim="800000"/>
            <a:headEnd/>
            <a:tailEnd/>
          </a:ln>
        </p:spPr>
        <p:txBody>
          <a:bodyPr/>
          <a:lstStyle/>
          <a:p>
            <a:pPr algn="ctr"/>
            <a:fld id="{0FDEAEE8-88C6-4A34-99AA-1F41DD91E381}" type="slidenum">
              <a:rPr lang="en-US" sz="1400">
                <a:effectLst>
                  <a:outerShdw blurRad="38100" dist="38100" dir="2700000" algn="tl">
                    <a:srgbClr val="000000"/>
                  </a:outerShdw>
                </a:effectLst>
              </a:rPr>
              <a:pPr algn="ctr"/>
              <a:t>92</a:t>
            </a:fld>
            <a:endParaRPr lang="en-US" sz="1400" dirty="0">
              <a:effectLst>
                <a:outerShdw blurRad="38100" dist="38100" dir="2700000" algn="tl">
                  <a:srgbClr val="000000"/>
                </a:outerShdw>
              </a:effectLst>
            </a:endParaRPr>
          </a:p>
        </p:txBody>
      </p:sp>
    </p:spTree>
    <p:extLst>
      <p:ext uri="{BB962C8B-B14F-4D97-AF65-F5344CB8AC3E}">
        <p14:creationId xmlns:p14="http://schemas.microsoft.com/office/powerpoint/2010/main" val="658830228"/>
      </p:ext>
    </p:extLst>
  </p:cSld>
  <p:clrMapOvr>
    <a:masterClrMapping/>
  </p:clrMapOvr>
  <p:transition>
    <p:fade/>
  </p:transition>
  <p:timing>
    <p:tnLst>
      <p:par>
        <p:cTn id="1" dur="indefinite" restart="never" nodeType="tmRoot"/>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z="16600" dirty="0" smtClean="0"/>
              <a:t>Backups</a:t>
            </a:r>
            <a:endParaRPr lang="en-US" sz="16600" dirty="0"/>
          </a:p>
        </p:txBody>
      </p:sp>
    </p:spTree>
    <p:extLst>
      <p:ext uri="{BB962C8B-B14F-4D97-AF65-F5344CB8AC3E}">
        <p14:creationId xmlns:p14="http://schemas.microsoft.com/office/powerpoint/2010/main" val="1528063507"/>
      </p:ext>
    </p:extLst>
  </p:cSld>
  <p:clrMapOvr>
    <a:masterClrMapping/>
  </p:clrMapOvr>
  <p:transition spd="slow">
    <p:fade/>
  </p:transition>
  <p:timing>
    <p:tnLst>
      <p:par>
        <p:cTn id="1" dur="indefinite" restart="never" nodeType="tmRoot"/>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p:cNvGraphicFramePr>
            <a:graphicFrameLocks noGrp="1"/>
          </p:cNvGraphicFramePr>
          <p:nvPr>
            <p:ph idx="1"/>
            <p:extLst>
              <p:ext uri="{D42A27DB-BD31-4B8C-83A1-F6EECF244321}">
                <p14:modId xmlns:p14="http://schemas.microsoft.com/office/powerpoint/2010/main" val="3889037997"/>
              </p:ext>
            </p:extLst>
          </p:nvPr>
        </p:nvGraphicFramePr>
        <p:xfrm>
          <a:off x="228600" y="2209801"/>
          <a:ext cx="8763000" cy="3378200"/>
        </p:xfrm>
        <a:graphic>
          <a:graphicData uri="http://schemas.openxmlformats.org/drawingml/2006/table">
            <a:tbl>
              <a:tblPr firstRow="1" bandRow="1">
                <a:tableStyleId>{93296810-A885-4BE3-A3E7-6D5BEEA58F35}</a:tableStyleId>
              </a:tblPr>
              <a:tblGrid>
                <a:gridCol w="990600"/>
                <a:gridCol w="2743200"/>
                <a:gridCol w="1371600"/>
                <a:gridCol w="1371600"/>
                <a:gridCol w="2286000"/>
              </a:tblGrid>
              <a:tr h="579120">
                <a:tc rowSpan="2">
                  <a:txBody>
                    <a:bodyPr/>
                    <a:lstStyle/>
                    <a:p>
                      <a:pPr marL="0" algn="ctr" defTabSz="914363" rtl="0" eaLnBrk="1" latinLnBrk="0" hangingPunct="1"/>
                      <a:r>
                        <a:rPr lang="en-US" sz="2000" kern="1200" dirty="0" smtClean="0">
                          <a:solidFill>
                            <a:schemeClr val="tx1"/>
                          </a:solidFill>
                          <a:latin typeface="+mn-lt"/>
                          <a:ea typeface="+mn-ea"/>
                          <a:cs typeface="+mn-cs"/>
                        </a:rPr>
                        <a:t>Month</a:t>
                      </a:r>
                      <a:endParaRPr lang="en-US" sz="2000" kern="1200" dirty="0">
                        <a:solidFill>
                          <a:schemeClr val="tx1"/>
                        </a:solidFill>
                        <a:latin typeface="+mn-lt"/>
                        <a:ea typeface="+mn-ea"/>
                        <a:cs typeface="+mn-cs"/>
                      </a:endParaRPr>
                    </a:p>
                  </a:txBody>
                  <a:tcPr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rowSpan="2">
                  <a:txBody>
                    <a:bodyPr/>
                    <a:lstStyle/>
                    <a:p>
                      <a:pPr marL="0" algn="ctr" defTabSz="914363" rtl="0" eaLnBrk="1" latinLnBrk="0" hangingPunct="1"/>
                      <a:r>
                        <a:rPr lang="en-US" sz="2000" kern="1200" dirty="0" smtClean="0">
                          <a:solidFill>
                            <a:schemeClr val="tx1"/>
                          </a:solidFill>
                          <a:latin typeface="+mn-lt"/>
                          <a:ea typeface="+mn-ea"/>
                          <a:cs typeface="+mn-cs"/>
                        </a:rPr>
                        <a:t>Old &amp; Middle River Criteria (Scenario 6)</a:t>
                      </a:r>
                      <a:endParaRPr lang="en-US" sz="2000" kern="1200" dirty="0">
                        <a:solidFill>
                          <a:schemeClr val="tx1"/>
                        </a:solidFill>
                        <a:latin typeface="+mn-lt"/>
                        <a:ea typeface="+mn-ea"/>
                        <a:cs typeface="+mn-cs"/>
                      </a:endParaRPr>
                    </a:p>
                  </a:txBody>
                  <a:tcPr anchor="ct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gridSpan="2">
                  <a:txBody>
                    <a:bodyPr/>
                    <a:lstStyle/>
                    <a:p>
                      <a:pPr marL="0" algn="ctr" rtl="0" eaLnBrk="1" fontAlgn="ctr" latinLnBrk="0" hangingPunct="1">
                        <a:lnSpc>
                          <a:spcPct val="80000"/>
                        </a:lnSpc>
                        <a:spcBef>
                          <a:spcPts val="0"/>
                        </a:spcBef>
                        <a:spcAft>
                          <a:spcPts val="0"/>
                        </a:spcAft>
                      </a:pPr>
                      <a:r>
                        <a:rPr lang="en-US" sz="2000" b="1" i="0" u="none" strike="noStrike" kern="1200" dirty="0" smtClean="0">
                          <a:solidFill>
                            <a:srgbClr val="FFFFFF"/>
                          </a:solidFill>
                          <a:effectLst/>
                          <a:latin typeface="Calibri"/>
                        </a:rPr>
                        <a:t>BDCP</a:t>
                      </a:r>
                      <a:r>
                        <a:rPr lang="en-US" sz="2000" b="1" i="0" u="none" strike="noStrike" kern="1200" baseline="0" dirty="0" smtClean="0">
                          <a:solidFill>
                            <a:srgbClr val="FFFFFF"/>
                          </a:solidFill>
                          <a:effectLst/>
                          <a:latin typeface="Calibri"/>
                        </a:rPr>
                        <a:t> </a:t>
                      </a:r>
                      <a:r>
                        <a:rPr lang="en-US" sz="2000" b="1" i="0" u="none" strike="noStrike" kern="1200" baseline="0" dirty="0">
                          <a:solidFill>
                            <a:srgbClr val="FFFFFF"/>
                          </a:solidFill>
                          <a:effectLst/>
                          <a:latin typeface="Calibri"/>
                        </a:rPr>
                        <a:t/>
                      </a:r>
                      <a:br>
                        <a:rPr lang="en-US" sz="2000" b="1" i="0" u="none" strike="noStrike" kern="1200" baseline="0" dirty="0">
                          <a:solidFill>
                            <a:srgbClr val="FFFFFF"/>
                          </a:solidFill>
                          <a:effectLst/>
                          <a:latin typeface="Calibri"/>
                        </a:rPr>
                      </a:br>
                      <a:r>
                        <a:rPr lang="en-US" sz="2000" b="1" i="0" u="none" strike="noStrike" kern="1200" baseline="0" dirty="0">
                          <a:solidFill>
                            <a:srgbClr val="FFFFFF"/>
                          </a:solidFill>
                          <a:effectLst/>
                          <a:latin typeface="Calibri"/>
                        </a:rPr>
                        <a:t>Preferred Alternative</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hMerge="1">
                  <a:txBody>
                    <a:bodyPr/>
                    <a:lstStyle/>
                    <a:p>
                      <a:endParaRPr lang="en-US"/>
                    </a:p>
                  </a:txBody>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smtClean="0">
                          <a:solidFill>
                            <a:srgbClr val="FFFFFF"/>
                          </a:solidFill>
                          <a:effectLst/>
                          <a:latin typeface="Calibri"/>
                        </a:rPr>
                        <a:t>California </a:t>
                      </a:r>
                      <a:r>
                        <a:rPr lang="en-US" sz="2000" b="1" i="0" u="none" strike="noStrike" kern="1200" dirty="0">
                          <a:solidFill>
                            <a:srgbClr val="FFFFFF"/>
                          </a:solidFill>
                          <a:effectLst/>
                          <a:latin typeface="Calibri"/>
                        </a:rPr>
                        <a:t>WaterFix Preferred Alt.</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r>
              <a:tr h="370840">
                <a:tc vMerge="1">
                  <a:txBody>
                    <a:bodyPr/>
                    <a:lstStyle/>
                    <a:p>
                      <a:pPr marL="0" algn="ctr" defTabSz="914363" rtl="0" eaLnBrk="1" latinLnBrk="0" hangingPunct="1"/>
                      <a:endParaRPr lang="en-US" sz="2000" kern="1200" dirty="0">
                        <a:solidFill>
                          <a:schemeClr val="dk1"/>
                        </a:solidFill>
                        <a:latin typeface="+mn-lt"/>
                        <a:ea typeface="+mn-ea"/>
                        <a:cs typeface="+mn-cs"/>
                      </a:endParaRPr>
                    </a:p>
                  </a:txBody>
                  <a:tcPr anchor="ctr">
                    <a:lnT w="12700" cap="flat" cmpd="sng" algn="ctr">
                      <a:solidFill>
                        <a:schemeClr val="tx1"/>
                      </a:solidFill>
                      <a:prstDash val="solid"/>
                      <a:round/>
                      <a:headEnd type="none" w="med" len="med"/>
                      <a:tailEnd type="none" w="med" len="med"/>
                    </a:lnT>
                    <a:solidFill>
                      <a:srgbClr val="7E848D"/>
                    </a:solidFill>
                  </a:tcPr>
                </a:tc>
                <a:tc vMerge="1">
                  <a:txBody>
                    <a:bodyPr/>
                    <a:lstStyle/>
                    <a:p>
                      <a:pPr marL="0" algn="ctr" defTabSz="914363" rtl="0" eaLnBrk="1" latinLnBrk="0" hangingPunct="1"/>
                      <a:endParaRPr lang="en-US" sz="2000" kern="1200" dirty="0">
                        <a:solidFill>
                          <a:schemeClr val="dk1"/>
                        </a:solidFill>
                        <a:latin typeface="+mn-lt"/>
                        <a:ea typeface="+mn-ea"/>
                        <a:cs typeface="+mn-cs"/>
                      </a:endParaRPr>
                    </a:p>
                  </a:txBody>
                  <a:tcPr anchor="ctr">
                    <a:lnT w="12700" cap="flat" cmpd="sng" algn="ctr">
                      <a:solidFill>
                        <a:schemeClr val="tx1"/>
                      </a:solidFill>
                      <a:prstDash val="solid"/>
                      <a:round/>
                      <a:headEnd type="none" w="med" len="med"/>
                      <a:tailEnd type="none" w="med" len="med"/>
                    </a:lnT>
                    <a:solidFill>
                      <a:srgbClr val="7E848D"/>
                    </a:solidFill>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a:solidFill>
                            <a:srgbClr val="FFFFFF"/>
                          </a:solidFill>
                          <a:effectLst/>
                          <a:latin typeface="Calibri"/>
                        </a:rPr>
                        <a:t>Alt. 4-H3</a:t>
                      </a:r>
                      <a:endParaRPr lang="en-US" sz="2800" b="0" i="0" u="none" strike="noStrike" dirty="0">
                        <a:effectLst/>
                        <a:latin typeface="Arial"/>
                      </a:endParaRPr>
                    </a:p>
                  </a:txBody>
                  <a:tcPr marT="18288" marB="18288"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a:txBody>
                    <a:bodyPr/>
                    <a:lstStyle/>
                    <a:p>
                      <a:pPr marL="0" algn="ctr" rtl="0" eaLnBrk="1" fontAlgn="ctr" latinLnBrk="0" hangingPunct="1">
                        <a:lnSpc>
                          <a:spcPct val="80000"/>
                        </a:lnSpc>
                        <a:spcBef>
                          <a:spcPts val="0"/>
                        </a:spcBef>
                        <a:spcAft>
                          <a:spcPts val="0"/>
                        </a:spcAft>
                      </a:pPr>
                      <a:r>
                        <a:rPr lang="en-US" sz="2000" b="1" i="0" u="none" strike="noStrike" kern="1200" dirty="0">
                          <a:solidFill>
                            <a:srgbClr val="FFFFFF"/>
                          </a:solidFill>
                          <a:effectLst/>
                          <a:latin typeface="Calibri"/>
                        </a:rPr>
                        <a:t>Alt. 4-H4</a:t>
                      </a:r>
                      <a:endParaRPr lang="en-US" sz="2800" b="0" i="0" u="none" strike="noStrike" dirty="0">
                        <a:effectLst/>
                        <a:latin typeface="Arial"/>
                      </a:endParaRPr>
                    </a:p>
                  </a:txBody>
                  <a:tcPr marT="18288" marB="18288"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c>
                  <a:txBody>
                    <a:bodyPr/>
                    <a:lstStyle/>
                    <a:p>
                      <a:pPr marL="0" marR="0" indent="0" algn="ctr" rtl="0" eaLnBrk="1" fontAlgn="auto" latinLnBrk="0" hangingPunct="1">
                        <a:lnSpc>
                          <a:spcPct val="80000"/>
                        </a:lnSpc>
                        <a:spcBef>
                          <a:spcPts val="0"/>
                        </a:spcBef>
                        <a:spcAft>
                          <a:spcPts val="0"/>
                        </a:spcAft>
                      </a:pPr>
                      <a:r>
                        <a:rPr lang="en-US" sz="2000" b="1" i="0" u="none" strike="noStrike" kern="1200" dirty="0">
                          <a:solidFill>
                            <a:srgbClr val="FFFFFF"/>
                          </a:solidFill>
                          <a:effectLst/>
                          <a:latin typeface="Calibri"/>
                        </a:rPr>
                        <a:t>Alt. 4A</a:t>
                      </a:r>
                      <a:endParaRPr lang="en-US" sz="2800" b="0" i="0" u="none" strike="noStrike" dirty="0">
                        <a:effectLst/>
                        <a:latin typeface="Arial"/>
                      </a:endParaRPr>
                    </a:p>
                  </a:txBody>
                  <a:tcPr marT="18288" marB="18288" anchor="ct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E848D"/>
                    </a:solidFill>
                  </a:tcPr>
                </a:tc>
              </a:tr>
              <a:tr h="370840">
                <a:tc>
                  <a:txBody>
                    <a:bodyPr/>
                    <a:lstStyle/>
                    <a:p>
                      <a:pPr algn="ctr"/>
                      <a:r>
                        <a:rPr lang="en-US" sz="1500" dirty="0" smtClean="0"/>
                        <a:t>Oct - Nov</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marL="0" indent="0" algn="ctr">
                        <a:buFont typeface="Arial" panose="020B0604020202020204" pitchFamily="34" charset="0"/>
                        <a:buNone/>
                      </a:pPr>
                      <a:r>
                        <a:rPr lang="en-US" sz="1500" dirty="0" smtClean="0"/>
                        <a:t>No</a:t>
                      </a:r>
                      <a:r>
                        <a:rPr lang="en-US" sz="1500" baseline="0" dirty="0" smtClean="0"/>
                        <a:t> diversion during pulse flow</a:t>
                      </a:r>
                      <a:endParaRPr lang="en-US" sz="1500" dirty="0" smtClean="0"/>
                    </a:p>
                    <a:p>
                      <a:pPr marL="0" indent="0" algn="ctr">
                        <a:buFont typeface="Arial" panose="020B0604020202020204" pitchFamily="34" charset="0"/>
                        <a:buNone/>
                      </a:pPr>
                      <a:r>
                        <a:rPr lang="en-US" sz="1500" dirty="0" smtClean="0"/>
                        <a:t>-5,000</a:t>
                      </a:r>
                      <a:r>
                        <a:rPr lang="en-US" sz="1500" baseline="0" dirty="0" smtClean="0"/>
                        <a:t> cfs in Nov</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313,000 af</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231,000 af</a:t>
                      </a:r>
                      <a:endParaRPr lang="en-US" sz="1500" dirty="0"/>
                    </a:p>
                  </a:txBody>
                  <a:tcPr anchor="ctr">
                    <a:lnT w="12700" cap="flat" cmpd="sng" algn="ctr">
                      <a:solidFill>
                        <a:schemeClr val="tx1"/>
                      </a:solidFill>
                      <a:prstDash val="solid"/>
                      <a:round/>
                      <a:headEnd type="none" w="med" len="med"/>
                      <a:tailEnd type="none" w="med" len="med"/>
                    </a:lnT>
                  </a:tcPr>
                </a:tc>
                <a:tc>
                  <a:txBody>
                    <a:bodyPr/>
                    <a:lstStyle/>
                    <a:p>
                      <a:pPr algn="r"/>
                      <a:r>
                        <a:rPr lang="en-US" sz="1500" dirty="0" smtClean="0"/>
                        <a:t>- 313,000 af</a:t>
                      </a:r>
                      <a:endParaRPr lang="en-US" sz="1500" dirty="0"/>
                    </a:p>
                  </a:txBody>
                  <a:tcPr anchor="ctr">
                    <a:lnT w="12700" cap="flat" cmpd="sng" algn="ctr">
                      <a:solidFill>
                        <a:schemeClr val="tx1"/>
                      </a:solidFill>
                      <a:prstDash val="solid"/>
                      <a:round/>
                      <a:headEnd type="none" w="med" len="med"/>
                      <a:tailEnd type="none" w="med" len="med"/>
                    </a:lnT>
                  </a:tcP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Dec - Mar</a:t>
                      </a:r>
                    </a:p>
                  </a:txBody>
                  <a:tcPr anchor="ctr"/>
                </a:tc>
                <a:tc>
                  <a:txBody>
                    <a:bodyPr/>
                    <a:lstStyle/>
                    <a:p>
                      <a:pPr marL="0" indent="0" algn="ctr">
                        <a:buFont typeface="Arial" panose="020B0604020202020204" pitchFamily="34" charset="0"/>
                        <a:buNone/>
                      </a:pPr>
                      <a:r>
                        <a:rPr lang="en-US" sz="1500" dirty="0" smtClean="0"/>
                        <a:t>-5,000</a:t>
                      </a:r>
                      <a:r>
                        <a:rPr lang="en-US" sz="1500" baseline="0" dirty="0" smtClean="0"/>
                        <a:t> to -3,000 cfs </a:t>
                      </a:r>
                      <a:endParaRPr lang="en-US" sz="1500" dirty="0"/>
                    </a:p>
                  </a:txBody>
                  <a:tcPr anchor="ctr"/>
                </a:tc>
                <a:tc>
                  <a:txBody>
                    <a:bodyPr/>
                    <a:lstStyle/>
                    <a:p>
                      <a:pPr algn="r"/>
                      <a:r>
                        <a:rPr lang="en-US" sz="1500" dirty="0" smtClean="0"/>
                        <a:t>-454,000 af</a:t>
                      </a:r>
                      <a:endParaRPr lang="en-US" sz="1500" dirty="0"/>
                    </a:p>
                  </a:txBody>
                  <a:tcPr anchor="ctr"/>
                </a:tc>
                <a:tc>
                  <a:txBody>
                    <a:bodyPr/>
                    <a:lstStyle/>
                    <a:p>
                      <a:pPr algn="r"/>
                      <a:r>
                        <a:rPr lang="en-US" sz="1500" dirty="0" smtClean="0"/>
                        <a:t>- 379,000 af</a:t>
                      </a:r>
                      <a:endParaRPr lang="en-US" sz="1500" dirty="0"/>
                    </a:p>
                  </a:txBody>
                  <a:tcPr anchor="ctr"/>
                </a:tc>
                <a:tc>
                  <a:txBody>
                    <a:bodyPr/>
                    <a:lstStyle/>
                    <a:p>
                      <a:pPr algn="r"/>
                      <a:r>
                        <a:rPr lang="en-US" sz="1500" dirty="0" smtClean="0"/>
                        <a:t>-454,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Apr - May</a:t>
                      </a:r>
                    </a:p>
                  </a:txBody>
                  <a:tcPr anchor="ctr"/>
                </a:tc>
                <a:tc>
                  <a:txBody>
                    <a:bodyPr/>
                    <a:lstStyle/>
                    <a:p>
                      <a:pPr marL="0" indent="0" algn="ctr">
                        <a:buFont typeface="Arial" panose="020B0604020202020204" pitchFamily="34" charset="0"/>
                        <a:buNone/>
                      </a:pPr>
                      <a:r>
                        <a:rPr lang="en-US" sz="1500" dirty="0" smtClean="0"/>
                        <a:t>-2,000 to +3,000 cfs</a:t>
                      </a:r>
                      <a:endParaRPr lang="en-US" sz="1500" dirty="0"/>
                    </a:p>
                  </a:txBody>
                  <a:tcPr anchor="ctr"/>
                </a:tc>
                <a:tc>
                  <a:txBody>
                    <a:bodyPr/>
                    <a:lstStyle/>
                    <a:p>
                      <a:pPr algn="r"/>
                      <a:r>
                        <a:rPr lang="en-US" sz="1500" dirty="0" smtClean="0"/>
                        <a:t>-60,000 af</a:t>
                      </a:r>
                      <a:endParaRPr lang="en-US" sz="1500" dirty="0"/>
                    </a:p>
                  </a:txBody>
                  <a:tcPr anchor="ctr"/>
                </a:tc>
                <a:tc>
                  <a:txBody>
                    <a:bodyPr/>
                    <a:lstStyle/>
                    <a:p>
                      <a:pPr algn="r"/>
                      <a:r>
                        <a:rPr lang="en-US" sz="1500" dirty="0" smtClean="0"/>
                        <a:t>- 51,000 af</a:t>
                      </a:r>
                      <a:endParaRPr lang="en-US" sz="1500" dirty="0"/>
                    </a:p>
                  </a:txBody>
                  <a:tcPr anchor="ctr"/>
                </a:tc>
                <a:tc>
                  <a:txBody>
                    <a:bodyPr/>
                    <a:lstStyle/>
                    <a:p>
                      <a:pPr algn="r"/>
                      <a:r>
                        <a:rPr lang="en-US" sz="1500" dirty="0" smtClean="0"/>
                        <a:t>-60,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Jun</a:t>
                      </a:r>
                    </a:p>
                  </a:txBody>
                  <a:tcPr anchor="ctr"/>
                </a:tc>
                <a:tc>
                  <a:txBody>
                    <a:bodyPr/>
                    <a:lstStyle/>
                    <a:p>
                      <a:pPr marL="0" indent="0" algn="ctr">
                        <a:buFont typeface="Arial" panose="020B0604020202020204" pitchFamily="34" charset="0"/>
                        <a:buNone/>
                      </a:pPr>
                      <a:r>
                        <a:rPr lang="en-US" sz="1500" dirty="0" smtClean="0"/>
                        <a:t>- 3,500  to + 1,000 cfs</a:t>
                      </a:r>
                      <a:endParaRPr lang="en-US" sz="1500" dirty="0"/>
                    </a:p>
                  </a:txBody>
                  <a:tcPr anchor="ctr"/>
                </a:tc>
                <a:tc>
                  <a:txBody>
                    <a:bodyPr/>
                    <a:lstStyle/>
                    <a:p>
                      <a:pPr algn="r"/>
                      <a:r>
                        <a:rPr lang="en-US" sz="1500" dirty="0" smtClean="0"/>
                        <a:t>-113,000 af</a:t>
                      </a:r>
                      <a:endParaRPr lang="en-US" sz="1500" dirty="0"/>
                    </a:p>
                  </a:txBody>
                  <a:tcPr anchor="ctr"/>
                </a:tc>
                <a:tc>
                  <a:txBody>
                    <a:bodyPr/>
                    <a:lstStyle/>
                    <a:p>
                      <a:pPr algn="r"/>
                      <a:r>
                        <a:rPr lang="en-US" sz="1500" dirty="0" smtClean="0"/>
                        <a:t>- 95,000 af</a:t>
                      </a:r>
                      <a:endParaRPr lang="en-US" sz="1500" dirty="0"/>
                    </a:p>
                  </a:txBody>
                  <a:tcPr anchor="ctr"/>
                </a:tc>
                <a:tc>
                  <a:txBody>
                    <a:bodyPr/>
                    <a:lstStyle/>
                    <a:p>
                      <a:pPr algn="r"/>
                      <a:r>
                        <a:rPr lang="en-US" sz="1500" dirty="0" smtClean="0"/>
                        <a:t>-113,000 af</a:t>
                      </a:r>
                      <a:endParaRPr lang="en-US" sz="1500" dirty="0"/>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r>
                        <a:rPr lang="en-US" sz="1500" dirty="0" smtClean="0"/>
                        <a:t>Jul – Sep</a:t>
                      </a:r>
                    </a:p>
                  </a:txBody>
                  <a:tcPr anchor="ctr"/>
                </a:tc>
                <a:tc>
                  <a:txBody>
                    <a:bodyPr/>
                    <a:lstStyle/>
                    <a:p>
                      <a:pPr marL="0" indent="0" algn="ctr">
                        <a:buFont typeface="Arial" panose="020B0604020202020204" pitchFamily="34" charset="0"/>
                        <a:buNone/>
                      </a:pPr>
                      <a:r>
                        <a:rPr lang="en-US" sz="1500" dirty="0" smtClean="0"/>
                        <a:t>No flow restrictions</a:t>
                      </a:r>
                      <a:endParaRPr lang="en-US" sz="1500" dirty="0"/>
                    </a:p>
                  </a:txBody>
                  <a:tcPr anchor="ctr"/>
                </a:tc>
                <a:tc>
                  <a:txBody>
                    <a:bodyPr/>
                    <a:lstStyle/>
                    <a:p>
                      <a:pPr algn="r"/>
                      <a:r>
                        <a:rPr lang="en-US" sz="1500" dirty="0" smtClean="0"/>
                        <a:t>+26,000 af</a:t>
                      </a:r>
                    </a:p>
                  </a:txBody>
                  <a:tcPr anchor="ctr"/>
                </a:tc>
                <a:tc>
                  <a:txBody>
                    <a:bodyPr/>
                    <a:lstStyle/>
                    <a:p>
                      <a:pPr algn="r"/>
                      <a:r>
                        <a:rPr lang="en-US" sz="1500" dirty="0" smtClean="0"/>
                        <a:t>+89,000 af</a:t>
                      </a:r>
                      <a:endParaRPr lang="en-US" sz="1500" dirty="0"/>
                    </a:p>
                  </a:txBody>
                  <a:tcPr anchor="ctr"/>
                </a:tc>
                <a:tc>
                  <a:txBody>
                    <a:bodyPr/>
                    <a:lstStyle/>
                    <a:p>
                      <a:pPr algn="r"/>
                      <a:r>
                        <a:rPr lang="en-US" sz="1500" dirty="0" smtClean="0"/>
                        <a:t>+26,000 af</a:t>
                      </a:r>
                    </a:p>
                  </a:txBody>
                  <a:tcPr anchor="ctr"/>
                </a:tc>
              </a:tr>
              <a:tr h="370840">
                <a:tc>
                  <a:txBody>
                    <a:bodyPr/>
                    <a:lstStyle/>
                    <a:p>
                      <a:pPr marL="0" marR="0" indent="0" algn="ctr" defTabSz="914363" rtl="0" eaLnBrk="1" fontAlgn="auto" latinLnBrk="0" hangingPunct="1">
                        <a:lnSpc>
                          <a:spcPct val="100000"/>
                        </a:lnSpc>
                        <a:spcBef>
                          <a:spcPts val="0"/>
                        </a:spcBef>
                        <a:spcAft>
                          <a:spcPts val="0"/>
                        </a:spcAft>
                        <a:buClrTx/>
                        <a:buSzTx/>
                        <a:buFontTx/>
                        <a:buNone/>
                        <a:tabLst/>
                        <a:defRPr/>
                      </a:pPr>
                      <a:endParaRPr lang="en-US" sz="1400" dirty="0" smtClean="0"/>
                    </a:p>
                  </a:txBody>
                  <a:tcPr anchor="ctr">
                    <a:solidFill>
                      <a:schemeClr val="accent6"/>
                    </a:solidFill>
                  </a:tcPr>
                </a:tc>
                <a:tc>
                  <a:txBody>
                    <a:bodyPr/>
                    <a:lstStyle/>
                    <a:p>
                      <a:pPr marL="0" indent="0" algn="r">
                        <a:buFont typeface="Arial" panose="020B0604020202020204" pitchFamily="34" charset="0"/>
                        <a:buNone/>
                      </a:pPr>
                      <a:r>
                        <a:rPr lang="en-US" sz="2000" b="1" dirty="0" smtClean="0">
                          <a:solidFill>
                            <a:schemeClr val="tx1"/>
                          </a:solidFill>
                        </a:rPr>
                        <a:t>TOTAL Annual Impacts</a:t>
                      </a:r>
                      <a:endParaRPr lang="en-US" sz="20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 914,000 af</a:t>
                      </a:r>
                      <a:endParaRPr lang="en-US" sz="18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a:t>
                      </a:r>
                      <a:r>
                        <a:rPr lang="en-US" sz="1800" b="1" baseline="0" dirty="0" smtClean="0">
                          <a:solidFill>
                            <a:schemeClr val="tx1"/>
                          </a:solidFill>
                        </a:rPr>
                        <a:t> 667,000 af</a:t>
                      </a:r>
                      <a:endParaRPr lang="en-US" sz="1800" b="1" dirty="0">
                        <a:solidFill>
                          <a:schemeClr val="tx1"/>
                        </a:solidFill>
                      </a:endParaRPr>
                    </a:p>
                  </a:txBody>
                  <a:tcPr anchor="ctr">
                    <a:solidFill>
                      <a:schemeClr val="accent6"/>
                    </a:solidFill>
                  </a:tcPr>
                </a:tc>
                <a:tc>
                  <a:txBody>
                    <a:bodyPr/>
                    <a:lstStyle/>
                    <a:p>
                      <a:pPr algn="r"/>
                      <a:r>
                        <a:rPr lang="en-US" sz="1800" b="1" dirty="0" smtClean="0">
                          <a:solidFill>
                            <a:schemeClr val="tx1"/>
                          </a:solidFill>
                        </a:rPr>
                        <a:t>- 914,000 af</a:t>
                      </a:r>
                      <a:endParaRPr lang="en-US" sz="1800" b="1" dirty="0">
                        <a:solidFill>
                          <a:schemeClr val="tx1"/>
                        </a:solidFill>
                      </a:endParaRPr>
                    </a:p>
                  </a:txBody>
                  <a:tcPr anchor="ctr">
                    <a:solidFill>
                      <a:schemeClr val="accent6"/>
                    </a:solidFill>
                  </a:tcPr>
                </a:tc>
              </a:tr>
            </a:tbl>
          </a:graphicData>
        </a:graphic>
      </p:graphicFrame>
      <p:pic>
        <p:nvPicPr>
          <p:cNvPr id="5" name="Picture 4"/>
          <p:cNvPicPr>
            <a:picLocks noChangeAspect="1" noChangeArrowheads="1"/>
          </p:cNvPicPr>
          <p:nvPr/>
        </p:nvPicPr>
        <p:blipFill rotWithShape="1">
          <a:blip r:embed="rId3">
            <a:duotone>
              <a:prstClr val="black"/>
              <a:schemeClr val="accent1">
                <a:tint val="45000"/>
                <a:satMod val="400000"/>
              </a:schemeClr>
            </a:duotone>
            <a:extLst>
              <a:ext uri="{28A0092B-C50C-407E-A947-70E740481C1C}">
                <a14:useLocalDpi xmlns:a14="http://schemas.microsoft.com/office/drawing/2010/main" val="0"/>
              </a:ext>
            </a:extLst>
          </a:blip>
          <a:srcRect b="72802"/>
          <a:stretch/>
        </p:blipFill>
        <p:spPr bwMode="auto">
          <a:xfrm>
            <a:off x="-82550" y="-76200"/>
            <a:ext cx="9302750" cy="1876865"/>
          </a:xfrm>
          <a:prstGeom prst="flowChartDocument">
            <a:avLst/>
          </a:prstGeom>
          <a:noFill/>
          <a:ln>
            <a:noFill/>
          </a:ln>
          <a:effectLst>
            <a:outerShdw dist="35921" dir="2700000" algn="ctr" rotWithShape="0">
              <a:schemeClr val="bg2"/>
            </a:outerShdw>
            <a:softEdge rad="3175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itle 5"/>
          <p:cNvSpPr txBox="1">
            <a:spLocks/>
          </p:cNvSpPr>
          <p:nvPr/>
        </p:nvSpPr>
        <p:spPr bwMode="ltGray">
          <a:xfrm>
            <a:off x="301625" y="258354"/>
            <a:ext cx="8534400" cy="1052596"/>
          </a:xfrm>
          <a:prstGeom prst="rect">
            <a:avLst/>
          </a:prstGeom>
          <a:effectLst>
            <a:outerShdw blurRad="50800" dist="38100" dir="2700000" algn="tl" rotWithShape="0">
              <a:prstClr val="black"/>
            </a:outerShdw>
          </a:effectLst>
        </p:spPr>
        <p:txBody>
          <a:bodyPr vert="horz" wrap="square" lIns="0" tIns="0" rIns="0" bIns="0" rtlCol="0" anchor="t">
            <a:spAutoFit/>
          </a:bodyPr>
          <a:lstStyle/>
          <a:p>
            <a:pPr algn="r" defTabSz="914363" fontAlgn="auto">
              <a:lnSpc>
                <a:spcPct val="90000"/>
              </a:lnSpc>
              <a:spcAft>
                <a:spcPts val="0"/>
              </a:spcAft>
              <a:defRPr/>
            </a:pPr>
            <a:r>
              <a:rPr lang="en-US" sz="4400" b="1" spc="-150" dirty="0" smtClean="0">
                <a:ln w="3175">
                  <a:noFill/>
                </a:ln>
                <a:gradFill flip="none" rotWithShape="1">
                  <a:gsLst>
                    <a:gs pos="0">
                      <a:srgbClr val="FFFFB9"/>
                    </a:gs>
                    <a:gs pos="36000">
                      <a:srgbClr val="FFFF99"/>
                    </a:gs>
                    <a:gs pos="86000">
                      <a:srgbClr val="F6AE1E"/>
                    </a:gs>
                  </a:gsLst>
                  <a:lin ang="5400000" scaled="0"/>
                  <a:tileRect/>
                </a:gradFill>
                <a:effectLst>
                  <a:outerShdw blurRad="50800" dist="38100" dir="2700000" algn="tl" rotWithShape="0">
                    <a:prstClr val="black">
                      <a:alpha val="40000"/>
                    </a:prstClr>
                  </a:outerShdw>
                </a:effectLst>
                <a:latin typeface="Calibri"/>
                <a:cs typeface="Arial" charset="0"/>
              </a:rPr>
              <a:t>Delta Conveyance</a:t>
            </a:r>
          </a:p>
          <a:p>
            <a:pPr algn="r" defTabSz="914363" fontAlgn="auto">
              <a:lnSpc>
                <a:spcPct val="90000"/>
              </a:lnSpc>
              <a:spcAft>
                <a:spcPts val="0"/>
              </a:spcAft>
              <a:defRPr/>
            </a:pPr>
            <a:r>
              <a:rPr lang="en-US" sz="3200" b="1" spc="-150" dirty="0" smtClean="0">
                <a:ln w="3175">
                  <a:noFill/>
                </a:ln>
                <a:solidFill>
                  <a:prstClr val="white"/>
                </a:solidFill>
                <a:effectLst>
                  <a:outerShdw blurRad="50800" dist="38100" dir="2700000" algn="tl" rotWithShape="0">
                    <a:prstClr val="black">
                      <a:alpha val="40000"/>
                    </a:prstClr>
                  </a:outerShdw>
                </a:effectLst>
                <a:latin typeface="Calibri"/>
                <a:cs typeface="Arial" charset="0"/>
              </a:rPr>
              <a:t>Additional Old &amp; Middle River Reverse Flow Restrictions</a:t>
            </a:r>
          </a:p>
        </p:txBody>
      </p:sp>
      <p:sp>
        <p:nvSpPr>
          <p:cNvPr id="9" name="TextBox 8"/>
          <p:cNvSpPr txBox="1"/>
          <p:nvPr/>
        </p:nvSpPr>
        <p:spPr>
          <a:xfrm>
            <a:off x="109428" y="6477000"/>
            <a:ext cx="4175310" cy="307777"/>
          </a:xfrm>
          <a:prstGeom prst="rect">
            <a:avLst/>
          </a:prstGeom>
          <a:noFill/>
        </p:spPr>
        <p:txBody>
          <a:bodyPr wrap="none" rtlCol="0">
            <a:spAutoFit/>
          </a:bodyPr>
          <a:lstStyle/>
          <a:p>
            <a:r>
              <a:rPr lang="en-US" sz="1400" i="1" dirty="0" smtClean="0">
                <a:solidFill>
                  <a:srgbClr val="FFC000"/>
                </a:solidFill>
                <a:latin typeface="Calibri"/>
              </a:rPr>
              <a:t>Information produced by CH2M; Scenario 6 Breakdown</a:t>
            </a:r>
            <a:endParaRPr lang="en-US" sz="1400" i="1" dirty="0">
              <a:solidFill>
                <a:srgbClr val="FFC000"/>
              </a:solidFill>
              <a:latin typeface="Calibri"/>
            </a:endParaRPr>
          </a:p>
        </p:txBody>
      </p:sp>
    </p:spTree>
    <p:extLst>
      <p:ext uri="{BB962C8B-B14F-4D97-AF65-F5344CB8AC3E}">
        <p14:creationId xmlns:p14="http://schemas.microsoft.com/office/powerpoint/2010/main" val="384321574"/>
      </p:ext>
    </p:extLst>
  </p:cSld>
  <p:clrMapOvr>
    <a:masterClrMapping/>
  </p:clrMapOvr>
  <p:transition>
    <p:fade/>
  </p:transition>
  <p:timing>
    <p:tnLst>
      <p:par>
        <p:cTn id="1" dur="indefinite" restart="never" nodeType="tmRoot"/>
      </p:par>
    </p:tn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order" descr="S:\Bay-Delta\Neudeck\Majors Celebration\Signature Pic Card\Osti Border1.gif"/>
          <p:cNvPicPr>
            <a:picLocks noChangeAspect="1" noChangeArrowheads="1"/>
          </p:cNvPicPr>
          <p:nvPr/>
        </p:nvPicPr>
        <p:blipFill>
          <a:blip r:embed="rId3" cstate="print"/>
          <a:srcRect/>
          <a:stretch>
            <a:fillRect/>
          </a:stretch>
        </p:blipFill>
        <p:spPr bwMode="auto">
          <a:xfrm>
            <a:off x="-9144" y="-42672"/>
            <a:ext cx="9153144" cy="6900672"/>
          </a:xfrm>
          <a:prstGeom prst="rect">
            <a:avLst/>
          </a:prstGeom>
          <a:noFill/>
        </p:spPr>
      </p:pic>
      <p:sp>
        <p:nvSpPr>
          <p:cNvPr id="3" name="Title 2"/>
          <p:cNvSpPr>
            <a:spLocks noGrp="1"/>
          </p:cNvSpPr>
          <p:nvPr>
            <p:ph type="title"/>
          </p:nvPr>
        </p:nvSpPr>
        <p:spPr>
          <a:xfrm>
            <a:off x="457200" y="3055051"/>
            <a:ext cx="8229600" cy="747897"/>
          </a:xfrm>
        </p:spPr>
        <p:txBody>
          <a:bodyPr/>
          <a:lstStyle/>
          <a:p>
            <a:r>
              <a:rPr lang="en-US" dirty="0"/>
              <a:t>Cost Allocation </a:t>
            </a:r>
            <a:r>
              <a:rPr lang="en-US" dirty="0" smtClean="0"/>
              <a:t>Alternatives</a:t>
            </a:r>
            <a:endParaRPr lang="en-US" dirty="0"/>
          </a:p>
        </p:txBody>
      </p:sp>
      <p:sp>
        <p:nvSpPr>
          <p:cNvPr id="2" name="Slide Number Placeholder 1"/>
          <p:cNvSpPr>
            <a:spLocks noGrp="1"/>
          </p:cNvSpPr>
          <p:nvPr>
            <p:ph type="sldNum" sz="quarter" idx="4294967295"/>
          </p:nvPr>
        </p:nvSpPr>
        <p:spPr>
          <a:xfrm>
            <a:off x="8610600" y="6477000"/>
            <a:ext cx="533400" cy="315913"/>
          </a:xfrm>
          <a:prstGeom prst="rect">
            <a:avLst/>
          </a:prstGeom>
        </p:spPr>
        <p:txBody>
          <a:bodyPr/>
          <a:lstStyle/>
          <a:p>
            <a:pPr algn="ctr">
              <a:defRPr/>
            </a:pPr>
            <a:fld id="{E3E035B2-31CA-4FE1-A0CD-FFC8645D40A9}" type="slidenum">
              <a:rPr lang="en-US" sz="1400" smtClean="0"/>
              <a:pPr algn="ctr">
                <a:defRPr/>
              </a:pPr>
              <a:t>95</a:t>
            </a:fld>
            <a:endParaRPr lang="en-US" sz="1400" dirty="0"/>
          </a:p>
        </p:txBody>
      </p:sp>
    </p:spTree>
    <p:extLst>
      <p:ext uri="{BB962C8B-B14F-4D97-AF65-F5344CB8AC3E}">
        <p14:creationId xmlns:p14="http://schemas.microsoft.com/office/powerpoint/2010/main" val="3662195583"/>
      </p:ext>
    </p:extLst>
  </p:cSld>
  <p:clrMapOvr>
    <a:masterClrMapping/>
  </p:clrMapOvr>
  <p:transition spd="slow">
    <p:fade/>
  </p:transition>
  <p:timing>
    <p:tnLst>
      <p:par>
        <p:cTn id="1" dur="indefinite" restart="never" nodeType="tmRoot"/>
      </p:par>
    </p:tn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2"/>
          <p:cNvSpPr>
            <a:spLocks noGrp="1" noChangeArrowheads="1"/>
          </p:cNvSpPr>
          <p:nvPr>
            <p:ph type="title"/>
          </p:nvPr>
        </p:nvSpPr>
        <p:spPr/>
        <p:txBody>
          <a:bodyPr/>
          <a:lstStyle/>
          <a:p>
            <a:r>
              <a:rPr lang="en-US" altLang="en-US" sz="4400" dirty="0"/>
              <a:t>State Water Project</a:t>
            </a:r>
            <a:r>
              <a:rPr lang="en-US" altLang="en-US" dirty="0"/>
              <a:t/>
            </a:r>
            <a:br>
              <a:rPr lang="en-US" altLang="en-US" dirty="0"/>
            </a:br>
            <a:r>
              <a:rPr lang="en-US" altLang="en-US" sz="3600" dirty="0">
                <a:solidFill>
                  <a:schemeClr val="tx1"/>
                </a:solidFill>
              </a:rPr>
              <a:t>BDCP Cost Allocation </a:t>
            </a:r>
            <a:r>
              <a:rPr lang="en-US" altLang="en-US" sz="3600" dirty="0" smtClean="0">
                <a:solidFill>
                  <a:schemeClr val="tx1"/>
                </a:solidFill>
              </a:rPr>
              <a:t>Alternatives</a:t>
            </a:r>
            <a:endParaRPr lang="de-DE" noProof="1" smtClean="0">
              <a:solidFill>
                <a:schemeClr val="tx1"/>
              </a:solidFill>
            </a:endParaRPr>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2349933110"/>
              </p:ext>
            </p:extLst>
          </p:nvPr>
        </p:nvGraphicFramePr>
        <p:xfrm>
          <a:off x="390525" y="2117852"/>
          <a:ext cx="8382000" cy="4282948"/>
        </p:xfrm>
        <a:graphic>
          <a:graphicData uri="http://schemas.openxmlformats.org/drawingml/2006/table">
            <a:tbl>
              <a:tblPr firstRow="1" bandRow="1">
                <a:tableStyleId>{F5AB1C69-6EDB-4FF4-983F-18BD219EF322}</a:tableStyleId>
              </a:tblPr>
              <a:tblGrid>
                <a:gridCol w="2133600"/>
                <a:gridCol w="6248400"/>
              </a:tblGrid>
              <a:tr h="561340">
                <a:tc gridSpan="2">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2600" dirty="0" smtClean="0"/>
                        <a:t>SWP ‘Table A’ Contract Approach</a:t>
                      </a:r>
                      <a:endParaRPr lang="en-US" sz="2600" dirty="0" smtClean="0">
                        <a:solidFill>
                          <a:schemeClr val="tx1"/>
                        </a:solidFill>
                      </a:endParaRP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gradFill flip="none" rotWithShape="1">
                      <a:gsLst>
                        <a:gs pos="0">
                          <a:srgbClr val="336699">
                            <a:shade val="30000"/>
                            <a:satMod val="115000"/>
                          </a:srgbClr>
                        </a:gs>
                        <a:gs pos="50000">
                          <a:srgbClr val="336699">
                            <a:shade val="67500"/>
                            <a:satMod val="115000"/>
                          </a:srgbClr>
                        </a:gs>
                        <a:gs pos="100000">
                          <a:srgbClr val="336699">
                            <a:shade val="100000"/>
                            <a:satMod val="115000"/>
                          </a:srgbClr>
                        </a:gs>
                      </a:gsLst>
                      <a:lin ang="16200000" scaled="1"/>
                      <a:tileRect/>
                    </a:gradFill>
                  </a:tcPr>
                </a:tc>
                <a:tc hMerge="1">
                  <a:txBody>
                    <a:bodyPr/>
                    <a:lstStyle/>
                    <a:p>
                      <a:endParaRPr lang="en-US" dirty="0"/>
                    </a:p>
                  </a:txBody>
                  <a:tcPr/>
                </a:tc>
              </a:tr>
              <a:tr h="488188">
                <a:tc>
                  <a:txBody>
                    <a:bodyPr/>
                    <a:lstStyle/>
                    <a:p>
                      <a:pPr marL="0" marR="0" indent="0" algn="l" defTabSz="914363" rtl="0" eaLnBrk="1" fontAlgn="auto" latinLnBrk="0" hangingPunct="1">
                        <a:lnSpc>
                          <a:spcPct val="100000"/>
                        </a:lnSpc>
                        <a:spcBef>
                          <a:spcPts val="0"/>
                        </a:spcBef>
                        <a:spcAft>
                          <a:spcPts val="200"/>
                        </a:spcAft>
                        <a:buClrTx/>
                        <a:buSzTx/>
                        <a:buFontTx/>
                        <a:buNone/>
                        <a:tabLst/>
                        <a:defRPr/>
                      </a:pPr>
                      <a:r>
                        <a:rPr lang="en-US" sz="2200" noProof="1" smtClean="0"/>
                        <a:t>Cost Allocation</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tcPr>
                </a:tc>
                <a:tc>
                  <a:txBody>
                    <a:bodyPr/>
                    <a:lstStyle/>
                    <a:p>
                      <a:pPr marL="228600" indent="-228600">
                        <a:lnSpc>
                          <a:spcPct val="90000"/>
                        </a:lnSpc>
                        <a:spcAft>
                          <a:spcPts val="600"/>
                        </a:spcAft>
                        <a:buClrTx/>
                        <a:buFont typeface="Arial" panose="020B0604020202020204" pitchFamily="34" charset="0"/>
                        <a:buChar char="•"/>
                      </a:pPr>
                      <a:r>
                        <a:rPr lang="en-US" sz="1800" noProof="1" smtClean="0"/>
                        <a:t>SWP “Table A” contract</a:t>
                      </a:r>
                    </a:p>
                    <a:p>
                      <a:pPr marL="228600" indent="-228600">
                        <a:lnSpc>
                          <a:spcPct val="90000"/>
                        </a:lnSpc>
                        <a:spcAft>
                          <a:spcPts val="600"/>
                        </a:spcAft>
                        <a:buClrTx/>
                        <a:buFont typeface="Arial" panose="020B0604020202020204" pitchFamily="34" charset="0"/>
                        <a:buChar char="•"/>
                      </a:pPr>
                      <a:r>
                        <a:rPr lang="en-US" sz="1800" noProof="1" smtClean="0"/>
                        <a:t>Except for North of Delta contractors</a:t>
                      </a:r>
                      <a:endParaRPr lang="en-US" sz="1800" noProof="1" smtClean="0">
                        <a:solidFill>
                          <a:srgbClr val="000000"/>
                        </a:solidFill>
                      </a:endParaRPr>
                    </a:p>
                  </a:txBody>
                  <a:tcPr>
                    <a:lnR w="12700" cap="flat" cmpd="sng" algn="ctr">
                      <a:solidFill>
                        <a:schemeClr val="bg1"/>
                      </a:solidFill>
                      <a:prstDash val="solid"/>
                      <a:round/>
                      <a:headEnd type="none" w="med" len="med"/>
                      <a:tailEnd type="none" w="med" len="med"/>
                    </a:lnR>
                  </a:tcPr>
                </a:tc>
              </a:tr>
              <a:tr h="279908">
                <a:tc>
                  <a:txBody>
                    <a:bodyPr/>
                    <a:lstStyle/>
                    <a:p>
                      <a:pPr marL="0" marR="0" indent="0" algn="l" defTabSz="914363" rtl="0" eaLnBrk="1" fontAlgn="auto" latinLnBrk="0" hangingPunct="1">
                        <a:lnSpc>
                          <a:spcPct val="100000"/>
                        </a:lnSpc>
                        <a:spcBef>
                          <a:spcPts val="0"/>
                        </a:spcBef>
                        <a:spcAft>
                          <a:spcPts val="200"/>
                        </a:spcAft>
                        <a:buClrTx/>
                        <a:buSzTx/>
                        <a:buFontTx/>
                        <a:buNone/>
                        <a:tabLst/>
                        <a:defRPr/>
                      </a:pPr>
                      <a:r>
                        <a:rPr lang="en-US" sz="2200" noProof="1" smtClean="0"/>
                        <a:t>Water Allocation</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tcPr>
                </a:tc>
                <a:tc>
                  <a:txBody>
                    <a:bodyPr/>
                    <a:lstStyle/>
                    <a:p>
                      <a:pPr marL="228600" marR="0" indent="-228600" algn="l" defTabSz="914363" rtl="0" eaLnBrk="1" fontAlgn="auto" latinLnBrk="0" hangingPunct="1">
                        <a:lnSpc>
                          <a:spcPct val="90000"/>
                        </a:lnSpc>
                        <a:spcBef>
                          <a:spcPts val="0"/>
                        </a:spcBef>
                        <a:spcAft>
                          <a:spcPts val="600"/>
                        </a:spcAft>
                        <a:buClrTx/>
                        <a:buSzTx/>
                        <a:buFont typeface="Arial" panose="020B0604020202020204" pitchFamily="34" charset="0"/>
                        <a:buChar char="•"/>
                        <a:tabLst/>
                        <a:defRPr/>
                      </a:pPr>
                      <a:r>
                        <a:rPr lang="en-US" sz="1800" dirty="0" smtClean="0"/>
                        <a:t>SWP Table A amounts</a:t>
                      </a:r>
                    </a:p>
                  </a:txBody>
                  <a:tcPr anchor="ctr">
                    <a:lnR w="12700" cap="flat" cmpd="sng" algn="ctr">
                      <a:solidFill>
                        <a:schemeClr val="bg1"/>
                      </a:solidFill>
                      <a:prstDash val="solid"/>
                      <a:round/>
                      <a:headEnd type="none" w="med" len="med"/>
                      <a:tailEnd type="none" w="med" len="med"/>
                    </a:lnR>
                  </a:tcPr>
                </a:tc>
              </a:tr>
              <a:tr h="1529588">
                <a:tc>
                  <a:txBody>
                    <a:bodyPr/>
                    <a:lstStyle/>
                    <a:p>
                      <a:pPr>
                        <a:spcAft>
                          <a:spcPts val="200"/>
                        </a:spcAft>
                      </a:pPr>
                      <a:r>
                        <a:rPr lang="en-US" sz="2200" noProof="1" smtClean="0"/>
                        <a:t>Description</a:t>
                      </a:r>
                      <a:endParaRPr lang="en-US" sz="2200" b="1" dirty="0"/>
                    </a:p>
                  </a:txBody>
                  <a:tcPr>
                    <a:lnL w="12700" cap="flat" cmpd="sng" algn="ctr">
                      <a:solidFill>
                        <a:schemeClr val="bg1"/>
                      </a:solidFill>
                      <a:prstDash val="solid"/>
                      <a:round/>
                      <a:headEnd type="none" w="med" len="med"/>
                      <a:tailEnd type="none" w="med" len="med"/>
                    </a:lnL>
                  </a:tcPr>
                </a:tc>
                <a:tc>
                  <a:txBody>
                    <a:bodyPr/>
                    <a:lstStyle/>
                    <a:p>
                      <a:pPr marL="228600" indent="-228600">
                        <a:lnSpc>
                          <a:spcPct val="90000"/>
                        </a:lnSpc>
                        <a:spcAft>
                          <a:spcPts val="600"/>
                        </a:spcAft>
                        <a:buClrTx/>
                        <a:buFont typeface="Arial" panose="020B0604020202020204" pitchFamily="34" charset="0"/>
                        <a:buChar char="•"/>
                      </a:pPr>
                      <a:r>
                        <a:rPr lang="en-US" sz="1800" noProof="1" smtClean="0"/>
                        <a:t>Provides for reduced participation for North of Delta only</a:t>
                      </a:r>
                    </a:p>
                    <a:p>
                      <a:pPr marL="228600" indent="-228600">
                        <a:lnSpc>
                          <a:spcPct val="90000"/>
                        </a:lnSpc>
                        <a:spcAft>
                          <a:spcPts val="600"/>
                        </a:spcAft>
                        <a:buClrTx/>
                        <a:buFont typeface="Arial" panose="020B0604020202020204" pitchFamily="34" charset="0"/>
                        <a:buChar char="•"/>
                      </a:pPr>
                      <a:r>
                        <a:rPr lang="en-US" sz="1800" noProof="1" smtClean="0"/>
                        <a:t>Includes provisions for contractor-to-contractor annual/multi-year transfers,</a:t>
                      </a:r>
                      <a:r>
                        <a:rPr lang="en-US" sz="1800" baseline="0" noProof="1" smtClean="0"/>
                        <a:t> </a:t>
                      </a:r>
                      <a:r>
                        <a:rPr lang="en-US" sz="1800" noProof="1" smtClean="0"/>
                        <a:t>and exchange programs</a:t>
                      </a:r>
                    </a:p>
                    <a:p>
                      <a:pPr marL="228600" marR="0" indent="-228600" algn="l" defTabSz="914363" rtl="0" eaLnBrk="1" fontAlgn="auto" latinLnBrk="0" hangingPunct="1">
                        <a:lnSpc>
                          <a:spcPct val="90000"/>
                        </a:lnSpc>
                        <a:spcBef>
                          <a:spcPts val="0"/>
                        </a:spcBef>
                        <a:spcAft>
                          <a:spcPts val="600"/>
                        </a:spcAft>
                        <a:buClrTx/>
                        <a:buSzTx/>
                        <a:buFont typeface="Arial" panose="020B0604020202020204" pitchFamily="34" charset="0"/>
                        <a:buChar char="•"/>
                        <a:tabLst/>
                        <a:defRPr/>
                      </a:pPr>
                      <a:r>
                        <a:rPr lang="en-US" sz="1800" noProof="1" smtClean="0"/>
                        <a:t>Contract amendment likely needed to reflect different cost allocations, supply deliveries,</a:t>
                      </a:r>
                      <a:r>
                        <a:rPr lang="en-US" sz="1800" baseline="0" noProof="1" smtClean="0"/>
                        <a:t> and transfer/exchange provisions</a:t>
                      </a:r>
                      <a:endParaRPr lang="en-US" sz="1800" noProof="1" smtClean="0"/>
                    </a:p>
                  </a:txBody>
                  <a:tcPr>
                    <a:lnR w="12700" cap="flat" cmpd="sng" algn="ctr">
                      <a:solidFill>
                        <a:schemeClr val="bg1"/>
                      </a:solidFill>
                      <a:prstDash val="solid"/>
                      <a:round/>
                      <a:headEnd type="none" w="med" len="med"/>
                      <a:tailEnd type="none" w="med" len="med"/>
                    </a:lnR>
                  </a:tcPr>
                </a:tc>
              </a:tr>
              <a:tr h="777240">
                <a:tc>
                  <a:txBody>
                    <a:bodyPr/>
                    <a:lstStyle/>
                    <a:p>
                      <a:pPr marL="0" marR="0" indent="0" algn="l" defTabSz="914363" rtl="0" eaLnBrk="1" fontAlgn="auto" latinLnBrk="0" hangingPunct="1">
                        <a:lnSpc>
                          <a:spcPct val="90000"/>
                        </a:lnSpc>
                        <a:spcBef>
                          <a:spcPts val="0"/>
                        </a:spcBef>
                        <a:spcAft>
                          <a:spcPts val="200"/>
                        </a:spcAft>
                        <a:buClrTx/>
                        <a:buSzTx/>
                        <a:buFontTx/>
                        <a:buNone/>
                        <a:tabLst/>
                        <a:defRPr/>
                      </a:pPr>
                      <a:r>
                        <a:rPr lang="en-US" sz="2200" noProof="1" smtClean="0"/>
                        <a:t>Summary &amp; Issues</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lnB w="12700" cap="flat" cmpd="sng" algn="ctr">
                      <a:solidFill>
                        <a:schemeClr val="bg1"/>
                      </a:solidFill>
                      <a:prstDash val="solid"/>
                      <a:round/>
                      <a:headEnd type="none" w="med" len="med"/>
                      <a:tailEnd type="none" w="med" len="med"/>
                    </a:lnB>
                  </a:tcPr>
                </a:tc>
                <a:tc>
                  <a:txBody>
                    <a:bodyPr/>
                    <a:lstStyle/>
                    <a:p>
                      <a:pPr marL="228600" indent="-228600">
                        <a:lnSpc>
                          <a:spcPct val="90000"/>
                        </a:lnSpc>
                        <a:spcAft>
                          <a:spcPts val="600"/>
                        </a:spcAft>
                        <a:buClrTx/>
                        <a:buFont typeface="Arial" panose="020B0604020202020204" pitchFamily="34" charset="0"/>
                        <a:buChar char="•"/>
                      </a:pPr>
                      <a:r>
                        <a:rPr lang="en-US" sz="1800" noProof="1" smtClean="0"/>
                        <a:t>Allocation similar to existing contract approach</a:t>
                      </a:r>
                    </a:p>
                    <a:p>
                      <a:pPr marL="228600" indent="-228600">
                        <a:lnSpc>
                          <a:spcPct val="90000"/>
                        </a:lnSpc>
                        <a:spcAft>
                          <a:spcPts val="600"/>
                        </a:spcAft>
                        <a:buClrTx/>
                        <a:buFont typeface="Arial" panose="020B0604020202020204" pitchFamily="34" charset="0"/>
                        <a:buChar char="•"/>
                      </a:pPr>
                      <a:r>
                        <a:rPr lang="en-US" sz="1800" noProof="1" smtClean="0">
                          <a:solidFill>
                            <a:srgbClr val="000000"/>
                          </a:solidFill>
                        </a:rPr>
                        <a:t>Obligation of individual agency to work out water transfer and exchange agreements</a:t>
                      </a:r>
                    </a:p>
                  </a:txBody>
                  <a:tcPr>
                    <a:lnR w="12700" cap="flat" cmpd="sng" algn="ctr">
                      <a:solidFill>
                        <a:schemeClr val="bg1"/>
                      </a:solidFill>
                      <a:prstDash val="solid"/>
                      <a:round/>
                      <a:headEnd type="none" w="med" len="med"/>
                      <a:tailEnd type="none" w="med" len="med"/>
                    </a:lnR>
                    <a:lnB w="12700" cap="flat" cmpd="sng" algn="ctr">
                      <a:solidFill>
                        <a:schemeClr val="bg1"/>
                      </a:solidFill>
                      <a:prstDash val="solid"/>
                      <a:round/>
                      <a:headEnd type="none" w="med" len="med"/>
                      <a:tailEnd type="none" w="med" len="med"/>
                    </a:lnB>
                  </a:tcPr>
                </a:tc>
              </a:tr>
            </a:tbl>
          </a:graphicData>
        </a:graphic>
      </p:graphicFrame>
      <p:sp>
        <p:nvSpPr>
          <p:cNvPr id="6" name="Slide Number Placeholder 3"/>
          <p:cNvSpPr txBox="1">
            <a:spLocks/>
          </p:cNvSpPr>
          <p:nvPr/>
        </p:nvSpPr>
        <p:spPr>
          <a:xfrm>
            <a:off x="8458200" y="6427789"/>
            <a:ext cx="685800" cy="365125"/>
          </a:xfrm>
          <a:prstGeom prst="rect">
            <a:avLst/>
          </a:prstGeom>
        </p:spPr>
        <p:txBody>
          <a:bodyPr/>
          <a:lstStyle/>
          <a:p>
            <a:pPr algn="ctr" fontAlgn="base">
              <a:spcBef>
                <a:spcPct val="0"/>
              </a:spcBef>
              <a:spcAft>
                <a:spcPct val="0"/>
              </a:spcAft>
              <a:defRPr/>
            </a:pPr>
            <a:fld id="{7A37C76E-89DA-4ED5-A436-13A1ABC61839}" type="slidenum">
              <a:rPr lang="en-US" sz="1400" smtClean="0">
                <a:solidFill>
                  <a:prstClr val="white"/>
                </a:solidFill>
                <a:cs typeface="Arial" pitchFamily="34" charset="0"/>
              </a:rPr>
              <a:pPr algn="ctr" fontAlgn="base">
                <a:spcBef>
                  <a:spcPct val="0"/>
                </a:spcBef>
                <a:spcAft>
                  <a:spcPct val="0"/>
                </a:spcAft>
                <a:defRPr/>
              </a:pPr>
              <a:t>96</a:t>
            </a:fld>
            <a:endParaRPr lang="en-US" sz="1400" dirty="0">
              <a:solidFill>
                <a:prstClr val="white"/>
              </a:solidFill>
              <a:cs typeface="Arial" pitchFamily="34" charset="0"/>
            </a:endParaRPr>
          </a:p>
        </p:txBody>
      </p:sp>
    </p:spTree>
    <p:extLst>
      <p:ext uri="{BB962C8B-B14F-4D97-AF65-F5344CB8AC3E}">
        <p14:creationId xmlns:p14="http://schemas.microsoft.com/office/powerpoint/2010/main" val="3752095844"/>
      </p:ext>
    </p:extLst>
  </p:cSld>
  <p:clrMapOvr>
    <a:masterClrMapping/>
  </p:clrMapOvr>
  <p:transition spd="slow">
    <p:fade/>
  </p:transition>
  <p:timing>
    <p:tnLst>
      <p:par>
        <p:cTn id="1" dur="indefinite" restart="never" nodeType="tmRoot"/>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2"/>
          <p:cNvSpPr>
            <a:spLocks noGrp="1" noChangeArrowheads="1"/>
          </p:cNvSpPr>
          <p:nvPr>
            <p:ph type="title"/>
          </p:nvPr>
        </p:nvSpPr>
        <p:spPr/>
        <p:txBody>
          <a:bodyPr/>
          <a:lstStyle/>
          <a:p>
            <a:r>
              <a:rPr lang="en-US" altLang="en-US" sz="4400" dirty="0"/>
              <a:t>State Water Project</a:t>
            </a:r>
            <a:r>
              <a:rPr lang="en-US" altLang="en-US" dirty="0"/>
              <a:t/>
            </a:r>
            <a:br>
              <a:rPr lang="en-US" altLang="en-US" dirty="0"/>
            </a:br>
            <a:r>
              <a:rPr lang="en-US" altLang="en-US" sz="3600" dirty="0">
                <a:solidFill>
                  <a:schemeClr val="tx1"/>
                </a:solidFill>
              </a:rPr>
              <a:t>BDCP Cost Allocation </a:t>
            </a:r>
            <a:r>
              <a:rPr lang="en-US" altLang="en-US" sz="3600" dirty="0" smtClean="0">
                <a:solidFill>
                  <a:schemeClr val="tx1"/>
                </a:solidFill>
              </a:rPr>
              <a:t>Alternatives</a:t>
            </a:r>
            <a:endParaRPr lang="de-DE" noProof="1" smtClean="0">
              <a:solidFill>
                <a:schemeClr val="tx1"/>
              </a:solidFill>
            </a:endParaRPr>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141050773"/>
              </p:ext>
            </p:extLst>
          </p:nvPr>
        </p:nvGraphicFramePr>
        <p:xfrm>
          <a:off x="419100" y="1983805"/>
          <a:ext cx="8382000" cy="4443984"/>
        </p:xfrm>
        <a:graphic>
          <a:graphicData uri="http://schemas.openxmlformats.org/drawingml/2006/table">
            <a:tbl>
              <a:tblPr firstRow="1" bandRow="1">
                <a:tableStyleId>{F5AB1C69-6EDB-4FF4-983F-18BD219EF322}</a:tableStyleId>
              </a:tblPr>
              <a:tblGrid>
                <a:gridCol w="2133600"/>
                <a:gridCol w="6248400"/>
              </a:tblGrid>
              <a:tr h="322072">
                <a:tc gridSpan="2">
                  <a:txBody>
                    <a:bodyPr/>
                    <a:lstStyle/>
                    <a:p>
                      <a:pPr marL="0" marR="0" indent="0" algn="l" defTabSz="914363" rtl="0" eaLnBrk="1" fontAlgn="auto" latinLnBrk="0" hangingPunct="1">
                        <a:lnSpc>
                          <a:spcPct val="100000"/>
                        </a:lnSpc>
                        <a:spcBef>
                          <a:spcPts val="0"/>
                        </a:spcBef>
                        <a:spcAft>
                          <a:spcPts val="0"/>
                        </a:spcAft>
                        <a:buClrTx/>
                        <a:buSzTx/>
                        <a:buFontTx/>
                        <a:buNone/>
                        <a:tabLst/>
                        <a:defRPr/>
                      </a:pPr>
                      <a:r>
                        <a:rPr lang="en-US" sz="2600" dirty="0" smtClean="0"/>
                        <a:t>Subscribed Capacity Approach</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gradFill flip="none" rotWithShape="1">
                      <a:gsLst>
                        <a:gs pos="0">
                          <a:srgbClr val="336699">
                            <a:shade val="30000"/>
                            <a:satMod val="115000"/>
                          </a:srgbClr>
                        </a:gs>
                        <a:gs pos="50000">
                          <a:srgbClr val="336699">
                            <a:shade val="67500"/>
                            <a:satMod val="115000"/>
                          </a:srgbClr>
                        </a:gs>
                        <a:gs pos="100000">
                          <a:srgbClr val="336699">
                            <a:shade val="100000"/>
                            <a:satMod val="115000"/>
                          </a:srgbClr>
                        </a:gs>
                      </a:gsLst>
                      <a:lin ang="16200000" scaled="1"/>
                      <a:tileRect/>
                    </a:gradFill>
                  </a:tcPr>
                </a:tc>
                <a:tc hMerge="1">
                  <a:txBody>
                    <a:bodyPr/>
                    <a:lstStyle/>
                    <a:p>
                      <a:endParaRPr lang="en-US" dirty="0"/>
                    </a:p>
                  </a:txBody>
                  <a:tcPr/>
                </a:tc>
              </a:tr>
              <a:tr h="520192">
                <a:tc>
                  <a:txBody>
                    <a:bodyPr/>
                    <a:lstStyle/>
                    <a:p>
                      <a:pPr marL="0" marR="0" indent="0" algn="l" defTabSz="914363" rtl="0" eaLnBrk="1" fontAlgn="auto" latinLnBrk="0" hangingPunct="1">
                        <a:lnSpc>
                          <a:spcPct val="90000"/>
                        </a:lnSpc>
                        <a:spcBef>
                          <a:spcPts val="0"/>
                        </a:spcBef>
                        <a:spcAft>
                          <a:spcPts val="200"/>
                        </a:spcAft>
                        <a:buClrTx/>
                        <a:buSzTx/>
                        <a:buFontTx/>
                        <a:buNone/>
                        <a:tabLst/>
                        <a:defRPr/>
                      </a:pPr>
                      <a:r>
                        <a:rPr lang="en-US" sz="2200" noProof="1" smtClean="0"/>
                        <a:t>Cost Allocation</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tcPr>
                </a:tc>
                <a:tc>
                  <a:txBody>
                    <a:bodyPr/>
                    <a:lstStyle/>
                    <a:p>
                      <a:pPr marL="228600" indent="-228600">
                        <a:lnSpc>
                          <a:spcPct val="90000"/>
                        </a:lnSpc>
                        <a:spcAft>
                          <a:spcPts val="600"/>
                        </a:spcAft>
                        <a:buClrTx/>
                        <a:buFont typeface="Arial" panose="020B0604020202020204" pitchFamily="34" charset="0"/>
                        <a:buChar char="•"/>
                      </a:pPr>
                      <a:r>
                        <a:rPr lang="en-US" sz="1800" noProof="1" smtClean="0"/>
                        <a:t>Contractors subscribe to Delta tunnel capacity</a:t>
                      </a:r>
                    </a:p>
                    <a:p>
                      <a:pPr marL="228600" indent="-228600">
                        <a:lnSpc>
                          <a:spcPct val="90000"/>
                        </a:lnSpc>
                        <a:spcAft>
                          <a:spcPts val="600"/>
                        </a:spcAft>
                        <a:buClrTx/>
                        <a:buFont typeface="Arial" panose="020B0604020202020204" pitchFamily="34" charset="0"/>
                        <a:buChar char="•"/>
                      </a:pPr>
                      <a:r>
                        <a:rPr lang="en-US" sz="1800" noProof="1" smtClean="0"/>
                        <a:t>Except for North of Delta contractors</a:t>
                      </a:r>
                    </a:p>
                  </a:txBody>
                  <a:tcPr>
                    <a:lnR w="12700" cap="flat" cmpd="sng" algn="ctr">
                      <a:solidFill>
                        <a:schemeClr val="bg1"/>
                      </a:solidFill>
                      <a:prstDash val="solid"/>
                      <a:round/>
                      <a:headEnd type="none" w="med" len="med"/>
                      <a:tailEnd type="none" w="med" len="med"/>
                    </a:lnR>
                  </a:tcPr>
                </a:tc>
              </a:tr>
              <a:tr h="609600">
                <a:tc>
                  <a:txBody>
                    <a:bodyPr/>
                    <a:lstStyle/>
                    <a:p>
                      <a:pPr marL="0" marR="0" indent="0" algn="l" defTabSz="914363" rtl="0" eaLnBrk="1" fontAlgn="auto" latinLnBrk="0" hangingPunct="1">
                        <a:lnSpc>
                          <a:spcPct val="90000"/>
                        </a:lnSpc>
                        <a:spcBef>
                          <a:spcPts val="0"/>
                        </a:spcBef>
                        <a:spcAft>
                          <a:spcPts val="200"/>
                        </a:spcAft>
                        <a:buClrTx/>
                        <a:buSzTx/>
                        <a:buFontTx/>
                        <a:buNone/>
                        <a:tabLst/>
                        <a:defRPr/>
                      </a:pPr>
                      <a:r>
                        <a:rPr lang="en-US" sz="2200" noProof="1" smtClean="0"/>
                        <a:t>Water Allocation</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tcPr>
                </a:tc>
                <a:tc>
                  <a:txBody>
                    <a:bodyPr/>
                    <a:lstStyle/>
                    <a:p>
                      <a:pPr marL="228600" indent="-228600">
                        <a:lnSpc>
                          <a:spcPct val="90000"/>
                        </a:lnSpc>
                        <a:spcAft>
                          <a:spcPts val="600"/>
                        </a:spcAft>
                        <a:buClrTx/>
                        <a:buFont typeface="Arial" panose="020B0604020202020204" pitchFamily="34" charset="0"/>
                        <a:buChar char="•"/>
                      </a:pPr>
                      <a:r>
                        <a:rPr lang="en-US" sz="1800" noProof="1" smtClean="0"/>
                        <a:t>Subscribe for tunnel capacity based on water supply needs</a:t>
                      </a:r>
                    </a:p>
                    <a:p>
                      <a:pPr marL="228600" indent="-228600">
                        <a:lnSpc>
                          <a:spcPct val="90000"/>
                        </a:lnSpc>
                        <a:spcAft>
                          <a:spcPts val="600"/>
                        </a:spcAft>
                        <a:buClrTx/>
                        <a:buFont typeface="Arial" panose="020B0604020202020204" pitchFamily="34" charset="0"/>
                        <a:buChar char="•"/>
                      </a:pPr>
                      <a:r>
                        <a:rPr lang="en-US" sz="1800" noProof="1" smtClean="0"/>
                        <a:t>Remaining</a:t>
                      </a:r>
                      <a:r>
                        <a:rPr lang="en-US" sz="1800" baseline="0" noProof="1" smtClean="0"/>
                        <a:t> w</a:t>
                      </a:r>
                      <a:r>
                        <a:rPr lang="en-US" sz="1800" noProof="1" smtClean="0"/>
                        <a:t>ater supply</a:t>
                      </a:r>
                      <a:r>
                        <a:rPr lang="en-US" sz="1800" baseline="0" noProof="1" smtClean="0"/>
                        <a:t> benefits reallocated through transfers/exchanges</a:t>
                      </a:r>
                      <a:endParaRPr lang="en-US" sz="1800" noProof="1" smtClean="0"/>
                    </a:p>
                  </a:txBody>
                  <a:tcPr>
                    <a:lnR w="12700" cap="flat" cmpd="sng" algn="ctr">
                      <a:solidFill>
                        <a:schemeClr val="bg1"/>
                      </a:solidFill>
                      <a:prstDash val="solid"/>
                      <a:round/>
                      <a:headEnd type="none" w="med" len="med"/>
                      <a:tailEnd type="none" w="med" len="med"/>
                    </a:lnR>
                  </a:tcPr>
                </a:tc>
              </a:tr>
              <a:tr h="777240">
                <a:tc>
                  <a:txBody>
                    <a:bodyPr/>
                    <a:lstStyle/>
                    <a:p>
                      <a:pPr>
                        <a:lnSpc>
                          <a:spcPct val="90000"/>
                        </a:lnSpc>
                        <a:spcAft>
                          <a:spcPts val="200"/>
                        </a:spcAft>
                      </a:pPr>
                      <a:r>
                        <a:rPr lang="en-US" sz="2200" noProof="1" smtClean="0"/>
                        <a:t>Description</a:t>
                      </a:r>
                      <a:endParaRPr lang="en-US" sz="2200" b="1" dirty="0"/>
                    </a:p>
                  </a:txBody>
                  <a:tcPr>
                    <a:lnL w="12700" cap="flat" cmpd="sng" algn="ctr">
                      <a:solidFill>
                        <a:schemeClr val="bg1"/>
                      </a:solidFill>
                      <a:prstDash val="solid"/>
                      <a:round/>
                      <a:headEnd type="none" w="med" len="med"/>
                      <a:tailEnd type="none" w="med" len="med"/>
                    </a:lnL>
                  </a:tcPr>
                </a:tc>
                <a:tc>
                  <a:txBody>
                    <a:bodyPr/>
                    <a:lstStyle/>
                    <a:p>
                      <a:pPr marL="228600" indent="-228600">
                        <a:lnSpc>
                          <a:spcPct val="90000"/>
                        </a:lnSpc>
                        <a:spcAft>
                          <a:spcPts val="600"/>
                        </a:spcAft>
                        <a:buClrTx/>
                        <a:buFont typeface="Arial" panose="020B0604020202020204" pitchFamily="34" charset="0"/>
                        <a:buChar char="•"/>
                      </a:pPr>
                      <a:r>
                        <a:rPr lang="en-US" sz="1800" noProof="1" smtClean="0"/>
                        <a:t>Includes provisions for contractor-to</a:t>
                      </a:r>
                      <a:r>
                        <a:rPr lang="en-US" sz="1800" baseline="0" noProof="1" smtClean="0"/>
                        <a:t>-contractor annual/multi-year transfers, and exchange programs</a:t>
                      </a:r>
                      <a:endParaRPr lang="en-US" sz="1800" noProof="1" smtClean="0"/>
                    </a:p>
                    <a:p>
                      <a:pPr marL="228600" marR="0" indent="-228600" algn="l" defTabSz="914363" rtl="0" eaLnBrk="1" fontAlgn="auto" latinLnBrk="0" hangingPunct="1">
                        <a:lnSpc>
                          <a:spcPct val="90000"/>
                        </a:lnSpc>
                        <a:spcBef>
                          <a:spcPts val="0"/>
                        </a:spcBef>
                        <a:spcAft>
                          <a:spcPts val="600"/>
                        </a:spcAft>
                        <a:buClrTx/>
                        <a:buSzTx/>
                        <a:buFont typeface="Arial" panose="020B0604020202020204" pitchFamily="34" charset="0"/>
                        <a:buChar char="•"/>
                        <a:tabLst/>
                        <a:defRPr/>
                      </a:pPr>
                      <a:r>
                        <a:rPr lang="en-US" sz="1800" noProof="1" smtClean="0"/>
                        <a:t>Contract amendment likely needed to reflect different cost allocations, supply deliveries,</a:t>
                      </a:r>
                      <a:r>
                        <a:rPr lang="en-US" sz="1800" baseline="0" noProof="1" smtClean="0"/>
                        <a:t> and transfer/exhange provisions</a:t>
                      </a:r>
                      <a:endParaRPr lang="en-US" sz="1800" noProof="1" smtClean="0"/>
                    </a:p>
                  </a:txBody>
                  <a:tcPr>
                    <a:lnR w="12700" cap="flat" cmpd="sng" algn="ctr">
                      <a:solidFill>
                        <a:schemeClr val="bg1"/>
                      </a:solidFill>
                      <a:prstDash val="solid"/>
                      <a:round/>
                      <a:headEnd type="none" w="med" len="med"/>
                      <a:tailEnd type="none" w="med" len="med"/>
                    </a:lnR>
                  </a:tcPr>
                </a:tc>
              </a:tr>
              <a:tr h="777240">
                <a:tc>
                  <a:txBody>
                    <a:bodyPr/>
                    <a:lstStyle/>
                    <a:p>
                      <a:pPr marL="0" marR="0" indent="0" algn="l" defTabSz="914363" rtl="0" eaLnBrk="1" fontAlgn="auto" latinLnBrk="0" hangingPunct="1">
                        <a:lnSpc>
                          <a:spcPct val="90000"/>
                        </a:lnSpc>
                        <a:spcBef>
                          <a:spcPts val="0"/>
                        </a:spcBef>
                        <a:spcAft>
                          <a:spcPts val="200"/>
                        </a:spcAft>
                        <a:buClrTx/>
                        <a:buSzTx/>
                        <a:buFontTx/>
                        <a:buNone/>
                        <a:tabLst/>
                        <a:defRPr/>
                      </a:pPr>
                      <a:r>
                        <a:rPr lang="en-US" sz="2200" noProof="1" smtClean="0"/>
                        <a:t>Summary &amp; Issues</a:t>
                      </a:r>
                      <a:endParaRPr lang="en-US" sz="2200" b="1" noProof="1" smtClean="0">
                        <a:solidFill>
                          <a:srgbClr val="000000"/>
                        </a:solidFill>
                      </a:endParaRPr>
                    </a:p>
                  </a:txBody>
                  <a:tcPr>
                    <a:lnL w="12700" cap="flat" cmpd="sng" algn="ctr">
                      <a:solidFill>
                        <a:schemeClr val="bg1"/>
                      </a:solidFill>
                      <a:prstDash val="solid"/>
                      <a:round/>
                      <a:headEnd type="none" w="med" len="med"/>
                      <a:tailEnd type="none" w="med" len="med"/>
                    </a:lnL>
                    <a:lnB w="12700" cap="flat" cmpd="sng" algn="ctr">
                      <a:solidFill>
                        <a:schemeClr val="bg1"/>
                      </a:solidFill>
                      <a:prstDash val="solid"/>
                      <a:round/>
                      <a:headEnd type="none" w="med" len="med"/>
                      <a:tailEnd type="none" w="med" len="med"/>
                    </a:lnB>
                  </a:tcPr>
                </a:tc>
                <a:tc>
                  <a:txBody>
                    <a:bodyPr/>
                    <a:lstStyle/>
                    <a:p>
                      <a:pPr marL="228600" lvl="0" indent="-228600">
                        <a:lnSpc>
                          <a:spcPct val="90000"/>
                        </a:lnSpc>
                        <a:spcAft>
                          <a:spcPts val="600"/>
                        </a:spcAft>
                        <a:buClrTx/>
                        <a:buFont typeface="Arial" panose="020B0604020202020204" pitchFamily="34" charset="0"/>
                        <a:buChar char="•"/>
                      </a:pPr>
                      <a:r>
                        <a:rPr lang="en-US" sz="1800" noProof="1" smtClean="0"/>
                        <a:t>Those who don’t fully participate</a:t>
                      </a:r>
                      <a:r>
                        <a:rPr lang="en-US" sz="1800" baseline="0" noProof="1" smtClean="0"/>
                        <a:t> face unreliable thru-Delta supplies due to regulations or catastrophic events</a:t>
                      </a:r>
                    </a:p>
                    <a:p>
                      <a:pPr marL="228600" lvl="0" indent="-228600">
                        <a:lnSpc>
                          <a:spcPct val="90000"/>
                        </a:lnSpc>
                        <a:spcAft>
                          <a:spcPts val="600"/>
                        </a:spcAft>
                        <a:buClrTx/>
                        <a:buFont typeface="Arial" panose="020B0604020202020204" pitchFamily="34" charset="0"/>
                        <a:buChar char="•"/>
                      </a:pPr>
                      <a:r>
                        <a:rPr lang="en-US" sz="1800" baseline="0" noProof="1" smtClean="0"/>
                        <a:t>More reliable water transfers through tunnel facility</a:t>
                      </a:r>
                    </a:p>
                    <a:p>
                      <a:pPr marL="228600" lvl="0" indent="-228600">
                        <a:lnSpc>
                          <a:spcPct val="90000"/>
                        </a:lnSpc>
                        <a:spcAft>
                          <a:spcPts val="600"/>
                        </a:spcAft>
                        <a:buClrTx/>
                        <a:buFont typeface="Arial" panose="020B0604020202020204" pitchFamily="34" charset="0"/>
                        <a:buChar char="•"/>
                      </a:pPr>
                      <a:r>
                        <a:rPr lang="en-US" sz="1800" baseline="0" noProof="1" smtClean="0"/>
                        <a:t>More access to unregulated or flood flows through tunnel</a:t>
                      </a:r>
                    </a:p>
                  </a:txBody>
                  <a:tcPr>
                    <a:lnR w="12700" cap="flat" cmpd="sng" algn="ctr">
                      <a:solidFill>
                        <a:schemeClr val="bg1"/>
                      </a:solidFill>
                      <a:prstDash val="solid"/>
                      <a:round/>
                      <a:headEnd type="none" w="med" len="med"/>
                      <a:tailEnd type="none" w="med" len="med"/>
                    </a:lnR>
                    <a:lnB w="12700" cap="flat" cmpd="sng" algn="ctr">
                      <a:solidFill>
                        <a:schemeClr val="bg1"/>
                      </a:solidFill>
                      <a:prstDash val="solid"/>
                      <a:round/>
                      <a:headEnd type="none" w="med" len="med"/>
                      <a:tailEnd type="none" w="med" len="med"/>
                    </a:lnB>
                  </a:tcPr>
                </a:tc>
              </a:tr>
            </a:tbl>
          </a:graphicData>
        </a:graphic>
      </p:graphicFrame>
      <p:sp>
        <p:nvSpPr>
          <p:cNvPr id="6" name="Slide Number Placeholder 3"/>
          <p:cNvSpPr txBox="1">
            <a:spLocks/>
          </p:cNvSpPr>
          <p:nvPr/>
        </p:nvSpPr>
        <p:spPr>
          <a:xfrm>
            <a:off x="8458200" y="6427789"/>
            <a:ext cx="685800" cy="365125"/>
          </a:xfrm>
          <a:prstGeom prst="rect">
            <a:avLst/>
          </a:prstGeom>
        </p:spPr>
        <p:txBody>
          <a:bodyPr/>
          <a:lstStyle/>
          <a:p>
            <a:pPr algn="ctr" fontAlgn="base">
              <a:spcBef>
                <a:spcPct val="0"/>
              </a:spcBef>
              <a:spcAft>
                <a:spcPct val="0"/>
              </a:spcAft>
              <a:defRPr/>
            </a:pPr>
            <a:fld id="{7A37C76E-89DA-4ED5-A436-13A1ABC61839}" type="slidenum">
              <a:rPr lang="en-US" sz="1400" smtClean="0">
                <a:solidFill>
                  <a:prstClr val="white"/>
                </a:solidFill>
                <a:cs typeface="Arial" pitchFamily="34" charset="0"/>
              </a:rPr>
              <a:pPr algn="ctr" fontAlgn="base">
                <a:spcBef>
                  <a:spcPct val="0"/>
                </a:spcBef>
                <a:spcAft>
                  <a:spcPct val="0"/>
                </a:spcAft>
                <a:defRPr/>
              </a:pPr>
              <a:t>97</a:t>
            </a:fld>
            <a:endParaRPr lang="en-US" sz="1400" dirty="0">
              <a:solidFill>
                <a:prstClr val="white"/>
              </a:solidFill>
              <a:cs typeface="Arial" pitchFamily="34" charset="0"/>
            </a:endParaRPr>
          </a:p>
        </p:txBody>
      </p:sp>
    </p:spTree>
    <p:extLst>
      <p:ext uri="{BB962C8B-B14F-4D97-AF65-F5344CB8AC3E}">
        <p14:creationId xmlns:p14="http://schemas.microsoft.com/office/powerpoint/2010/main" val="234953290"/>
      </p:ext>
    </p:extLst>
  </p:cSld>
  <p:clrMapOvr>
    <a:masterClrMapping/>
  </p:clrMapOvr>
  <p:transition spd="slow">
    <p:fade/>
  </p:transition>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Down Arrow 44"/>
          <p:cNvSpPr/>
          <p:nvPr/>
        </p:nvSpPr>
        <p:spPr bwMode="auto">
          <a:xfrm>
            <a:off x="5462326" y="4939362"/>
            <a:ext cx="2854361" cy="510164"/>
          </a:xfrm>
          <a:prstGeom prst="downArrow">
            <a:avLst>
              <a:gd name="adj1" fmla="val 50000"/>
              <a:gd name="adj2" fmla="val 100000"/>
            </a:avLst>
          </a:prstGeom>
          <a:ln>
            <a:headEnd type="none" w="med" len="med"/>
            <a:tailEnd type="none" w="med" len="med"/>
          </a:ln>
          <a:extLst/>
        </p:spPr>
        <p:style>
          <a:lnRef idx="0">
            <a:schemeClr val="accent1"/>
          </a:lnRef>
          <a:fillRef idx="3">
            <a:schemeClr val="accent1"/>
          </a:fillRef>
          <a:effectRef idx="3">
            <a:schemeClr val="accent1"/>
          </a:effectRef>
          <a:fontRef idx="minor">
            <a:schemeClr val="lt1"/>
          </a:fontRef>
        </p:style>
        <p:txBody>
          <a:bodyPr vert="horz" wrap="none" lIns="90000" tIns="46800" rIns="90000" bIns="46800" numCol="1" rtlCol="0" anchor="ctr"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sp>
        <p:nvSpPr>
          <p:cNvPr id="2" name="Down Arrow 1"/>
          <p:cNvSpPr/>
          <p:nvPr/>
        </p:nvSpPr>
        <p:spPr bwMode="auto">
          <a:xfrm>
            <a:off x="1705575" y="4939362"/>
            <a:ext cx="2854361" cy="510164"/>
          </a:xfrm>
          <a:prstGeom prst="downArrow">
            <a:avLst>
              <a:gd name="adj1" fmla="val 50000"/>
              <a:gd name="adj2" fmla="val 100000"/>
            </a:avLst>
          </a:prstGeom>
          <a:ln>
            <a:headEnd type="none" w="med" len="med"/>
            <a:tailEnd type="none" w="med" len="med"/>
          </a:ln>
          <a:extLst/>
        </p:spPr>
        <p:style>
          <a:lnRef idx="0">
            <a:schemeClr val="accent1"/>
          </a:lnRef>
          <a:fillRef idx="3">
            <a:schemeClr val="accent1"/>
          </a:fillRef>
          <a:effectRef idx="3">
            <a:schemeClr val="accent1"/>
          </a:effectRef>
          <a:fontRef idx="minor">
            <a:schemeClr val="lt1"/>
          </a:fontRef>
        </p:style>
        <p:txBody>
          <a:bodyPr vert="horz" wrap="none" lIns="90000" tIns="46800" rIns="90000" bIns="46800" numCol="1" rtlCol="0" anchor="ctr"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000" b="0" i="0" u="none" strike="noStrike" cap="none" normalizeH="0" baseline="0" dirty="0" smtClean="0">
              <a:ln>
                <a:noFill/>
              </a:ln>
              <a:solidFill>
                <a:schemeClr val="tx1"/>
              </a:solidFill>
              <a:effectLst/>
              <a:latin typeface="Arial" charset="0"/>
            </a:endParaRPr>
          </a:p>
        </p:txBody>
      </p:sp>
      <p:graphicFrame>
        <p:nvGraphicFramePr>
          <p:cNvPr id="14" name="Tabelle 13"/>
          <p:cNvGraphicFramePr>
            <a:graphicFrameLocks noGrp="1"/>
          </p:cNvGraphicFramePr>
          <p:nvPr>
            <p:extLst>
              <p:ext uri="{D42A27DB-BD31-4B8C-83A1-F6EECF244321}">
                <p14:modId xmlns:p14="http://schemas.microsoft.com/office/powerpoint/2010/main" val="3155823540"/>
              </p:ext>
            </p:extLst>
          </p:nvPr>
        </p:nvGraphicFramePr>
        <p:xfrm>
          <a:off x="311786" y="1802922"/>
          <a:ext cx="7992838" cy="3142080"/>
        </p:xfrm>
        <a:graphic>
          <a:graphicData uri="http://schemas.openxmlformats.org/drawingml/2006/table">
            <a:tbl>
              <a:tblPr firstRow="1" bandRow="1">
                <a:effectLst/>
              </a:tblPr>
              <a:tblGrid>
                <a:gridCol w="1517014"/>
                <a:gridCol w="868719"/>
                <a:gridCol w="935564"/>
                <a:gridCol w="935564"/>
                <a:gridCol w="931817"/>
                <a:gridCol w="934720"/>
                <a:gridCol w="934720"/>
                <a:gridCol w="934720"/>
              </a:tblGrid>
              <a:tr h="328617">
                <a:tc rowSpan="2">
                  <a:txBody>
                    <a:bodyPr/>
                    <a:lstStyle/>
                    <a:p>
                      <a:pPr algn="ctr"/>
                      <a:endParaRPr lang="en-US" sz="1200" dirty="0"/>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gridSpan="3">
                  <a:txBody>
                    <a:bodyPr/>
                    <a:lstStyle/>
                    <a:p>
                      <a:pPr algn="ctr"/>
                      <a:r>
                        <a:rPr lang="en-US" sz="2400" b="1" dirty="0" smtClean="0">
                          <a:solidFill>
                            <a:schemeClr val="tx1"/>
                          </a:solidFill>
                          <a:effectLst>
                            <a:outerShdw blurRad="190500" algn="ctr" rotWithShape="0">
                              <a:prstClr val="black">
                                <a:alpha val="50000"/>
                              </a:prstClr>
                            </a:outerShdw>
                          </a:effectLst>
                        </a:rPr>
                        <a:t>Participation</a:t>
                      </a:r>
                      <a:endParaRPr lang="en-US" sz="2000" b="1" dirty="0">
                        <a:solidFill>
                          <a:schemeClr val="tx1"/>
                        </a:solidFill>
                        <a:effectLst>
                          <a:outerShdw blurRad="190500" algn="ctr" rotWithShape="0">
                            <a:prstClr val="black">
                              <a:alpha val="50000"/>
                            </a:prstClr>
                          </a:outerShdw>
                        </a:effectLst>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c hMerge="1">
                  <a:txBody>
                    <a:bodyPr/>
                    <a:lstStyle/>
                    <a:p>
                      <a:pPr algn="ctr"/>
                      <a:endParaRPr lang="en-US" sz="1200" b="1" dirty="0">
                        <a:solidFill>
                          <a:schemeClr val="bg1"/>
                        </a:solidFill>
                        <a:effectLst>
                          <a:outerShdw blurRad="190500" algn="ctr" rotWithShape="0">
                            <a:prstClr val="black">
                              <a:alpha val="50000"/>
                            </a:prstClr>
                          </a:outerShdw>
                        </a:effectLst>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0C0C0"/>
                      </a:solidFill>
                      <a:prstDash val="solid"/>
                      <a:round/>
                      <a:headEnd type="none" w="med" len="med"/>
                      <a:tailEnd type="none" w="med" len="med"/>
                    </a:lnT>
                    <a:lnB w="12700" cap="flat" cmpd="sng" algn="ctr">
                      <a:solidFill>
                        <a:srgbClr val="C0C0C0"/>
                      </a:solidFill>
                      <a:prstDash val="solid"/>
                      <a:round/>
                      <a:headEnd type="none" w="med" len="med"/>
                      <a:tailEnd type="none" w="med" len="med"/>
                    </a:lnB>
                    <a:gradFill>
                      <a:gsLst>
                        <a:gs pos="0">
                          <a:schemeClr val="accent1"/>
                        </a:gs>
                        <a:gs pos="100000">
                          <a:schemeClr val="accent1">
                            <a:lumMod val="60000"/>
                            <a:lumOff val="40000"/>
                          </a:schemeClr>
                        </a:gs>
                      </a:gsLst>
                      <a:lin ang="16200000" scaled="1"/>
                    </a:gradFill>
                  </a:tcPr>
                </a:tc>
                <a:tc hMerge="1">
                  <a:txBody>
                    <a:bodyPr/>
                    <a:lstStyle/>
                    <a:p>
                      <a:pPr algn="ctr"/>
                      <a:endParaRPr lang="en-US" sz="1200" b="1" dirty="0">
                        <a:solidFill>
                          <a:schemeClr val="bg1"/>
                        </a:solidFill>
                        <a:effectLst>
                          <a:outerShdw blurRad="190500" algn="ctr" rotWithShape="0">
                            <a:prstClr val="black">
                              <a:alpha val="50000"/>
                            </a:prstClr>
                          </a:outerShdw>
                        </a:effectLst>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0C0C0"/>
                      </a:solidFill>
                      <a:prstDash val="solid"/>
                      <a:round/>
                      <a:headEnd type="none" w="med" len="med"/>
                      <a:tailEnd type="none" w="med" len="med"/>
                    </a:lnT>
                    <a:lnB w="12700" cap="flat" cmpd="sng" algn="ctr">
                      <a:solidFill>
                        <a:srgbClr val="C0C0C0"/>
                      </a:solidFill>
                      <a:prstDash val="solid"/>
                      <a:round/>
                      <a:headEnd type="none" w="med" len="med"/>
                      <a:tailEnd type="none" w="med" len="med"/>
                    </a:lnB>
                    <a:gradFill>
                      <a:gsLst>
                        <a:gs pos="0">
                          <a:schemeClr val="accent1"/>
                        </a:gs>
                        <a:gs pos="100000">
                          <a:schemeClr val="accent1">
                            <a:lumMod val="60000"/>
                            <a:lumOff val="40000"/>
                          </a:schemeClr>
                        </a:gs>
                      </a:gsLst>
                      <a:lin ang="16200000" scaled="1"/>
                    </a:gradFill>
                  </a:tcPr>
                </a:tc>
                <a:tc rowSpan="2">
                  <a:txBody>
                    <a:bodyPr/>
                    <a:lstStyle/>
                    <a:p>
                      <a:pPr algn="ctr"/>
                      <a:endParaRPr lang="en-US" sz="1200" b="1" dirty="0">
                        <a:solidFill>
                          <a:schemeClr val="bg1"/>
                        </a:solidFill>
                        <a:effectLst>
                          <a:outerShdw blurRad="190500" algn="ctr" rotWithShape="0">
                            <a:prstClr val="black">
                              <a:alpha val="50000"/>
                            </a:prstClr>
                          </a:outerShdw>
                        </a:effectLst>
                      </a:endParaRP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gridSpan="3">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2400" b="1" dirty="0" smtClean="0">
                          <a:solidFill>
                            <a:schemeClr val="tx1"/>
                          </a:solidFill>
                          <a:effectLst>
                            <a:outerShdw blurRad="190500" algn="ctr" rotWithShape="0">
                              <a:prstClr val="black">
                                <a:alpha val="50000"/>
                              </a:prstClr>
                            </a:outerShdw>
                          </a:effectLst>
                        </a:rPr>
                        <a:t>Participation</a:t>
                      </a:r>
                      <a:endParaRPr lang="en-US" sz="2000" b="1" dirty="0" smtClean="0">
                        <a:solidFill>
                          <a:schemeClr val="tx1"/>
                        </a:solidFill>
                        <a:effectLst>
                          <a:outerShdw blurRad="190500" algn="ctr" rotWithShape="0">
                            <a:prstClr val="black">
                              <a:alpha val="50000"/>
                            </a:prstClr>
                          </a:outerShdw>
                        </a:effectLst>
                      </a:endParaRP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c hMerge="1">
                  <a:txBody>
                    <a:bodyPr/>
                    <a:lstStyle/>
                    <a:p>
                      <a:endParaRPr lang="en-US" dirty="0"/>
                    </a:p>
                  </a:txBody>
                  <a:tcPr marB="108000" vert="vert270"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gradFill>
                      <a:gsLst>
                        <a:gs pos="0">
                          <a:schemeClr val="accent1"/>
                        </a:gs>
                        <a:gs pos="100000">
                          <a:schemeClr val="accent1">
                            <a:lumMod val="60000"/>
                            <a:lumOff val="40000"/>
                          </a:schemeClr>
                        </a:gs>
                      </a:gsLst>
                      <a:lin ang="16200000" scaled="1"/>
                    </a:gradFill>
                  </a:tcPr>
                </a:tc>
                <a:tc hMerge="1">
                  <a:txBody>
                    <a:bodyPr/>
                    <a:lstStyle/>
                    <a:p>
                      <a:endParaRPr lang="en-US" dirty="0"/>
                    </a:p>
                  </a:txBody>
                  <a:tcPr marB="108000" vert="vert270"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gradFill>
                      <a:gsLst>
                        <a:gs pos="0">
                          <a:schemeClr val="accent1"/>
                        </a:gs>
                        <a:gs pos="100000">
                          <a:schemeClr val="accent1">
                            <a:lumMod val="60000"/>
                            <a:lumOff val="40000"/>
                          </a:schemeClr>
                        </a:gs>
                      </a:gsLst>
                      <a:lin ang="16200000" scaled="1"/>
                    </a:gradFill>
                  </a:tcPr>
                </a:tc>
              </a:tr>
              <a:tr h="0">
                <a:tc vMerge="1">
                  <a:txBody>
                    <a:bodyPr/>
                    <a:lstStyle/>
                    <a:p>
                      <a:endParaRPr lang="de-DE" sz="1200" dirty="0"/>
                    </a:p>
                  </a:txBody>
                  <a:tcPr anchor="ctr">
                    <a:lnL w="12700" cap="flat" cmpd="sng" algn="ctr">
                      <a:noFill/>
                      <a:prstDash val="solid"/>
                      <a:round/>
                      <a:headEnd type="none" w="med" len="med"/>
                      <a:tailEnd type="none" w="med" len="med"/>
                    </a:lnL>
                    <a:lnR w="12700" cap="flat" cmpd="sng" algn="ctr">
                      <a:solidFill>
                        <a:srgbClr val="C0C0C0"/>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0C0C0"/>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kern="1200" dirty="0" smtClean="0">
                          <a:solidFill>
                            <a:schemeClr val="tx1"/>
                          </a:solidFill>
                          <a:latin typeface="+mn-lt"/>
                          <a:ea typeface="+mn-ea"/>
                          <a:cs typeface="+mn-cs"/>
                        </a:rPr>
                        <a:t>0 %</a:t>
                      </a: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algn="ctr" defTabSz="914400" rtl="0" eaLnBrk="1" latinLnBrk="0" hangingPunct="1"/>
                      <a:r>
                        <a:rPr lang="en-US" sz="1800" kern="1200" dirty="0" smtClean="0">
                          <a:solidFill>
                            <a:schemeClr val="tx1"/>
                          </a:solidFill>
                          <a:latin typeface="+mn-lt"/>
                          <a:ea typeface="+mn-ea"/>
                          <a:cs typeface="+mn-cs"/>
                        </a:rPr>
                        <a:t>100 %</a:t>
                      </a:r>
                      <a:endParaRPr lang="en-US" sz="1800" kern="1200" dirty="0">
                        <a:solidFill>
                          <a:schemeClr val="tx1"/>
                        </a:solidFill>
                        <a:latin typeface="+mn-lt"/>
                        <a:ea typeface="+mn-ea"/>
                        <a:cs typeface="+mn-cs"/>
                      </a:endParaRP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algn="ctr" defTabSz="914400" rtl="0" eaLnBrk="1" latinLnBrk="0" hangingPunct="1"/>
                      <a:r>
                        <a:rPr lang="en-US" sz="1800" kern="1200" dirty="0" smtClean="0">
                          <a:solidFill>
                            <a:schemeClr val="tx1"/>
                          </a:solidFill>
                          <a:latin typeface="+mn-lt"/>
                          <a:ea typeface="+mn-ea"/>
                          <a:cs typeface="+mn-cs"/>
                        </a:rPr>
                        <a:t>200 %</a:t>
                      </a:r>
                      <a:endParaRPr lang="en-US" sz="1800" kern="1200" dirty="0">
                        <a:solidFill>
                          <a:schemeClr val="tx1"/>
                        </a:solidFill>
                        <a:latin typeface="+mn-lt"/>
                        <a:ea typeface="+mn-ea"/>
                        <a:cs typeface="+mn-cs"/>
                      </a:endParaRP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vMerge="1">
                  <a:txBody>
                    <a:bodyPr/>
                    <a:lstStyle/>
                    <a:p>
                      <a:endParaRPr lang="de-DE" sz="1200" b="1" dirty="0"/>
                    </a:p>
                  </a:txBody>
                  <a:tcPr vert="vert270" anchor="ctr">
                    <a:lnL w="12700" cap="flat" cmpd="sng" algn="ctr">
                      <a:solidFill>
                        <a:srgbClr val="C0C0C0"/>
                      </a:solidFill>
                      <a:prstDash val="solid"/>
                      <a:round/>
                      <a:headEnd type="none" w="med" len="med"/>
                      <a:tailEnd type="none" w="med" len="med"/>
                    </a:lnL>
                    <a:lnR w="12700" cap="flat" cmpd="sng" algn="ctr">
                      <a:solidFill>
                        <a:srgbClr val="C0C0C0"/>
                      </a:solidFill>
                      <a:prstDash val="solid"/>
                      <a:round/>
                      <a:headEnd type="none" w="med" len="med"/>
                      <a:tailEnd type="none" w="med" len="med"/>
                    </a:lnR>
                    <a:lnT w="12700" cap="flat" cmpd="sng" algn="ctr">
                      <a:solidFill>
                        <a:srgbClr val="C0C0C0"/>
                      </a:solidFill>
                      <a:prstDash val="solid"/>
                      <a:round/>
                      <a:headEnd type="none" w="med" len="med"/>
                      <a:tailEnd type="none" w="med" len="med"/>
                    </a:lnT>
                    <a:lnB w="12700" cap="flat" cmpd="sng" algn="ctr">
                      <a:solidFill>
                        <a:srgbClr val="C0C0C0"/>
                      </a:solidFill>
                      <a:prstDash val="solid"/>
                      <a:round/>
                      <a:headEnd type="none" w="med" len="med"/>
                      <a:tailEnd type="none" w="med" len="med"/>
                    </a:lnB>
                    <a:gradFill>
                      <a:gsLst>
                        <a:gs pos="0">
                          <a:srgbClr val="D7D7D7"/>
                        </a:gs>
                        <a:gs pos="100000">
                          <a:srgbClr val="FFFFFF"/>
                        </a:gs>
                      </a:gsLst>
                      <a:lin ang="16200000" scaled="1"/>
                    </a:gra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kern="1200" dirty="0" smtClean="0">
                          <a:solidFill>
                            <a:schemeClr val="tx1"/>
                          </a:solidFill>
                          <a:latin typeface="+mn-lt"/>
                          <a:ea typeface="+mn-ea"/>
                          <a:cs typeface="+mn-cs"/>
                        </a:rPr>
                        <a:t>0 %</a:t>
                      </a:r>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dirty="0" smtClean="0"/>
                        <a:t>100 %</a:t>
                      </a:r>
                      <a:endParaRPr lang="en-US" dirty="0"/>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dirty="0" smtClean="0"/>
                        <a:t>200</a:t>
                      </a:r>
                      <a:r>
                        <a:rPr lang="en-US" baseline="0" dirty="0" smtClean="0"/>
                        <a:t> %</a:t>
                      </a:r>
                      <a:endParaRPr lang="en-US" dirty="0"/>
                    </a:p>
                  </a:txBody>
                  <a:tcPr marB="108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319283">
                <a:tc>
                  <a:txBody>
                    <a:bodyPr/>
                    <a:lstStyle/>
                    <a:p>
                      <a:pPr algn="l"/>
                      <a:r>
                        <a:rPr lang="en-US" sz="1800" b="1" dirty="0" smtClean="0"/>
                        <a:t>Contractor</a:t>
                      </a:r>
                      <a:r>
                        <a:rPr lang="en-US" sz="1800" b="1" baseline="0" dirty="0" smtClean="0"/>
                        <a:t> 1</a:t>
                      </a:r>
                      <a:endParaRPr lang="en-US" sz="1800" b="1"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31928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1" dirty="0" smtClean="0"/>
                        <a:t>Contractor</a:t>
                      </a:r>
                      <a:r>
                        <a:rPr lang="en-US" sz="1800" b="1" baseline="0" dirty="0" smtClean="0"/>
                        <a:t> 2</a:t>
                      </a:r>
                      <a:endParaRPr lang="en-US" sz="1800" b="1" dirty="0" smtClean="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31928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1" dirty="0" smtClean="0"/>
                        <a:t>Contractor 3</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31928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1" dirty="0" smtClean="0"/>
                        <a:t>Contractor</a:t>
                      </a:r>
                      <a:r>
                        <a:rPr lang="en-US" sz="1800" b="1" baseline="0" dirty="0" smtClean="0"/>
                        <a:t> 4</a:t>
                      </a:r>
                      <a:endParaRPr lang="en-US" sz="1800" b="1" dirty="0" smtClean="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319283">
                <a:tc>
                  <a:txBody>
                    <a:bodyPr/>
                    <a:lstStyle/>
                    <a:p>
                      <a:pPr algn="l"/>
                      <a:r>
                        <a:rPr lang="en-US" sz="1800" b="1" dirty="0" smtClean="0"/>
                        <a:t>Contractor</a:t>
                      </a:r>
                      <a:r>
                        <a:rPr lang="en-US" sz="1800" b="1" baseline="0" dirty="0" smtClean="0"/>
                        <a:t> …</a:t>
                      </a:r>
                      <a:endParaRPr lang="en-US" sz="1800" b="1"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r h="282934">
                <a:tc>
                  <a:txBody>
                    <a:bodyPr/>
                    <a:lstStyle/>
                    <a:p>
                      <a:pPr algn="l"/>
                      <a:r>
                        <a:rPr lang="en-US" sz="1800" b="1" dirty="0" smtClean="0"/>
                        <a:t>Contractor</a:t>
                      </a:r>
                      <a:r>
                        <a:rPr lang="en-US" sz="1800" b="1" baseline="0" dirty="0" smtClean="0"/>
                        <a:t> …</a:t>
                      </a:r>
                      <a:endParaRPr lang="en-US" sz="1800" b="1"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8" name="Ellipse 7"/>
          <p:cNvSpPr/>
          <p:nvPr/>
        </p:nvSpPr>
        <p:spPr bwMode="auto">
          <a:xfrm>
            <a:off x="3081529" y="2809563"/>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21" name="Ellipse 20"/>
          <p:cNvSpPr/>
          <p:nvPr/>
        </p:nvSpPr>
        <p:spPr bwMode="auto">
          <a:xfrm>
            <a:off x="3081529" y="3177667"/>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24" name="Ellipse 23"/>
          <p:cNvSpPr/>
          <p:nvPr/>
        </p:nvSpPr>
        <p:spPr bwMode="auto">
          <a:xfrm>
            <a:off x="5886370" y="2804015"/>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34" name="Ellipse 33"/>
          <p:cNvSpPr/>
          <p:nvPr/>
        </p:nvSpPr>
        <p:spPr bwMode="auto">
          <a:xfrm>
            <a:off x="2167129" y="3913875"/>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49" name="Ellipse 48"/>
          <p:cNvSpPr/>
          <p:nvPr/>
        </p:nvSpPr>
        <p:spPr bwMode="auto">
          <a:xfrm>
            <a:off x="7772102" y="4650641"/>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61" name="Ellipse 60"/>
          <p:cNvSpPr/>
          <p:nvPr/>
        </p:nvSpPr>
        <p:spPr bwMode="auto">
          <a:xfrm>
            <a:off x="7717510" y="3911990"/>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70" name="Ellipse 69"/>
          <p:cNvSpPr/>
          <p:nvPr/>
        </p:nvSpPr>
        <p:spPr bwMode="auto">
          <a:xfrm>
            <a:off x="6817507" y="3230490"/>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73" name="Ellipse 72"/>
          <p:cNvSpPr/>
          <p:nvPr/>
        </p:nvSpPr>
        <p:spPr bwMode="auto">
          <a:xfrm>
            <a:off x="5940962" y="3542665"/>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94" name="Ellipse 93"/>
          <p:cNvSpPr/>
          <p:nvPr/>
        </p:nvSpPr>
        <p:spPr bwMode="auto">
          <a:xfrm>
            <a:off x="3081529" y="4650085"/>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97" name="Ellipse 96"/>
          <p:cNvSpPr/>
          <p:nvPr/>
        </p:nvSpPr>
        <p:spPr bwMode="auto">
          <a:xfrm>
            <a:off x="6870783" y="4327035"/>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106" name="Ellipse 105"/>
          <p:cNvSpPr/>
          <p:nvPr/>
        </p:nvSpPr>
        <p:spPr bwMode="auto">
          <a:xfrm>
            <a:off x="3081529" y="4281979"/>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44" name="Ellipse 20"/>
          <p:cNvSpPr/>
          <p:nvPr/>
        </p:nvSpPr>
        <p:spPr bwMode="auto">
          <a:xfrm>
            <a:off x="3077200" y="3545771"/>
            <a:ext cx="144000" cy="144000"/>
          </a:xfrm>
          <a:prstGeom prst="ellipse">
            <a:avLst/>
          </a:prstGeom>
          <a:solidFill>
            <a:schemeClr val="accent1"/>
          </a:solidFill>
          <a:ln w="12700">
            <a:noFill/>
            <a:round/>
            <a:headEnd/>
            <a:tailEnd/>
          </a:ln>
          <a:effectLst>
            <a:outerShdw blurRad="63500" sx="102000" sy="102000" algn="ctr" rotWithShape="0">
              <a:prstClr val="black">
                <a:alpha val="40000"/>
              </a:prstClr>
            </a:outerShdw>
          </a:effectLst>
          <a:scene3d>
            <a:camera prst="orthographicFront"/>
            <a:lightRig rig="threePt" dir="t"/>
          </a:scene3d>
          <a:sp3d>
            <a:bevelT w="82550" h="82550"/>
          </a:sp3d>
        </p:spPr>
        <p:txBody>
          <a:bodyPr rtlCol="0" anchor="ctr"/>
          <a:lstStyle/>
          <a:p>
            <a:pPr algn="ctr"/>
            <a:endParaRPr lang="de-DE"/>
          </a:p>
        </p:txBody>
      </p:sp>
      <p:sp>
        <p:nvSpPr>
          <p:cNvPr id="5" name="Title 4"/>
          <p:cNvSpPr>
            <a:spLocks noGrp="1"/>
          </p:cNvSpPr>
          <p:nvPr>
            <p:ph type="title"/>
          </p:nvPr>
        </p:nvSpPr>
        <p:spPr>
          <a:xfrm>
            <a:off x="533400" y="381000"/>
            <a:ext cx="8229600" cy="941796"/>
          </a:xfrm>
        </p:spPr>
        <p:txBody>
          <a:bodyPr/>
          <a:lstStyle/>
          <a:p>
            <a:r>
              <a:rPr lang="en-US" sz="4000" dirty="0" smtClean="0"/>
              <a:t>Key in Determination of </a:t>
            </a:r>
            <a:r>
              <a:rPr lang="en-US" sz="4000" dirty="0"/>
              <a:t>Alternative</a:t>
            </a:r>
            <a:br>
              <a:rPr lang="en-US" sz="4000" dirty="0"/>
            </a:br>
            <a:r>
              <a:rPr lang="en-US" sz="2800" dirty="0">
                <a:solidFill>
                  <a:schemeClr val="tx1"/>
                </a:solidFill>
              </a:rPr>
              <a:t>Contractor’s Participation May Determine Best </a:t>
            </a:r>
            <a:r>
              <a:rPr lang="en-US" sz="2800" dirty="0" smtClean="0">
                <a:solidFill>
                  <a:schemeClr val="tx1"/>
                </a:solidFill>
              </a:rPr>
              <a:t>Alternative</a:t>
            </a:r>
            <a:endParaRPr lang="en-US" sz="2400" dirty="0">
              <a:solidFill>
                <a:schemeClr val="tx1"/>
              </a:solidFill>
            </a:endParaRPr>
          </a:p>
        </p:txBody>
      </p:sp>
      <p:sp>
        <p:nvSpPr>
          <p:cNvPr id="54" name="Rechteck 30"/>
          <p:cNvSpPr/>
          <p:nvPr/>
        </p:nvSpPr>
        <p:spPr bwMode="gray">
          <a:xfrm>
            <a:off x="1705573" y="5643563"/>
            <a:ext cx="2854364" cy="833437"/>
          </a:xfrm>
          <a:prstGeom prst="roundRect">
            <a:avLst/>
          </a:prstGeom>
          <a:ln>
            <a:headEnd/>
            <a:tailEnd/>
          </a:ln>
        </p:spPr>
        <p:style>
          <a:lnRef idx="0">
            <a:schemeClr val="accent1"/>
          </a:lnRef>
          <a:fillRef idx="3">
            <a:schemeClr val="accent1"/>
          </a:fillRef>
          <a:effectRef idx="3">
            <a:schemeClr val="accent1"/>
          </a:effectRef>
          <a:fontRef idx="minor">
            <a:schemeClr val="lt1"/>
          </a:fontRef>
        </p:style>
        <p:txBody>
          <a:bodyPr lIns="108000" tIns="72000" rIns="108000" bIns="72000" anchor="ctr"/>
          <a:lstStyle/>
          <a:p>
            <a:pPr algn="ctr">
              <a:spcAft>
                <a:spcPts val="400"/>
              </a:spcAft>
              <a:defRPr/>
            </a:pPr>
            <a:r>
              <a:rPr lang="en-US" sz="2400" b="1" noProof="1" smtClean="0">
                <a:solidFill>
                  <a:schemeClr val="tx1"/>
                </a:solidFill>
              </a:rPr>
              <a:t>Table ‘A’ Contract Approach</a:t>
            </a:r>
            <a:endParaRPr lang="en-US" sz="2400" b="1" noProof="1">
              <a:solidFill>
                <a:schemeClr val="tx1"/>
              </a:solidFill>
            </a:endParaRPr>
          </a:p>
        </p:txBody>
      </p:sp>
      <p:sp>
        <p:nvSpPr>
          <p:cNvPr id="56" name="Rechteck 30"/>
          <p:cNvSpPr/>
          <p:nvPr/>
        </p:nvSpPr>
        <p:spPr bwMode="gray">
          <a:xfrm>
            <a:off x="5462324" y="5643243"/>
            <a:ext cx="2854364" cy="833437"/>
          </a:xfrm>
          <a:prstGeom prst="roundRect">
            <a:avLst/>
          </a:prstGeom>
          <a:ln>
            <a:headEnd/>
            <a:tailEnd/>
          </a:ln>
        </p:spPr>
        <p:style>
          <a:lnRef idx="0">
            <a:schemeClr val="accent1"/>
          </a:lnRef>
          <a:fillRef idx="3">
            <a:schemeClr val="accent1"/>
          </a:fillRef>
          <a:effectRef idx="3">
            <a:schemeClr val="accent1"/>
          </a:effectRef>
          <a:fontRef idx="minor">
            <a:schemeClr val="lt1"/>
          </a:fontRef>
        </p:style>
        <p:txBody>
          <a:bodyPr lIns="108000" tIns="72000" rIns="108000" bIns="72000" anchor="ctr"/>
          <a:lstStyle/>
          <a:p>
            <a:pPr algn="ctr">
              <a:spcAft>
                <a:spcPts val="400"/>
              </a:spcAft>
              <a:defRPr/>
            </a:pPr>
            <a:r>
              <a:rPr lang="en-US" sz="2400" b="1" noProof="1">
                <a:solidFill>
                  <a:schemeClr val="tx1"/>
                </a:solidFill>
              </a:rPr>
              <a:t>Subscribed Capacity Approach</a:t>
            </a:r>
          </a:p>
        </p:txBody>
      </p:sp>
      <p:sp>
        <p:nvSpPr>
          <p:cNvPr id="25" name="Slide Number Placeholder 3"/>
          <p:cNvSpPr txBox="1">
            <a:spLocks/>
          </p:cNvSpPr>
          <p:nvPr/>
        </p:nvSpPr>
        <p:spPr>
          <a:xfrm>
            <a:off x="8458200" y="6427789"/>
            <a:ext cx="685800" cy="365125"/>
          </a:xfrm>
          <a:prstGeom prst="rect">
            <a:avLst/>
          </a:prstGeom>
        </p:spPr>
        <p:txBody>
          <a:bodyPr/>
          <a:lstStyle/>
          <a:p>
            <a:pPr algn="ctr" fontAlgn="base">
              <a:spcBef>
                <a:spcPct val="0"/>
              </a:spcBef>
              <a:spcAft>
                <a:spcPct val="0"/>
              </a:spcAft>
              <a:defRPr/>
            </a:pPr>
            <a:fld id="{7A37C76E-89DA-4ED5-A436-13A1ABC61839}" type="slidenum">
              <a:rPr lang="en-US" sz="1600" smtClean="0">
                <a:solidFill>
                  <a:prstClr val="white"/>
                </a:solidFill>
                <a:cs typeface="Arial" pitchFamily="34" charset="0"/>
              </a:rPr>
              <a:pPr algn="ctr" fontAlgn="base">
                <a:spcBef>
                  <a:spcPct val="0"/>
                </a:spcBef>
                <a:spcAft>
                  <a:spcPct val="0"/>
                </a:spcAft>
                <a:defRPr/>
              </a:pPr>
              <a:t>98</a:t>
            </a:fld>
            <a:endParaRPr lang="en-US" sz="1600" dirty="0">
              <a:solidFill>
                <a:prstClr val="white"/>
              </a:solidFill>
              <a:cs typeface="Arial" pitchFamily="34" charset="0"/>
            </a:endParaRPr>
          </a:p>
        </p:txBody>
      </p:sp>
    </p:spTree>
    <p:extLst>
      <p:ext uri="{BB962C8B-B14F-4D97-AF65-F5344CB8AC3E}">
        <p14:creationId xmlns:p14="http://schemas.microsoft.com/office/powerpoint/2010/main" val="2407763020"/>
      </p:ext>
    </p:extLst>
  </p:cSld>
  <p:clrMapOvr>
    <a:masterClrMapping/>
  </p:clrMapOvr>
  <p:transition spd="slow">
    <p:fade/>
  </p:transition>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etropolitan Water District</a:t>
            </a:r>
            <a:br>
              <a:rPr lang="en-US" dirty="0" smtClean="0"/>
            </a:br>
            <a:r>
              <a:rPr lang="en-US" sz="3200" dirty="0" smtClean="0">
                <a:solidFill>
                  <a:schemeClr val="tx1"/>
                </a:solidFill>
              </a:rPr>
              <a:t>Cost Allocation “Example”</a:t>
            </a:r>
            <a:endParaRPr lang="en-US" sz="3600" dirty="0">
              <a:solidFill>
                <a:schemeClr val="tx1"/>
              </a:solidFill>
            </a:endParaRPr>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3843822731"/>
              </p:ext>
            </p:extLst>
          </p:nvPr>
        </p:nvGraphicFramePr>
        <p:xfrm>
          <a:off x="248528" y="2057400"/>
          <a:ext cx="8745052" cy="3533220"/>
        </p:xfrm>
        <a:graphic>
          <a:graphicData uri="http://schemas.openxmlformats.org/drawingml/2006/table">
            <a:tbl>
              <a:tblPr firstRow="1" bandRow="1">
                <a:tableStyleId>{69012ECD-51FC-41F1-AA8D-1B2483CD663E}</a:tableStyleId>
              </a:tblPr>
              <a:tblGrid>
                <a:gridCol w="2877652"/>
                <a:gridCol w="1524000"/>
                <a:gridCol w="2133600"/>
                <a:gridCol w="2209800"/>
              </a:tblGrid>
              <a:tr h="328572">
                <a:tc>
                  <a:txBody>
                    <a:bodyPr/>
                    <a:lstStyle/>
                    <a:p>
                      <a:pPr marL="0" lvl="0" indent="0" algn="ctr" defTabSz="914363" rtl="0" eaLnBrk="1" fontAlgn="b" latinLnBrk="0" hangingPunct="1">
                        <a:lnSpc>
                          <a:spcPct val="90000"/>
                        </a:lnSpc>
                        <a:spcBef>
                          <a:spcPts val="0"/>
                        </a:spcBef>
                        <a:spcAft>
                          <a:spcPts val="0"/>
                        </a:spcAft>
                      </a:pPr>
                      <a:endParaRPr lang="en-US" sz="2000" b="1" kern="1200" dirty="0">
                        <a:solidFill>
                          <a:schemeClr val="tx1"/>
                        </a:solidFill>
                        <a:effectLst>
                          <a:outerShdw blurRad="190500" algn="ctr" rotWithShape="0">
                            <a:prstClr val="black">
                              <a:alpha val="50000"/>
                            </a:prstClr>
                          </a:outerShdw>
                        </a:effectLst>
                        <a:latin typeface="+mn-lt"/>
                        <a:ea typeface="+mn-ea"/>
                        <a:cs typeface="+mn-cs"/>
                      </a:endParaRPr>
                    </a:p>
                  </a:txBody>
                  <a:tcPr marL="0" marR="457200" marT="0" marB="0" anchor="ctr">
                    <a:lnL>
                      <a:noFill/>
                    </a:lnL>
                    <a:lnR>
                      <a:noFill/>
                    </a:lnR>
                    <a:lnT w="12700" cap="flat" cmpd="sng" algn="ctr">
                      <a:solidFill>
                        <a:schemeClr val="bg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c>
                  <a:txBody>
                    <a:bodyPr/>
                    <a:lstStyle/>
                    <a:p>
                      <a:pPr marL="0" lvl="0" algn="ctr" defTabSz="914363" rtl="0" eaLnBrk="1" fontAlgn="b" latinLnBrk="0" hangingPunct="1">
                        <a:lnSpc>
                          <a:spcPct val="90000"/>
                        </a:lnSpc>
                      </a:pPr>
                      <a:r>
                        <a:rPr lang="en-US" sz="2000" b="1" kern="1200" dirty="0" smtClean="0">
                          <a:solidFill>
                            <a:schemeClr val="tx1"/>
                          </a:solidFill>
                          <a:effectLst>
                            <a:outerShdw blurRad="190500" algn="ctr" rotWithShape="0">
                              <a:prstClr val="black">
                                <a:alpha val="50000"/>
                              </a:prstClr>
                            </a:outerShdw>
                          </a:effectLst>
                          <a:latin typeface="+mn-lt"/>
                          <a:ea typeface="+mn-ea"/>
                          <a:cs typeface="+mn-cs"/>
                        </a:rPr>
                        <a:t>No BDCP</a:t>
                      </a:r>
                      <a:endParaRPr lang="en-US" sz="2000" b="1" kern="1200" dirty="0">
                        <a:solidFill>
                          <a:schemeClr val="tx1"/>
                        </a:solidFill>
                        <a:effectLst>
                          <a:outerShdw blurRad="190500" algn="ctr" rotWithShape="0">
                            <a:prstClr val="black">
                              <a:alpha val="50000"/>
                            </a:prstClr>
                          </a:outerShdw>
                        </a:effectLst>
                        <a:latin typeface="+mn-lt"/>
                        <a:ea typeface="+mn-ea"/>
                        <a:cs typeface="+mn-cs"/>
                      </a:endParaRPr>
                    </a:p>
                  </a:txBody>
                  <a:tcPr marL="0" marR="152400" marT="0" marB="0" anchor="ctr">
                    <a:lnL>
                      <a:noFill/>
                    </a:lnL>
                    <a:lnR>
                      <a:noFill/>
                    </a:lnR>
                    <a:lnT w="12700" cap="flat" cmpd="sng" algn="ctr">
                      <a:solidFill>
                        <a:schemeClr val="bg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c>
                  <a:txBody>
                    <a:bodyPr/>
                    <a:lstStyle/>
                    <a:p>
                      <a:pPr marL="0" lvl="0" algn="ctr" defTabSz="914363" rtl="0" eaLnBrk="1" fontAlgn="b" latinLnBrk="0" hangingPunct="1">
                        <a:lnSpc>
                          <a:spcPct val="90000"/>
                        </a:lnSpc>
                      </a:pPr>
                      <a:r>
                        <a:rPr lang="en-US" sz="2000" b="1" kern="1200" dirty="0" smtClean="0">
                          <a:solidFill>
                            <a:schemeClr val="tx1"/>
                          </a:solidFill>
                          <a:effectLst>
                            <a:outerShdw blurRad="190500" algn="ctr" rotWithShape="0">
                              <a:prstClr val="black">
                                <a:alpha val="50000"/>
                              </a:prstClr>
                            </a:outerShdw>
                          </a:effectLst>
                          <a:latin typeface="+mn-lt"/>
                          <a:ea typeface="+mn-ea"/>
                          <a:cs typeface="+mn-cs"/>
                        </a:rPr>
                        <a:t>100% Participation</a:t>
                      </a:r>
                      <a:endParaRPr lang="en-US" sz="2000" b="1" kern="1200" dirty="0">
                        <a:solidFill>
                          <a:schemeClr val="tx1"/>
                        </a:solidFill>
                        <a:effectLst>
                          <a:outerShdw blurRad="190500" algn="ctr" rotWithShape="0">
                            <a:prstClr val="black">
                              <a:alpha val="50000"/>
                            </a:prstClr>
                          </a:outerShdw>
                        </a:effectLst>
                        <a:latin typeface="+mn-lt"/>
                        <a:ea typeface="+mn-ea"/>
                        <a:cs typeface="+mn-cs"/>
                      </a:endParaRPr>
                    </a:p>
                  </a:txBody>
                  <a:tcPr marL="0" marR="152400" marT="0" marB="0" anchor="ctr">
                    <a:lnL>
                      <a:noFill/>
                    </a:lnL>
                    <a:lnR>
                      <a:noFill/>
                    </a:lnR>
                    <a:lnT w="12700" cap="flat" cmpd="sng" algn="ctr">
                      <a:solidFill>
                        <a:schemeClr val="bg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c>
                  <a:txBody>
                    <a:bodyPr/>
                    <a:lstStyle/>
                    <a:p>
                      <a:pPr marL="0" lvl="0" algn="ctr" defTabSz="914363" rtl="0" eaLnBrk="1" fontAlgn="b" latinLnBrk="0" hangingPunct="1">
                        <a:lnSpc>
                          <a:spcPct val="90000"/>
                        </a:lnSpc>
                      </a:pPr>
                      <a:r>
                        <a:rPr lang="en-US" sz="2000" b="1" kern="1200" dirty="0" smtClean="0">
                          <a:solidFill>
                            <a:schemeClr val="tx1"/>
                          </a:solidFill>
                          <a:effectLst>
                            <a:outerShdw blurRad="190500" algn="ctr" rotWithShape="0">
                              <a:prstClr val="black">
                                <a:alpha val="50000"/>
                              </a:prstClr>
                            </a:outerShdw>
                          </a:effectLst>
                          <a:latin typeface="+mn-lt"/>
                          <a:ea typeface="+mn-ea"/>
                          <a:cs typeface="+mn-cs"/>
                        </a:rPr>
                        <a:t>110% Participation</a:t>
                      </a:r>
                    </a:p>
                  </a:txBody>
                  <a:tcPr marL="0" marR="152400" marT="0" marB="0" anchor="ctr">
                    <a:lnL>
                      <a:noFill/>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16200000" scaled="1"/>
                      <a:tileRect/>
                    </a:gradFill>
                  </a:tcPr>
                </a:tc>
              </a:tr>
              <a:tr h="328572">
                <a:tc>
                  <a:txBody>
                    <a:bodyPr/>
                    <a:lstStyle/>
                    <a:p>
                      <a:pPr marL="0" lvl="0" indent="0" algn="r" fontAlgn="b">
                        <a:lnSpc>
                          <a:spcPct val="90000"/>
                        </a:lnSpc>
                        <a:spcBef>
                          <a:spcPts val="0"/>
                        </a:spcBef>
                        <a:spcAft>
                          <a:spcPts val="0"/>
                        </a:spcAft>
                      </a:pPr>
                      <a:r>
                        <a:rPr lang="en-US" sz="2000" u="none" strike="noStrike" dirty="0" smtClean="0">
                          <a:effectLst/>
                        </a:rPr>
                        <a:t>Existing SWP Charge</a:t>
                      </a:r>
                      <a:endParaRPr lang="en-US" sz="2000" b="0" i="0" u="none" strike="noStrike" dirty="0">
                        <a:solidFill>
                          <a:schemeClr val="tx1"/>
                        </a:solidFill>
                        <a:effectLst/>
                        <a:latin typeface="+mn-lt"/>
                      </a:endParaRPr>
                    </a:p>
                  </a:txBody>
                  <a:tcPr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495 mill</a:t>
                      </a:r>
                      <a:endParaRPr lang="en-US" sz="20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495 mill</a:t>
                      </a:r>
                      <a:endParaRPr lang="en-US" sz="20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495 mill</a:t>
                      </a:r>
                      <a:endParaRPr lang="en-US" sz="2000" b="0" i="0" u="none" strike="noStrike" dirty="0">
                        <a:solidFill>
                          <a:schemeClr val="tx1"/>
                        </a:solidFill>
                        <a:effectLst/>
                        <a:latin typeface="+mn-lt"/>
                      </a:endParaRPr>
                    </a:p>
                  </a:txBody>
                  <a:tcPr marL="0" marR="152400" marT="0" marB="0" anchor="ctr">
                    <a:lnL>
                      <a:noFill/>
                    </a:lnL>
                    <a:lnR w="12700" cap="flat" cmpd="sng" algn="ctr">
                      <a:solidFill>
                        <a:schemeClr val="bg1"/>
                      </a:solidFill>
                      <a:prstDash val="solid"/>
                      <a:round/>
                      <a:headEnd type="none" w="med" len="med"/>
                      <a:tailEnd type="none" w="med" len="med"/>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260980">
                <a:tc>
                  <a:txBody>
                    <a:bodyPr/>
                    <a:lstStyle/>
                    <a:p>
                      <a:pPr marL="0" lvl="0" indent="0" algn="r" fontAlgn="b">
                        <a:lnSpc>
                          <a:spcPct val="90000"/>
                        </a:lnSpc>
                        <a:spcBef>
                          <a:spcPts val="0"/>
                        </a:spcBef>
                        <a:spcAft>
                          <a:spcPts val="0"/>
                        </a:spcAft>
                      </a:pPr>
                      <a:r>
                        <a:rPr lang="en-US" sz="2000" u="none" strike="noStrike" dirty="0" smtClean="0">
                          <a:effectLst/>
                        </a:rPr>
                        <a:t>Incremental</a:t>
                      </a:r>
                      <a:r>
                        <a:rPr lang="en-US" sz="2000" u="none" strike="noStrike" baseline="0" dirty="0" smtClean="0">
                          <a:effectLst/>
                        </a:rPr>
                        <a:t> BDCP Charge</a:t>
                      </a:r>
                      <a:endParaRPr lang="en-US" sz="2000" b="0" i="0" u="none" strike="noStrike" dirty="0">
                        <a:solidFill>
                          <a:schemeClr val="tx1"/>
                        </a:solidFill>
                        <a:effectLst/>
                        <a:latin typeface="+mn-lt"/>
                      </a:endParaRPr>
                    </a:p>
                  </a:txBody>
                  <a:tcPr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0 mill</a:t>
                      </a:r>
                      <a:endParaRPr lang="en-US" sz="20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412</a:t>
                      </a:r>
                      <a:r>
                        <a:rPr lang="en-US" sz="2000" u="none" strike="noStrike" baseline="0" dirty="0" smtClean="0">
                          <a:effectLst/>
                        </a:rPr>
                        <a:t> mill</a:t>
                      </a:r>
                      <a:endParaRPr lang="en-US" sz="20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u="none" strike="noStrike" dirty="0" smtClean="0">
                          <a:effectLst/>
                        </a:rPr>
                        <a:t>$453 mill</a:t>
                      </a:r>
                      <a:endParaRPr lang="en-US" sz="2000" b="0" i="0" u="none" strike="noStrike" dirty="0">
                        <a:solidFill>
                          <a:schemeClr val="tx1"/>
                        </a:solidFill>
                        <a:effectLst/>
                        <a:latin typeface="+mn-lt"/>
                      </a:endParaRPr>
                    </a:p>
                  </a:txBody>
                  <a:tcPr marL="0" marR="152400" marT="0" marB="0" anchor="ctr">
                    <a:lnL>
                      <a:noFill/>
                    </a:lnL>
                    <a:lnR w="12700" cap="flat" cmpd="sng" algn="ctr">
                      <a:solidFill>
                        <a:schemeClr val="bg1"/>
                      </a:solidFill>
                      <a:prstDash val="solid"/>
                      <a:round/>
                      <a:headEnd type="none" w="med" len="med"/>
                      <a:tailEnd type="none" w="med" len="med"/>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marL="0" lvl="0" indent="0" algn="r" fontAlgn="b">
                        <a:lnSpc>
                          <a:spcPct val="90000"/>
                        </a:lnSpc>
                        <a:spcBef>
                          <a:spcPts val="0"/>
                        </a:spcBef>
                        <a:spcAft>
                          <a:spcPts val="0"/>
                        </a:spcAft>
                      </a:pPr>
                      <a:r>
                        <a:rPr lang="en-US" sz="2000" b="1" u="none" strike="noStrike" dirty="0" smtClean="0">
                          <a:effectLst/>
                        </a:rPr>
                        <a:t>Total</a:t>
                      </a:r>
                      <a:endParaRPr lang="en-US" sz="2000" b="1" i="1" u="none" strike="noStrike" dirty="0">
                        <a:solidFill>
                          <a:schemeClr val="tx1"/>
                        </a:solidFill>
                        <a:effectLst/>
                        <a:latin typeface="+mn-lt"/>
                      </a:endParaRPr>
                    </a:p>
                  </a:txBody>
                  <a:tcPr marT="0"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b="1" u="none" strike="noStrike" dirty="0" smtClean="0">
                          <a:effectLst/>
                        </a:rPr>
                        <a:t>$495 mill</a:t>
                      </a:r>
                      <a:endParaRPr lang="en-US" sz="2000" b="1" i="0" u="none" strike="noStrike" dirty="0">
                        <a:solidFill>
                          <a:schemeClr val="tx1"/>
                        </a:solidFill>
                        <a:effectLst/>
                        <a:latin typeface="+mn-lt"/>
                      </a:endParaRPr>
                    </a:p>
                  </a:txBody>
                  <a:tcPr marL="0" marR="152400" marT="0"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b="1" u="none" strike="noStrike" dirty="0" smtClean="0">
                          <a:effectLst/>
                        </a:rPr>
                        <a:t>$907 mill</a:t>
                      </a:r>
                      <a:endParaRPr lang="en-US" sz="2000" b="1" i="0" u="none" strike="noStrike" dirty="0">
                        <a:solidFill>
                          <a:schemeClr val="tx1"/>
                        </a:solidFill>
                        <a:effectLst/>
                        <a:latin typeface="+mn-lt"/>
                      </a:endParaRPr>
                    </a:p>
                  </a:txBody>
                  <a:tcPr marL="0" marR="152400" marT="0"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r>
                        <a:rPr lang="en-US" sz="2000" b="1" u="none" strike="noStrike" dirty="0" smtClean="0">
                          <a:effectLst/>
                        </a:rPr>
                        <a:t>$948 mill</a:t>
                      </a:r>
                      <a:endParaRPr lang="en-US" sz="2000" b="1" i="0" u="none" strike="noStrike" dirty="0">
                        <a:solidFill>
                          <a:schemeClr val="tx1"/>
                        </a:solidFill>
                        <a:effectLst/>
                        <a:latin typeface="+mn-lt"/>
                      </a:endParaRPr>
                    </a:p>
                  </a:txBody>
                  <a:tcPr marL="0" marR="152400" marT="0" marB="0" anchor="ctr">
                    <a:lnL>
                      <a:noFill/>
                    </a:lnL>
                    <a:lnR w="12700" cap="flat" cmpd="sng" algn="ctr">
                      <a:solidFill>
                        <a:schemeClr val="bg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143539">
                <a:tc>
                  <a:txBody>
                    <a:bodyPr/>
                    <a:lstStyle/>
                    <a:p>
                      <a:pPr marL="227013" lvl="0" indent="0" algn="r" defTabSz="914400" rtl="0" eaLnBrk="1" fontAlgn="b" latinLnBrk="0" hangingPunct="1">
                        <a:lnSpc>
                          <a:spcPct val="90000"/>
                        </a:lnSpc>
                        <a:spcBef>
                          <a:spcPts val="0"/>
                        </a:spcBef>
                        <a:spcAft>
                          <a:spcPts val="0"/>
                        </a:spcAft>
                      </a:pPr>
                      <a:endParaRPr lang="en-US" sz="1100" b="1" i="0" u="none" strike="noStrike" kern="1200" dirty="0">
                        <a:solidFill>
                          <a:schemeClr val="tx1"/>
                        </a:solidFill>
                        <a:effectLst/>
                        <a:latin typeface="+mn-lt"/>
                        <a:ea typeface="+mn-ea"/>
                        <a:cs typeface="+mn-cs"/>
                      </a:endParaRPr>
                    </a:p>
                  </a:txBody>
                  <a:tcPr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endParaRPr lang="en-US" sz="11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endParaRPr lang="en-US" sz="1100" b="0" i="0" u="none" strike="noStrike" dirty="0">
                        <a:solidFill>
                          <a:schemeClr val="tx1"/>
                        </a:solidFill>
                        <a:effectLst/>
                        <a:latin typeface="+mn-lt"/>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lvl="0" algn="r" fontAlgn="b">
                        <a:lnSpc>
                          <a:spcPct val="90000"/>
                        </a:lnSpc>
                      </a:pPr>
                      <a:endParaRPr lang="en-US" sz="1100" b="1" i="0" u="none" strike="noStrike" dirty="0">
                        <a:solidFill>
                          <a:schemeClr val="tx1"/>
                        </a:solidFill>
                        <a:effectLst/>
                        <a:latin typeface="+mn-lt"/>
                      </a:endParaRPr>
                    </a:p>
                  </a:txBody>
                  <a:tcPr marL="0" marR="152400" marT="0" marB="0" anchor="ctr">
                    <a:lnL>
                      <a:noFill/>
                    </a:lnL>
                    <a:lnR w="12700" cap="flat" cmpd="sng" algn="ctr">
                      <a:solidFill>
                        <a:schemeClr val="bg1"/>
                      </a:solidFill>
                      <a:prstDash val="solid"/>
                      <a:round/>
                      <a:headEnd type="none" w="med" len="med"/>
                      <a:tailEnd type="none" w="med" len="med"/>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marL="0" lvl="0" indent="0" algn="r" fontAlgn="b">
                        <a:lnSpc>
                          <a:spcPct val="90000"/>
                        </a:lnSpc>
                        <a:spcBef>
                          <a:spcPts val="0"/>
                        </a:spcBef>
                        <a:spcAft>
                          <a:spcPts val="0"/>
                        </a:spcAft>
                      </a:pPr>
                      <a:r>
                        <a:rPr lang="en-US" sz="2000" u="none" strike="noStrike" dirty="0" smtClean="0">
                          <a:effectLst/>
                        </a:rPr>
                        <a:t> Average SWP</a:t>
                      </a:r>
                      <a:r>
                        <a:rPr lang="en-US" sz="2000" u="none" strike="noStrike" baseline="0" dirty="0" smtClean="0">
                          <a:effectLst/>
                        </a:rPr>
                        <a:t> </a:t>
                      </a:r>
                      <a:r>
                        <a:rPr lang="en-US" sz="2000" u="none" strike="noStrike" dirty="0" smtClean="0">
                          <a:effectLst/>
                        </a:rPr>
                        <a:t>Deliveries</a:t>
                      </a:r>
                      <a:endParaRPr lang="en-US" sz="2000" b="0" i="0" u="none" strike="noStrike" dirty="0">
                        <a:solidFill>
                          <a:schemeClr val="tx1"/>
                        </a:solidFill>
                        <a:effectLst/>
                        <a:latin typeface="+mn-lt"/>
                      </a:endParaRPr>
                    </a:p>
                  </a:txBody>
                  <a:tcPr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u="none" strike="noStrike" kern="1200" dirty="0" smtClean="0">
                          <a:effectLst/>
                        </a:rPr>
                        <a:t>960,50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960,50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960,50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w="12700" cap="flat" cmpd="sng" algn="ctr">
                      <a:solidFill>
                        <a:schemeClr val="bg1"/>
                      </a:solidFill>
                      <a:prstDash val="solid"/>
                      <a:round/>
                      <a:headEnd type="none" w="med" len="med"/>
                      <a:tailEnd type="none" w="med" len="med"/>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marL="0" lvl="0" indent="0" algn="r" fontAlgn="b">
                        <a:lnSpc>
                          <a:spcPct val="90000"/>
                        </a:lnSpc>
                        <a:spcBef>
                          <a:spcPts val="0"/>
                        </a:spcBef>
                        <a:spcAft>
                          <a:spcPts val="0"/>
                        </a:spcAft>
                      </a:pPr>
                      <a:r>
                        <a:rPr lang="en-US" sz="2000" u="none" strike="noStrike" dirty="0" smtClean="0">
                          <a:effectLst/>
                        </a:rPr>
                        <a:t>Incremental BDCP</a:t>
                      </a:r>
                      <a:endParaRPr lang="en-US" sz="2000" b="0" i="0" u="none" strike="noStrike" dirty="0">
                        <a:solidFill>
                          <a:schemeClr val="tx1"/>
                        </a:solidFill>
                        <a:effectLst/>
                        <a:latin typeface="+mn-lt"/>
                      </a:endParaRPr>
                    </a:p>
                  </a:txBody>
                  <a:tcPr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u="none" strike="noStrike" kern="1200" dirty="0" smtClean="0">
                          <a:effectLst/>
                        </a:rPr>
                        <a:t>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u="none" strike="noStrike" kern="1200" dirty="0" smtClean="0">
                          <a:effectLst/>
                        </a:rPr>
                        <a:t>431,00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u="none" strike="noStrike" kern="1200" dirty="0" smtClean="0">
                          <a:effectLst/>
                        </a:rPr>
                        <a:t>474,000 af </a:t>
                      </a:r>
                      <a:endParaRPr lang="en-US" sz="2000" b="0" i="0" u="none" strike="noStrike" kern="1200" dirty="0">
                        <a:solidFill>
                          <a:schemeClr val="tx1"/>
                        </a:solidFill>
                        <a:effectLst/>
                        <a:latin typeface="+mn-lt"/>
                        <a:ea typeface="+mn-ea"/>
                        <a:cs typeface="+mn-cs"/>
                      </a:endParaRPr>
                    </a:p>
                  </a:txBody>
                  <a:tcPr marL="15875" marR="152400" marT="9525" marB="0" anchor="ctr">
                    <a:lnL>
                      <a:noFill/>
                    </a:lnL>
                    <a:lnR w="12700" cap="flat" cmpd="sng" algn="ctr">
                      <a:solidFill>
                        <a:schemeClr val="bg1"/>
                      </a:solidFill>
                      <a:prstDash val="solid"/>
                      <a:round/>
                      <a:headEnd type="none" w="med" len="med"/>
                      <a:tailEnd type="none" w="med" len="med"/>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marL="0" lvl="0" indent="0" algn="r" fontAlgn="b">
                        <a:lnSpc>
                          <a:spcPct val="90000"/>
                        </a:lnSpc>
                        <a:spcBef>
                          <a:spcPts val="0"/>
                        </a:spcBef>
                        <a:spcAft>
                          <a:spcPts val="0"/>
                        </a:spcAft>
                      </a:pPr>
                      <a:r>
                        <a:rPr lang="en-US" sz="2000" b="1" u="none" strike="noStrike" dirty="0" smtClean="0">
                          <a:effectLst/>
                        </a:rPr>
                        <a:t>Total</a:t>
                      </a:r>
                      <a:endParaRPr lang="en-US" sz="2000" b="1" i="1" u="none" strike="noStrike" dirty="0">
                        <a:solidFill>
                          <a:schemeClr val="tx1"/>
                        </a:solidFill>
                        <a:effectLst/>
                        <a:latin typeface="+mn-lt"/>
                      </a:endParaRPr>
                    </a:p>
                  </a:txBody>
                  <a:tcPr marT="0"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b="1" u="none" strike="noStrike" kern="1200" dirty="0" smtClean="0">
                          <a:effectLst/>
                        </a:rPr>
                        <a:t>960,500 af </a:t>
                      </a:r>
                      <a:endParaRPr lang="en-US" sz="2000" b="1" i="0" u="none" strike="noStrike" kern="1200" dirty="0">
                        <a:solidFill>
                          <a:schemeClr val="tx1"/>
                        </a:solidFill>
                        <a:effectLst/>
                        <a:latin typeface="+mn-lt"/>
                        <a:ea typeface="+mn-ea"/>
                        <a:cs typeface="+mn-cs"/>
                      </a:endParaRPr>
                    </a:p>
                  </a:txBody>
                  <a:tcPr marL="15875" marR="152400" marT="9525"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b="1" u="none" strike="noStrike" kern="1200" dirty="0" smtClean="0">
                          <a:effectLst/>
                        </a:rPr>
                        <a:t>1,391,500 af </a:t>
                      </a:r>
                      <a:endParaRPr lang="en-US" sz="2000" b="1" i="0" u="none" strike="noStrike" kern="1200" dirty="0">
                        <a:solidFill>
                          <a:schemeClr val="tx1"/>
                        </a:solidFill>
                        <a:effectLst/>
                        <a:latin typeface="+mn-lt"/>
                        <a:ea typeface="+mn-ea"/>
                        <a:cs typeface="+mn-cs"/>
                      </a:endParaRPr>
                    </a:p>
                  </a:txBody>
                  <a:tcPr marL="15875" marR="152400" marT="9525" marB="0" anchor="ctr">
                    <a:lnL>
                      <a:noFill/>
                    </a:lnL>
                    <a:lnR>
                      <a:noFill/>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r>
                        <a:rPr lang="en-US" sz="2000" b="1" u="none" strike="noStrike" kern="1200" dirty="0" smtClean="0">
                          <a:effectLst/>
                        </a:rPr>
                        <a:t>1,434,500 af </a:t>
                      </a:r>
                      <a:endParaRPr lang="en-US" sz="2000" b="1" i="0" u="none" strike="noStrike" kern="1200" dirty="0">
                        <a:solidFill>
                          <a:schemeClr val="tx1"/>
                        </a:solidFill>
                        <a:effectLst/>
                        <a:latin typeface="+mn-lt"/>
                        <a:ea typeface="+mn-ea"/>
                        <a:cs typeface="+mn-cs"/>
                      </a:endParaRPr>
                    </a:p>
                  </a:txBody>
                  <a:tcPr marL="15875" marR="152400" marT="9525" marB="0" anchor="ctr">
                    <a:lnL>
                      <a:noFill/>
                    </a:lnL>
                    <a:lnR w="12700" cap="flat" cmpd="sng" algn="ctr">
                      <a:solidFill>
                        <a:schemeClr val="bg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143539">
                <a:tc>
                  <a:txBody>
                    <a:bodyPr/>
                    <a:lstStyle/>
                    <a:p>
                      <a:pPr marL="227013" marR="0" lvl="0" indent="0" algn="r" defTabSz="914400" rtl="0" eaLnBrk="1" fontAlgn="b" latinLnBrk="0" hangingPunct="1">
                        <a:lnSpc>
                          <a:spcPct val="90000"/>
                        </a:lnSpc>
                        <a:spcBef>
                          <a:spcPts val="0"/>
                        </a:spcBef>
                        <a:spcAft>
                          <a:spcPts val="0"/>
                        </a:spcAft>
                        <a:buClrTx/>
                        <a:buSzTx/>
                        <a:buFont typeface="Wingdings" pitchFamily="2" charset="2"/>
                        <a:buNone/>
                        <a:tabLst/>
                      </a:pPr>
                      <a:endParaRPr lang="de-DE" sz="1100" b="1" i="0" u="none" strike="noStrike" kern="1200" noProof="1" smtClean="0">
                        <a:solidFill>
                          <a:schemeClr val="tx1"/>
                        </a:solidFill>
                        <a:effectLst/>
                        <a:latin typeface="+mn-lt"/>
                        <a:ea typeface="+mn-ea"/>
                        <a:cs typeface="+mn-cs"/>
                      </a:endParaRPr>
                    </a:p>
                  </a:txBody>
                  <a:tcPr marT="0" marB="0" anchor="ctr" horzOverflow="overflow">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endParaRPr lang="en-US" sz="1100" b="1" i="0" u="none" strike="noStrike" kern="1200" dirty="0">
                        <a:solidFill>
                          <a:schemeClr val="tx1"/>
                        </a:solidFill>
                        <a:effectLst/>
                        <a:latin typeface="+mn-lt"/>
                        <a:ea typeface="+mn-ea"/>
                        <a:cs typeface="+mn-cs"/>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endParaRPr lang="en-US" sz="1100" b="1" i="0" u="none" strike="noStrike" kern="1200" dirty="0">
                        <a:solidFill>
                          <a:schemeClr val="tx1"/>
                        </a:solidFill>
                        <a:effectLst/>
                        <a:latin typeface="+mn-lt"/>
                        <a:ea typeface="+mn-ea"/>
                        <a:cs typeface="+mn-cs"/>
                      </a:endParaRPr>
                    </a:p>
                  </a:txBody>
                  <a:tcPr marL="0" marR="152400"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lvl="0" algn="r" defTabSz="914400" rtl="0" eaLnBrk="1" fontAlgn="b" latinLnBrk="0" hangingPunct="1">
                        <a:lnSpc>
                          <a:spcPct val="90000"/>
                        </a:lnSpc>
                      </a:pPr>
                      <a:endParaRPr lang="en-US" sz="1100" b="1" i="0" u="none" strike="noStrike" kern="1200" dirty="0">
                        <a:solidFill>
                          <a:schemeClr val="tx1"/>
                        </a:solidFill>
                        <a:effectLst/>
                        <a:latin typeface="+mn-lt"/>
                        <a:ea typeface="+mn-ea"/>
                        <a:cs typeface="+mn-cs"/>
                      </a:endParaRPr>
                    </a:p>
                  </a:txBody>
                  <a:tcPr marL="0" marR="152400" marT="0" marB="0" anchor="ctr">
                    <a:lnL>
                      <a:noFill/>
                    </a:lnL>
                    <a:lnR w="12700" cap="flat" cmpd="sng" algn="ctr">
                      <a:solidFill>
                        <a:schemeClr val="bg1"/>
                      </a:solidFill>
                      <a:prstDash val="solid"/>
                      <a:round/>
                      <a:headEnd type="none" w="med" len="med"/>
                      <a:tailEnd type="none" w="med" len="med"/>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marL="0" marR="0" lvl="0" indent="0" algn="r" defTabSz="914400" rtl="0" eaLnBrk="1" fontAlgn="b" latinLnBrk="0" hangingPunct="1">
                        <a:lnSpc>
                          <a:spcPct val="90000"/>
                        </a:lnSpc>
                        <a:spcBef>
                          <a:spcPts val="0"/>
                        </a:spcBef>
                        <a:spcAft>
                          <a:spcPts val="0"/>
                        </a:spcAft>
                        <a:buClrTx/>
                        <a:buSzTx/>
                        <a:buFont typeface="Wingdings" pitchFamily="2" charset="2"/>
                        <a:buNone/>
                        <a:tabLst/>
                      </a:pPr>
                      <a:r>
                        <a:rPr lang="en-US" sz="2000" u="none" strike="noStrike" dirty="0" smtClean="0">
                          <a:effectLst/>
                        </a:rPr>
                        <a:t>Existing SWP Charge </a:t>
                      </a:r>
                      <a:endParaRPr lang="en-US" sz="2000" b="1" i="1" u="none" strike="noStrike" kern="1200" dirty="0">
                        <a:solidFill>
                          <a:schemeClr val="tx1"/>
                        </a:solidFill>
                        <a:effectLst/>
                        <a:latin typeface="+mn-lt"/>
                        <a:ea typeface="+mn-ea"/>
                        <a:cs typeface="+mn-cs"/>
                      </a:endParaRPr>
                    </a:p>
                  </a:txBody>
                  <a:tcPr marT="0"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 515 /af</a:t>
                      </a:r>
                      <a:endParaRPr lang="en-US" sz="2000" b="0" i="0" u="none" strike="noStrike" kern="1200" dirty="0" smtClean="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 515 /af</a:t>
                      </a:r>
                      <a:endParaRPr lang="en-US" sz="2000" b="0" i="0" u="none" strike="noStrike" kern="1200" dirty="0" smtClean="0">
                        <a:solidFill>
                          <a:schemeClr val="tx1"/>
                        </a:solidFill>
                        <a:effectLst/>
                        <a:latin typeface="+mn-lt"/>
                        <a:ea typeface="+mn-ea"/>
                        <a:cs typeface="+mn-cs"/>
                      </a:endParaRPr>
                    </a:p>
                  </a:txBody>
                  <a:tcPr marL="15875" marR="152400" marT="9525" marB="0" anchor="ctr">
                    <a:lnL>
                      <a:noFill/>
                    </a:lnL>
                    <a:lnR>
                      <a:noFill/>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 515 /af</a:t>
                      </a:r>
                      <a:endParaRPr lang="en-US" sz="2000" b="0" i="0" u="none" strike="noStrike" kern="1200" dirty="0" smtClean="0">
                        <a:solidFill>
                          <a:schemeClr val="tx1"/>
                        </a:solidFill>
                        <a:effectLst/>
                        <a:latin typeface="+mn-lt"/>
                        <a:ea typeface="+mn-ea"/>
                        <a:cs typeface="+mn-cs"/>
                      </a:endParaRPr>
                    </a:p>
                  </a:txBody>
                  <a:tcPr marL="15875" marR="152400" marT="9525" marB="0" anchor="ctr">
                    <a:lnL>
                      <a:noFill/>
                    </a:lnL>
                    <a:lnR w="12700" cap="flat" cmpd="sng" algn="ctr">
                      <a:solidFill>
                        <a:schemeClr val="bg1"/>
                      </a:solidFill>
                      <a:prstDash val="solid"/>
                      <a:round/>
                      <a:headEnd type="none" w="med" len="med"/>
                      <a:tailEnd type="none" w="med" len="med"/>
                    </a:lnR>
                    <a:lnT w="9525" cap="flat" cmpd="sng" algn="ctr">
                      <a:noFill/>
                      <a:prstDash val="solid"/>
                    </a:lnT>
                    <a:lnB w="9525" cap="flat" cmpd="sng" algn="ctr">
                      <a:noFill/>
                      <a:prstDash val="soli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algn="r" fontAlgn="b">
                        <a:lnSpc>
                          <a:spcPct val="90000"/>
                        </a:lnSpc>
                        <a:spcBef>
                          <a:spcPts val="0"/>
                        </a:spcBef>
                        <a:spcAft>
                          <a:spcPts val="0"/>
                        </a:spcAft>
                      </a:pPr>
                      <a:r>
                        <a:rPr lang="en-US" sz="2000" u="none" strike="noStrike" dirty="0" smtClean="0">
                          <a:effectLst/>
                        </a:rPr>
                        <a:t>Incremental</a:t>
                      </a:r>
                      <a:r>
                        <a:rPr lang="en-US" sz="2000" u="none" strike="noStrike" baseline="0" dirty="0" smtClean="0">
                          <a:effectLst/>
                        </a:rPr>
                        <a:t> BDCP Charge</a:t>
                      </a:r>
                      <a:endParaRPr lang="en-US" sz="2000" b="1" i="1" u="none" strike="noStrike" dirty="0">
                        <a:solidFill>
                          <a:schemeClr val="tx1"/>
                        </a:solidFill>
                        <a:effectLst/>
                        <a:latin typeface="+mn-lt"/>
                      </a:endParaRPr>
                    </a:p>
                  </a:txBody>
                  <a:tcPr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a:t>
                      </a:r>
                      <a:endParaRPr lang="en-US" sz="2000" b="0" i="0" u="none" strike="noStrike" kern="1200" dirty="0" smtClean="0">
                        <a:solidFill>
                          <a:schemeClr val="tx1"/>
                        </a:solidFill>
                        <a:effectLst/>
                        <a:latin typeface="+mn-lt"/>
                        <a:ea typeface="+mn-ea"/>
                        <a:cs typeface="+mn-cs"/>
                      </a:endParaRPr>
                    </a:p>
                  </a:txBody>
                  <a:tcPr marL="0" marR="152400"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 956 /af</a:t>
                      </a:r>
                      <a:endParaRPr lang="en-US" sz="2000" b="0" i="0" u="none" strike="noStrike" kern="1200" dirty="0" smtClean="0">
                        <a:solidFill>
                          <a:schemeClr val="tx1"/>
                        </a:solidFill>
                        <a:effectLst/>
                        <a:latin typeface="+mn-lt"/>
                        <a:ea typeface="+mn-ea"/>
                        <a:cs typeface="+mn-cs"/>
                      </a:endParaRPr>
                    </a:p>
                  </a:txBody>
                  <a:tcPr marL="0" marR="152400" marT="0" marB="0" anchor="ctr">
                    <a:lnL>
                      <a:noFill/>
                    </a:lnL>
                    <a:lnR>
                      <a:noFill/>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u="none" strike="noStrike" kern="1200" dirty="0" smtClean="0">
                          <a:effectLst/>
                        </a:rPr>
                        <a:t>$ 956 /af</a:t>
                      </a:r>
                      <a:endParaRPr lang="en-US" sz="2000" b="0" i="0" u="none" strike="noStrike" kern="1200" dirty="0" smtClean="0">
                        <a:solidFill>
                          <a:schemeClr val="tx1"/>
                        </a:solidFill>
                        <a:effectLst/>
                        <a:latin typeface="+mn-lt"/>
                        <a:ea typeface="+mn-ea"/>
                        <a:cs typeface="+mn-cs"/>
                      </a:endParaRPr>
                    </a:p>
                  </a:txBody>
                  <a:tcPr marL="0" marR="152400" marT="0" marB="0" anchor="ctr">
                    <a:lnL>
                      <a:noFill/>
                    </a:lnL>
                    <a:lnR w="12700" cap="flat" cmpd="sng" algn="ctr">
                      <a:solidFill>
                        <a:schemeClr val="bg1"/>
                      </a:solidFill>
                      <a:prstDash val="solid"/>
                      <a:round/>
                      <a:headEnd type="none" w="med" len="med"/>
                      <a:tailEnd type="none" w="med" len="med"/>
                    </a:lnR>
                    <a:lnT w="9525" cap="flat" cmpd="sng" algn="ctr">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r>
              <a:tr h="328572">
                <a:tc>
                  <a:txBody>
                    <a:bodyPr/>
                    <a:lstStyle/>
                    <a:p>
                      <a:pPr algn="r" fontAlgn="b">
                        <a:lnSpc>
                          <a:spcPct val="90000"/>
                        </a:lnSpc>
                        <a:spcBef>
                          <a:spcPts val="0"/>
                        </a:spcBef>
                        <a:spcAft>
                          <a:spcPts val="0"/>
                        </a:spcAft>
                      </a:pPr>
                      <a:r>
                        <a:rPr lang="en-US" sz="2000" b="1" u="none" strike="noStrike" dirty="0" smtClean="0">
                          <a:effectLst/>
                        </a:rPr>
                        <a:t>Total</a:t>
                      </a:r>
                      <a:endParaRPr lang="en-US" sz="2000" b="1" i="1" u="none" strike="noStrike" dirty="0">
                        <a:solidFill>
                          <a:schemeClr val="tx1"/>
                        </a:solidFill>
                        <a:effectLst/>
                        <a:latin typeface="+mn-lt"/>
                      </a:endParaRPr>
                    </a:p>
                  </a:txBody>
                  <a:tcPr marT="0" marB="0" anchor="ctr">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b="1" u="none" strike="noStrike" kern="1200" dirty="0" smtClean="0">
                          <a:effectLst/>
                        </a:rPr>
                        <a:t>$ 515 /af</a:t>
                      </a:r>
                      <a:endParaRPr lang="en-US" sz="2000" b="1" i="0" u="none" strike="noStrike" kern="1200" dirty="0" smtClean="0">
                        <a:solidFill>
                          <a:schemeClr val="tx1"/>
                        </a:solidFill>
                        <a:effectLst/>
                        <a:latin typeface="+mn-lt"/>
                        <a:ea typeface="+mn-ea"/>
                        <a:cs typeface="+mn-cs"/>
                      </a:endParaRPr>
                    </a:p>
                  </a:txBody>
                  <a:tcPr marL="0" marR="152400" marT="0" marB="0" anchor="ctr">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b="1" u="none" strike="noStrike" kern="1200" dirty="0" smtClean="0">
                          <a:effectLst/>
                        </a:rPr>
                        <a:t>$ 652 /af</a:t>
                      </a:r>
                      <a:endParaRPr lang="en-US" sz="2000" b="1" i="0" u="none" strike="noStrike" kern="1200" dirty="0" smtClean="0">
                        <a:solidFill>
                          <a:schemeClr val="tx1"/>
                        </a:solidFill>
                        <a:effectLst/>
                        <a:latin typeface="+mn-lt"/>
                        <a:ea typeface="+mn-ea"/>
                        <a:cs typeface="+mn-cs"/>
                      </a:endParaRPr>
                    </a:p>
                  </a:txBody>
                  <a:tcPr marL="0" marR="152400" marT="0" marB="0" anchor="ctr">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c>
                  <a:txBody>
                    <a:bodyPr/>
                    <a:lstStyle/>
                    <a:p>
                      <a:pPr marL="0" marR="0" lvl="0" indent="0" algn="r" defTabSz="914400" rtl="0" eaLnBrk="1" fontAlgn="b" latinLnBrk="0" hangingPunct="1">
                        <a:lnSpc>
                          <a:spcPct val="90000"/>
                        </a:lnSpc>
                        <a:spcBef>
                          <a:spcPts val="0"/>
                        </a:spcBef>
                        <a:spcAft>
                          <a:spcPts val="0"/>
                        </a:spcAft>
                        <a:buClrTx/>
                        <a:buSzTx/>
                        <a:buFontTx/>
                        <a:buNone/>
                        <a:tabLst/>
                        <a:defRPr/>
                      </a:pPr>
                      <a:r>
                        <a:rPr lang="en-US" sz="2000" b="1" u="none" strike="noStrike" kern="1200" dirty="0" smtClean="0">
                          <a:effectLst/>
                        </a:rPr>
                        <a:t>$ 661 /af</a:t>
                      </a:r>
                      <a:endParaRPr lang="en-US" sz="2000" b="1" i="0" u="none" strike="noStrike" kern="1200" dirty="0" smtClean="0">
                        <a:solidFill>
                          <a:schemeClr val="tx1"/>
                        </a:solidFill>
                        <a:effectLst/>
                        <a:latin typeface="+mn-lt"/>
                        <a:ea typeface="+mn-ea"/>
                        <a:cs typeface="+mn-cs"/>
                      </a:endParaRPr>
                    </a:p>
                  </a:txBody>
                  <a:tcPr marL="0" marR="152400" marT="0" marB="0" anchor="ctr">
                    <a:lnL>
                      <a:noFill/>
                    </a:lnL>
                    <a:lnR w="12700" cap="flat" cmpd="sng" algn="ctr">
                      <a:solidFill>
                        <a:schemeClr val="bg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lumOff val="15000"/>
                      </a:schemeClr>
                    </a:solidFill>
                  </a:tcPr>
                </a:tc>
              </a:tr>
            </a:tbl>
          </a:graphicData>
        </a:graphic>
      </p:graphicFrame>
      <p:sp>
        <p:nvSpPr>
          <p:cNvPr id="5" name="Rectangle 4"/>
          <p:cNvSpPr/>
          <p:nvPr/>
        </p:nvSpPr>
        <p:spPr bwMode="auto">
          <a:xfrm>
            <a:off x="134982" y="6211552"/>
            <a:ext cx="8475618" cy="548640"/>
          </a:xfrm>
          <a:prstGeom prst="rect">
            <a:avLst/>
          </a:prstGeom>
          <a:noFill/>
          <a:ln>
            <a:noFill/>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0000" tIns="46800" rIns="90000" bIns="46800" numCol="1" rtlCol="0" anchor="ctr" anchorCtr="0" compatLnSpc="1">
            <a:prstTxWarp prst="textNoShape">
              <a:avLst/>
            </a:prstTxWarp>
          </a:bodyPr>
          <a:lstStyle/>
          <a:p>
            <a:pPr marL="174625" lvl="0" indent="-174625">
              <a:lnSpc>
                <a:spcPct val="85000"/>
              </a:lnSpc>
              <a:buFont typeface="Arial" panose="020B0604020202020204" pitchFamily="34" charset="0"/>
              <a:buChar char="•"/>
            </a:pPr>
            <a:r>
              <a:rPr lang="en-US" sz="1400" i="1" dirty="0" smtClean="0">
                <a:solidFill>
                  <a:srgbClr val="FFC000"/>
                </a:solidFill>
                <a:cs typeface="Arial" charset="0"/>
              </a:rPr>
              <a:t>Rate impact August 2013 analysis: </a:t>
            </a:r>
            <a:r>
              <a:rPr lang="en-US" sz="1400" i="1" dirty="0">
                <a:solidFill>
                  <a:srgbClr val="FFC000"/>
                </a:solidFill>
                <a:cs typeface="Arial" charset="0"/>
              </a:rPr>
              <a:t>1.5% to 2% per year for 10 years ($138 to $166 </a:t>
            </a:r>
            <a:r>
              <a:rPr lang="en-US" sz="1400" i="1" dirty="0" smtClean="0">
                <a:solidFill>
                  <a:srgbClr val="FFC000"/>
                </a:solidFill>
                <a:cs typeface="Arial" charset="0"/>
              </a:rPr>
              <a:t>per acre feet increase)</a:t>
            </a:r>
            <a:r>
              <a:rPr lang="de-DE" sz="1400" i="1" dirty="0" smtClean="0">
                <a:solidFill>
                  <a:srgbClr val="FFC000"/>
                </a:solidFill>
                <a:cs typeface="Arial" charset="0"/>
              </a:rPr>
              <a:t> </a:t>
            </a:r>
          </a:p>
          <a:p>
            <a:pPr marL="174625" lvl="0" indent="-174625">
              <a:lnSpc>
                <a:spcPct val="85000"/>
              </a:lnSpc>
              <a:buFont typeface="Arial" panose="020B0604020202020204" pitchFamily="34" charset="0"/>
              <a:buChar char="•"/>
            </a:pPr>
            <a:r>
              <a:rPr lang="de-DE" sz="1400" i="1" dirty="0">
                <a:solidFill>
                  <a:srgbClr val="FFC000"/>
                </a:solidFill>
                <a:cs typeface="Arial" charset="0"/>
              </a:rPr>
              <a:t>BDCP costs </a:t>
            </a:r>
            <a:r>
              <a:rPr lang="de-DE" sz="1400" i="1" dirty="0" smtClean="0">
                <a:solidFill>
                  <a:srgbClr val="FFC000"/>
                </a:solidFill>
                <a:cs typeface="Arial" charset="0"/>
              </a:rPr>
              <a:t>preliminary; Existing SWP costs based on 2014-15 Statement of Charges includes power and O&amp;M</a:t>
            </a:r>
          </a:p>
          <a:p>
            <a:pPr marL="174625" lvl="0" indent="-174625">
              <a:lnSpc>
                <a:spcPct val="85000"/>
              </a:lnSpc>
              <a:buFont typeface="Arial" panose="020B0604020202020204" pitchFamily="34" charset="0"/>
              <a:buChar char="•"/>
            </a:pPr>
            <a:r>
              <a:rPr lang="de-DE" sz="1400" i="1" dirty="0" smtClean="0">
                <a:solidFill>
                  <a:srgbClr val="FFC000"/>
                </a:solidFill>
                <a:cs typeface="Arial" charset="0"/>
              </a:rPr>
              <a:t>Water supply based on DWR CALSIM modeling of average Table A &amp; incremental BDCP allocations</a:t>
            </a:r>
          </a:p>
        </p:txBody>
      </p:sp>
      <p:sp>
        <p:nvSpPr>
          <p:cNvPr id="6" name="Slide Number Placeholder 3"/>
          <p:cNvSpPr txBox="1">
            <a:spLocks/>
          </p:cNvSpPr>
          <p:nvPr/>
        </p:nvSpPr>
        <p:spPr>
          <a:xfrm>
            <a:off x="8458200" y="6427789"/>
            <a:ext cx="685800" cy="365125"/>
          </a:xfrm>
          <a:prstGeom prst="rect">
            <a:avLst/>
          </a:prstGeom>
        </p:spPr>
        <p:txBody>
          <a:bodyPr/>
          <a:lstStyle/>
          <a:p>
            <a:pPr algn="ctr" fontAlgn="base">
              <a:spcBef>
                <a:spcPct val="0"/>
              </a:spcBef>
              <a:spcAft>
                <a:spcPct val="0"/>
              </a:spcAft>
              <a:defRPr/>
            </a:pPr>
            <a:fld id="{7A37C76E-89DA-4ED5-A436-13A1ABC61839}" type="slidenum">
              <a:rPr lang="en-US" sz="1600" smtClean="0">
                <a:solidFill>
                  <a:prstClr val="white"/>
                </a:solidFill>
                <a:cs typeface="Arial" pitchFamily="34" charset="0"/>
              </a:rPr>
              <a:pPr algn="ctr" fontAlgn="base">
                <a:spcBef>
                  <a:spcPct val="0"/>
                </a:spcBef>
                <a:spcAft>
                  <a:spcPct val="0"/>
                </a:spcAft>
                <a:defRPr/>
              </a:pPr>
              <a:t>99</a:t>
            </a:fld>
            <a:endParaRPr lang="en-US" sz="1600" dirty="0">
              <a:solidFill>
                <a:prstClr val="white"/>
              </a:solidFill>
              <a:cs typeface="Arial" pitchFamily="34" charset="0"/>
            </a:endParaRPr>
          </a:p>
        </p:txBody>
      </p:sp>
      <p:sp>
        <p:nvSpPr>
          <p:cNvPr id="8" name="Rectangle 7"/>
          <p:cNvSpPr/>
          <p:nvPr/>
        </p:nvSpPr>
        <p:spPr bwMode="auto">
          <a:xfrm>
            <a:off x="248528" y="5609670"/>
            <a:ext cx="8743072" cy="300345"/>
          </a:xfrm>
          <a:prstGeom prst="rect">
            <a:avLst/>
          </a:prstGeom>
          <a:gradFill flip="none" rotWithShape="1">
            <a:gsLst>
              <a:gs pos="0">
                <a:schemeClr val="accent1">
                  <a:lumMod val="50000"/>
                  <a:shade val="30000"/>
                  <a:satMod val="115000"/>
                </a:schemeClr>
              </a:gs>
              <a:gs pos="50000">
                <a:schemeClr val="accent1">
                  <a:lumMod val="50000"/>
                  <a:shade val="67500"/>
                  <a:satMod val="115000"/>
                </a:schemeClr>
              </a:gs>
              <a:gs pos="100000">
                <a:schemeClr val="accent1">
                  <a:lumMod val="50000"/>
                  <a:shade val="100000"/>
                  <a:satMod val="115000"/>
                </a:schemeClr>
              </a:gs>
            </a:gsLst>
            <a:lin ang="16200000" scaled="1"/>
            <a:tileRect/>
          </a:gradFill>
          <a:ln>
            <a:headEnd type="none" w="med" len="med"/>
            <a:tailEnd type="none" w="med" len="med"/>
          </a:ln>
        </p:spPr>
        <p:style>
          <a:lnRef idx="0">
            <a:schemeClr val="accent2"/>
          </a:lnRef>
          <a:fillRef idx="3">
            <a:schemeClr val="accent2"/>
          </a:fillRef>
          <a:effectRef idx="3">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r>
              <a:rPr lang="en-US" sz="2000" b="1" dirty="0" smtClean="0">
                <a:solidFill>
                  <a:srgbClr val="FFFFFF"/>
                </a:solidFill>
                <a:effectLst>
                  <a:outerShdw blurRad="38100" dist="38100" dir="2700000" algn="tl">
                    <a:srgbClr val="000000">
                      <a:alpha val="43137"/>
                    </a:srgbClr>
                  </a:outerShdw>
                </a:effectLst>
              </a:rPr>
              <a:t>MWD Tier 1 Treated ($847/af) with Delta Improvements = $985 to $1,013/AF</a:t>
            </a:r>
            <a:endParaRPr lang="en-US" sz="2000" b="1" dirty="0">
              <a:solidFill>
                <a:schemeClr val="tx1"/>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3244040928"/>
      </p:ext>
    </p:extLst>
  </p:cSld>
  <p:clrMapOvr>
    <a:masterClrMapping/>
  </p:clrMapOvr>
  <p:transition spd="slow">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0cnVlLCJWZXJzaW9uIjp7IiRpZCI6IjIiLCJWZXJzaW9uIjoiMy4wLjEiLCJPcmlnaW5hbEFzc2VtYmx5VmVyc2lvbiI6IjIuMDEuMTYuMDAi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g2LCJHIjoxMjQsIkIiOjQ2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ODYsIkciOjEyNCwiQiI6NDZ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U4LCJHIjoxNTgsIkIiOjIwNX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SwiUXVpY2tQb3NpdGlvbiI6MywiQWJzb2x1dGVQb3NpdGlvbiI6NDY3LjMyODAzMy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yOSwiRyI6ODEsIkIiOjEwO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QsIkciOjM3LCJCIjo0N3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eXl5eSIsIlNlcGFyYXRvciI6Ii8iLCJVc2VJbnRlcm5hdGlvbmFsRGF0ZUZvcm1hdCI6ZmFsc2V9LCJJc1Zpc2libGUiOnRydWUsIlBhcmVudFN0eWxlIjpudWxsfSwiRGVmYXVsdFRhc2tTdHlsZSI6eyIkaWQiOiI4MCIsIlNoYXBlIjowLCJTaGFwZVRoaWNrbmVzcyI6Mi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g2LCJHIjoxMjQsIkIiOjQ2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ODYsIkciOjEyNCwiQiI6NDZ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yNTUsIkciOjI1NSwiQiI6MjU1fX0sIk1heFdpZHRoIjoyMD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iwiRyI6MTc4LCJCIjoyMzh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pZCI6IjEzNSIsIkNvbG9yIjp7IiRpZCI6IjEzNiIsIkEiOjI1NSwiUiI6MCwiRyI6MCwiQiI6MH19LCJNYXhXaWR0aCI6NDk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A5MjQyMjg4MDk0OTc5NzQ0OCwiSXNDdXN0b20iOnRydWV9LCJJZCI6IjNjMWU5MmUxLWUwNzAtNGMwNC1hYzNlLTRmNWJhMzUwOGU0YSIsIlRpdGxlIjoiUk9EL05PRCIsIk5vdGUiOm51bGwsIkh5cGVybGluayI6bnVsbCwiSXNDaGFuZ2VkIjpmYWxzZSwiSXNOZXciOnRydWV9LHsiJGlkIjoiMTQyIiwiRGF0ZSI6IjIwMzEtMTItMzF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TI3LCJSIjoxNCwiRyI6MzcsIkIiOjQ3fX0sIkxpbmVXZWlnaHQiOjEuMCwiTGluZVR5cGUiOjAsIlBhcmVudFN0eWxlIjp7IiRyZWYiOiI1NSJ9fSwiSXNCZWxvd1RpbWViYW5kIjpmYWxzZSwiSGlkZURhdGUiOmZhbHNlLCJTaGFwZVNpemUiOjEsIlNwYWNpbmciOjIuMCwiUGFkZGluZyI6eyIkcmVmIjoiNTgifSwiU2hhcGVTdHlsZSI6eyIkaWQiOiIxNDciLCJNYXJnaW4iOnsiJHJlZiI6IjYwIn0sIlBhZGRpbmciOnsiJHJlZiI6IjYxIn0sIkJhY2tncm91bmQiOnsiJGlkIjoiMTQ4IiwiQ29sb3IiOnsiJGlkIjoiMTQ5IiwiQSI6MjU1LCJSIjoxNCwiRyI6MzcsIkIiOjQ3fX0sIklzVmlzaWJsZSI6dHJ1ZSwiV2lkdGgiOjE4LjAsIkhlaWdodCI6MjA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xLCJGb250TmFtZSI6IkNhbGlicmkiLCJJc0JvbGQiOnRydWUsIklzSXRhbGljIjpmYWxzZSwiSXNVbmRlcmxpbmVkIjpmYWxzZSwiUGFyZW50U3R5bGUiOnsiJHJlZiI6IjY2In19LCJBdXRvU2l6ZSI6MCwiRm9yZWdyb3VuZCI6eyIkaWQiOiIxNTMiLCJDb2xvciI6eyIkaWQiOiIxNTQiLCJBIjoyNTUsIlIiOjAsIkciOjAsIkIiOj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UiLCJMaW5lQ29sb3IiOm51bGwsIkxpbmVXZWlnaHQiOjAuMCwiTGluZVR5cGUiOjAsIlBhcmVudFN0eWxlIjpudWxsfSwiUGFyZW50U3R5bGUiOnsiJHJlZiI6IjY1In19LCJEYXRlU3R5bGUiOnsiJGlkIjoiMTU2IiwiRm9udFNldHRpbmdzIjp7IiRpZCI6IjE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0IiwiTGluZUNvbG9yIjpudWxsLCJMaW5lV2VpZ2h0IjowLjAsIkxpbmVUeXBlIjowLCJQYXJlbnRTdHlsZSI6bnVsbH0sIlBhcmVudFN0eWxlIjp7IiRyZWYiOiI4MSJ9fSwiRHVyYXRpb25TdHlsZSI6eyIkaWQiOiIxNjUiLCJGb250U2V0dGluZ3MiOnsiJGlkIjoiMTY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3IiwiTGluZUNvbG9yIjpudWxsLCJMaW5lV2VpZ2h0IjowLjAsIkxpbmVUeXBlIjowLCJQYXJlbnRTdHlsZSI6bnVsbH0sIlBhcmVudFN0eWxlIjp7IiRyZWYiOiI4OCJ9fSwiSG9yaXpvbnRhbENvbm5lY3RvclN0eWxlIjp7IiRpZCI6IjE2OCIsIkxpbmVDb2xvciI6eyIkcmVmIjoiOTYifSwiTGluZVdlaWdodCI6MC4wLCJMaW5lVHlwZSI6MCwiUGFyZW50U3R5bGUiOnsiJHJlZiI6Ijk1In19LCJWZXJ0aWNhbENvbm5lY3RvclN0eWxlIjp7IiRpZCI6IjE2O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zAiLCJNYXJnaW4iOnsiJHJlZiI6IjEwMiJ9LCJQYWRkaW5nIjp7IiRyZWYiOiIxMDMifSwiQmFja2dyb3VuZCI6eyIkaWQiOiIxNzEiLCJDb2xvciI6eyIkaWQiOiIxNzIiLCJBIjoyNTUsIlIiOjAsIkciOjExNCwiQiI6MTg4fX0sIklzVmlzaWJsZSI6dHJ1ZSwiV2lkdGgiOjAuMCwiSGVpZ2h0IjoyMi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nsiJHJlZiI6IjEwMSJ9fSwiVGl0bGVTdHlsZSI6eyIkaWQiOiIxNzYiLCJGb250U2V0dGluZ3MiOnsiJGlkIjoiMTc3IiwiRm9udFNpemUiOjExLCJGb250TmFtZSI6IkNhbGlicmkiLCJJc0JvbGQiOnRydW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3OCIsIkxpbmVDb2xvciI6bnVsbCwiTGluZVdlaWdodCI6MC4wLCJMaW5lVHlwZSI6MCwiUGFyZW50U3R5bGUiOm51bGx9LCJQYXJlbnRTdHlsZSI6eyIkcmVmIjoiMTA3In19LCJEYXRlU3R5bGUiOnsiJGlkIjoiMTc5IiwiRm9udFNldHRpbmdzIjp7IiRpZCI6IjE4MCIsIkZvbnRTaXplIjoxMCwiRm9udE5hbWUiOiJDYWxpYnJpIiwiSXNCb2xkIjpmYWxzZSwiSXNJdGFsaWMiOmZhbHNlLCJJc1VuZGVybGluZWQiOmZhbHNlLCJQYXJlbnRTdHlsZSI6eyIkcmVmIjoiMTE1In19LCJBdXRvU2l6ZSI6MCwiRm9yZWdyb3VuZCI6eyIkaWQiOiIxODEiLCJDb2xvciI6eyIkaWQiOiIxODIiLCJBIjoyNTUsIlIiOjE0LCJHIjozNywiQiI6ND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kiLCJMaW5lQ29sb3IiOm51bGwsIkxpbmVXZWlnaHQiOjAuMCwiTGluZVR5cGUiOjAsIlBhcmVudFN0eWxlIjpudWxsfSwiUGFyZW50U3R5bGUiOnsiJHJlZiI6IjgxIn19LCJEdXJhdGlvblN0eWxlIjp7IiRpZCI6IjE5MCIsIkZvbnRTZXR0aW5ncyI6eyIkaWQiOiIxO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IiLCJMaW5lQ29sb3IiOm51bGwsIkxpbmVXZWlnaHQiOjAuMCwiTGluZVR5cGUiOjAsIlBhcmVudFN0eWxlIjpudWxsfSwiUGFyZW50U3R5bGUiOnsiJHJlZiI6Ijg4In19LCJIb3Jpem9udGFsQ29ubmVjdG9yU3R5bGUiOnsiJGlkIjoiMTkzIiwiTGluZUNvbG9yIjp7IiRyZWYiOiI5NiJ9LCJMaW5lV2VpZ2h0IjowLjAsIkxpbmVUeXBlIjowLCJQYXJlbnRTdHlsZSI6eyIkcmVmIjoiOTUifX0sIlZlcnRpY2FsQ29ubmVjdG9yU3R5bGUiOnsiJGlkIjoiMTk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wMyIsIkxpbmVDb2xvciI6bnVsbCwiTGluZVdlaWdodCI6MC4wLCJMaW5lVHlwZSI6MCwiUGFyZW50U3R5bGUiOm51bGx9LCJQYXJlbnRTdHlsZSI6eyIkcmVmIjoiMTA3In19LCJEYXRlU3R5bGUiOnsiJGlkIjoiMjA0IiwiRm9udFNldHRpbmdzIjp7IiRpZCI6IjIwNSIsIkZvbnRTaXplIjoxMCwiRm9udE5hbWUiOiJDYWxpYnJpIiwiSXNCb2xkIjpmYWxzZSwiSXNJdGFsaWMiOmZhbHNlLCJJc1VuZGVybGluZWQiOmZhbHNlLCJQYXJlbnRTdHlsZSI6eyIkcmVmIjoiMTE1In19LCJBdXRvU2l6ZSI6MCwiRm9yZWdyb3VuZCI6eyIkaWQiOiIyMDYiLCJDb2xvciI6eyIkaWQiOiIyMDciLCJBIjoyNTUsIlIiOjE0LCJHIjozNywiQiI6ND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0IiwiTGluZUNvbG9yIjpudWxsLCJMaW5lV2VpZ2h0IjowLjAsIkxpbmVUeXBlIjowLCJQYXJlbnRTdHlsZSI6bnVsbH0sIlBhcmVudFN0eWxlIjp7IiRyZWYiOiI4MSJ9fSwiRHVyYXRpb25TdHlsZSI6eyIkaWQiOiIyMTUiLCJGb250U2V0dGluZ3MiOnsiJGlkIjoiMjE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3IiwiTGluZUNvbG9yIjpudWxsLCJMaW5lV2VpZ2h0IjowLjAsIkxpbmVUeXBlIjowLCJQYXJlbnRTdHlsZSI6bnVsbH0sIlBhcmVudFN0eWxlIjp7IiRyZWYiOiI4OCJ9fSwiSG9yaXpvbnRhbENvbm5lY3RvclN0eWxlIjp7IiRpZCI6IjIxOCIsIkxpbmVDb2xvciI6eyIkcmVmIjoiOTYifSwiTGluZVdlaWdodCI6MC4wLCJMaW5lVHlwZSI6MCwiUGFyZW50U3R5bGUiOnsiJHJlZiI6Ijk1In19LCJWZXJ0aWNhbENvbm5lY3RvclN0eWxlIjp7IiRpZCI6IjIxO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jAiLCJNYXJnaW4iOnsiJHJlZiI6IjEwMiJ9LCJQYWRkaW5nIjp7IiRyZWYiOiIxMDMifSwiQmFja2dyb3VuZCI6eyIkaWQiOiIyMjEiLCJDb2xvciI6eyIkaWQiOiIyMjIiLCJBIjoyNTUsIlIiOjg2LCJHIjoxMjQsIkIiOjQ2fX0sIklzVmlzaWJsZSI6dHJ1ZSwiV2lkdGgiOjAuMCwiSGVpZ2h0Ijo0MC4yNzk5OTg3NzkyOTY4NzU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eyIkcmVmIjoiMTAxIn19LCJUaXRsZVN0eWxlIjp7IiRpZCI6IjIyNiIsIkZvbnRTZXR0aW5ncyI6eyIkaWQiOiIyMjciLCJGb250U2l6ZSI6OSwiRm9udE5hbWUiOiJDYWxpYnJpIiwiSXNCb2xkIjp0cnVlLCJJc0l0YWxpYyI6ZmFsc2UsIklzVW5kZXJsaW5lZCI6ZmFsc2UsIlBhcmVudFN0eWxlIjp7IiRyZWYiOiIxMDgifX0sIkF1dG9TaXplIjoyLCJGb3JlZ3JvdW5kIjp7IiRyZWYiOiIxMDkifSwiTWF4V2lkdGgiOjEyMS4xODM1NDAzNDQyMzgy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I4IiwiTGluZUNvbG9yIjpudWxsLCJMaW5lV2VpZ2h0IjowLjAsIkxpbmVUeXBlIjowLCJQYXJlbnRTdHlsZSI6bnVsbH0sIlBhcmVudFN0eWxlIjp7IiRyZWYiOiIxMDcifX0sIkRhdGVTdHlsZSI6eyIkaWQiOiIyMjkiLCJGb250U2V0dGluZ3MiOnsiJGlkIjoiMjMwIiwiRm9udFNpemUiOjEwLCJGb250TmFtZSI6IkNhbGlicmkiLCJJc0JvbGQiOmZhbHNlLCJJc0l0YWxpYyI6ZmFsc2UsIklzVW5kZXJsaW5lZCI6ZmFsc2UsIlBhcmVudFN0eWxlIjp7IiRyZWYiOiIxMTUifX0sIkF1dG9TaXplIjowLCJGb3JlZ3JvdW5kIjp7IiRpZCI6IjIzMSIsIkNvbG9yIjp7IiRpZCI6IjIzMiIsIkEiOjI1NSwiUiI6MTQsIkciOjM3LCJCIjo0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5IiwiTGluZUNvbG9yIjpudWxsLCJMaW5lV2VpZ2h0IjowLjAsIkxpbmVUeXBlIjowLCJQYXJlbnRTdHlsZSI6bnVsbH0sIlBhcmVudFN0eWxlIjp7IiRyZWYiOiI4MSJ9fSwiRHVyYXRpb25TdHlsZSI6eyIkaWQiOiIyNDAiLCJGb250U2V0dGluZ3MiOnsiJGlkIjoiMj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yIiwiTGluZUNvbG9yIjpudWxsLCJMaW5lV2VpZ2h0IjowLjAsIkxpbmVUeXBlIjowLCJQYXJlbnRTdHlsZSI6bnVsbH0sIlBhcmVudFN0eWxlIjp7IiRyZWYiOiI4OCJ9fSwiSG9yaXpvbnRhbENvbm5lY3RvclN0eWxlIjp7IiRpZCI6IjI0MyIsIkxpbmVDb2xvciI6eyIkcmVmIjoiOTYifSwiTGluZVdlaWdodCI6MC4wLCJMaW5lVHlwZSI6MCwiUGFyZW50U3R5bGUiOnsiJHJlZiI6Ijk1In19LCJWZXJ0aWNhbENvbm5lY3RvclN0eWxlIjp7IiRpZCI6IjI0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DUiLCJNYXJnaW4iOnsiJHJlZiI6IjEwMiJ9LCJQYWRkaW5nIjp7IiRyZWYiOiIxMDMifSwiQmFja2dyb3VuZCI6eyIkaWQiOiIyNDYiLCJDb2xvciI6eyIkaWQiOiIyNDciLCJBIjoyNTUsIlIiOjM3LCJHIjo2NiwiQiI6Mjl9fSwiSXNWaXNpYmxlIjp0cnVlLCJXaWR0aCI6MC4wLCJIZWlnaHQiOjIy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eyIkcmVmIjoiMTAxIn19LCJUaXRsZVN0eWxlIjp7IiRpZCI6IjI1MSIsIkZvbnRTZXR0aW5ncyI6eyIkaWQiOiIyNTI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zIiwiTGluZUNvbG9yIjpudWxsLCJMaW5lV2VpZ2h0IjowLjAsIkxpbmVUeXBlIjowLCJQYXJlbnRTdHlsZSI6bnVsbH0sIlBhcmVudFN0eWxlIjp7IiRyZWYiOiIxMDcifX0sIkRhdGVTdHlsZSI6eyIkaWQiOiIyNTQiLCJGb250U2V0dGluZ3MiOnsiJGlkIjoiMjU1IiwiRm9udFNpemUiOjEwLCJGb250TmFtZSI6IkNhbGlicmkiLCJJc0JvbGQiOmZhbHNlLCJJc0l0YWxpYyI6ZmFsc2UsIklzVW5kZXJsaW5lZCI6ZmFsc2UsIlBhcmVudFN0eWxlIjp7IiRyZWYiOiIxMTUifX0sIkF1dG9TaXplIjowLCJGb3JlZ3JvdW5kIjp7IiRpZCI6IjI1NiIsIkNvbG9yIjp7IiRpZCI6IjI1NyIsIkEiOjI1NSwiUiI6MTQsIkciOjM3LCJCIjo0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0IiwiTGluZUNvbG9yIjpudWxsLCJMaW5lV2VpZ2h0IjowLjAsIkxpbmVUeXBlIjowLCJQYXJlbnRTdHlsZSI6bnVsbH0sIlBhcmVudFN0eWxlIjp7IiRyZWYiOiI4MSJ9fSwiRHVyYXRpb25TdHlsZSI6eyIkaWQiOiIyNjUiLCJGb250U2V0dGluZ3MiOnsiJGlkIjoiMjY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3IiwiTGluZUNvbG9yIjpudWxsLCJMaW5lV2VpZ2h0IjowLjAsIkxpbmVUeXBlIjowLCJQYXJlbnRTdHlsZSI6bnVsbH0sIlBhcmVudFN0eWxlIjp7IiRyZWYiOiI4OCJ9fSwiSG9yaXpvbnRhbENvbm5lY3RvclN0eWxlIjp7IiRpZCI6IjI2OCIsIkxpbmVDb2xvciI6eyIkcmVmIjoiOTYifSwiTGluZVdlaWdodCI6MC4wLCJMaW5lVHlwZSI6MCwiUGFyZW50U3R5bGUiOnsiJHJlZiI6Ijk1In19LCJWZXJ0aWNhbENvbm5lY3RvclN0eWxlIjp7IiRpZCI6IjI2O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zAiLCJNYXJnaW4iOnsiJHJlZiI6IjEwMiJ9LCJQYWRkaW5nIjp7IiRyZWYiOiIxMDMifSwiQmFja2dyb3VuZCI6eyIkaWQiOiIyNzEiLCJDb2xvciI6eyIkaWQiOiIyNzIiLCJBIjoyNTUsIlIiOjk3LCJHIjo5MywiQiI6NTN9fSwiSXNWaXNpYmxlIjp0cnVlLCJXaWR0aCI6MC4wLCJIZWlnaHQiOjIy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eyIkcmVmIjoiMTAxIn19LCJUaXRsZVN0eWxlIjp7IiRpZCI6IjI3NiIsIkZvbnRTZXR0aW5ncyI6eyIkaWQiOiIyNzc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4IiwiTGluZUNvbG9yIjpudWxsLCJMaW5lV2VpZ2h0IjowLjAsIkxpbmVUeXBlIjowLCJQYXJlbnRTdHlsZSI6bnVsbH0sIlBhcmVudFN0eWxlIjp7IiRyZWYiOiIxMDcifX0sIkRhdGVTdHlsZSI6eyIkaWQiOiIyNzkiLCJGb250U2V0dGluZ3MiOnsiJGlkIjoiMjgwIiwiRm9udFNpemUiOjEwLCJGb250TmFtZSI6IkNhbGlicmkiLCJJc0JvbGQiOmZhbHNlLCJJc0l0YWxpYyI6ZmFsc2UsIklzVW5kZXJsaW5lZCI6ZmFsc2UsIlBhcmVudFN0eWxlIjp7IiRyZWYiOiIxMTUifX0sIkF1dG9TaXplIjowLCJGb3JlZ3JvdW5kIjp7IiRpZCI6IjI4MSIsIkNvbG9yIjp7IiRpZCI6IjI4MiIsIkEiOjI1NSwiUiI6MTQsIkciOjM3LCJCIjo0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OSIsIkxpbmVDb2xvciI6bnVsbCwiTGluZVdlaWdodCI6MC4wLCJMaW5lVHlwZSI6MCwiUGFyZW50U3R5bGUiOm51bGx9LCJQYXJlbnRTdHlsZSI6eyIkcmVmIjoiODEifX0sIkR1cmF0aW9uU3R5bGUiOnsiJGlkIjoiMjkwIiwiRm9udFNldHRpbmdzIjp7IiRpZCI6IjI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iIsIkxpbmVDb2xvciI6bnVsbCwiTGluZVdlaWdodCI6MC4wLCJMaW5lVHlwZSI6MCwiUGFyZW50U3R5bGUiOm51bGx9LCJQYXJlbnRTdHlsZSI6eyIkcmVmIjoiODgifX0sIkhvcml6b250YWxDb25uZWN0b3JTdHlsZSI6eyIkaWQiOiIyOTMiLCJMaW5lQ29sb3IiOnsiJHJlZiI6Ijk2In0sIkxpbmVXZWlnaHQiOjAuMCwiTGluZVR5cGUiOjAsIlBhcmVudFN0eWxlIjp7IiRyZWYiOiI5NSJ9fSwiVmVydGljYWxDb25uZWN0b3JTdHlsZSI6eyIkaWQiOiIyOT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MyIsIkxpbmVDb2xvciI6bnVsbCwiTGluZVdlaWdodCI6MC4wLCJMaW5lVHlwZSI6MCwiUGFyZW50U3R5bGUiOm51bGx9LCJQYXJlbnRTdHlsZSI6eyIkcmVmIjoiMTA3In19LCJEYXRlU3R5bGUiOnsiJGlkIjoiMzA0IiwiRm9udFNldHRpbmdzIjp7IiRpZCI6IjMwNSIsIkZvbnRTaXplIjoxMCwiRm9udE5hbWUiOiJDYWxpYnJpIiwiSXNCb2xkIjpmYWxzZSwiSXNJdGFsaWMiOmZhbHNlLCJJc1VuZGVybGluZWQiOmZhbHNlLCJQYXJlbnRTdHlsZSI6eyIkcmVmIjoiMTE1In19LCJBdXRvU2l6ZSI6MCwiRm9yZWdyb3VuZCI6eyIkaWQiOiIzMDYiLCJDb2xvciI6eyIkaWQiOiIzMDciLCJBIjoyNTUsIlIiOjE0LCJHIjozNywiQiI6ND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QiLCJMaW5lQ29sb3IiOm51bGwsIkxpbmVXZWlnaHQiOjAuMCwiTGluZVR5cGUiOjAsIlBhcmVudFN0eWxlIjpudWxsfSwiUGFyZW50U3R5bGUiOnsiJHJlZiI6IjgxIn19LCJEdXJhdGlvblN0eWxlIjp7IiRpZCI6IjMxNSIsIkZvbnRTZXR0aW5ncyI6eyIkaWQiOiIzMT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ciLCJMaW5lQ29sb3IiOm51bGwsIkxpbmVXZWlnaHQiOjAuMCwiTGluZVR5cGUiOjAsIlBhcmVudFN0eWxlIjpudWxsfSwiUGFyZW50U3R5bGUiOnsiJHJlZiI6Ijg4In19LCJIb3Jpem9udGFsQ29ubmVjdG9yU3R5bGUiOnsiJGlkIjoiMzE4IiwiTGluZUNvbG9yIjp7IiRyZWYiOiI5NiJ9LCJMaW5lV2VpZ2h0IjowLjAsIkxpbmVUeXBlIjowLCJQYXJlbnRTdHlsZSI6eyIkcmVmIjoiOTUifX0sIlZlcnRpY2FsQ29ubmVjdG9yU3R5bGUiOnsiJGlkIjoiMzE5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giLCJMaW5lQ29sb3IiOm51bGwsIkxpbmVXZWlnaHQiOjAuMCwiTGluZVR5cGUiOjAsIlBhcmVudFN0eWxlIjpudWxsfSwiUGFyZW50U3R5bGUiOnsiJHJlZiI6IjEwNyJ9fSwiRGF0ZVN0eWxlIjp7IiRpZCI6IjMyOSIsIkZvbnRTZXR0aW5ncyI6eyIkaWQiOiIzMzAiLCJGb250U2l6ZSI6MTAsIkZvbnROYW1lIjoiQ2FsaWJyaSIsIklzQm9sZCI6ZmFsc2UsIklzSXRhbGljIjpmYWxzZSwiSXNVbmRlcmxpbmVkIjpmYWxzZSwiUGFyZW50U3R5bGUiOnsiJHJlZiI6IjExNSJ9fSwiQXV0b1NpemUiOjAsIkZvcmVncm91bmQiOnsiJGlkIjoiMzMxIiwiQ29sb3IiOnsiJGlkIjoiMzMyIiwiQSI6MjU1LCJSIjoxNCwiRyI6MzcsIkIiOjQ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5IiwiTGluZUNvbG9yIjpudWxsLCJMaW5lV2VpZ2h0IjowLjAsIkxpbmVUeXBlIjowLCJQYXJlbnRTdHlsZSI6bnVsbH0sIlBhcmVudFN0eWxlIjp7IiRyZWYiOiI4MSJ9fSwiRHVyYXRpb25TdHlsZSI6eyIkaWQiOiIzNDAiLCJGb250U2V0dGluZ3MiOnsiJGlkIjoiMz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yIiwiTGluZUNvbG9yIjpudWxsLCJMaW5lV2VpZ2h0IjowLjAsIkxpbmVUeXBlIjowLCJQYXJlbnRTdHlsZSI6bnVsbH0sIlBhcmVudFN0eWxlIjp7IiRyZWYiOiI4OCJ9fSwiSG9yaXpvbnRhbENvbm5lY3RvclN0eWxlIjp7IiRpZCI6IjM0MyIsIkxpbmVDb2xvciI6eyIkcmVmIjoiOTYifSwiTGluZVdlaWdodCI6MC4wLCJMaW5lVHlwZSI6MCwiUGFyZW50U3R5bGUiOnsiJHJlZiI6Ijk1In19LCJWZXJ0aWNhbENvbm5lY3RvclN0eWxlIjp7IiRpZCI6IjM0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0IiwiTGluZUNvbG9yIjpudWxsLCJMaW5lV2VpZ2h0IjowLjAsIkxpbmVUeXBlIjowLCJQYXJlbnRTdHlsZSI6bnVsbH0sIlBhcmVudFN0eWxlIjp7IiRyZWYiOiI4MSJ9fSwiRHVyYXRpb25TdHlsZSI6eyIkaWQiOiIzNjUiLCJGb250U2V0dGluZ3MiOnsiJGlkIjoiMzY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3IiwiTGluZUNvbG9yIjpudWxsLCJMaW5lV2VpZ2h0IjowLjAsIkxpbmVUeXBlIjowLCJQYXJlbnRTdHlsZSI6bnVsbH0sIlBhcmVudFN0eWxlIjp7IiRyZWYiOiI4OCJ9fSwiSG9yaXpvbnRhbENvbm5lY3RvclN0eWxlIjp7IiRpZCI6IjM2OCIsIkxpbmVDb2xvciI6eyIkcmVmIjoiOTYifSwiTGluZVdlaWdodCI6MC4wLCJMaW5lVHlwZSI6MCwiUGFyZW50U3R5bGUiOnsiJHJlZiI6Ijk1In19LCJWZXJ0aWNhbENvbm5lY3RvclN0eWxlIjp7IiRpZCI6IjM2O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zAiLCJNYXJnaW4iOnsiJHJlZiI6IjEwMiJ9LCJQYWRkaW5nIjp7IiRyZWYiOiIxMDMifSwiQmFja2dyb3VuZCI6eyIkaWQiOiIzNzEiLCJDb2xvciI6eyIkaWQiOiIzNzIiLCJBIjoyNTUsIlIiOjEzNiwiRyI6MTc5LCJCIjo3MH19LCJJc1Zpc2libGUiOnRydWUsIldpZHRoIjowLjAsIkhlaWdodCI6MjI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7IiRyZWYiOiIxMDEifX0sIlRpdGxlU3R5bGUiOnsiJGlkIjoiMzc2IiwiRm9udFNldHRpbmdzIjp7IiRpZCI6IjM3Ny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5IiwiTGluZUNvbG9yIjpudWxsLCJMaW5lV2VpZ2h0IjowLjAsIkxpbmVUeXBlIjowLCJQYXJlbnRTdHlsZSI6bnVsbH0sIlBhcmVudFN0eWxlIjp7IiRyZWYiOiI4MSJ9fSwiRHVyYXRpb25TdHlsZSI6eyIkaWQiOiIzOTAiLCJGb250U2V0dGluZ3MiOnsiJGlkIjoiMzk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yIiwiTGluZUNvbG9yIjpudWxsLCJMaW5lV2VpZ2h0IjowLjAsIkxpbmVUeXBlIjowLCJQYXJlbnRTdHlsZSI6bnVsbH0sIlBhcmVudFN0eWxlIjp7IiRyZWYiOiI4OCJ9fSwiSG9yaXpvbnRhbENvbm5lY3RvclN0eWxlIjp7IiRpZCI6IjM5MyIsIkxpbmVDb2xvciI6eyIkcmVmIjoiOTYifSwiTGluZVdlaWdodCI6MC4wLCJMaW5lVHlwZSI6MCwiUGFyZW50U3R5bGUiOnsiJHJlZiI6Ijk1In19LCJWZXJ0aWNhbENvbm5lY3RvclN0eWxlIjp7IiRpZCI6IjM5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
  <p:tag name="__MASTER" val="__part_0"/>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EuMDQ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Q3LCJHIjo1NCwiQiI6MTU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1MSwiRyI6NTMsIkIiOjI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1MSwiRyI6NTMsIkIiOjI4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5LCJGb250TmFtZSI6IkNhbGlicmkiLCJJc0JvbGQiOmZhbHNlLCJJc0l0YWxpYyI6ZmFsc2UsIklzVW5kZXJsaW5lZCI6ZmFsc2UsIlBhcmVudFN0eWxlIjpudWxsfSwiQXV0b1NpemUiOjAsIkZvcmVncm91bmQiOnsiJGlkIjoiMzAiLCJDb2xvciI6eyIkaWQiOiIzMSIsIkEiOjI1NSwiUiI6NTEsIkciOjUzLCJCIjoyO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mYWxzZSwiRWxhcHNlZFRpbWVGb3JtYXQiOjIsIlRvZGF5TWFya2VyUG9zaXRpb24iOjEsIlF1aWNrUG9zaXRpb24iOjMsIkFic29sdXRlUG9zaXRpb24iOjQzMy4wNDE2NT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jUsIkciOjE2NSwiQiI6MTY1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ksIkZvbnROYW1lIjoiQ2FsaWJyaSIsIklzQm9sZCI6dHJ1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LCB5eXl5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OCwiRm9udE5hbWUiOiJDYWxpYnJpIiwiSXNCb2xkIjp0cnVlLCJJc0l0YWxpYyI6ZmFsc2UsIklzVW5kZXJsaW5lZCI6ZmFsc2UsIlBhcmVudFN0eWxlIjpudWxsfSwiQXV0b1NpemUiOjAsIkZvcmVncm91bmQiOnsiJGlkIjoiMTA5IiwiQ29sb3IiOnsiJGlkIjoiMTEwIiwiQSI6MjU1LCJSIjoyNTUsIkciOjI1NSwiQiI6MjU1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4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3LCJGb250TmFtZSI6IkNhbGlicmkiLCJJc0JvbGQiOmZhbHNlLCJJc0l0YWxpYyI6ZmFsc2UsIklzVW5kZXJsaW5lZCI6ZmFsc2UsIlBhcmVudFN0eWxlIjp7IiRyZWYiOiI3MyJ9fSwiQXV0b1NpemUiOjIsIkZvcmVncm91bmQiOnsiJGlkIjoiMTM5IiwiQ29sb3IiOnsiJGlkIjoiMTQwIiwiQSI6MjU1LCJSIjo1MSwiRyI6NTMsIkIiOjI4fX0sIk1heFdpZHRoIjo0MC4yNjg1ODEzOTAzODA4NTk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3ODk3Njc0ODE5NTY5NTI2LCJJc0N1c3RvbSI6dHJ1ZX0sIklkIjoiODBkNTQ2MzQtY2UzYi00M2E2LTlmZGItOWQxZjM4YWFjZjY2IiwiVGl0bGUiOiI0MDEgUGVybWl0IEFwcGxpY2F0aW9uIiwiTm90ZSI6bnVsbCwiSHlwZXJsaW5rIjpudWxsLCJJc0NoYW5nZWQiOmZhbHNlLCJJc05ldyI6ZmFsc2V9LHsiJGlkIjoiMjAzIiwiRGF0ZSI6IjIwMTUtMTEtMTN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NiIsIkxpbmVDb2xvciI6bnVsbCwiTGluZVdlaWdodCI6MC4wLCJMaW5lVHlwZSI6MCwiUGFyZW50U3R5bGUiOm51bGx9LCJQYXJlbnRTdHlsZSI6eyIkcmVmIjoiNjUifX0sIkRhdGVTdHlsZSI6eyIkaWQiOiIyOTciLCJGb250U2V0dGluZ3MiOnsiJGlkIjoiMjk4IiwiRm9udFNpemUiOjcsIkZvbnROYW1lIjoiQ2FsaWJyaSIsIklzQm9sZCI6ZmFsc2UsIklzSXRhbGljIjpmYWxzZSwiSXNVbmRlcmxpbmVkIjpmYWxzZSwiUGFyZW50U3R5bGUiOnsiJHJlZiI6IjczIn19LCJBdXRvU2l6ZSI6MiwiRm9yZWdyb3VuZCI6eyIkaWQiOiIyOTkiLCJDb2xvciI6eyIkaWQiOiIzMDAiLCJBIjoyNTUsIlIiOjUxLCJHIjo1MywiQiI6Mjh9fSwiTWF4V2lkdGgiOjQwLj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1IiwiTGluZUNvbG9yIjpudWxsLCJMaW5lV2VpZ2h0IjowLjAsIkxpbmVUeXBlIjowLCJQYXJlbnRTdHlsZSI6bnVsbH0sIlBhcmVudFN0eWxlIjp7IiRyZWYiOiI4MSJ9fSwiRHVyYXRpb25TdHlsZSI6eyIkaWQiOiIzNjYiLCJGb250U2V0dGluZ3MiOnsiJGlkIjoiMzY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4IiwiTGluZUNvbG9yIjpudWxsLCJMaW5lV2VpZ2h0IjowLjAsIkxpbmVUeXBlIjowLCJQYXJlbnRTdHlsZSI6bnVsbH0sIlBhcmVudFN0eWxlIjp7IiRyZWYiOiI4OCJ9fSwiSG9yaXpvbnRhbENvbm5lY3RvclN0eWxlIjp7IiRpZCI6IjM2OSIsIkxpbmVDb2xvciI6eyIkcmVmIjoiOTYifSwiTGluZVdlaWdodCI6MC4wLCJMaW5lVHlwZSI6MCwiUGFyZW50U3R5bGUiOnsiJHJlZiI6Ijk1In19LCJWZXJ0aWNhbENvbm5lY3RvclN0eWxlIjp7IiRpZCI6IjM3M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YsIkZvbnROYW1lIjoiQ2FsaWJyaSIsIklzQm9sZCI6ZmFsc2UsIklzSXRhbGljIjpmYWxzZSwiSXNVbmRlcmxpbmVkIjpmYWxzZSwiUGFyZW50U3R5bGUiOnsiJHJlZiI6IjExNSJ9fSwiQXV0b1NpemUiOjIsIkZvcmVncm91bmQiOnsiJGlkIjoiMzgyIiwiQ29sb3IiOnsiJGlkIjoiMzgzIiwiQSI6MjU1LCJSIjo1MSwiRyI6NTMsIkIiOjI4fX0sIk1heFdpZHRoIjo3Mi4zMTQwMTgyNDk1MTE3MTk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SIsIkxpbmVDb2xvciI6bnVsbCwiTGluZVdlaWdodCI6MC4wLCJMaW5lVHlwZSI6MCwiUGFyZW50U3R5bGUiOm51bGx9LCJQYXJlbnRTdHlsZSI6eyIkcmVmIjoiODEifX0sIkR1cmF0aW9uU3R5bGUiOnsiJGlkIjoiMzkwIiwiRm9udFNldHRpbmdzIjp7IiRpZCI6IjM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iIsIkxpbmVDb2xvciI6bnVsbCwiTGluZVdlaWdodCI6MC4wLCJMaW5lVHlwZSI6MCwiUGFyZW50U3R5bGUiOm51bGx9LCJQYXJlbnRTdHlsZSI6eyIkcmVmIjoiODgifX0sIkhvcml6b250YWxDb25uZWN0b3JTdHlsZSI6eyIkaWQiOiIzOTMiLCJMaW5lQ29sb3IiOnsiJHJlZiI6Ijk2In0sIkxpbmVXZWlnaHQiOjAuMCwiTGluZVR5cGUiOjAsIlBhcmVudFN0eWxlIjp7IiRyZWYiOiI5NSJ9fSwiVmVydGljYWxDb25uZWN0b3JTdHlsZSI6eyIkaWQiOiIzOTQ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iwiSWQiOiI3ZjA1ODEzOC0wZGU4LTQ1ODktYTcyYy0wYTEwMGEyN2I5YTMiLCJUaXRsZSI6IkZpbmFsIEJBIiwiTm90ZSI6bnVsbCwiSHlwZXJsaW5rIjpudWxsLCJJc0NoYW5nZWQiOmZhbHNlLCJJc05ldyI6ZmFsc2V9LHsiJGlkIjoiNDA5IiwiR3JvdXBOYW1lIjpudWxsLCJTdGFydERhdGUiOiIyMDE1LTA4LTAzVDAwOjAwOjAwWiIsIkVuZERhdGUiOiIyMDE2LTA0LTIyVDIzOjU5OjU5Ljk5OVoiLCJQZXJjZW50YWdlQ29tcGxldGUiOm51bGwsIlN0eWxlIjp7IiRpZCI6IjQxMCIsIlNoYXBlIjoxLCJTaGFwZVRoaWNrbmVzcyI6MywiRHVyYXRpb25Gb3JtYXQiOjA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zIiwiTGluZUNvbG9yIjpudWxsLCJMaW5lV2VpZ2h0IjowLjAsIkxpbmVUeXBlIjowLCJQYXJlbnRTdHlsZSI6bnVsbH0sIlBhcmVudFN0eWxlIjp7IiRyZWYiOiI4MSJ9fSwiRHVyYXRpb25TdHlsZSI6eyIkaWQiOiI0MTQiLCJGb250U2V0dGluZ3MiOnsiJGlkIjoiNDE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2IiwiTGluZUNvbG9yIjpudWxsLCJMaW5lV2VpZ2h0IjowLjAsIkxpbmVUeXBlIjowLCJQYXJlbnRTdHlsZSI6bnVsbH0sIlBhcmVudFN0eWxlIjp7IiRyZWYiOiI4OCJ9fSwiSG9yaXpvbnRhbENvbm5lY3RvclN0eWxlIjp7IiRpZCI6IjQxNyIsIkxpbmVDb2xvciI6eyIkcmVmIjoiOTYifSwiTGluZVdlaWdodCI6MC4wLCJMaW5lVHlwZSI6MCwiUGFyZW50U3R5bGUiOnsiJHJlZiI6Ijk1In19LCJWZXJ0aWNhbENvbm5lY3RvclN0eWxlIjp7IiRpZCI6IjQxO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MTkiLCJNYXJnaW4iOnsiJHJlZiI6IjEwMiJ9LCJQYWRkaW5nIjp7IiRyZWYiOiIxMDMifSwiQmFja2dyb3VuZCI6eyIkaWQiOiI0MjAiLCJDb2xvciI6eyIkaWQiOiI0MjEiLCJBIjoyNTUsIlIiOjI5LCJHIjo4MSwiQiI6MTA4fX0sIklzVmlzaWJsZSI6dHJ1ZSwiV2lkdGgiOjAuMCwiSGVpZ2h0Ijo4LjE2NDgwMzUwNDk0Mzg0Nzc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2LCJGb250TmFtZSI6IkNhbGlicmkiLCJJc0JvbGQiOnRydWUsIklzSXRhbGljIjpmYWxzZSwiSXNVbmRlcmxpbmVkIjpmYWxzZSwiUGFyZW50U3R5bGUiOnsiJHJlZiI6IjEwOCJ9fSwiQXV0b1NpemUiOjIsIkZvcmVncm91bmQiOnsiJGlkIjoiNDI1IiwiQ29sb3IiOnsiJGlkIjoiNDI2IiwiQSI6MjU1LCJSIjo1MSwiRyI6NTMsIkIiOjI4fX0sIk1heFdpZHRoIjo0Mi4yOTk5OTkyMzcwNjA1NDc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giLCJMaW5lQ29sb3IiOm51bGwsIkxpbmVXZWlnaHQiOjAuMCwiTGluZVR5cGUiOjAsIlBhcmVudFN0eWxlIjpudWxsfSwiUGFyZW50U3R5bGUiOnsiJHJlZiI6IjgxIn19LCJEdXJhdGlvblN0eWxlIjp7IiRpZCI6IjQzOSIsIkZvbnRTZXR0aW5ncyI6eyIkaWQiOiI0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EiLCJMaW5lQ29sb3IiOm51bGwsIkxpbmVXZWlnaHQiOjAuMCwiTGluZVR5cGUiOjAsIlBhcmVudFN0eWxlIjpudWxsfSwiUGFyZW50U3R5bGUiOnsiJHJlZiI6Ijg4In19LCJIb3Jpem9udGFsQ29ubmVjdG9yU3R5bGUiOnsiJGlkIjoiNDQyIiwiTGluZUNvbG9yIjp7IiRyZWYiOiI5NiJ9LCJMaW5lV2VpZ2h0IjowLjAsIkxpbmVUeXBlIjowLCJQYXJlbnRTdHlsZSI6eyIkcmVmIjoiOTUifX0sIlZlcnRpY2FsQ29ubmVjdG9yU3R5bGUiOnsiJGlkIjoiNDQz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IiLCJMaW5lQ29sb3IiOm51bGwsIkxpbmVXZWlnaHQiOjAuMCwiTGluZVR5cGUiOjAsIlBhcmVudFN0eWxlIjpudWxsfSwiUGFyZW50U3R5bGUiOnsiJHJlZiI6IjgxIn19LCJEdXJhdGlvblN0eWxlIjp7IiRpZCI6IjQ2MyIsIkZvbnRTZXR0aW5ncyI6eyIkaWQiOiI0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UiLCJMaW5lQ29sb3IiOm51bGwsIkxpbmVXZWlnaHQiOjAuMCwiTGluZVR5cGUiOjAsIlBhcmVudFN0eWxlIjpudWxsfSwiUGFyZW50U3R5bGUiOnsiJHJlZiI6Ijg4In19LCJIb3Jpem9udGFsQ29ubmVjdG9yU3R5bGUiOnsiJGlkIjoiNDY2IiwiTGluZUNvbG9yIjp7IiRyZWYiOiI5NiJ9LCJMaW5lV2VpZ2h0IjowLjAsIkxpbmVUeXBlIjowLCJQYXJlbnRTdHlsZSI6eyIkcmVmIjoiOTUifX0sIlZlcnRpY2FsQ29ubmVjdG9yU3R5bGUiOnsiJGlkIjoiNDY3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kzIiwiTWFyZ2luIjp7IiRyZWYiOiIxMDIifSwiUGFkZGluZyI6eyIkcmVmIjoiMTAzIn0sIkJhY2tncm91bmQiOnsiJGlkIjoiNDk0IiwiQ29sb3IiOnsiJGlkIjoiNDk1IiwiQSI6MjU1LCJSIjowLCJHIjoxMTQsIkIiOjE4OH19LCJJc1Zpc2libGUiOnRydWUsIldpZHRoIjowLjAsIkhlaWdodCI6OS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NiwiRm9udE5hbWUiOiJDYWxpYnJpIiwiSXNCb2xkIjp0cnVlLCJJc0l0YWxpYyI6ZmFsc2UsIklzVW5kZXJsaW5lZCI6ZmFsc2UsIlBhcmVudFN0eWxlIjp7IiRyZWYiOiIxMDgifX0sIkF1dG9TaXplIjoyLCJGb3JlZ3JvdW5kIjp7IiRpZCI6IjQ5OSIsIkNvbG9yIjp7IiRpZCI6IjUwMCIsIkEiOjI1NSwiUiI6NTEsIkciOjUzLCJCIjoyOH19LCJNYXhXaWR0aCI6MTE5LjY5OTk5Njk0ODI0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ExIiwiTGluZUNvbG9yIjpudWxsLCJMaW5lV2VpZ2h0IjowLjAsIkxpbmVUeXBlIjowLCJQYXJlbnRTdHlsZSI6bnVsbH0sIlBhcmVudFN0eWxlIjp7IiRyZWYiOiI4MSJ9fSwiRHVyYXRpb25TdHlsZSI6eyIkaWQiOiI1MTIiLCJGb250U2V0dGluZ3MiOnsiJGlkIjoiNT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0IiwiTGluZUNvbG9yIjpudWxsLCJMaW5lV2VpZ2h0IjowLjAsIkxpbmVUeXBlIjowLCJQYXJlbnRTdHlsZSI6bnVsbH0sIlBhcmVudFN0eWxlIjp7IiRyZWYiOiI4OCJ9fSwiSG9yaXpvbnRhbENvbm5lY3RvclN0eWxlIjp7IiRpZCI6IjUxNSIsIkxpbmVDb2xvciI6eyIkcmVmIjoiOTYifSwiTGluZVdlaWdodCI6MC4wLCJMaW5lVHlwZSI6MCwiUGFyZW50U3R5bGUiOnsiJHJlZiI6Ijk1In19LCJWZXJ0aWNhbENvbm5lY3RvclN0eWxlIjp7IiRpZCI6IjUxN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1IiwiTGluZUNvbG9yIjpudWxsLCJMaW5lV2VpZ2h0IjowLjAsIkxpbmVUeXBlIjowLCJQYXJlbnRTdHlsZSI6bnVsbH0sIlBhcmVudFN0eWxlIjp7IiRyZWYiOiI4MSJ9fSwiRHVyYXRpb25TdHlsZSI6eyIkaWQiOiI1MzYiLCJGb250U2V0dGluZ3MiOnsiJGlkIjoiNT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4IiwiTGluZUNvbG9yIjpudWxsLCJMaW5lV2VpZ2h0IjowLjAsIkxpbmVUeXBlIjowLCJQYXJlbnRTdHlsZSI6bnVsbH0sIlBhcmVudFN0eWxlIjp7IiRyZWYiOiI4OCJ9fSwiSG9yaXpvbnRhbENvbm5lY3RvclN0eWxlIjp7IiRpZCI6IjUzOSIsIkxpbmVDb2xvciI6eyIkcmVmIjoiOTYifSwiTGluZVdlaWdodCI6MC4wLCJMaW5lVHlwZSI6MCwiUGFyZW50U3R5bGUiOnsiJHJlZiI6Ijk1In19LCJWZXJ0aWNhbENvbm5lY3RvclN0eWxlIjp7IiRpZCI6IjU0M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AiLCJMaW5lQ29sb3IiOm51bGwsIkxpbmVXZWlnaHQiOjAuMCwiTGluZVR5cGUiOjAsIlBhcmVudFN0eWxlIjpudWxsfSwiUGFyZW50U3R5bGUiOnsiJHJlZiI6IjgxIn19LCJEdXJhdGlvblN0eWxlIjp7IiRpZCI6IjU2MSIsIkZvbnRTZXR0aW5ncyI6eyIkaWQiOiI1Nj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jMiLCJMaW5lQ29sb3IiOm51bGwsIkxpbmVXZWlnaHQiOjAuMCwiTGluZVR5cGUiOjAsIlBhcmVudFN0eWxlIjpudWxsfSwiUGFyZW50U3R5bGUiOnsiJHJlZiI6Ijg4In19LCJIb3Jpem9udGFsQ29ubmVjdG9yU3R5bGUiOnsiJGlkIjoiNTY0IiwiTGluZUNvbG9yIjp7IiRyZWYiOiI5NiJ9LCJMaW5lV2VpZ2h0IjowLjAsIkxpbmVUeXBlIjowLCJQYXJlbnRTdHlsZSI6eyIkcmVmIjoiOTUifX0sIlZlcnRpY2FsQ29ubmVjdG9yU3R5bGUiOnsiJGlkIjoiNTY1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g0IiwiTGluZUNvbG9yIjpudWxsLCJMaW5lV2VpZ2h0IjowLjAsIkxpbmVUeXBlIjowLCJQYXJlbnRTdHlsZSI6bnVsbH0sIlBhcmVudFN0eWxlIjp7IiRyZWYiOiI4MSJ9fSwiRHVyYXRpb25TdHlsZSI6eyIkaWQiOiI1ODUiLCJGb250U2V0dGluZ3MiOnsiJGlkIjoiN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g3IiwiTGluZUNvbG9yIjpudWxsLCJMaW5lV2VpZ2h0IjowLjAsIkxpbmVUeXBlIjowLCJQYXJlbnRTdHlsZSI6bnVsbH0sIlBhcmVudFN0eWxlIjp7IiRyZWYiOiI4OCJ9fSwiSG9yaXpvbnRhbENvbm5lY3RvclN0eWxlIjp7IiRpZCI6IjU4OCIsIkxpbmVDb2xvciI6eyIkcmVmIjoiOTYifSwiTGluZVdlaWdodCI6MC4wLCJMaW5lVHlwZSI6MCwiUGFyZW50U3R5bGUiOnsiJHJlZiI6Ijk1In19LCJWZXJ0aWNhbENvbm5lY3RvclN0eWxlIjp7IiRpZCI6IjU4O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giLCJMaW5lQ29sb3IiOm51bGwsIkxpbmVXZWlnaHQiOjAuMCwiTGluZVR5cGUiOjAsIlBhcmVudFN0eWxlIjpudWxsfSwiUGFyZW50U3R5bGUiOnsiJHJlZiI6IjgxIn19LCJEdXJhdGlvblN0eWxlIjp7IiRpZCI6IjYwOSIsIkZvbnRTZXR0aW5ncyI6eyIkaWQiOiI2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EiLCJMaW5lQ29sb3IiOm51bGwsIkxpbmVXZWlnaHQiOjAuMCwiTGluZVR5cGUiOjAsIlBhcmVudFN0eWxlIjpudWxsfSwiUGFyZW50U3R5bGUiOnsiJHJlZiI6Ijg4In19LCJIb3Jpem9udGFsQ29ubmVjdG9yU3R5bGUiOnsiJGlkIjoiNjEyIiwiTGluZUNvbG9yIjp7IiRyZWYiOiI5NiJ9LCJMaW5lV2VpZ2h0IjowLjAsIkxpbmVUeXBlIjowLCJQYXJlbnRTdHlsZSI6eyIkcmVmIjoiOTUifX0sIlZlcnRpY2FsQ29ubmVjdG9yU3R5bGUiOnsiJGlkIjoiNjEz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zMiIsIkxpbmVDb2xvciI6bnVsbCwiTGluZVdlaWdodCI6MC4wLCJMaW5lVHlwZSI6MCwiUGFyZW50U3R5bGUiOm51bGx9LCJQYXJlbnRTdHlsZSI6eyIkcmVmIjoiODEifX0sIkR1cmF0aW9uU3R5bGUiOnsiJGlkIjoiNjMzIiwiRm9udFNldHRpbmdzIjp7IiRpZCI6IjY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NSIsIkxpbmVDb2xvciI6bnVsbCwiTGluZVdlaWdodCI6MC4wLCJMaW5lVHlwZSI6MCwiUGFyZW50U3R5bGUiOm51bGx9LCJQYXJlbnRTdHlsZSI6eyIkcmVmIjoiODgifX0sIkhvcml6b250YWxDb25uZWN0b3JTdHlsZSI6eyIkaWQiOiI2MzYiLCJMaW5lQ29sb3IiOnsiJHJlZiI6Ijk2In0sIkxpbmVXZWlnaHQiOjAuMCwiTGluZVR5cGUiOjAsIlBhcmVudFN0eWxlIjp7IiRyZWYiOiI5NSJ9fSwiVmVydGljYWxDb25uZWN0b3JTdHlsZSI6eyIkaWQiOiI2Mzc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U2IiwiTGluZUNvbG9yIjpudWxsLCJMaW5lV2VpZ2h0IjowLjAsIkxpbmVUeXBlIjowLCJQYXJlbnRTdHlsZSI6bnVsbH0sIlBhcmVudFN0eWxlIjp7IiRyZWYiOiI4MSJ9fSwiRHVyYXRpb25TdHlsZSI6eyIkaWQiOiI2NTciLCJGb250U2V0dGluZ3MiOnsiJGlkIjoiNjU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5IiwiTGluZUNvbG9yIjpudWxsLCJMaW5lV2VpZ2h0IjowLjAsIkxpbmVUeXBlIjowLCJQYXJlbnRTdHlsZSI6bnVsbH0sIlBhcmVudFN0eWxlIjp7IiRyZWYiOiI4OCJ9fSwiSG9yaXpvbnRhbENvbm5lY3RvclN0eWxlIjp7IiRpZCI6IjY2MCIsIkxpbmVDb2xvciI6eyIkcmVmIjoiOTYifSwiTGluZVdlaWdodCI6MC4wLCJMaW5lVHlwZSI6MCwiUGFyZW50U3R5bGUiOnsiJHJlZiI6Ijk1In19LCJWZXJ0aWNhbENvbm5lY3RvclN0eWxlIjp7IiRpZCI6IjY2M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4MCIsIkxpbmVDb2xvciI6bnVsbCwiTGluZVdlaWdodCI6MC4wLCJMaW5lVHlwZSI6MCwiUGFyZW50U3R5bGUiOm51bGx9LCJQYXJlbnRTdHlsZSI6eyIkcmVmIjoiODEifX0sIkR1cmF0aW9uU3R5bGUiOnsiJGlkIjoiNjgxIiwiRm9udFNldHRpbmdzIjp7IiRpZCI6IjY4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4MyIsIkxpbmVDb2xvciI6bnVsbCwiTGluZVdlaWdodCI6MC4wLCJMaW5lVHlwZSI6MCwiUGFyZW50U3R5bGUiOm51bGx9LCJQYXJlbnRTdHlsZSI6eyIkcmVmIjoiODgifX0sIkhvcml6b250YWxDb25uZWN0b3JTdHlsZSI6eyIkaWQiOiI2ODQiLCJMaW5lQ29sb3IiOnsiJHJlZiI6Ijk2In0sIkxpbmVXZWlnaHQiOjAuMCwiTGluZVR5cGUiOjAsIlBhcmVudFN0eWxlIjp7IiRyZWYiOiI5NSJ9fSwiVmVydGljYWxDb25uZWN0b3JTdHlsZSI6eyIkaWQiOiI2ODU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A0IiwiTGluZUNvbG9yIjpudWxsLCJMaW5lV2VpZ2h0IjowLjAsIkxpbmVUeXBlIjowLCJQYXJlbnRTdHlsZSI6bnVsbH0sIlBhcmVudFN0eWxlIjp7IiRyZWYiOiI4MSJ9fSwiRHVyYXRpb25TdHlsZSI6eyIkaWQiOiI3MDUiLCJGb250U2V0dGluZ3MiOnsiJGlkIjoiNz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A3IiwiTGluZUNvbG9yIjpudWxsLCJMaW5lV2VpZ2h0IjowLjAsIkxpbmVUeXBlIjowLCJQYXJlbnRTdHlsZSI6bnVsbH0sIlBhcmVudFN0eWxlIjp7IiRyZWYiOiI4OCJ9fSwiSG9yaXpvbnRhbENvbm5lY3RvclN0eWxlIjp7IiRpZCI6IjcwOCIsIkxpbmVDb2xvciI6eyIkcmVmIjoiOTYifSwiTGluZVdlaWdodCI6MC4wLCJMaW5lVHlwZSI6MCwiUGFyZW50U3R5bGUiOnsiJHJlZiI6Ijk1In19LCJWZXJ0aWNhbENvbm5lY3RvclN0eWxlIjp7IiRpZCI6IjcwO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jkiLCJMaW5lQ29sb3IiOm51bGwsIkxpbmVXZWlnaHQiOjAuMCwiTGluZVR5cGUiOjAsIlBhcmVudFN0eWxlIjpudWxsfSwiUGFyZW50U3R5bGUiOnsiJHJlZiI6IjgxIn19LCJEdXJhdGlvblN0eWxlIjp7IiRpZCI6IjczMCIsIkZvbnRTZXR0aW5ncyI6eyIkaWQiOiI3Mz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zIiLCJMaW5lQ29sb3IiOm51bGwsIkxpbmVXZWlnaHQiOjAuMCwiTGluZVR5cGUiOjAsIlBhcmVudFN0eWxlIjpudWxsfSwiUGFyZW50U3R5bGUiOnsiJHJlZiI6Ijg4In19LCJIb3Jpem9udGFsQ29ubmVjdG9yU3R5bGUiOnsiJGlkIjoiNzMzIiwiTGluZUNvbG9yIjp7IiRyZWYiOiI5NiJ9LCJMaW5lV2VpZ2h0IjowLjAsIkxpbmVUeXBlIjowLCJQYXJlbnRTdHlsZSI6eyIkcmVmIjoiOTUifX0sIlZlcnRpY2FsQ29ubmVjdG9yU3R5bGUiOnsiJGlkIjoiNzM0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c1MyIsIkxpbmVDb2xvciI6bnVsbCwiTGluZVdlaWdodCI6MC4wLCJMaW5lVHlwZSI6MCwiUGFyZW50U3R5bGUiOm51bGx9LCJQYXJlbnRTdHlsZSI6eyIkcmVmIjoiODEifX0sIkR1cmF0aW9uU3R5bGUiOnsiJGlkIjoiNzU0IiwiRm9udFNldHRpbmdzIjp7IiRpZCI6Ijc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c1NiIsIkxpbmVDb2xvciI6bnVsbCwiTGluZVdlaWdodCI6MC4wLCJMaW5lVHlwZSI6MCwiUGFyZW50U3R5bGUiOm51bGx9LCJQYXJlbnRTdHlsZSI6eyIkcmVmIjoiODgifX0sIkhvcml6b250YWxDb25uZWN0b3JTdHlsZSI6eyIkaWQiOiI3NTciLCJMaW5lQ29sb3IiOnsiJHJlZiI6Ijk2In0sIkxpbmVXZWlnaHQiOjAuMCwiTGluZVR5cGUiOjAsIlBhcmVudFN0eWxlIjp7IiRyZWYiOiI5NSJ9fSwiVmVydGljYWxDb25uZWN0b3JTdHlsZSI6eyIkaWQiOiI3NTg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c3IiwiTGluZUNvbG9yIjpudWxsLCJMaW5lV2VpZ2h0IjowLjAsIkxpbmVUeXBlIjowLCJQYXJlbnRTdHlsZSI6bnVsbH0sIlBhcmVudFN0eWxlIjp7IiRyZWYiOiI4MSJ9fSwiRHVyYXRpb25TdHlsZSI6eyIkaWQiOiI3NzgiLCJGb250U2V0dGluZ3MiOnsiJGlkIjoiNzc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gwIiwiTGluZUNvbG9yIjpudWxsLCJMaW5lV2VpZ2h0IjowLjAsIkxpbmVUeXBlIjowLCJQYXJlbnRTdHlsZSI6bnVsbH0sIlBhcmVudFN0eWxlIjp7IiRyZWYiOiI4OCJ9fSwiSG9yaXpvbnRhbENvbm5lY3RvclN0eWxlIjp7IiRpZCI6Ijc4MSIsIkxpbmVDb2xvciI6eyIkcmVmIjoiOTYifSwiTGluZVdlaWdodCI6MC4wLCJMaW5lVHlwZSI6MCwiUGFyZW50U3R5bGUiOnsiJHJlZiI6Ijk1In19LCJWZXJ0aWNhbENvbm5lY3RvclN0eWxlIjp7IiRpZCI6Ijc4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4MDEiLCJMaW5lQ29sb3IiOm51bGwsIkxpbmVXZWlnaHQiOjAuMCwiTGluZVR5cGUiOjAsIlBhcmVudFN0eWxlIjpudWxsfSwiUGFyZW50U3R5bGUiOnsiJHJlZiI6IjgxIn19LCJEdXJhdGlvblN0eWxlIjp7IiRpZCI6IjgwMiIsIkZvbnRTZXR0aW5ncyI6eyIkaWQiOiI4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4MDQiLCJMaW5lQ29sb3IiOm51bGwsIkxpbmVXZWlnaHQiOjAuMCwiTGluZVR5cGUiOjAsIlBhcmVudFN0eWxlIjpudWxsfSwiUGFyZW50U3R5bGUiOnsiJHJlZiI6Ijg4In19LCJIb3Jpem9udGFsQ29ubmVjdG9yU3R5bGUiOnsiJGlkIjoiODA1IiwiTGluZUNvbG9yIjp7IiRyZWYiOiI5NiJ9LCJMaW5lV2VpZ2h0IjowLjAsIkxpbmVUeXBlIjowLCJQYXJlbnRTdHlsZSI6eyIkcmVmIjoiOTUifX0sIlZlcnRpY2FsQ29ubmVjdG9yU3R5bGUiOnsiJGlkIjoiODA2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gyNSIsIkxpbmVDb2xvciI6bnVsbCwiTGluZVdlaWdodCI6MC4wLCJMaW5lVHlwZSI6MCwiUGFyZW50U3R5bGUiOm51bGx9LCJQYXJlbnRTdHlsZSI6eyIkcmVmIjoiODEifX0sIkR1cmF0aW9uU3R5bGUiOnsiJGlkIjoiODI2IiwiRm9udFNldHRpbmdzIjp7IiRpZCI6Ijg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gyOCIsIkxpbmVDb2xvciI6bnVsbCwiTGluZVdlaWdodCI6MC4wLCJMaW5lVHlwZSI6MCwiUGFyZW50U3R5bGUiOm51bGx9LCJQYXJlbnRTdHlsZSI6eyIkcmVmIjoiODgifX0sIkhvcml6b250YWxDb25uZWN0b3JTdHlsZSI6eyIkaWQiOiI4MjkiLCJMaW5lQ29sb3IiOnsiJHJlZiI6Ijk2In0sIkxpbmVXZWlnaHQiOjAuMCwiTGluZVR5cGUiOjAsIlBhcmVudFN0eWxlIjp7IiRyZWYiOiI5NSJ9fSwiVmVydGljYWxDb25uZWN0b3JTdHlsZSI6eyIkaWQiOiI4MzA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EuMDQ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Q3LCJHIjo1NCwiQiI6MTU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1MSwiRyI6NTMsIkIiOjI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1MSwiRyI6NTMsIkIiOjI4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5LCJGb250TmFtZSI6IkNhbGlicmkiLCJJc0JvbGQiOmZhbHNlLCJJc0l0YWxpYyI6ZmFsc2UsIklzVW5kZXJsaW5lZCI6ZmFsc2UsIlBhcmVudFN0eWxlIjpudWxsfSwiQXV0b1NpemUiOjAsIkZvcmVncm91bmQiOnsiJGlkIjoiMzAiLCJDb2xvciI6eyIkaWQiOiIzMSIsIkEiOjI1NSwiUiI6NTEsIkciOjUzLCJCIjoyO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mYWxzZSwiRWxhcHNlZFRpbWVGb3JtYXQiOjIsIlRvZGF5TWFya2VyUG9zaXRpb24iOjEsIlF1aWNrUG9zaXRpb24iOjMsIkFic29sdXRlUG9zaXRpb24iOjQzMy4wNDE2NT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jUsIkciOjE2NSwiQiI6MTY1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ksIkZvbnROYW1lIjoiQ2FsaWJyaSIsIklzQm9sZCI6dHJ1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LCB5eXl5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OCwiRm9udE5hbWUiOiJDYWxpYnJpIiwiSXNCb2xkIjp0cnVlLCJJc0l0YWxpYyI6ZmFsc2UsIklzVW5kZXJsaW5lZCI6ZmFsc2UsIlBhcmVudFN0eWxlIjpudWxsfSwiQXV0b1NpemUiOjAsIkZvcmVncm91bmQiOnsiJGlkIjoiMTA5IiwiQ29sb3IiOnsiJGlkIjoiMTEwIiwiQSI6MjU1LCJSIjoyNTUsIkciOjI1NSwiQiI6MjU1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4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3LCJGb250TmFtZSI6IkNhbGlicmkiLCJJc0JvbGQiOmZhbHNlLCJJc0l0YWxpYyI6ZmFsc2UsIklzVW5kZXJsaW5lZCI6ZmFsc2UsIlBhcmVudFN0eWxlIjp7IiRyZWYiOiI3MyJ9fSwiQXV0b1NpemUiOjIsIkZvcmVncm91bmQiOnsiJGlkIjoiMTM5IiwiQ29sb3IiOnsiJGlkIjoiMTQwIiwiQSI6MjU1LCJSIjo1MSwiRyI6NTMsIkIiOjI4fX0sIk1heFdpZHRoIjo0MC4yNjg1ODEzOTAzODA4NTk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3ODk3Njc0ODE5NTY5NTI2LCJJc0N1c3RvbSI6dHJ1ZX0sIklkIjoiODBkNTQ2MzQtY2UzYi00M2E2LTlmZGItOWQxZjM4YWFjZjY2IiwiVGl0bGUiOiI0MDEgUGVybWl0IEFwcGxpY2F0aW9uIiwiTm90ZSI6bnVsbCwiSHlwZXJsaW5rIjpudWxsLCJJc0NoYW5nZWQiOmZhbHNlLCJJc05ldyI6ZmFsc2V9LHsiJGlkIjoiMjAzIiwiRGF0ZSI6IjIwMTUtMTEtMTN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NiIsIkxpbmVDb2xvciI6bnVsbCwiTGluZVdlaWdodCI6MC4wLCJMaW5lVHlwZSI6MCwiUGFyZW50U3R5bGUiOm51bGx9LCJQYXJlbnRTdHlsZSI6eyIkcmVmIjoiNjUifX0sIkRhdGVTdHlsZSI6eyIkaWQiOiIyOTciLCJGb250U2V0dGluZ3MiOnsiJGlkIjoiMjk4IiwiRm9udFNpemUiOjcsIkZvbnROYW1lIjoiQ2FsaWJyaSIsIklzQm9sZCI6ZmFsc2UsIklzSXRhbGljIjpmYWxzZSwiSXNVbmRlcmxpbmVkIjpmYWxzZSwiUGFyZW50U3R5bGUiOnsiJHJlZiI6IjczIn19LCJBdXRvU2l6ZSI6MiwiRm9yZWdyb3VuZCI6eyIkaWQiOiIyOTkiLCJDb2xvciI6eyIkaWQiOiIzMDAiLCJBIjoyNTUsIlIiOjUxLCJHIjo1MywiQiI6Mjh9fSwiTWF4V2lkdGgiOjQwLj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1IiwiTGluZUNvbG9yIjpudWxsLCJMaW5lV2VpZ2h0IjowLjAsIkxpbmVUeXBlIjowLCJQYXJlbnRTdHlsZSI6bnVsbH0sIlBhcmVudFN0eWxlIjp7IiRyZWYiOiI4MSJ9fSwiRHVyYXRpb25TdHlsZSI6eyIkaWQiOiIzNjYiLCJGb250U2V0dGluZ3MiOnsiJGlkIjoiMzY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4IiwiTGluZUNvbG9yIjpudWxsLCJMaW5lV2VpZ2h0IjowLjAsIkxpbmVUeXBlIjowLCJQYXJlbnRTdHlsZSI6bnVsbH0sIlBhcmVudFN0eWxlIjp7IiRyZWYiOiI4OCJ9fSwiSG9yaXpvbnRhbENvbm5lY3RvclN0eWxlIjp7IiRpZCI6IjM2OSIsIkxpbmVDb2xvciI6eyIkcmVmIjoiOTYifSwiTGluZVdlaWdodCI6MC4wLCJMaW5lVHlwZSI6MCwiUGFyZW50U3R5bGUiOnsiJHJlZiI6Ijk1In19LCJWZXJ0aWNhbENvbm5lY3RvclN0eWxlIjp7IiRpZCI6IjM3M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YsIkZvbnROYW1lIjoiQ2FsaWJyaSIsIklzQm9sZCI6ZmFsc2UsIklzSXRhbGljIjpmYWxzZSwiSXNVbmRlcmxpbmVkIjpmYWxzZSwiUGFyZW50U3R5bGUiOnsiJHJlZiI6IjExNSJ9fSwiQXV0b1NpemUiOjIsIkZvcmVncm91bmQiOnsiJGlkIjoiMzgyIiwiQ29sb3IiOnsiJGlkIjoiMzgzIiwiQSI6MjU1LCJSIjo1MSwiRyI6NTMsIkIiOjI4fX0sIk1heFdpZHRoIjo3Mi4zMTQwMTgyNDk1MTE3MTk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SIsIkxpbmVDb2xvciI6bnVsbCwiTGluZVdlaWdodCI6MC4wLCJMaW5lVHlwZSI6MCwiUGFyZW50U3R5bGUiOm51bGx9LCJQYXJlbnRTdHlsZSI6eyIkcmVmIjoiODEifX0sIkR1cmF0aW9uU3R5bGUiOnsiJGlkIjoiMzkwIiwiRm9udFNldHRpbmdzIjp7IiRpZCI6IjM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iIsIkxpbmVDb2xvciI6bnVsbCwiTGluZVdlaWdodCI6MC4wLCJMaW5lVHlwZSI6MCwiUGFyZW50U3R5bGUiOm51bGx9LCJQYXJlbnRTdHlsZSI6eyIkcmVmIjoiODgifX0sIkhvcml6b250YWxDb25uZWN0b3JTdHlsZSI6eyIkaWQiOiIzOTMiLCJMaW5lQ29sb3IiOnsiJHJlZiI6Ijk2In0sIkxpbmVXZWlnaHQiOjAuMCwiTGluZVR5cGUiOjAsIlBhcmVudFN0eWxlIjp7IiRyZWYiOiI5NSJ9fSwiVmVydGljYWxDb25uZWN0b3JTdHlsZSI6eyIkaWQiOiIzOTQ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iwiSWQiOiI3ZjA1ODEzOC0wZGU4LTQ1ODktYTcyYy0wYTEwMGEyN2I5YTMiLCJUaXRsZSI6IkZpbmFsIEJBIiwiTm90ZSI6bnVsbCwiSHlwZXJsaW5rIjpudWxsLCJJc0NoYW5nZWQiOmZhbHNlLCJJc05ldyI6ZmFsc2V9LHsiJGlkIjoiNDA5IiwiR3JvdXBOYW1lIjpudWxsLCJTdGFydERhdGUiOiIyMDE1LTA4LTAzVDAwOjAwOjAwWiIsIkVuZERhdGUiOiIyMDE2LTA0LTIyVDIzOjU5OjU5Ljk5OVoiLCJQZXJjZW50YWdlQ29tcGxldGUiOm51bGwsIlN0eWxlIjp7IiRpZCI6IjQxMCIsIlNoYXBlIjoxLCJTaGFwZVRoaWNrbmVzcyI6MywiRHVyYXRpb25Gb3JtYXQiOjA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zIiwiTGluZUNvbG9yIjpudWxsLCJMaW5lV2VpZ2h0IjowLjAsIkxpbmVUeXBlIjowLCJQYXJlbnRTdHlsZSI6bnVsbH0sIlBhcmVudFN0eWxlIjp7IiRyZWYiOiI4MSJ9fSwiRHVyYXRpb25TdHlsZSI6eyIkaWQiOiI0MTQiLCJGb250U2V0dGluZ3MiOnsiJGlkIjoiNDE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2IiwiTGluZUNvbG9yIjpudWxsLCJMaW5lV2VpZ2h0IjowLjAsIkxpbmVUeXBlIjowLCJQYXJlbnRTdHlsZSI6bnVsbH0sIlBhcmVudFN0eWxlIjp7IiRyZWYiOiI4OCJ9fSwiSG9yaXpvbnRhbENvbm5lY3RvclN0eWxlIjp7IiRpZCI6IjQxNyIsIkxpbmVDb2xvciI6eyIkcmVmIjoiOTYifSwiTGluZVdlaWdodCI6MC4wLCJMaW5lVHlwZSI6MCwiUGFyZW50U3R5bGUiOnsiJHJlZiI6Ijk1In19LCJWZXJ0aWNhbENvbm5lY3RvclN0eWxlIjp7IiRpZCI6IjQxO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MTkiLCJNYXJnaW4iOnsiJHJlZiI6IjEwMiJ9LCJQYWRkaW5nIjp7IiRyZWYiOiIxMDMifSwiQmFja2dyb3VuZCI6eyIkaWQiOiI0MjAiLCJDb2xvciI6eyIkaWQiOiI0MjEiLCJBIjoyNTUsIlIiOjI5LCJHIjo4MSwiQiI6MTA4fX0sIklzVmlzaWJsZSI6dHJ1ZSwiV2lkdGgiOjAuMCwiSGVpZ2h0Ijo4LjE2NDgwMzUwNDk0Mzg0Nzc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2LCJGb250TmFtZSI6IkNhbGlicmkiLCJJc0JvbGQiOnRydWUsIklzSXRhbGljIjpmYWxzZSwiSXNVbmRlcmxpbmVkIjpmYWxzZSwiUGFyZW50U3R5bGUiOnsiJHJlZiI6IjEwOCJ9fSwiQXV0b1NpemUiOjIsIkZvcmVncm91bmQiOnsiJGlkIjoiNDI1IiwiQ29sb3IiOnsiJGlkIjoiNDI2IiwiQSI6MjU1LCJSIjo1MSwiRyI6NTMsIkIiOjI4fX0sIk1heFdpZHRoIjo0Mi4yOTk5OTkyMzcwNjA1NDc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giLCJMaW5lQ29sb3IiOm51bGwsIkxpbmVXZWlnaHQiOjAuMCwiTGluZVR5cGUiOjAsIlBhcmVudFN0eWxlIjpudWxsfSwiUGFyZW50U3R5bGUiOnsiJHJlZiI6IjgxIn19LCJEdXJhdGlvblN0eWxlIjp7IiRpZCI6IjQzOSIsIkZvbnRTZXR0aW5ncyI6eyIkaWQiOiI0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EiLCJMaW5lQ29sb3IiOm51bGwsIkxpbmVXZWlnaHQiOjAuMCwiTGluZVR5cGUiOjAsIlBhcmVudFN0eWxlIjpudWxsfSwiUGFyZW50U3R5bGUiOnsiJHJlZiI6Ijg4In19LCJIb3Jpem9udGFsQ29ubmVjdG9yU3R5bGUiOnsiJGlkIjoiNDQyIiwiTGluZUNvbG9yIjp7IiRyZWYiOiI5NiJ9LCJMaW5lV2VpZ2h0IjowLjAsIkxpbmVUeXBlIjowLCJQYXJlbnRTdHlsZSI6eyIkcmVmIjoiOTUifX0sIlZlcnRpY2FsQ29ubmVjdG9yU3R5bGUiOnsiJGlkIjoiNDQz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IiLCJMaW5lQ29sb3IiOm51bGwsIkxpbmVXZWlnaHQiOjAuMCwiTGluZVR5cGUiOjAsIlBhcmVudFN0eWxlIjpudWxsfSwiUGFyZW50U3R5bGUiOnsiJHJlZiI6IjgxIn19LCJEdXJhdGlvblN0eWxlIjp7IiRpZCI6IjQ2MyIsIkZvbnRTZXR0aW5ncyI6eyIkaWQiOiI0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UiLCJMaW5lQ29sb3IiOm51bGwsIkxpbmVXZWlnaHQiOjAuMCwiTGluZVR5cGUiOjAsIlBhcmVudFN0eWxlIjpudWxsfSwiUGFyZW50U3R5bGUiOnsiJHJlZiI6Ijg4In19LCJIb3Jpem9udGFsQ29ubmVjdG9yU3R5bGUiOnsiJGlkIjoiNDY2IiwiTGluZUNvbG9yIjp7IiRyZWYiOiI5NiJ9LCJMaW5lV2VpZ2h0IjowLjAsIkxpbmVUeXBlIjowLCJQYXJlbnRTdHlsZSI6eyIkcmVmIjoiOTUifX0sIlZlcnRpY2FsQ29ubmVjdG9yU3R5bGUiOnsiJGlkIjoiNDY3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kzIiwiTWFyZ2luIjp7IiRyZWYiOiIxMDIifSwiUGFkZGluZyI6eyIkcmVmIjoiMTAzIn0sIkJhY2tncm91bmQiOnsiJGlkIjoiNDk0IiwiQ29sb3IiOnsiJGlkIjoiNDk1IiwiQSI6MjU1LCJSIjowLCJHIjoxMTQsIkIiOjE4OH19LCJJc1Zpc2libGUiOnRydWUsIldpZHRoIjowLjAsIkhlaWdodCI6OS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NiwiRm9udE5hbWUiOiJDYWxpYnJpIiwiSXNCb2xkIjp0cnVlLCJJc0l0YWxpYyI6ZmFsc2UsIklzVW5kZXJsaW5lZCI6ZmFsc2UsIlBhcmVudFN0eWxlIjp7IiRyZWYiOiIxMDgifX0sIkF1dG9TaXplIjoyLCJGb3JlZ3JvdW5kIjp7IiRpZCI6IjQ5OSIsIkNvbG9yIjp7IiRpZCI6IjUwMCIsIkEiOjI1NSwiUiI6NTEsIkciOjUzLCJCIjoyOH19LCJNYXhXaWR0aCI6MTE5LjY5OTk5Njk0ODI0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ExIiwiTGluZUNvbG9yIjpudWxsLCJMaW5lV2VpZ2h0IjowLjAsIkxpbmVUeXBlIjowLCJQYXJlbnRTdHlsZSI6bnVsbH0sIlBhcmVudFN0eWxlIjp7IiRyZWYiOiI4MSJ9fSwiRHVyYXRpb25TdHlsZSI6eyIkaWQiOiI1MTIiLCJGb250U2V0dGluZ3MiOnsiJGlkIjoiNT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0IiwiTGluZUNvbG9yIjpudWxsLCJMaW5lV2VpZ2h0IjowLjAsIkxpbmVUeXBlIjowLCJQYXJlbnRTdHlsZSI6bnVsbH0sIlBhcmVudFN0eWxlIjp7IiRyZWYiOiI4OCJ9fSwiSG9yaXpvbnRhbENvbm5lY3RvclN0eWxlIjp7IiRpZCI6IjUxNSIsIkxpbmVDb2xvciI6eyIkcmVmIjoiOTYifSwiTGluZVdlaWdodCI6MC4wLCJMaW5lVHlwZSI6MCwiUGFyZW50U3R5bGUiOnsiJHJlZiI6Ijk1In19LCJWZXJ0aWNhbENvbm5lY3RvclN0eWxlIjp7IiRpZCI6IjUxN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1IiwiTGluZUNvbG9yIjpudWxsLCJMaW5lV2VpZ2h0IjowLjAsIkxpbmVUeXBlIjowLCJQYXJlbnRTdHlsZSI6bnVsbH0sIlBhcmVudFN0eWxlIjp7IiRyZWYiOiI4MSJ9fSwiRHVyYXRpb25TdHlsZSI6eyIkaWQiOiI1MzYiLCJGb250U2V0dGluZ3MiOnsiJGlkIjoiNT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4IiwiTGluZUNvbG9yIjpudWxsLCJMaW5lV2VpZ2h0IjowLjAsIkxpbmVUeXBlIjowLCJQYXJlbnRTdHlsZSI6bnVsbH0sIlBhcmVudFN0eWxlIjp7IiRyZWYiOiI4OCJ9fSwiSG9yaXpvbnRhbENvbm5lY3RvclN0eWxlIjp7IiRpZCI6IjUzOSIsIkxpbmVDb2xvciI6eyIkcmVmIjoiOTYifSwiTGluZVdlaWdodCI6MC4wLCJMaW5lVHlwZSI6MCwiUGFyZW50U3R5bGUiOnsiJHJlZiI6Ijk1In19LCJWZXJ0aWNhbENvbm5lY3RvclN0eWxlIjp7IiRpZCI6IjU0MC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AiLCJMaW5lQ29sb3IiOm51bGwsIkxpbmVXZWlnaHQiOjAuMCwiTGluZVR5cGUiOjAsIlBhcmVudFN0eWxlIjpudWxsfSwiUGFyZW50U3R5bGUiOnsiJHJlZiI6IjgxIn19LCJEdXJhdGlvblN0eWxlIjp7IiRpZCI6IjU2MSIsIkZvbnRTZXR0aW5ncyI6eyIkaWQiOiI1Nj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jMiLCJMaW5lQ29sb3IiOm51bGwsIkxpbmVXZWlnaHQiOjAuMCwiTGluZVR5cGUiOjAsIlBhcmVudFN0eWxlIjpudWxsfSwiUGFyZW50U3R5bGUiOnsiJHJlZiI6Ijg4In19LCJIb3Jpem9udGFsQ29ubmVjdG9yU3R5bGUiOnsiJGlkIjoiNTY0IiwiTGluZUNvbG9yIjp7IiRyZWYiOiI5NiJ9LCJMaW5lV2VpZ2h0IjowLjAsIkxpbmVUeXBlIjowLCJQYXJlbnRTdHlsZSI6eyIkcmVmIjoiOTUifX0sIlZlcnRpY2FsQ29ubmVjdG9yU3R5bGUiOnsiJGlkIjoiNTY1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g0IiwiTGluZUNvbG9yIjpudWxsLCJMaW5lV2VpZ2h0IjowLjAsIkxpbmVUeXBlIjowLCJQYXJlbnRTdHlsZSI6bnVsbH0sIlBhcmVudFN0eWxlIjp7IiRyZWYiOiI4MSJ9fSwiRHVyYXRpb25TdHlsZSI6eyIkaWQiOiI1ODUiLCJGb250U2V0dGluZ3MiOnsiJGlkIjoiN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g3IiwiTGluZUNvbG9yIjpudWxsLCJMaW5lV2VpZ2h0IjowLjAsIkxpbmVUeXBlIjowLCJQYXJlbnRTdHlsZSI6bnVsbH0sIlBhcmVudFN0eWxlIjp7IiRyZWYiOiI4OCJ9fSwiSG9yaXpvbnRhbENvbm5lY3RvclN0eWxlIjp7IiRpZCI6IjU4OCIsIkxpbmVDb2xvciI6eyIkcmVmIjoiOTYifSwiTGluZVdlaWdodCI6MC4wLCJMaW5lVHlwZSI6MCwiUGFyZW50U3R5bGUiOnsiJHJlZiI6Ijk1In19LCJWZXJ0aWNhbENvbm5lY3RvclN0eWxlIjp7IiRpZCI6IjU4O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giLCJMaW5lQ29sb3IiOm51bGwsIkxpbmVXZWlnaHQiOjAuMCwiTGluZVR5cGUiOjAsIlBhcmVudFN0eWxlIjpudWxsfSwiUGFyZW50U3R5bGUiOnsiJHJlZiI6IjgxIn19LCJEdXJhdGlvblN0eWxlIjp7IiRpZCI6IjYwOSIsIkZvbnRTZXR0aW5ncyI6eyIkaWQiOiI2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EiLCJMaW5lQ29sb3IiOm51bGwsIkxpbmVXZWlnaHQiOjAuMCwiTGluZVR5cGUiOjAsIlBhcmVudFN0eWxlIjpudWxsfSwiUGFyZW50U3R5bGUiOnsiJHJlZiI6Ijg4In19LCJIb3Jpem9udGFsQ29ubmVjdG9yU3R5bGUiOnsiJGlkIjoiNjEyIiwiTGluZUNvbG9yIjp7IiRyZWYiOiI5NiJ9LCJMaW5lV2VpZ2h0IjowLjAsIkxpbmVUeXBlIjowLCJQYXJlbnRTdHlsZSI6eyIkcmVmIjoiOTUifX0sIlZlcnRpY2FsQ29ubmVjdG9yU3R5bGUiOnsiJGlkIjoiNjEz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zMiIsIkxpbmVDb2xvciI6bnVsbCwiTGluZVdlaWdodCI6MC4wLCJMaW5lVHlwZSI6MCwiUGFyZW50U3R5bGUiOm51bGx9LCJQYXJlbnRTdHlsZSI6eyIkcmVmIjoiODEifX0sIkR1cmF0aW9uU3R5bGUiOnsiJGlkIjoiNjMzIiwiRm9udFNldHRpbmdzIjp7IiRpZCI6IjY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NSIsIkxpbmVDb2xvciI6bnVsbCwiTGluZVdlaWdodCI6MC4wLCJMaW5lVHlwZSI6MCwiUGFyZW50U3R5bGUiOm51bGx9LCJQYXJlbnRTdHlsZSI6eyIkcmVmIjoiODgifX0sIkhvcml6b250YWxDb25uZWN0b3JTdHlsZSI6eyIkaWQiOiI2MzYiLCJMaW5lQ29sb3IiOnsiJHJlZiI6Ijk2In0sIkxpbmVXZWlnaHQiOjAuMCwiTGluZVR5cGUiOjAsIlBhcmVudFN0eWxlIjp7IiRyZWYiOiI5NSJ9fSwiVmVydGljYWxDb25uZWN0b3JTdHlsZSI6eyIkaWQiOiI2Mzc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U2IiwiTGluZUNvbG9yIjpudWxsLCJMaW5lV2VpZ2h0IjowLjAsIkxpbmVUeXBlIjowLCJQYXJlbnRTdHlsZSI6bnVsbH0sIlBhcmVudFN0eWxlIjp7IiRyZWYiOiI4MSJ9fSwiRHVyYXRpb25TdHlsZSI6eyIkaWQiOiI2NTciLCJGb250U2V0dGluZ3MiOnsiJGlkIjoiNjU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5IiwiTGluZUNvbG9yIjpudWxsLCJMaW5lV2VpZ2h0IjowLjAsIkxpbmVUeXBlIjowLCJQYXJlbnRTdHlsZSI6bnVsbH0sIlBhcmVudFN0eWxlIjp7IiRyZWYiOiI4OCJ9fSwiSG9yaXpvbnRhbENvbm5lY3RvclN0eWxlIjp7IiRpZCI6IjY2MCIsIkxpbmVDb2xvciI6eyIkcmVmIjoiOTYifSwiTGluZVdlaWdodCI6MC4wLCJMaW5lVHlwZSI6MCwiUGFyZW50U3R5bGUiOnsiJHJlZiI6Ijk1In19LCJWZXJ0aWNhbENvbm5lY3RvclN0eWxlIjp7IiRpZCI6IjY2M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4MCIsIkxpbmVDb2xvciI6bnVsbCwiTGluZVdlaWdodCI6MC4wLCJMaW5lVHlwZSI6MCwiUGFyZW50U3R5bGUiOm51bGx9LCJQYXJlbnRTdHlsZSI6eyIkcmVmIjoiODEifX0sIkR1cmF0aW9uU3R5bGUiOnsiJGlkIjoiNjgxIiwiRm9udFNldHRpbmdzIjp7IiRpZCI6IjY4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4MyIsIkxpbmVDb2xvciI6bnVsbCwiTGluZVdlaWdodCI6MC4wLCJMaW5lVHlwZSI6MCwiUGFyZW50U3R5bGUiOm51bGx9LCJQYXJlbnRTdHlsZSI6eyIkcmVmIjoiODgifX0sIkhvcml6b250YWxDb25uZWN0b3JTdHlsZSI6eyIkaWQiOiI2ODQiLCJMaW5lQ29sb3IiOnsiJHJlZiI6Ijk2In0sIkxpbmVXZWlnaHQiOjAuMCwiTGluZVR5cGUiOjAsIlBhcmVudFN0eWxlIjp7IiRyZWYiOiI5NSJ9fSwiVmVydGljYWxDb25uZWN0b3JTdHlsZSI6eyIkaWQiOiI2ODU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A0IiwiTGluZUNvbG9yIjpudWxsLCJMaW5lV2VpZ2h0IjowLjAsIkxpbmVUeXBlIjowLCJQYXJlbnRTdHlsZSI6bnVsbH0sIlBhcmVudFN0eWxlIjp7IiRyZWYiOiI4MSJ9fSwiRHVyYXRpb25TdHlsZSI6eyIkaWQiOiI3MDUiLCJGb250U2V0dGluZ3MiOnsiJGlkIjoiNz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A3IiwiTGluZUNvbG9yIjpudWxsLCJMaW5lV2VpZ2h0IjowLjAsIkxpbmVUeXBlIjowLCJQYXJlbnRTdHlsZSI6bnVsbH0sIlBhcmVudFN0eWxlIjp7IiRyZWYiOiI4OCJ9fSwiSG9yaXpvbnRhbENvbm5lY3RvclN0eWxlIjp7IiRpZCI6IjcwOCIsIkxpbmVDb2xvciI6eyIkcmVmIjoiOTYifSwiTGluZVdlaWdodCI6MC4wLCJMaW5lVHlwZSI6MCwiUGFyZW50U3R5bGUiOnsiJHJlZiI6Ijk1In19LCJWZXJ0aWNhbENvbm5lY3RvclN0eWxlIjp7IiRpZCI6IjcwOS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jkiLCJMaW5lQ29sb3IiOm51bGwsIkxpbmVXZWlnaHQiOjAuMCwiTGluZVR5cGUiOjAsIlBhcmVudFN0eWxlIjpudWxsfSwiUGFyZW50U3R5bGUiOnsiJHJlZiI6IjgxIn19LCJEdXJhdGlvblN0eWxlIjp7IiRpZCI6IjczMCIsIkZvbnRTZXR0aW5ncyI6eyIkaWQiOiI3Mz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zIiLCJMaW5lQ29sb3IiOm51bGwsIkxpbmVXZWlnaHQiOjAuMCwiTGluZVR5cGUiOjAsIlBhcmVudFN0eWxlIjpudWxsfSwiUGFyZW50U3R5bGUiOnsiJHJlZiI6Ijg4In19LCJIb3Jpem9udGFsQ29ubmVjdG9yU3R5bGUiOnsiJGlkIjoiNzMzIiwiTGluZUNvbG9yIjp7IiRyZWYiOiI5NiJ9LCJMaW5lV2VpZ2h0IjowLjAsIkxpbmVUeXBlIjowLCJQYXJlbnRTdHlsZSI6eyIkcmVmIjoiOTUifX0sIlZlcnRpY2FsQ29ubmVjdG9yU3R5bGUiOnsiJGlkIjoiNzM0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c1MyIsIkxpbmVDb2xvciI6bnVsbCwiTGluZVdlaWdodCI6MC4wLCJMaW5lVHlwZSI6MCwiUGFyZW50U3R5bGUiOm51bGx9LCJQYXJlbnRTdHlsZSI6eyIkcmVmIjoiODEifX0sIkR1cmF0aW9uU3R5bGUiOnsiJGlkIjoiNzU0IiwiRm9udFNldHRpbmdzIjp7IiRpZCI6Ijc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c1NiIsIkxpbmVDb2xvciI6bnVsbCwiTGluZVdlaWdodCI6MC4wLCJMaW5lVHlwZSI6MCwiUGFyZW50U3R5bGUiOm51bGx9LCJQYXJlbnRTdHlsZSI6eyIkcmVmIjoiODgifX0sIkhvcml6b250YWxDb25uZWN0b3JTdHlsZSI6eyIkaWQiOiI3NTciLCJMaW5lQ29sb3IiOnsiJHJlZiI6Ijk2In0sIkxpbmVXZWlnaHQiOjAuMCwiTGluZVR5cGUiOjAsIlBhcmVudFN0eWxlIjp7IiRyZWYiOiI5NSJ9fSwiVmVydGljYWxDb25uZWN0b3JTdHlsZSI6eyIkaWQiOiI3NTg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c3IiwiTGluZUNvbG9yIjpudWxsLCJMaW5lV2VpZ2h0IjowLjAsIkxpbmVUeXBlIjowLCJQYXJlbnRTdHlsZSI6bnVsbH0sIlBhcmVudFN0eWxlIjp7IiRyZWYiOiI4MSJ9fSwiRHVyYXRpb25TdHlsZSI6eyIkaWQiOiI3NzgiLCJGb250U2V0dGluZ3MiOnsiJGlkIjoiNzc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gwIiwiTGluZUNvbG9yIjpudWxsLCJMaW5lV2VpZ2h0IjowLjAsIkxpbmVUeXBlIjowLCJQYXJlbnRTdHlsZSI6bnVsbH0sIlBhcmVudFN0eWxlIjp7IiRyZWYiOiI4OCJ9fSwiSG9yaXpvbnRhbENvbm5lY3RvclN0eWxlIjp7IiRpZCI6Ijc4MSIsIkxpbmVDb2xvciI6eyIkcmVmIjoiOTYifSwiTGluZVdlaWdodCI6MC4wLCJMaW5lVHlwZSI6MCwiUGFyZW50U3R5bGUiOnsiJHJlZiI6Ijk1In19LCJWZXJ0aWNhbENvbm5lY3RvclN0eWxlIjp7IiRpZCI6Ijc4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4MDEiLCJMaW5lQ29sb3IiOm51bGwsIkxpbmVXZWlnaHQiOjAuMCwiTGluZVR5cGUiOjAsIlBhcmVudFN0eWxlIjpudWxsfSwiUGFyZW50U3R5bGUiOnsiJHJlZiI6IjgxIn19LCJEdXJhdGlvblN0eWxlIjp7IiRpZCI6IjgwMiIsIkZvbnRTZXR0aW5ncyI6eyIkaWQiOiI4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4MDQiLCJMaW5lQ29sb3IiOm51bGwsIkxpbmVXZWlnaHQiOjAuMCwiTGluZVR5cGUiOjAsIlBhcmVudFN0eWxlIjpudWxsfSwiUGFyZW50U3R5bGUiOnsiJHJlZiI6Ijg4In19LCJIb3Jpem9udGFsQ29ubmVjdG9yU3R5bGUiOnsiJGlkIjoiODA1IiwiTGluZUNvbG9yIjp7IiRyZWYiOiI5NiJ9LCJMaW5lV2VpZ2h0IjowLjAsIkxpbmVUeXBlIjowLCJQYXJlbnRTdHlsZSI6eyIkcmVmIjoiOTUifX0sIlZlcnRpY2FsQ29ubmVjdG9yU3R5bGUiOnsiJGlkIjoiODA2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gyNSIsIkxpbmVDb2xvciI6bnVsbCwiTGluZVdlaWdodCI6MC4wLCJMaW5lVHlwZSI6MCwiUGFyZW50U3R5bGUiOm51bGx9LCJQYXJlbnRTdHlsZSI6eyIkcmVmIjoiODEifX0sIkR1cmF0aW9uU3R5bGUiOnsiJGlkIjoiODI2IiwiRm9udFNldHRpbmdzIjp7IiRpZCI6Ijg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gyOCIsIkxpbmVDb2xvciI6bnVsbCwiTGluZVdlaWdodCI6MC4wLCJMaW5lVHlwZSI6MCwiUGFyZW50U3R5bGUiOm51bGx9LCJQYXJlbnRTdHlsZSI6eyIkcmVmIjoiODgifX0sIkhvcml6b250YWxDb25uZWN0b3JTdHlsZSI6eyIkaWQiOiI4MjkiLCJMaW5lQ29sb3IiOnsiJHJlZiI6Ijk2In0sIkxpbmVXZWlnaHQiOjAuMCwiTGluZVR5cGUiOjAsIlBhcmVudFN0eWxlIjp7IiRyZWYiOiI5NSJ9fSwiVmVydGljYWxDb25uZWN0b3JTdHlsZSI6eyIkaWQiOiI4MzA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NOPREFERENCE" val="False"/>
  <p:tag name="DELIMITERS" val="3.1"/>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0.xml><?xml version="1.0" encoding="utf-8"?>
<a:theme xmlns:a="http://schemas.openxmlformats.org/drawingml/2006/main" name="8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1.xml><?xml version="1.0" encoding="utf-8"?>
<a:theme xmlns:a="http://schemas.openxmlformats.org/drawingml/2006/main" name="9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2.xml><?xml version="1.0" encoding="utf-8"?>
<a:theme xmlns:a="http://schemas.openxmlformats.org/drawingml/2006/main" name="10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3.xml><?xml version="1.0" encoding="utf-8"?>
<a:theme xmlns:a="http://schemas.openxmlformats.org/drawingml/2006/main" name="11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4.xml><?xml version="1.0" encoding="utf-8"?>
<a:theme xmlns:a="http://schemas.openxmlformats.org/drawingml/2006/main" name="12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5.xml><?xml version="1.0" encoding="utf-8"?>
<a:theme xmlns:a="http://schemas.openxmlformats.org/drawingml/2006/main" name="2_Board Master Templat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txDef>
      <a:spPr bwMode="auto">
        <a:noFill/>
        <a:ln w="9525">
          <a:noFill/>
          <a:miter lim="800000"/>
          <a:headEnd/>
          <a:tailEnd/>
        </a:ln>
      </a:spPr>
      <a:bodyPr lIns="0" rIns="0" bIns="0">
        <a:spAutoFit/>
        <a:scene3d>
          <a:camera prst="orthographicFront"/>
          <a:lightRig rig="flat" dir="tl">
            <a:rot lat="0" lon="0" rev="6600000"/>
          </a:lightRig>
        </a:scene3d>
        <a:sp3d extrusionH="25400" contourW="8890">
          <a:bevelT w="38100" h="31750"/>
          <a:contourClr>
            <a:schemeClr val="accent2">
              <a:shade val="75000"/>
            </a:schemeClr>
          </a:contourClr>
        </a:sp3d>
      </a:bodyPr>
      <a:lstStyle>
        <a:defPPr algn="ctr" fontAlgn="auto">
          <a:spcAft>
            <a:spcPts val="0"/>
          </a:spcAft>
          <a:defRPr sz="4800" b="1" dirty="0">
            <a:ln w="11430"/>
            <a:solidFill>
              <a:srgbClr val="FFFF00"/>
            </a:solidFill>
            <a:effectLst>
              <a:outerShdw blurRad="50800" dist="39000" dir="5460000" algn="tl">
                <a:srgbClr val="000000">
                  <a:alpha val="38000"/>
                </a:srgbClr>
              </a:outerShdw>
            </a:effectLst>
            <a:latin typeface="+mj-lt"/>
            <a:ea typeface="+mj-ea"/>
          </a:defRPr>
        </a:defPPr>
      </a:lstStyle>
    </a:txDef>
  </a:objectDefaults>
  <a:extraClrSchemeLst/>
</a:theme>
</file>

<file path=ppt/theme/theme16.xml><?xml version="1.0" encoding="utf-8"?>
<a:theme xmlns:a="http://schemas.openxmlformats.org/drawingml/2006/main" name="2_Office Theme">
  <a:themeElements>
    <a:clrScheme name="Mercurio">
      <a:dk1>
        <a:srgbClr val="95A5A6"/>
      </a:dk1>
      <a:lt1>
        <a:sysClr val="window" lastClr="FFFFFF"/>
      </a:lt1>
      <a:dk2>
        <a:srgbClr val="2C3E50"/>
      </a:dk2>
      <a:lt2>
        <a:srgbClr val="F2F2F2"/>
      </a:lt2>
      <a:accent1>
        <a:srgbClr val="2980B9"/>
      </a:accent1>
      <a:accent2>
        <a:srgbClr val="16A085"/>
      </a:accent2>
      <a:accent3>
        <a:srgbClr val="9BBB59"/>
      </a:accent3>
      <a:accent4>
        <a:srgbClr val="F39C12"/>
      </a:accent4>
      <a:accent5>
        <a:srgbClr val="C0392B"/>
      </a:accent5>
      <a:accent6>
        <a:srgbClr val="4B2C50"/>
      </a:accent6>
      <a:hlink>
        <a:srgbClr val="0000FF"/>
      </a:hlink>
      <a:folHlink>
        <a:srgbClr val="800080"/>
      </a:folHlink>
    </a:clrScheme>
    <a:fontScheme name="Mercurio">
      <a:majorFont>
        <a:latin typeface="Source Sans Pro"/>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7.xml><?xml version="1.0" encoding="utf-8"?>
<a:theme xmlns:a="http://schemas.openxmlformats.org/drawingml/2006/main" name="13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8.xml><?xml version="1.0" encoding="utf-8"?>
<a:theme xmlns:a="http://schemas.openxmlformats.org/drawingml/2006/main" name="14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19.xml><?xml version="1.0" encoding="utf-8"?>
<a:theme xmlns:a="http://schemas.openxmlformats.org/drawingml/2006/main" name="15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xml><?xml version="1.0" encoding="utf-8"?>
<a:theme xmlns:a="http://schemas.openxmlformats.org/drawingml/2006/main" name="Theme2">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0.xml><?xml version="1.0" encoding="utf-8"?>
<a:theme xmlns:a="http://schemas.openxmlformats.org/drawingml/2006/main" name="16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1.xml><?xml version="1.0" encoding="utf-8"?>
<a:theme xmlns:a="http://schemas.openxmlformats.org/drawingml/2006/main" name="17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2.xml><?xml version="1.0" encoding="utf-8"?>
<a:theme xmlns:a="http://schemas.openxmlformats.org/drawingml/2006/main" name="Board Master Templat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txDef>
      <a:spPr bwMode="auto">
        <a:noFill/>
        <a:ln w="9525">
          <a:noFill/>
          <a:miter lim="800000"/>
          <a:headEnd/>
          <a:tailEnd/>
        </a:ln>
      </a:spPr>
      <a:bodyPr lIns="0" rIns="0" bIns="0">
        <a:spAutoFit/>
        <a:scene3d>
          <a:camera prst="orthographicFront"/>
          <a:lightRig rig="flat" dir="tl">
            <a:rot lat="0" lon="0" rev="6600000"/>
          </a:lightRig>
        </a:scene3d>
        <a:sp3d extrusionH="25400" contourW="8890">
          <a:bevelT w="38100" h="31750"/>
          <a:contourClr>
            <a:schemeClr val="accent2">
              <a:shade val="75000"/>
            </a:schemeClr>
          </a:contourClr>
        </a:sp3d>
      </a:bodyPr>
      <a:lstStyle>
        <a:defPPr algn="ctr" fontAlgn="auto">
          <a:spcAft>
            <a:spcPts val="0"/>
          </a:spcAft>
          <a:defRPr sz="4800" b="1" dirty="0">
            <a:ln w="11430"/>
            <a:solidFill>
              <a:srgbClr val="FFFF00"/>
            </a:solidFill>
            <a:effectLst>
              <a:outerShdw blurRad="50800" dist="39000" dir="5460000" algn="tl">
                <a:srgbClr val="000000">
                  <a:alpha val="38000"/>
                </a:srgbClr>
              </a:outerShdw>
            </a:effectLst>
            <a:latin typeface="+mj-lt"/>
            <a:ea typeface="+mj-ea"/>
          </a:defRPr>
        </a:defPPr>
      </a:lstStyle>
    </a:txDef>
  </a:objectDefaults>
  <a:extraClrSchemeLst/>
</a:theme>
</file>

<file path=ppt/theme/theme23.xml><?xml version="1.0" encoding="utf-8"?>
<a:theme xmlns:a="http://schemas.openxmlformats.org/drawingml/2006/main" name="18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4.xml><?xml version="1.0" encoding="utf-8"?>
<a:theme xmlns:a="http://schemas.openxmlformats.org/drawingml/2006/main" name="19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5.xml><?xml version="1.0" encoding="utf-8"?>
<a:theme xmlns:a="http://schemas.openxmlformats.org/drawingml/2006/main" name="20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6.xml><?xml version="1.0" encoding="utf-8"?>
<a:theme xmlns:a="http://schemas.openxmlformats.org/drawingml/2006/main" name="21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7.xml><?xml version="1.0" encoding="utf-8"?>
<a:theme xmlns:a="http://schemas.openxmlformats.org/drawingml/2006/main" name="22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8.xml><?xml version="1.0" encoding="utf-8"?>
<a:theme xmlns:a="http://schemas.openxmlformats.org/drawingml/2006/main" name="23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29.xml><?xml version="1.0" encoding="utf-8"?>
<a:theme xmlns:a="http://schemas.openxmlformats.org/drawingml/2006/main" name="24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xml><?xml version="1.0" encoding="utf-8"?>
<a:theme xmlns:a="http://schemas.openxmlformats.org/drawingml/2006/main" name="1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0.xml><?xml version="1.0" encoding="utf-8"?>
<a:theme xmlns:a="http://schemas.openxmlformats.org/drawingml/2006/main" name="25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1.xml><?xml version="1.0" encoding="utf-8"?>
<a:theme xmlns:a="http://schemas.openxmlformats.org/drawingml/2006/main" name="26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2.xml><?xml version="1.0" encoding="utf-8"?>
<a:theme xmlns:a="http://schemas.openxmlformats.org/drawingml/2006/main" name="27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3.xml><?xml version="1.0" encoding="utf-8"?>
<a:theme xmlns:a="http://schemas.openxmlformats.org/drawingml/2006/main" name="28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4.xml><?xml version="1.0" encoding="utf-8"?>
<a:theme xmlns:a="http://schemas.openxmlformats.org/drawingml/2006/main" name="29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5.xml><?xml version="1.0" encoding="utf-8"?>
<a:theme xmlns:a="http://schemas.openxmlformats.org/drawingml/2006/main" name="30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6.xml><?xml version="1.0" encoding="utf-8"?>
<a:theme xmlns:a="http://schemas.openxmlformats.org/drawingml/2006/main" name="31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7.xml><?xml version="1.0" encoding="utf-8"?>
<a:theme xmlns:a="http://schemas.openxmlformats.org/drawingml/2006/main" name="32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8.xml><?xml version="1.0" encoding="utf-8"?>
<a:theme xmlns:a="http://schemas.openxmlformats.org/drawingml/2006/main" name="33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39.xml><?xml version="1.0" encoding="utf-8"?>
<a:theme xmlns:a="http://schemas.openxmlformats.org/drawingml/2006/main" name="34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xml><?xml version="1.0" encoding="utf-8"?>
<a:theme xmlns:a="http://schemas.openxmlformats.org/drawingml/2006/main" name="2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0.xml><?xml version="1.0" encoding="utf-8"?>
<a:theme xmlns:a="http://schemas.openxmlformats.org/drawingml/2006/main" name="35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1.xml><?xml version="1.0" encoding="utf-8"?>
<a:theme xmlns:a="http://schemas.openxmlformats.org/drawingml/2006/main" name="36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2.xml><?xml version="1.0" encoding="utf-8"?>
<a:theme xmlns:a="http://schemas.openxmlformats.org/drawingml/2006/main" name="37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3.xml><?xml version="1.0" encoding="utf-8"?>
<a:theme xmlns:a="http://schemas.openxmlformats.org/drawingml/2006/main" name="38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4.xml><?xml version="1.0" encoding="utf-8"?>
<a:theme xmlns:a="http://schemas.openxmlformats.org/drawingml/2006/main" name="39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5.xml><?xml version="1.0" encoding="utf-8"?>
<a:theme xmlns:a="http://schemas.openxmlformats.org/drawingml/2006/main" name="3_Board Master Templat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txDef>
      <a:spPr bwMode="auto">
        <a:noFill/>
        <a:ln w="9525">
          <a:noFill/>
          <a:miter lim="800000"/>
          <a:headEnd/>
          <a:tailEnd/>
        </a:ln>
      </a:spPr>
      <a:bodyPr lIns="0" rIns="0" bIns="0">
        <a:spAutoFit/>
        <a:scene3d>
          <a:camera prst="orthographicFront"/>
          <a:lightRig rig="flat" dir="tl">
            <a:rot lat="0" lon="0" rev="6600000"/>
          </a:lightRig>
        </a:scene3d>
        <a:sp3d extrusionH="25400" contourW="8890">
          <a:bevelT w="38100" h="31750"/>
          <a:contourClr>
            <a:schemeClr val="accent2">
              <a:shade val="75000"/>
            </a:schemeClr>
          </a:contourClr>
        </a:sp3d>
      </a:bodyPr>
      <a:lstStyle>
        <a:defPPr algn="ctr" fontAlgn="auto">
          <a:spcAft>
            <a:spcPts val="0"/>
          </a:spcAft>
          <a:defRPr sz="4800" b="1" dirty="0">
            <a:ln w="11430"/>
            <a:solidFill>
              <a:srgbClr val="FFFF00"/>
            </a:solidFill>
            <a:effectLst>
              <a:outerShdw blurRad="50800" dist="39000" dir="5460000" algn="tl">
                <a:srgbClr val="000000">
                  <a:alpha val="38000"/>
                </a:srgbClr>
              </a:outerShdw>
            </a:effectLst>
            <a:latin typeface="+mj-lt"/>
            <a:ea typeface="+mj-ea"/>
          </a:defRPr>
        </a:defPPr>
      </a:lstStyle>
    </a:txDef>
  </a:objectDefaults>
  <a:extraClrSchemeLst/>
</a:theme>
</file>

<file path=ppt/theme/theme46.xml><?xml version="1.0" encoding="utf-8"?>
<a:theme xmlns:a="http://schemas.openxmlformats.org/drawingml/2006/main" name="40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7.xml><?xml version="1.0" encoding="utf-8"?>
<a:theme xmlns:a="http://schemas.openxmlformats.org/drawingml/2006/main" name="41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8.xml><?xml version="1.0" encoding="utf-8"?>
<a:theme xmlns:a="http://schemas.openxmlformats.org/drawingml/2006/main" name="42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49.xml><?xml version="1.0" encoding="utf-8"?>
<a:theme xmlns:a="http://schemas.openxmlformats.org/drawingml/2006/main" name="43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xml><?xml version="1.0" encoding="utf-8"?>
<a:theme xmlns:a="http://schemas.openxmlformats.org/drawingml/2006/main" name="3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0.xml><?xml version="1.0" encoding="utf-8"?>
<a:theme xmlns:a="http://schemas.openxmlformats.org/drawingml/2006/main" name="44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1.xml><?xml version="1.0" encoding="utf-8"?>
<a:theme xmlns:a="http://schemas.openxmlformats.org/drawingml/2006/main" name="45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2.xml><?xml version="1.0" encoding="utf-8"?>
<a:theme xmlns:a="http://schemas.openxmlformats.org/drawingml/2006/main" name="46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3.xml><?xml version="1.0" encoding="utf-8"?>
<a:theme xmlns:a="http://schemas.openxmlformats.org/drawingml/2006/main" name="47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4.xml><?xml version="1.0" encoding="utf-8"?>
<a:theme xmlns:a="http://schemas.openxmlformats.org/drawingml/2006/main" name="48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5.xml><?xml version="1.0" encoding="utf-8"?>
<a:theme xmlns:a="http://schemas.openxmlformats.org/drawingml/2006/main" name="49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6.xml><?xml version="1.0" encoding="utf-8"?>
<a:theme xmlns:a="http://schemas.openxmlformats.org/drawingml/2006/main" name="50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7.xml><?xml version="1.0" encoding="utf-8"?>
<a:theme xmlns:a="http://schemas.openxmlformats.org/drawingml/2006/main" name="51_Sample presentation slides(10)">
  <a:themeElements>
    <a:clrScheme name="US 2-145">
      <a:dk1>
        <a:sysClr val="windowText" lastClr="000000"/>
      </a:dk1>
      <a:lt1>
        <a:sysClr val="window" lastClr="FFFFFF"/>
      </a:lt1>
      <a:dk2>
        <a:srgbClr val="3B3B3B"/>
      </a:dk2>
      <a:lt2>
        <a:srgbClr val="D4D2D0"/>
      </a:lt2>
      <a:accent1>
        <a:srgbClr val="6EA0B0"/>
      </a:accent1>
      <a:accent2>
        <a:srgbClr val="E6C4E2"/>
      </a:accent2>
      <a:accent3>
        <a:srgbClr val="8D89A4"/>
      </a:accent3>
      <a:accent4>
        <a:srgbClr val="748560"/>
      </a:accent4>
      <a:accent5>
        <a:srgbClr val="9E9273"/>
      </a:accent5>
      <a:accent6>
        <a:srgbClr val="7E848D"/>
      </a:accent6>
      <a:hlink>
        <a:srgbClr val="00C8C3"/>
      </a:hlink>
      <a:folHlink>
        <a:srgbClr val="A116E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8.xml><?xml version="1.0" encoding="utf-8"?>
<a:theme xmlns:a="http://schemas.openxmlformats.org/drawingml/2006/main" name="52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59.xml><?xml version="1.0" encoding="utf-8"?>
<a:theme xmlns:a="http://schemas.openxmlformats.org/drawingml/2006/main" name="53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6.xml><?xml version="1.0" encoding="utf-8"?>
<a:theme xmlns:a="http://schemas.openxmlformats.org/drawingml/2006/main" name="4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60.xml><?xml version="1.0" encoding="utf-8"?>
<a:theme xmlns:a="http://schemas.openxmlformats.org/drawingml/2006/main" name="54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61.xml><?xml version="1.0" encoding="utf-8"?>
<a:theme xmlns:a="http://schemas.openxmlformats.org/drawingml/2006/main" name="55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6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5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8.xml><?xml version="1.0" encoding="utf-8"?>
<a:theme xmlns:a="http://schemas.openxmlformats.org/drawingml/2006/main" name="6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9.xml><?xml version="1.0" encoding="utf-8"?>
<a:theme xmlns:a="http://schemas.openxmlformats.org/drawingml/2006/main" name="7_Sample presentation slides(10)">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ln>
          <a:headEnd type="none" w="med" len="med"/>
          <a:tailEnd type="none" w="med" len="med"/>
        </a:ln>
      </a:spPr>
      <a:bodyPr vert="horz" wrap="square" lIns="91436" tIns="45718" rIns="91436" bIns="45718" numCol="1" rtlCol="0" anchor="ctr" anchorCtr="0" compatLnSpc="1">
        <a:prstTxWarp prst="textNoShape">
          <a:avLst/>
        </a:prstTxWarp>
      </a:bodyPr>
      <a:lstStyle>
        <a:defPPr algn="ctr" defTabSz="914099" fontAlgn="base">
          <a:spcBef>
            <a:spcPct val="0"/>
          </a:spcBef>
          <a:spcAft>
            <a:spcPct val="0"/>
          </a:spcAft>
          <a:defRPr sz="2300" dirty="0" smtClean="0">
            <a:solidFill>
              <a:srgbClr val="FFFFFF"/>
            </a:solidFill>
            <a:effectLst>
              <a:outerShdw blurRad="38100" dist="38100" dir="2700000" algn="tl">
                <a:srgbClr val="000000">
                  <a:alpha val="43137"/>
                </a:srgbClr>
              </a:outerShdw>
            </a:effectLst>
            <a:latin typeface="Segoe" pitchFamily="34" charset="0"/>
          </a:defRPr>
        </a:defPPr>
      </a:lstStyle>
      <a:style>
        <a:lnRef idx="0">
          <a:schemeClr val="accent2"/>
        </a:lnRef>
        <a:fillRef idx="3">
          <a:schemeClr val="accent2"/>
        </a:fillRef>
        <a:effectRef idx="3">
          <a:schemeClr val="accent2"/>
        </a:effectRef>
        <a:fontRef idx="minor">
          <a:schemeClr val="lt1"/>
        </a:fontRef>
      </a:style>
    </a:spDef>
  </a:objectDefaults>
  <a:extraClrSchemeLst/>
</a:theme>
</file>

<file path=ppt/theme/themeOverride1.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10.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11.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3.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4.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5.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6.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7.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8.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9.xml><?xml version="1.0" encoding="utf-8"?>
<a:themeOverride xmlns:a="http://schemas.openxmlformats.org/drawingml/2006/main">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Sample presentation slides(10)</Template>
  <TotalTime>63909</TotalTime>
  <Words>22291</Words>
  <Application>Microsoft Office PowerPoint</Application>
  <PresentationFormat>On-screen Show (4:3)</PresentationFormat>
  <Paragraphs>4311</Paragraphs>
  <Slides>211</Slides>
  <Notes>182</Notes>
  <HiddenSlides>0</HiddenSlides>
  <MMClips>0</MMClips>
  <ScaleCrop>false</ScaleCrop>
  <HeadingPairs>
    <vt:vector size="6" baseType="variant">
      <vt:variant>
        <vt:lpstr>Theme</vt:lpstr>
      </vt:variant>
      <vt:variant>
        <vt:i4>61</vt:i4>
      </vt:variant>
      <vt:variant>
        <vt:lpstr>Embedded OLE Servers</vt:lpstr>
      </vt:variant>
      <vt:variant>
        <vt:i4>2</vt:i4>
      </vt:variant>
      <vt:variant>
        <vt:lpstr>Slide Titles</vt:lpstr>
      </vt:variant>
      <vt:variant>
        <vt:i4>211</vt:i4>
      </vt:variant>
    </vt:vector>
  </HeadingPairs>
  <TitlesOfParts>
    <vt:vector size="274" baseType="lpstr">
      <vt:lpstr>Sample presentation slides(10)</vt:lpstr>
      <vt:lpstr>Theme2</vt:lpstr>
      <vt:lpstr>1_Sample presentation slides(10)</vt:lpstr>
      <vt:lpstr>2_Sample presentation slides(10)</vt:lpstr>
      <vt:lpstr>3_Sample presentation slides(10)</vt:lpstr>
      <vt:lpstr>4_Sample presentation slides(10)</vt:lpstr>
      <vt:lpstr>5_Sample presentation slides(10)</vt:lpstr>
      <vt:lpstr>6_Sample presentation slides(10)</vt:lpstr>
      <vt:lpstr>7_Sample presentation slides(10)</vt:lpstr>
      <vt:lpstr>8_Sample presentation slides(10)</vt:lpstr>
      <vt:lpstr>9_Sample presentation slides(10)</vt:lpstr>
      <vt:lpstr>10_Sample presentation slides(10)</vt:lpstr>
      <vt:lpstr>11_Sample presentation slides(10)</vt:lpstr>
      <vt:lpstr>12_Sample presentation slides(10)</vt:lpstr>
      <vt:lpstr>2_Board Master Template</vt:lpstr>
      <vt:lpstr>2_Office Theme</vt:lpstr>
      <vt:lpstr>13_Sample presentation slides(10)</vt:lpstr>
      <vt:lpstr>14_Sample presentation slides(10)</vt:lpstr>
      <vt:lpstr>15_Sample presentation slides(10)</vt:lpstr>
      <vt:lpstr>16_Sample presentation slides(10)</vt:lpstr>
      <vt:lpstr>17_Sample presentation slides(10)</vt:lpstr>
      <vt:lpstr>Board Master Template</vt:lpstr>
      <vt:lpstr>18_Sample presentation slides(10)</vt:lpstr>
      <vt:lpstr>19_Sample presentation slides(10)</vt:lpstr>
      <vt:lpstr>20_Sample presentation slides(10)</vt:lpstr>
      <vt:lpstr>21_Sample presentation slides(10)</vt:lpstr>
      <vt:lpstr>22_Sample presentation slides(10)</vt:lpstr>
      <vt:lpstr>23_Sample presentation slides(10)</vt:lpstr>
      <vt:lpstr>24_Sample presentation slides(10)</vt:lpstr>
      <vt:lpstr>25_Sample presentation slides(10)</vt:lpstr>
      <vt:lpstr>26_Sample presentation slides(10)</vt:lpstr>
      <vt:lpstr>27_Sample presentation slides(10)</vt:lpstr>
      <vt:lpstr>28_Sample presentation slides(10)</vt:lpstr>
      <vt:lpstr>29_Sample presentation slides(10)</vt:lpstr>
      <vt:lpstr>30_Sample presentation slides(10)</vt:lpstr>
      <vt:lpstr>31_Sample presentation slides(10)</vt:lpstr>
      <vt:lpstr>32_Sample presentation slides(10)</vt:lpstr>
      <vt:lpstr>33_Sample presentation slides(10)</vt:lpstr>
      <vt:lpstr>34_Sample presentation slides(10)</vt:lpstr>
      <vt:lpstr>35_Sample presentation slides(10)</vt:lpstr>
      <vt:lpstr>36_Sample presentation slides(10)</vt:lpstr>
      <vt:lpstr>37_Sample presentation slides(10)</vt:lpstr>
      <vt:lpstr>38_Sample presentation slides(10)</vt:lpstr>
      <vt:lpstr>39_Sample presentation slides(10)</vt:lpstr>
      <vt:lpstr>3_Board Master Template</vt:lpstr>
      <vt:lpstr>40_Sample presentation slides(10)</vt:lpstr>
      <vt:lpstr>41_Sample presentation slides(10)</vt:lpstr>
      <vt:lpstr>42_Sample presentation slides(10)</vt:lpstr>
      <vt:lpstr>43_Sample presentation slides(10)</vt:lpstr>
      <vt:lpstr>44_Sample presentation slides(10)</vt:lpstr>
      <vt:lpstr>45_Sample presentation slides(10)</vt:lpstr>
      <vt:lpstr>46_Sample presentation slides(10)</vt:lpstr>
      <vt:lpstr>47_Sample presentation slides(10)</vt:lpstr>
      <vt:lpstr>48_Sample presentation slides(10)</vt:lpstr>
      <vt:lpstr>49_Sample presentation slides(10)</vt:lpstr>
      <vt:lpstr>50_Sample presentation slides(10)</vt:lpstr>
      <vt:lpstr>51_Sample presentation slides(10)</vt:lpstr>
      <vt:lpstr>52_Sample presentation slides(10)</vt:lpstr>
      <vt:lpstr>53_Sample presentation slides(10)</vt:lpstr>
      <vt:lpstr>54_Sample presentation slides(10)</vt:lpstr>
      <vt:lpstr>55_Sample presentation slides(10)</vt:lpstr>
      <vt:lpstr>Microsoft Excel Chart</vt:lpstr>
      <vt:lpstr>Photo Editor Photo</vt:lpstr>
      <vt:lpstr>Primary Retreat Presentation Slides</vt:lpstr>
      <vt:lpstr>Draft Schedule  California WaterFix </vt:lpstr>
      <vt:lpstr>PowerPoint Presentation</vt:lpstr>
      <vt:lpstr>PowerPoint Presentation</vt:lpstr>
      <vt:lpstr>Back-up Slides by Topic</vt:lpstr>
      <vt:lpstr>Board Retreat – Agenda</vt:lpstr>
      <vt:lpstr>Board Retreat – Agenda</vt:lpstr>
      <vt:lpstr>Table of Contents</vt:lpstr>
      <vt:lpstr>CA Water Fix Decisions</vt:lpstr>
      <vt:lpstr>California WaterFix:   Securing Water Supplies for California</vt:lpstr>
      <vt:lpstr>California WaterFix Major Permits and Authorizations</vt:lpstr>
      <vt:lpstr>Metropolitan  Board Policies &amp; Agreements</vt:lpstr>
      <vt:lpstr>Metropolitan Board Actions Delta Conveyance Criteria (Sep 2007)</vt:lpstr>
      <vt:lpstr>State &amp; Federal Project Supplies Annual Average (in 2025) </vt:lpstr>
      <vt:lpstr>Finance/Cost Allocation</vt:lpstr>
      <vt:lpstr>California Water Fix Revised Cost Analysis</vt:lpstr>
      <vt:lpstr>California Water Fix Estimated Cost Analysis</vt:lpstr>
      <vt:lpstr>California Water Fix Estimated Cost Analysis</vt:lpstr>
      <vt:lpstr>Cost Allocation Funding Agencies</vt:lpstr>
      <vt:lpstr>Central Valley Project / State Water Project  Estimated Costs &amp; Split –  Capital,  O&amp;M  and Mitigation</vt:lpstr>
      <vt:lpstr>State Water Project BDCP Cost Allocation Alternatives</vt:lpstr>
      <vt:lpstr>PowerPoint Presentation</vt:lpstr>
      <vt:lpstr>PowerPoint Presentation</vt:lpstr>
      <vt:lpstr>California Water Fix 2% Impact on Metropolitan Water Rates</vt:lpstr>
      <vt:lpstr>PowerPoint Presentation</vt:lpstr>
      <vt:lpstr>California Water Fix Protecting Metropolitan’s Supplies</vt:lpstr>
      <vt:lpstr>Increasing Regulatory Trends</vt:lpstr>
      <vt:lpstr>PowerPoint Presentation</vt:lpstr>
      <vt:lpstr>Sacramento/San Joaquin Bay-Delta</vt:lpstr>
      <vt:lpstr>Delta Fisheries Endangered Species Act Listings</vt:lpstr>
      <vt:lpstr>PowerPoint Presentation</vt:lpstr>
      <vt:lpstr>PowerPoint Presentation</vt:lpstr>
      <vt:lpstr>PowerPoint Presentation</vt:lpstr>
      <vt:lpstr>PowerPoint Presentation</vt:lpstr>
      <vt:lpstr>Adaptive Management Conceptual Process</vt:lpstr>
      <vt:lpstr>State Water Resources Control Board Water Right Change Petition Process</vt:lpstr>
      <vt:lpstr>Adaptive Management A Long-Term Science Program</vt:lpstr>
      <vt:lpstr>Cost and Schedule Management</vt:lpstr>
      <vt:lpstr>Design &amp; Construction Enterprise Overview</vt:lpstr>
      <vt:lpstr>Design &amp; Construction Enterprise </vt:lpstr>
      <vt:lpstr>Cost and Schedule Control</vt:lpstr>
      <vt:lpstr>Supplies/Historic Runoff/ Storm Flows</vt:lpstr>
      <vt:lpstr>Excess Storm Flow Analysis Sacramento Watershed Annual Runoff</vt:lpstr>
      <vt:lpstr>Excess Storm Flow Analysis Sacramento Watershed Annual Runoff</vt:lpstr>
      <vt:lpstr>Sacramento Four Rivers Runoff (1906-2015 – Sacramento, Feather, Yuba, American)</vt:lpstr>
      <vt:lpstr>Sacramento Four Rivers Runoff (1906-2015 – Sacramento, Feather, Yuba, American)</vt:lpstr>
      <vt:lpstr>Sacramento Four Rivers Runoff (1906-2015 – Sacramento, Feather, Yuba, American)</vt:lpstr>
      <vt:lpstr>Colorado River Runoff (1906-2013 – Green, San Juan, Gila, Gunnison Rivers)</vt:lpstr>
      <vt:lpstr>Colorado River Runoff (1906-2013 – Green, San Juan, Gila, Gunnison Rivers)</vt:lpstr>
      <vt:lpstr>State Water Project Water Allocation</vt:lpstr>
      <vt:lpstr>PowerPoint Presentation</vt:lpstr>
      <vt:lpstr>PowerPoint Presentation</vt:lpstr>
      <vt:lpstr>CA Water Fix and the IRP</vt:lpstr>
      <vt:lpstr>IRP Technical Approach State Water Project</vt:lpstr>
      <vt:lpstr>2015 IRP Update Target – SWP Table A + Article 21 Supplies</vt:lpstr>
      <vt:lpstr>How Does the IRP Perform without the California WaterFix?</vt:lpstr>
      <vt:lpstr>MWD Water Resource Strategy Supply/Demand Management–1990 vs. 2035</vt:lpstr>
      <vt:lpstr>PowerPoint Presentation</vt:lpstr>
      <vt:lpstr>Future Resource Development Costs</vt:lpstr>
      <vt:lpstr>Future Resource Development Costs</vt:lpstr>
      <vt:lpstr>California Water Fix Retail Impact – Household Water Costs</vt:lpstr>
      <vt:lpstr>California Water Fix Examples of Alternative Resource Costs</vt:lpstr>
      <vt:lpstr>California Water Fix Examples of Alternative Resource Costs</vt:lpstr>
      <vt:lpstr>PowerPoint Presentation</vt:lpstr>
      <vt:lpstr>Summary</vt:lpstr>
      <vt:lpstr>EcoRestore</vt:lpstr>
      <vt:lpstr>California EcoRestore Projects Estimated Acreage</vt:lpstr>
      <vt:lpstr>California EcoRestore Projects Estimated Acreage</vt:lpstr>
      <vt:lpstr>Delta Emergency Preparedness Plan and Progress</vt:lpstr>
      <vt:lpstr>Overview of Plan Status </vt:lpstr>
      <vt:lpstr>PowerPoint Presentation</vt:lpstr>
      <vt:lpstr>Freshwater Pathway Status</vt:lpstr>
      <vt:lpstr>DWR Emergency Management Reports</vt:lpstr>
      <vt:lpstr>Delta Flood Emergency Management</vt:lpstr>
      <vt:lpstr>Policies/Processes</vt:lpstr>
      <vt:lpstr>Metropolitan  Board Policies &amp; Agreements</vt:lpstr>
      <vt:lpstr>Metropolitan Board Actions Delta Conveyance Criteria (Sep 2007)</vt:lpstr>
      <vt:lpstr>California WaterFix Summary of Planning Process</vt:lpstr>
      <vt:lpstr>Diverse Alternatives Analyzed </vt:lpstr>
      <vt:lpstr>Water Quality</vt:lpstr>
      <vt:lpstr>PowerPoint Presentation</vt:lpstr>
      <vt:lpstr>PowerPoint Presentation</vt:lpstr>
      <vt:lpstr>PowerPoint Presentation</vt:lpstr>
      <vt:lpstr>California WaterFix  is important for groundwater storage</vt:lpstr>
      <vt:lpstr>Delta Wetlands</vt:lpstr>
      <vt:lpstr>PowerPoint Presentation</vt:lpstr>
      <vt:lpstr>PowerPoint Presentation</vt:lpstr>
      <vt:lpstr>Other Tunnel/ Infrastructure Projects</vt:lpstr>
      <vt:lpstr>Large Diameter Tunnels International</vt:lpstr>
      <vt:lpstr>Large Diameter Tunnels United States</vt:lpstr>
      <vt:lpstr>PowerPoint Presentation</vt:lpstr>
      <vt:lpstr>PowerPoint Presentation</vt:lpstr>
      <vt:lpstr>Backups</vt:lpstr>
      <vt:lpstr>PowerPoint Presentation</vt:lpstr>
      <vt:lpstr>Cost Allocation Alternatives</vt:lpstr>
      <vt:lpstr>State Water Project BDCP Cost Allocation Alternatives</vt:lpstr>
      <vt:lpstr>State Water Project BDCP Cost Allocation Alternatives</vt:lpstr>
      <vt:lpstr>Key in Determination of Alternative Contractor’s Participation May Determine Best Alternative</vt:lpstr>
      <vt:lpstr>Metropolitan Water District Cost Allocation “Example”</vt:lpstr>
      <vt:lpstr>State Water Project Cost Allocation Consensus Principles</vt:lpstr>
      <vt:lpstr>Financial Analysis</vt:lpstr>
      <vt:lpstr>Cost Allocation Funding Agencies</vt:lpstr>
      <vt:lpstr>Central Valley Project/State Water Project Long-Term Average Exports</vt:lpstr>
      <vt:lpstr>Estimated Cost and  Cost per Acre Foot Analysis</vt:lpstr>
      <vt:lpstr>California WaterFix Cost Allocation Analysis</vt:lpstr>
      <vt:lpstr>Financing Costs - Cal WaterFix $15 Billion Capital Cost - 40 Year Term</vt:lpstr>
      <vt:lpstr>MWD Rates 2015</vt:lpstr>
      <vt:lpstr>Permitting &amp; Schedule</vt:lpstr>
      <vt:lpstr>California Water Fix  Preliminary  Draft Design and Construction Phases</vt:lpstr>
      <vt:lpstr>Regulatory Trends</vt:lpstr>
      <vt:lpstr>Comparison of Regulatory Approaches</vt:lpstr>
      <vt:lpstr>Excess Storm Flow Analysis</vt:lpstr>
      <vt:lpstr>A modern system would allow storage of excess water for California</vt:lpstr>
      <vt:lpstr>With current facilities more runoff does not mean more supplies</vt:lpstr>
      <vt:lpstr>With current facilities more runoff does not mean more supplies</vt:lpstr>
      <vt:lpstr>Excess Storm Flows – WY 2009-2010 Reoperation Analysis with BDCP Cal Water Fix Alt. 4A</vt:lpstr>
      <vt:lpstr>Excess Storm Flows – WY 2010-2011 Reoperation Analysis with BDCP Cal Water Fix Alt. 4A</vt:lpstr>
      <vt:lpstr>Water Quality Analysis</vt:lpstr>
      <vt:lpstr>PowerPoint Presentation</vt:lpstr>
      <vt:lpstr>PowerPoint Presentation</vt:lpstr>
      <vt:lpstr>California WaterFix  is important for groundwater storage</vt:lpstr>
      <vt:lpstr>PowerPoint Presentation</vt:lpstr>
      <vt:lpstr>3,000 vs 6,000 cfs Capacity Analysis</vt:lpstr>
      <vt:lpstr>3,000 vs. 9,000 cfs Conveyance  Preliminary Estimate of MWD’s Cost Share Capital Cost Estimate</vt:lpstr>
      <vt:lpstr>3,000 cfs Conveyance with 32’ID Single Main Tunnel  </vt:lpstr>
      <vt:lpstr>9,000 cfs Conveyance with 40’ID Dual Main Tunnels </vt:lpstr>
      <vt:lpstr>Collaborative Science  &amp; Adaptive Management</vt:lpstr>
      <vt:lpstr>PowerPoint Presentation</vt:lpstr>
      <vt:lpstr>PowerPoint Presentation</vt:lpstr>
      <vt:lpstr>Emergency Preparedness</vt:lpstr>
      <vt:lpstr>Tactical Coordination     </vt:lpstr>
      <vt:lpstr>PowerPoint Presentation</vt:lpstr>
      <vt:lpstr>Climate Change Analysis</vt:lpstr>
      <vt:lpstr>Climate Change Analysis Overview</vt:lpstr>
      <vt:lpstr>PowerPoint Presentation</vt:lpstr>
      <vt:lpstr>PowerPoint Presentation</vt:lpstr>
      <vt:lpstr>Climate Change Analysis Effects on Delta Intake Location</vt:lpstr>
      <vt:lpstr>PowerPoint Presentation</vt:lpstr>
      <vt:lpstr>Conveyance Alternatives  Analyzed</vt:lpstr>
      <vt:lpstr>CALFED Alternatives</vt:lpstr>
      <vt:lpstr>Post CALFED Through-Delta Focus</vt:lpstr>
      <vt:lpstr>Initial Alternative Screening Reports</vt:lpstr>
      <vt:lpstr>Initial Alternative Screening Reports</vt:lpstr>
      <vt:lpstr>Bay Delta Conservation Plan Summary of Alternatives Evaluated</vt:lpstr>
      <vt:lpstr>Additional Proposals</vt:lpstr>
      <vt:lpstr>California EcoRestore</vt:lpstr>
      <vt:lpstr>California EcoRestore Projects Rough Cost Estimate</vt:lpstr>
      <vt:lpstr>MWD water sales average 2.0 million ft.</vt:lpstr>
      <vt:lpstr>Regional Storage Reserves Could be Higher with California WaterFix</vt:lpstr>
      <vt:lpstr>Design &amp; Construction Enterprise  Budget and Schedule</vt:lpstr>
      <vt:lpstr>California WaterFix Summary - Funding Commitments Mar 2016</vt:lpstr>
      <vt:lpstr>California WaterFix Summary - Funding Incurred Mar 2016</vt:lpstr>
      <vt:lpstr>Design &amp; Construction Enterprise Annual &amp; Cumulative Spending</vt:lpstr>
      <vt:lpstr>PowerPoint Presentation</vt:lpstr>
      <vt:lpstr>PowerPoint Presentation</vt:lpstr>
      <vt:lpstr>PowerPoint Presentation</vt:lpstr>
      <vt:lpstr>Design and Construction Enterprise  Organizational Structure</vt:lpstr>
      <vt:lpstr>PowerPoint Presentation</vt:lpstr>
      <vt:lpstr>PowerPoint Presentation</vt:lpstr>
      <vt:lpstr>California WaterFix Draft Schedule  Updated Dec 2015</vt:lpstr>
      <vt:lpstr>PowerPoint Presentation</vt:lpstr>
      <vt:lpstr>California WaterFix  Draft Schedule2016-2018</vt:lpstr>
      <vt:lpstr>California WaterFix EIR/EIS Schedule 3-16-2016</vt:lpstr>
      <vt:lpstr>Delta Wetlands</vt:lpstr>
      <vt:lpstr>Regional Context</vt:lpstr>
      <vt:lpstr>General Location</vt:lpstr>
      <vt:lpstr>Bacon Island</vt:lpstr>
      <vt:lpstr>Bouldin Island</vt:lpstr>
      <vt:lpstr>Holland Tract</vt:lpstr>
      <vt:lpstr>Webb Tract</vt:lpstr>
      <vt:lpstr>Chipps Island</vt:lpstr>
      <vt:lpstr>Miscellaneous</vt:lpstr>
      <vt:lpstr>Metropolitan’s  Average Annual Delta Diversions</vt:lpstr>
      <vt:lpstr>Southern California | Bay Area | In-Delta Users  Each divert ~ 4% of the total annual runoff</vt:lpstr>
      <vt:lpstr>Governor’s Water Action Plan Supports ‘All of the Above’ Approach (Jan 2014)</vt:lpstr>
      <vt:lpstr>If the Delta is not Fixed,  Billions of Dollars of Investments will be Stranded</vt:lpstr>
      <vt:lpstr>PowerPoint Presentation</vt:lpstr>
      <vt:lpstr>California Treasurer’s Report &amp;  MWD’s Budget Forecast (in 2015 dollars)</vt:lpstr>
      <vt:lpstr>California WaterFix allows for improved capture of flood flows</vt:lpstr>
      <vt:lpstr>Staff Reference ONLY</vt:lpstr>
      <vt:lpstr>California WaterFix State Water Contractors Financing Agrmts</vt:lpstr>
      <vt:lpstr>California WaterFix State Water Project Agreements</vt:lpstr>
      <vt:lpstr>PowerPoint Presentation</vt:lpstr>
      <vt:lpstr>Export Water Quality Improvements Salinity – BDCP Scenario 1</vt:lpstr>
      <vt:lpstr>Delta Water Supply Analysis Alt. 1 – BDCP Steering Committee 2010 Proposal</vt:lpstr>
      <vt:lpstr>Delta Water Supply Analysis Alt. 2 – Additional Fish Restrictions</vt:lpstr>
      <vt:lpstr>Delta Water Supply Analysis Alt. 3 – Earthquake/No South Delta Diversion</vt:lpstr>
      <vt:lpstr>New Conveyance Improvements Operations forwarded by  Steering Comm (Yr. 2025)</vt:lpstr>
      <vt:lpstr>Worsening Fishery Conditions More restrictive Old &amp; Middle River conditions</vt:lpstr>
      <vt:lpstr>No South Delta Diversions Due to sea-level rise, seismic/flood, ESA restrictions</vt:lpstr>
      <vt:lpstr>PowerPoint Presentation</vt:lpstr>
      <vt:lpstr>Biological Opinions for SWP/CVP Operations National Marine Fishery Service &amp; US Fish &amp; Wildlife Service</vt:lpstr>
      <vt:lpstr>PowerPoint Presentation</vt:lpstr>
      <vt:lpstr>Key Delta Operational Standard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outh Delta Reverse Flow Analysis California Water Fix Alt. 4a Elimination of Reserve Flow Enhances Fish Flow Conditions</vt:lpstr>
      <vt:lpstr>PowerPoint Presentation</vt:lpstr>
      <vt:lpstr>Scaled Response  Emergency Response Responsibilities in California</vt:lpstr>
      <vt:lpstr>USACE Capital &amp; Operational  Investments </vt:lpstr>
      <vt:lpstr>DWR Capital Budget </vt:lpstr>
      <vt:lpstr>Seawater Desalination  Permits</vt:lpstr>
      <vt:lpstr>Seawater Desalination Permits</vt:lpstr>
      <vt:lpstr>Seawater Desalination Permitting Agencies</vt:lpstr>
      <vt:lpstr>Seawater Desalination Permitting: Process</vt:lpstr>
      <vt:lpstr>Seawater Desalination Permitting: Process</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of Presentation</dc:title>
  <dc:creator>Neudeck,Randall D</dc:creator>
  <cp:lastModifiedBy>Neudeck,Randall D</cp:lastModifiedBy>
  <cp:revision>2949</cp:revision>
  <cp:lastPrinted>2016-04-26T19:04:14Z</cp:lastPrinted>
  <dcterms:created xsi:type="dcterms:W3CDTF">2009-04-22T21:04:16Z</dcterms:created>
  <dcterms:modified xsi:type="dcterms:W3CDTF">2016-04-26T19:15: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102867561033</vt:lpwstr>
  </property>
</Properties>
</file>